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svg" ContentType="image/svg+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pivotCache/pivotCacheDefinition1.xml" ContentType="application/vnd.openxmlformats-officedocument.spreadsheetml.pivotCacheDefinition+xml"/>
  <Override PartName="/xl/pivotCache/pivotCacheRecords1.xml" ContentType="application/vnd.openxmlformats-officedocument.spreadsheetml.pivotCacheRecords+xml"/>
  <Override PartName="/xl/pivotCache/pivotCacheDefinition2.xml" ContentType="application/vnd.openxmlformats-officedocument.spreadsheetml.pivotCacheDefinition+xml"/>
  <Override PartName="/xl/pivotCache/pivotCacheRecords2.xml" ContentType="application/vnd.openxmlformats-officedocument.spreadsheetml.pivotCacheRecords+xml"/>
  <Override PartName="/xl/slicerCaches/slicerCache1.xml" ContentType="application/vnd.ms-excel.slicerCache+xml"/>
  <Override PartName="/xl/slicerCaches/slicerCache2.xml" ContentType="application/vnd.ms-excel.slicerCache+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pivotTables/pivotTable1.xml" ContentType="application/vnd.openxmlformats-officedocument.spreadsheetml.pivotTable+xml"/>
  <Override PartName="/xl/drawings/drawing1.xml" ContentType="application/vnd.openxmlformats-officedocument.drawing+xml"/>
  <Override PartName="/xl/charts/chartEx1.xml" ContentType="application/vnd.ms-office.chartex+xml"/>
  <Override PartName="/xl/charts/style1.xml" ContentType="application/vnd.ms-office.chartstyle+xml"/>
  <Override PartName="/xl/charts/colors1.xml" ContentType="application/vnd.ms-office.chartcolorstyle+xml"/>
  <Override PartName="/xl/pivotTables/pivotTable2.xml" ContentType="application/vnd.openxmlformats-officedocument.spreadsheetml.pivotTable+xml"/>
  <Override PartName="/xl/drawings/drawing2.xml" ContentType="application/vnd.openxmlformats-officedocument.drawing+xml"/>
  <Override PartName="/xl/slicers/slicer1.xml" ContentType="application/vnd.ms-excel.slicer+xml"/>
  <Override PartName="/xl/charts/chart1.xml" ContentType="application/vnd.openxmlformats-officedocument.drawingml.chart+xml"/>
  <Override PartName="/xl/charts/style2.xml" ContentType="application/vnd.ms-office.chartstyle+xml"/>
  <Override PartName="/xl/charts/colors2.xml" ContentType="application/vnd.ms-office.chartcolorstyle+xml"/>
  <Override PartName="/xl/pivotTables/pivotTable3.xml" ContentType="application/vnd.openxmlformats-officedocument.spreadsheetml.pivotTable+xml"/>
  <Override PartName="/xl/drawings/drawing3.xml" ContentType="application/vnd.openxmlformats-officedocument.drawing+xml"/>
  <Override PartName="/xl/slicers/slicer2.xml" ContentType="application/vnd.ms-excel.slicer+xml"/>
  <Override PartName="/xl/charts/chart2.xml" ContentType="application/vnd.openxmlformats-officedocument.drawingml.chart+xml"/>
  <Override PartName="/xl/charts/style3.xml" ContentType="application/vnd.ms-office.chartstyle+xml"/>
  <Override PartName="/xl/charts/colors3.xml" ContentType="application/vnd.ms-office.chartcolorstyle+xml"/>
  <Override PartName="/xl/pivotTables/pivotTable4.xml" ContentType="application/vnd.openxmlformats-officedocument.spreadsheetml.pivotTable+xml"/>
  <Override PartName="/xl/drawings/drawing4.xml" ContentType="application/vnd.openxmlformats-officedocument.drawing+xml"/>
  <Override PartName="/xl/charts/chart3.xml" ContentType="application/vnd.openxmlformats-officedocument.drawingml.chart+xml"/>
  <Override PartName="/xl/charts/style4.xml" ContentType="application/vnd.ms-office.chartstyle+xml"/>
  <Override PartName="/xl/charts/colors4.xml" ContentType="application/vnd.ms-office.chartcolorstyle+xml"/>
  <Override PartName="/xl/pivotTables/pivotTable5.xml" ContentType="application/vnd.openxmlformats-officedocument.spreadsheetml.pivotTable+xml"/>
  <Override PartName="/xl/drawings/drawing5.xml" ContentType="application/vnd.openxmlformats-officedocument.drawing+xml"/>
  <Override PartName="/xl/charts/chartEx2.xml" ContentType="application/vnd.ms-office.chartex+xml"/>
  <Override PartName="/xl/charts/style5.xml" ContentType="application/vnd.ms-office.chartstyle+xml"/>
  <Override PartName="/xl/charts/colors5.xml" ContentType="application/vnd.ms-office.chartcolorstyle+xml"/>
  <Override PartName="/xl/tables/table1.xml" ContentType="application/vnd.openxmlformats-officedocument.spreadsheetml.table+xml"/>
  <Override PartName="/xl/pivotTables/pivotTable6.xml" ContentType="application/vnd.openxmlformats-officedocument.spreadsheetml.pivotTable+xml"/>
  <Override PartName="/xl/drawings/drawing6.xml" ContentType="application/vnd.openxmlformats-officedocument.drawing+xml"/>
  <Override PartName="/xl/charts/chart4.xml" ContentType="application/vnd.openxmlformats-officedocument.drawingml.chart+xml"/>
  <Override PartName="/xl/charts/style6.xml" ContentType="application/vnd.ms-office.chartstyle+xml"/>
  <Override PartName="/xl/charts/colors6.xml" ContentType="application/vnd.ms-office.chartcolorstyle+xml"/>
  <Override PartName="/xl/drawings/drawing7.xml" ContentType="application/vnd.openxmlformats-officedocument.drawing+xml"/>
  <Override PartName="/xl/slicers/slicer3.xml" ContentType="application/vnd.ms-excel.slicer+xml"/>
  <Override PartName="/xl/charts/chartEx3.xml" ContentType="application/vnd.ms-office.chartex+xml"/>
  <Override PartName="/xl/charts/style7.xml" ContentType="application/vnd.ms-office.chartstyle+xml"/>
  <Override PartName="/xl/charts/colors7.xml" ContentType="application/vnd.ms-office.chartcolorstyle+xml"/>
  <Override PartName="/xl/charts/chart5.xml" ContentType="application/vnd.openxmlformats-officedocument.drawingml.chart+xml"/>
  <Override PartName="/xl/charts/style8.xml" ContentType="application/vnd.ms-office.chartstyle+xml"/>
  <Override PartName="/xl/charts/colors8.xml" ContentType="application/vnd.ms-office.chartcolorstyle+xml"/>
  <Override PartName="/xl/charts/chart6.xml" ContentType="application/vnd.openxmlformats-officedocument.drawingml.chart+xml"/>
  <Override PartName="/xl/charts/style9.xml" ContentType="application/vnd.ms-office.chartstyle+xml"/>
  <Override PartName="/xl/charts/colors9.xml" ContentType="application/vnd.ms-office.chartcolorstyle+xml"/>
  <Override PartName="/xl/charts/chart7.xml" ContentType="application/vnd.openxmlformats-officedocument.drawingml.chart+xml"/>
  <Override PartName="/xl/charts/style10.xml" ContentType="application/vnd.ms-office.chartstyle+xml"/>
  <Override PartName="/xl/charts/colors10.xml" ContentType="application/vnd.ms-office.chartcolorstyle+xml"/>
  <Override PartName="/xl/charts/chartEx4.xml" ContentType="application/vnd.ms-office.chartex+xml"/>
  <Override PartName="/xl/charts/style11.xml" ContentType="application/vnd.ms-office.chartstyle+xml"/>
  <Override PartName="/xl/charts/colors11.xml" ContentType="application/vnd.ms-office.chartcolorstyle+xml"/>
  <Override PartName="/xl/charts/chart8.xml" ContentType="application/vnd.openxmlformats-officedocument.drawingml.chart+xml"/>
  <Override PartName="/xl/charts/style12.xml" ContentType="application/vnd.ms-office.chartstyle+xml"/>
  <Override PartName="/xl/charts/colors12.xml" ContentType="application/vnd.ms-office.chartcolorstyle+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327"/>
  <workbookPr hidePivotFieldList="1" defaultThemeVersion="166925"/>
  <mc:AlternateContent xmlns:mc="http://schemas.openxmlformats.org/markup-compatibility/2006">
    <mc:Choice Requires="x15">
      <x15ac:absPath xmlns:x15ac="http://schemas.microsoft.com/office/spreadsheetml/2010/11/ac" url="C:\Users\s7172\OneDrive\Desktop\"/>
    </mc:Choice>
  </mc:AlternateContent>
  <xr:revisionPtr revIDLastSave="0" documentId="13_ncr:1_{6D75A3F6-69C9-449D-AD63-712BEFCE4263}" xr6:coauthVersionLast="47" xr6:coauthVersionMax="47" xr10:uidLastSave="{00000000-0000-0000-0000-000000000000}"/>
  <bookViews>
    <workbookView xWindow="-108" yWindow="-108" windowWidth="23256" windowHeight="12456" firstSheet="3" activeTab="8" xr2:uid="{00000000-000D-0000-FFFF-FFFF00000000}"/>
  </bookViews>
  <sheets>
    <sheet name="sales by category" sheetId="3" r:id="rId1"/>
    <sheet name="profit gained over time" sheetId="4" r:id="rId2"/>
    <sheet name="monthly sales per year" sheetId="5" r:id="rId3"/>
    <sheet name="top 5 customer" sheetId="6" r:id="rId4"/>
    <sheet name="sales by state" sheetId="7" r:id="rId5"/>
    <sheet name="salesdata" sheetId="1" r:id="rId6"/>
    <sheet name="customer count" sheetId="11" r:id="rId7"/>
    <sheet name="Sheet7" sheetId="8" r:id="rId8"/>
    <sheet name="excel dashboard 2.0" sheetId="10" r:id="rId9"/>
  </sheets>
  <definedNames>
    <definedName name="_xlchart.v2.0" hidden="1">'sales by category'!$D$4:$D$20</definedName>
    <definedName name="_xlchart.v2.1" hidden="1">'sales by category'!$E$4:$E$20</definedName>
    <definedName name="_xlchart.v2.6" hidden="1">'sales by category'!$D$4:$D$20</definedName>
    <definedName name="_xlchart.v2.7" hidden="1">'sales by category'!$E$4:$E$20</definedName>
    <definedName name="_xlchart.v5.10" hidden="1">'sales by state'!$E$3</definedName>
    <definedName name="_xlchart.v5.11" hidden="1">'sales by state'!$E$4:$E$52</definedName>
    <definedName name="_xlchart.v5.2" hidden="1">'sales by state'!$D$3</definedName>
    <definedName name="_xlchart.v5.3" hidden="1">'sales by state'!$D$4:$D$52</definedName>
    <definedName name="_xlchart.v5.4" hidden="1">'sales by state'!$E$3</definedName>
    <definedName name="_xlchart.v5.5" hidden="1">'sales by state'!$E$4:$E$52</definedName>
    <definedName name="_xlchart.v5.8" hidden="1">'sales by state'!$D$3</definedName>
    <definedName name="_xlchart.v5.9" hidden="1">'sales by state'!$D$4:$D$52</definedName>
    <definedName name="Slicer_Category">#N/A</definedName>
    <definedName name="Slicer_year">#N/A</definedName>
  </definedNames>
  <calcPr calcId="191029"/>
  <pivotCaches>
    <pivotCache cacheId="2" r:id="rId10"/>
    <pivotCache cacheId="3" r:id="rId11"/>
  </pivotCaches>
  <extLst>
    <ext xmlns:x14="http://schemas.microsoft.com/office/spreadsheetml/2009/9/main" uri="{BBE1A952-AA13-448e-AADC-164F8A28A991}">
      <x14:slicerCaches>
        <x14:slicerCache r:id="rId12"/>
        <x14:slicerCache r:id="rId13"/>
      </x14:slicerCaches>
    </ext>
    <ext xmlns:x14="http://schemas.microsoft.com/office/spreadsheetml/2009/9/main" uri="{79F54976-1DA5-4618-B147-4CDE4B953A38}">
      <x14:workbookPr/>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E7" i="7" l="1"/>
  <c r="D25" i="7"/>
  <c r="E25" i="7"/>
  <c r="D26" i="7"/>
  <c r="E26" i="7"/>
  <c r="D27" i="7"/>
  <c r="E27" i="7"/>
  <c r="D28" i="7"/>
  <c r="E28" i="7"/>
  <c r="D29" i="7"/>
  <c r="E29" i="7"/>
  <c r="D30" i="7"/>
  <c r="E30" i="7"/>
  <c r="D31" i="7"/>
  <c r="E31" i="7"/>
  <c r="D32" i="7"/>
  <c r="E32" i="7"/>
  <c r="D33" i="7"/>
  <c r="E33" i="7"/>
  <c r="D34" i="7"/>
  <c r="E34" i="7"/>
  <c r="D35" i="7"/>
  <c r="E35" i="7"/>
  <c r="D36" i="7"/>
  <c r="E36" i="7"/>
  <c r="D37" i="7"/>
  <c r="E37" i="7"/>
  <c r="D38" i="7"/>
  <c r="E38" i="7"/>
  <c r="D39" i="7"/>
  <c r="E39" i="7"/>
  <c r="D40" i="7"/>
  <c r="E40" i="7"/>
  <c r="D41" i="7"/>
  <c r="E41" i="7"/>
  <c r="D42" i="7"/>
  <c r="E42" i="7"/>
  <c r="D43" i="7"/>
  <c r="E43" i="7"/>
  <c r="D44" i="7"/>
  <c r="E44" i="7"/>
  <c r="D45" i="7"/>
  <c r="E45" i="7"/>
  <c r="D46" i="7"/>
  <c r="E46" i="7"/>
  <c r="D47" i="7"/>
  <c r="E47" i="7"/>
  <c r="D48" i="7"/>
  <c r="E48" i="7"/>
  <c r="D49" i="7"/>
  <c r="E49" i="7"/>
  <c r="D50" i="7"/>
  <c r="E50" i="7"/>
  <c r="D51" i="7"/>
  <c r="E51" i="7"/>
  <c r="D52" i="7"/>
  <c r="E52" i="7"/>
  <c r="D5" i="7"/>
  <c r="E5" i="7"/>
  <c r="D6" i="7"/>
  <c r="E6" i="7"/>
  <c r="D7" i="7"/>
  <c r="D8" i="7"/>
  <c r="E8" i="7"/>
  <c r="D9" i="7"/>
  <c r="E9" i="7"/>
  <c r="D10" i="7"/>
  <c r="E10" i="7"/>
  <c r="D11" i="7"/>
  <c r="E11" i="7"/>
  <c r="D12" i="7"/>
  <c r="E12" i="7"/>
  <c r="D13" i="7"/>
  <c r="E13" i="7"/>
  <c r="D14" i="7"/>
  <c r="E14" i="7"/>
  <c r="D15" i="7"/>
  <c r="E15" i="7"/>
  <c r="D16" i="7"/>
  <c r="E16" i="7"/>
  <c r="D17" i="7"/>
  <c r="E17" i="7"/>
  <c r="D18" i="7"/>
  <c r="E18" i="7"/>
  <c r="D19" i="7"/>
  <c r="E19" i="7"/>
  <c r="D20" i="7"/>
  <c r="E20" i="7"/>
  <c r="D21" i="7"/>
  <c r="E21" i="7"/>
  <c r="D22" i="7"/>
  <c r="E22" i="7"/>
  <c r="D23" i="7"/>
  <c r="E23" i="7"/>
  <c r="D24" i="7"/>
  <c r="E24" i="7"/>
  <c r="E4" i="7"/>
  <c r="D4" i="7"/>
  <c r="C5" i="6"/>
  <c r="D5" i="6"/>
  <c r="C6" i="6"/>
  <c r="D6" i="6"/>
  <c r="C7" i="6"/>
  <c r="D7" i="6"/>
  <c r="C8" i="6"/>
  <c r="D8" i="6"/>
  <c r="C4" i="6"/>
  <c r="D4" i="6"/>
  <c r="D5" i="3"/>
  <c r="E5" i="3"/>
  <c r="D6" i="3"/>
  <c r="E6" i="3"/>
  <c r="D7" i="3"/>
  <c r="E7" i="3"/>
  <c r="D8" i="3"/>
  <c r="E8" i="3"/>
  <c r="D9" i="3"/>
  <c r="E9" i="3"/>
  <c r="D10" i="3"/>
  <c r="E10" i="3"/>
  <c r="D11" i="3"/>
  <c r="E11" i="3"/>
  <c r="D12" i="3"/>
  <c r="E12" i="3"/>
  <c r="D13" i="3"/>
  <c r="E13" i="3"/>
  <c r="D14" i="3"/>
  <c r="E14" i="3"/>
  <c r="D15" i="3"/>
  <c r="E15" i="3"/>
  <c r="D16" i="3"/>
  <c r="E16" i="3"/>
  <c r="D17" i="3"/>
  <c r="E17" i="3"/>
  <c r="D18" i="3"/>
  <c r="E18" i="3"/>
  <c r="D19" i="3"/>
  <c r="E19" i="3"/>
  <c r="D20" i="3"/>
  <c r="E20" i="3"/>
  <c r="E4" i="3"/>
  <c r="D4" i="3"/>
  <c r="C1016" i="1"/>
  <c r="C1017" i="1"/>
  <c r="C1018" i="1"/>
  <c r="C1019" i="1"/>
  <c r="C1020" i="1"/>
  <c r="C1021" i="1"/>
  <c r="C1022" i="1"/>
  <c r="C1023" i="1"/>
  <c r="C1024" i="1"/>
  <c r="C1025" i="1"/>
  <c r="C1026" i="1"/>
  <c r="C1027" i="1"/>
  <c r="C1028" i="1"/>
  <c r="C1029" i="1"/>
  <c r="C1030" i="1"/>
  <c r="C1031" i="1"/>
  <c r="C1032" i="1"/>
  <c r="C1033" i="1"/>
  <c r="C1034" i="1"/>
  <c r="C1035" i="1"/>
  <c r="C1036" i="1"/>
  <c r="C1037" i="1"/>
  <c r="C1038" i="1"/>
  <c r="C1039" i="1"/>
  <c r="C1040" i="1"/>
  <c r="C1041" i="1"/>
  <c r="C1042" i="1"/>
  <c r="C1043" i="1"/>
  <c r="C1044" i="1"/>
  <c r="C1045" i="1"/>
  <c r="C1046" i="1"/>
  <c r="C1047" i="1"/>
  <c r="C1048" i="1"/>
  <c r="C1049" i="1"/>
  <c r="C1050" i="1"/>
  <c r="C1051" i="1"/>
  <c r="C1052" i="1"/>
  <c r="C1053" i="1"/>
  <c r="C1054" i="1"/>
  <c r="C1055" i="1"/>
  <c r="C1056" i="1"/>
  <c r="C1057" i="1"/>
  <c r="C1058" i="1"/>
  <c r="C1059" i="1"/>
  <c r="C1060" i="1"/>
  <c r="C1061" i="1"/>
  <c r="C1062" i="1"/>
  <c r="C1063" i="1"/>
  <c r="C1064" i="1"/>
  <c r="C1065" i="1"/>
  <c r="C1066" i="1"/>
  <c r="C1067" i="1"/>
  <c r="C1068" i="1"/>
  <c r="C1069" i="1"/>
  <c r="C1070" i="1"/>
  <c r="C1071" i="1"/>
  <c r="C1072" i="1"/>
  <c r="C1073" i="1"/>
  <c r="C1074" i="1"/>
  <c r="C1075" i="1"/>
  <c r="C1076" i="1"/>
  <c r="C1077" i="1"/>
  <c r="C1078" i="1"/>
  <c r="C1079" i="1"/>
  <c r="C1080" i="1"/>
  <c r="C1081" i="1"/>
  <c r="C1082" i="1"/>
  <c r="C1083" i="1"/>
  <c r="C1084" i="1"/>
  <c r="C1085" i="1"/>
  <c r="C1086" i="1"/>
  <c r="C1087" i="1"/>
  <c r="C1088" i="1"/>
  <c r="C1089" i="1"/>
  <c r="C1090" i="1"/>
  <c r="C1091" i="1"/>
  <c r="C1092" i="1"/>
  <c r="C1093" i="1"/>
  <c r="C1094" i="1"/>
  <c r="C1095" i="1"/>
  <c r="C1096" i="1"/>
  <c r="C1097" i="1"/>
  <c r="C1098" i="1"/>
  <c r="C1099" i="1"/>
  <c r="C1100" i="1"/>
  <c r="C1101" i="1"/>
  <c r="C1102" i="1"/>
  <c r="C1103" i="1"/>
  <c r="C1104" i="1"/>
  <c r="C1105" i="1"/>
  <c r="C1106" i="1"/>
  <c r="C1107" i="1"/>
  <c r="C1108" i="1"/>
  <c r="C1109" i="1"/>
  <c r="C1110" i="1"/>
  <c r="C1111" i="1"/>
  <c r="C1112" i="1"/>
  <c r="C1113" i="1"/>
  <c r="C1114" i="1"/>
  <c r="C1115" i="1"/>
  <c r="C1116" i="1"/>
  <c r="C1117" i="1"/>
  <c r="C1118" i="1"/>
  <c r="C1119" i="1"/>
  <c r="C1120" i="1"/>
  <c r="C1121" i="1"/>
  <c r="C1122" i="1"/>
  <c r="C1123" i="1"/>
  <c r="C1124" i="1"/>
  <c r="C1125" i="1"/>
  <c r="C1126" i="1"/>
  <c r="C1127" i="1"/>
  <c r="C1128" i="1"/>
  <c r="C1129" i="1"/>
  <c r="C1130" i="1"/>
  <c r="C1131" i="1"/>
  <c r="C1132" i="1"/>
  <c r="C1133" i="1"/>
  <c r="C1134" i="1"/>
  <c r="C1135" i="1"/>
  <c r="C1136" i="1"/>
  <c r="C1137" i="1"/>
  <c r="C1138" i="1"/>
  <c r="C1139" i="1"/>
  <c r="C1140" i="1"/>
  <c r="C1141" i="1"/>
  <c r="C1142" i="1"/>
  <c r="C1143" i="1"/>
  <c r="C1144" i="1"/>
  <c r="C1145" i="1"/>
  <c r="C1146" i="1"/>
  <c r="C1147" i="1"/>
  <c r="C1148" i="1"/>
  <c r="C1149" i="1"/>
  <c r="C1150" i="1"/>
  <c r="C1151" i="1"/>
  <c r="C1152" i="1"/>
  <c r="C1153" i="1"/>
  <c r="C1154" i="1"/>
  <c r="C1155" i="1"/>
  <c r="C1156" i="1"/>
  <c r="C1157" i="1"/>
  <c r="C1158" i="1"/>
  <c r="C1159" i="1"/>
  <c r="C1160" i="1"/>
  <c r="C1161" i="1"/>
  <c r="C1162" i="1"/>
  <c r="C1163" i="1"/>
  <c r="C1164" i="1"/>
  <c r="C1165" i="1"/>
  <c r="C1166" i="1"/>
  <c r="C1167" i="1"/>
  <c r="C1168" i="1"/>
  <c r="C1169" i="1"/>
  <c r="C1170" i="1"/>
  <c r="C1171" i="1"/>
  <c r="C1172" i="1"/>
  <c r="C1173" i="1"/>
  <c r="C1174" i="1"/>
  <c r="C1175" i="1"/>
  <c r="C1176" i="1"/>
  <c r="C1177" i="1"/>
  <c r="C1178" i="1"/>
  <c r="C1179" i="1"/>
  <c r="C1180" i="1"/>
  <c r="C1181" i="1"/>
  <c r="C1182" i="1"/>
  <c r="C1183" i="1"/>
  <c r="C1184" i="1"/>
  <c r="C1185" i="1"/>
  <c r="C1186" i="1"/>
  <c r="C1187" i="1"/>
  <c r="C1188" i="1"/>
  <c r="C1189" i="1"/>
  <c r="C1190" i="1"/>
  <c r="C1191" i="1"/>
  <c r="C1192" i="1"/>
  <c r="C1193" i="1"/>
  <c r="C1194" i="1"/>
  <c r="C1195" i="1"/>
  <c r="C1196" i="1"/>
  <c r="C1197" i="1"/>
  <c r="C1198" i="1"/>
  <c r="C1199" i="1"/>
  <c r="C1200" i="1"/>
  <c r="C1201" i="1"/>
  <c r="C1202" i="1"/>
  <c r="C1203" i="1"/>
  <c r="C1204" i="1"/>
  <c r="C1205" i="1"/>
  <c r="C1206" i="1"/>
  <c r="C1207" i="1"/>
  <c r="C1208" i="1"/>
  <c r="C1209" i="1"/>
  <c r="C1210" i="1"/>
  <c r="C1211" i="1"/>
  <c r="C1212" i="1"/>
  <c r="C1213" i="1"/>
  <c r="C1214" i="1"/>
  <c r="C1215" i="1"/>
  <c r="C1216" i="1"/>
  <c r="C1217" i="1"/>
  <c r="C1218" i="1"/>
  <c r="C1219" i="1"/>
  <c r="C1220" i="1"/>
  <c r="C1221" i="1"/>
  <c r="C1222" i="1"/>
  <c r="C1223" i="1"/>
  <c r="C1224" i="1"/>
  <c r="C1225" i="1"/>
  <c r="C1226" i="1"/>
  <c r="C1227" i="1"/>
  <c r="C1228" i="1"/>
  <c r="C1229" i="1"/>
  <c r="C1230" i="1"/>
  <c r="C1231" i="1"/>
  <c r="C1232" i="1"/>
  <c r="C1233" i="1"/>
  <c r="C1234" i="1"/>
  <c r="C1235" i="1"/>
  <c r="C1236" i="1"/>
  <c r="C1237" i="1"/>
  <c r="C1238" i="1"/>
  <c r="C1239" i="1"/>
  <c r="C1240" i="1"/>
  <c r="C1241" i="1"/>
  <c r="C1242" i="1"/>
  <c r="C1243" i="1"/>
  <c r="C1244" i="1"/>
  <c r="C1245" i="1"/>
  <c r="C1246" i="1"/>
  <c r="C1247" i="1"/>
  <c r="C1248" i="1"/>
  <c r="C1249" i="1"/>
  <c r="C1250" i="1"/>
  <c r="C1251" i="1"/>
  <c r="C1252" i="1"/>
  <c r="C1253" i="1"/>
  <c r="C1254" i="1"/>
  <c r="C1255" i="1"/>
  <c r="C1256" i="1"/>
  <c r="C1257" i="1"/>
  <c r="C1258" i="1"/>
  <c r="C1259" i="1"/>
  <c r="C1260" i="1"/>
  <c r="C1261" i="1"/>
  <c r="C1262" i="1"/>
  <c r="C1263" i="1"/>
  <c r="C1264" i="1"/>
  <c r="C1265" i="1"/>
  <c r="C1266" i="1"/>
  <c r="C1267" i="1"/>
  <c r="C1268" i="1"/>
  <c r="C1269" i="1"/>
  <c r="C1270" i="1"/>
  <c r="C1271" i="1"/>
  <c r="C1272" i="1"/>
  <c r="C1273" i="1"/>
  <c r="C1274" i="1"/>
  <c r="C1275" i="1"/>
  <c r="C1276" i="1"/>
  <c r="C1277" i="1"/>
  <c r="C1278" i="1"/>
  <c r="C1279" i="1"/>
  <c r="C1280" i="1"/>
  <c r="C1281" i="1"/>
  <c r="C1282" i="1"/>
  <c r="C1283" i="1"/>
  <c r="C1284" i="1"/>
  <c r="C1285" i="1"/>
  <c r="C1286" i="1"/>
  <c r="C1287" i="1"/>
  <c r="C1288" i="1"/>
  <c r="C1289" i="1"/>
  <c r="C1290" i="1"/>
  <c r="C1291" i="1"/>
  <c r="C1292" i="1"/>
  <c r="C1293" i="1"/>
  <c r="C1294" i="1"/>
  <c r="C1295" i="1"/>
  <c r="C1296" i="1"/>
  <c r="C1297" i="1"/>
  <c r="C1298" i="1"/>
  <c r="C1299" i="1"/>
  <c r="C1300" i="1"/>
  <c r="C1301" i="1"/>
  <c r="C1302" i="1"/>
  <c r="C1303" i="1"/>
  <c r="C1304" i="1"/>
  <c r="C1305" i="1"/>
  <c r="C1306" i="1"/>
  <c r="C1307" i="1"/>
  <c r="C1308" i="1"/>
  <c r="C1309" i="1"/>
  <c r="C1310" i="1"/>
  <c r="C1311" i="1"/>
  <c r="C1312" i="1"/>
  <c r="C1313" i="1"/>
  <c r="C1314" i="1"/>
  <c r="C1315" i="1"/>
  <c r="C1316" i="1"/>
  <c r="C1317" i="1"/>
  <c r="C1318" i="1"/>
  <c r="C1319" i="1"/>
  <c r="C1320" i="1"/>
  <c r="C1321" i="1"/>
  <c r="C1322" i="1"/>
  <c r="C1323" i="1"/>
  <c r="C1324" i="1"/>
  <c r="C1325" i="1"/>
  <c r="C1326" i="1"/>
  <c r="C1327" i="1"/>
  <c r="C1328" i="1"/>
  <c r="C1329" i="1"/>
  <c r="C1330" i="1"/>
  <c r="C1331" i="1"/>
  <c r="C1332" i="1"/>
  <c r="C1333" i="1"/>
  <c r="C1334" i="1"/>
  <c r="C1335" i="1"/>
  <c r="C1336" i="1"/>
  <c r="C1337" i="1"/>
  <c r="C1338" i="1"/>
  <c r="C1339" i="1"/>
  <c r="C1340" i="1"/>
  <c r="C1341" i="1"/>
  <c r="C1342" i="1"/>
  <c r="C1343" i="1"/>
  <c r="C1344" i="1"/>
  <c r="C1345" i="1"/>
  <c r="C1346" i="1"/>
  <c r="C1347" i="1"/>
  <c r="C1348" i="1"/>
  <c r="C1349" i="1"/>
  <c r="C1350" i="1"/>
  <c r="C1351" i="1"/>
  <c r="C1352" i="1"/>
  <c r="C1353" i="1"/>
  <c r="C1354" i="1"/>
  <c r="C1355" i="1"/>
  <c r="C1356" i="1"/>
  <c r="C1357" i="1"/>
  <c r="C1358" i="1"/>
  <c r="C1359" i="1"/>
  <c r="C1360" i="1"/>
  <c r="C1361" i="1"/>
  <c r="C1362" i="1"/>
  <c r="C1363" i="1"/>
  <c r="C1364" i="1"/>
  <c r="C1365" i="1"/>
  <c r="C1366" i="1"/>
  <c r="C1367" i="1"/>
  <c r="C1368" i="1"/>
  <c r="C1369" i="1"/>
  <c r="C1370" i="1"/>
  <c r="C1371" i="1"/>
  <c r="C1372" i="1"/>
  <c r="C1373" i="1"/>
  <c r="C1374" i="1"/>
  <c r="C1375" i="1"/>
  <c r="C1376" i="1"/>
  <c r="C1377" i="1"/>
  <c r="C1378" i="1"/>
  <c r="C1379" i="1"/>
  <c r="C1380" i="1"/>
  <c r="C1381" i="1"/>
  <c r="C1382" i="1"/>
  <c r="C1383" i="1"/>
  <c r="C1384" i="1"/>
  <c r="C1385" i="1"/>
  <c r="C1386" i="1"/>
  <c r="C1387" i="1"/>
  <c r="C1388" i="1"/>
  <c r="C1389" i="1"/>
  <c r="C1390" i="1"/>
  <c r="C1391" i="1"/>
  <c r="C1392" i="1"/>
  <c r="C1393" i="1"/>
  <c r="C1394" i="1"/>
  <c r="C1395" i="1"/>
  <c r="C1396" i="1"/>
  <c r="C1397" i="1"/>
  <c r="C1398" i="1"/>
  <c r="C1399" i="1"/>
  <c r="C1400" i="1"/>
  <c r="C1401" i="1"/>
  <c r="C1402" i="1"/>
  <c r="C1403" i="1"/>
  <c r="C1404" i="1"/>
  <c r="C1405" i="1"/>
  <c r="C1406" i="1"/>
  <c r="C1407" i="1"/>
  <c r="C1408" i="1"/>
  <c r="C1409" i="1"/>
  <c r="C1410" i="1"/>
  <c r="C1411" i="1"/>
  <c r="C1412" i="1"/>
  <c r="C1413" i="1"/>
  <c r="C1414" i="1"/>
  <c r="C1415" i="1"/>
  <c r="C1416" i="1"/>
  <c r="C1417" i="1"/>
  <c r="C1418" i="1"/>
  <c r="C1419" i="1"/>
  <c r="C1420" i="1"/>
  <c r="C1421" i="1"/>
  <c r="C1422" i="1"/>
  <c r="C1423" i="1"/>
  <c r="C1424" i="1"/>
  <c r="C1425" i="1"/>
  <c r="C1426" i="1"/>
  <c r="C1427" i="1"/>
  <c r="C1428" i="1"/>
  <c r="C1429" i="1"/>
  <c r="C1430" i="1"/>
  <c r="C1431" i="1"/>
  <c r="C1432" i="1"/>
  <c r="C1433" i="1"/>
  <c r="C1434" i="1"/>
  <c r="C1435" i="1"/>
  <c r="C1436" i="1"/>
  <c r="C1437" i="1"/>
  <c r="C1438" i="1"/>
  <c r="C1439" i="1"/>
  <c r="C1440" i="1"/>
  <c r="C1441" i="1"/>
  <c r="C1442" i="1"/>
  <c r="C1443" i="1"/>
  <c r="C1444" i="1"/>
  <c r="C1445" i="1"/>
  <c r="C1446" i="1"/>
  <c r="C1447" i="1"/>
  <c r="C1448" i="1"/>
  <c r="C1449" i="1"/>
  <c r="C1450" i="1"/>
  <c r="C1451" i="1"/>
  <c r="C1452" i="1"/>
  <c r="C1453" i="1"/>
  <c r="C1454" i="1"/>
  <c r="C1455" i="1"/>
  <c r="C1456" i="1"/>
  <c r="C1457" i="1"/>
  <c r="C1458" i="1"/>
  <c r="C1459" i="1"/>
  <c r="C1460" i="1"/>
  <c r="C1461" i="1"/>
  <c r="C1462" i="1"/>
  <c r="C1463" i="1"/>
  <c r="C1464" i="1"/>
  <c r="C1465" i="1"/>
  <c r="C1466" i="1"/>
  <c r="C1467" i="1"/>
  <c r="C1468" i="1"/>
  <c r="C1469" i="1"/>
  <c r="C1470" i="1"/>
  <c r="C1471" i="1"/>
  <c r="C1472" i="1"/>
  <c r="C1473" i="1"/>
  <c r="C1474" i="1"/>
  <c r="C1475" i="1"/>
  <c r="C1476" i="1"/>
  <c r="C1477" i="1"/>
  <c r="C1478" i="1"/>
  <c r="C1479" i="1"/>
  <c r="C1480" i="1"/>
  <c r="C1481" i="1"/>
  <c r="C1482" i="1"/>
  <c r="C1483" i="1"/>
  <c r="C1484" i="1"/>
  <c r="C1485" i="1"/>
  <c r="C1486" i="1"/>
  <c r="C1487" i="1"/>
  <c r="C1488" i="1"/>
  <c r="C1489" i="1"/>
  <c r="C1490" i="1"/>
  <c r="C1491" i="1"/>
  <c r="C1492" i="1"/>
  <c r="C1493" i="1"/>
  <c r="C1494" i="1"/>
  <c r="C1495" i="1"/>
  <c r="C1496" i="1"/>
  <c r="C1497" i="1"/>
  <c r="C1498" i="1"/>
  <c r="C1499" i="1"/>
  <c r="C1500" i="1"/>
  <c r="C1501" i="1"/>
  <c r="C1502" i="1"/>
  <c r="C1503" i="1"/>
  <c r="C1504" i="1"/>
  <c r="C1505" i="1"/>
  <c r="C1506" i="1"/>
  <c r="C1507" i="1"/>
  <c r="C1508" i="1"/>
  <c r="C1509" i="1"/>
  <c r="C1510" i="1"/>
  <c r="C1511" i="1"/>
  <c r="C1512" i="1"/>
  <c r="C1513" i="1"/>
  <c r="C1514" i="1"/>
  <c r="C1515" i="1"/>
  <c r="C1516" i="1"/>
  <c r="C1517" i="1"/>
  <c r="C1518" i="1"/>
  <c r="C1519" i="1"/>
  <c r="C1520" i="1"/>
  <c r="C1521" i="1"/>
  <c r="C1522" i="1"/>
  <c r="C1523" i="1"/>
  <c r="C1524" i="1"/>
  <c r="C1525" i="1"/>
  <c r="C1526" i="1"/>
  <c r="C1527" i="1"/>
  <c r="C1528" i="1"/>
  <c r="C1529" i="1"/>
  <c r="C1530" i="1"/>
  <c r="C1531" i="1"/>
  <c r="C1532" i="1"/>
  <c r="C1533" i="1"/>
  <c r="C1534" i="1"/>
  <c r="C1535" i="1"/>
  <c r="C1536" i="1"/>
  <c r="C1537" i="1"/>
  <c r="C1538" i="1"/>
  <c r="C1539" i="1"/>
  <c r="C1540" i="1"/>
  <c r="C1541" i="1"/>
  <c r="C1542" i="1"/>
  <c r="C1543" i="1"/>
  <c r="C1544" i="1"/>
  <c r="C1545" i="1"/>
  <c r="C1546" i="1"/>
  <c r="C1547" i="1"/>
  <c r="C1548" i="1"/>
  <c r="C1549" i="1"/>
  <c r="C1550" i="1"/>
  <c r="C1551" i="1"/>
  <c r="C1552" i="1"/>
  <c r="C1553" i="1"/>
  <c r="C1554" i="1"/>
  <c r="C1555" i="1"/>
  <c r="C1556" i="1"/>
  <c r="C1557" i="1"/>
  <c r="C1558" i="1"/>
  <c r="C1559" i="1"/>
  <c r="C1560" i="1"/>
  <c r="C1561" i="1"/>
  <c r="C1562" i="1"/>
  <c r="C1563" i="1"/>
  <c r="C1564" i="1"/>
  <c r="C1565" i="1"/>
  <c r="C1566" i="1"/>
  <c r="C1567" i="1"/>
  <c r="C1568" i="1"/>
  <c r="C1569" i="1"/>
  <c r="C1570" i="1"/>
  <c r="C1571" i="1"/>
  <c r="C1572" i="1"/>
  <c r="C1573" i="1"/>
  <c r="C1574" i="1"/>
  <c r="C1575" i="1"/>
  <c r="C1576" i="1"/>
  <c r="C1577" i="1"/>
  <c r="C1578" i="1"/>
  <c r="C1579" i="1"/>
  <c r="C1580" i="1"/>
  <c r="C1581" i="1"/>
  <c r="C1582" i="1"/>
  <c r="C1583" i="1"/>
  <c r="C1584" i="1"/>
  <c r="C1585" i="1"/>
  <c r="C1586" i="1"/>
  <c r="C1587" i="1"/>
  <c r="C1588" i="1"/>
  <c r="C1589" i="1"/>
  <c r="C1590" i="1"/>
  <c r="C1591" i="1"/>
  <c r="C1592" i="1"/>
  <c r="C1593" i="1"/>
  <c r="C1594" i="1"/>
  <c r="C1595" i="1"/>
  <c r="C1596" i="1"/>
  <c r="C1597" i="1"/>
  <c r="C1598" i="1"/>
  <c r="C1599" i="1"/>
  <c r="C1600" i="1"/>
  <c r="C1601" i="1"/>
  <c r="C1602" i="1"/>
  <c r="C1603" i="1"/>
  <c r="C1604" i="1"/>
  <c r="C1605" i="1"/>
  <c r="C1606" i="1"/>
  <c r="C1607" i="1"/>
  <c r="C1608" i="1"/>
  <c r="C1609" i="1"/>
  <c r="C1610" i="1"/>
  <c r="C1611" i="1"/>
  <c r="C1612" i="1"/>
  <c r="C1613" i="1"/>
  <c r="C1614" i="1"/>
  <c r="C1615" i="1"/>
  <c r="C1616" i="1"/>
  <c r="C1617" i="1"/>
  <c r="C1618" i="1"/>
  <c r="C1619" i="1"/>
  <c r="C1620" i="1"/>
  <c r="C1621" i="1"/>
  <c r="C1622" i="1"/>
  <c r="C1623" i="1"/>
  <c r="C1624" i="1"/>
  <c r="C1625" i="1"/>
  <c r="C1626" i="1"/>
  <c r="C1627" i="1"/>
  <c r="C1628" i="1"/>
  <c r="C1629" i="1"/>
  <c r="C1630" i="1"/>
  <c r="C1631" i="1"/>
  <c r="C1632" i="1"/>
  <c r="C1633" i="1"/>
  <c r="C1634" i="1"/>
  <c r="C1635" i="1"/>
  <c r="C1636" i="1"/>
  <c r="C1637" i="1"/>
  <c r="C1638" i="1"/>
  <c r="C1639" i="1"/>
  <c r="C1640" i="1"/>
  <c r="C1641" i="1"/>
  <c r="C1642" i="1"/>
  <c r="C1643" i="1"/>
  <c r="C1644" i="1"/>
  <c r="C1645" i="1"/>
  <c r="C1646" i="1"/>
  <c r="C1647" i="1"/>
  <c r="C1648" i="1"/>
  <c r="C1649" i="1"/>
  <c r="C1650" i="1"/>
  <c r="C1651" i="1"/>
  <c r="C1652" i="1"/>
  <c r="C1653" i="1"/>
  <c r="C1654" i="1"/>
  <c r="C1655" i="1"/>
  <c r="C1656" i="1"/>
  <c r="C1657" i="1"/>
  <c r="C1658" i="1"/>
  <c r="C1659" i="1"/>
  <c r="C1660" i="1"/>
  <c r="C1661" i="1"/>
  <c r="C1662" i="1"/>
  <c r="C1663" i="1"/>
  <c r="C1664" i="1"/>
  <c r="C1665" i="1"/>
  <c r="C1666" i="1"/>
  <c r="C1667" i="1"/>
  <c r="C1668" i="1"/>
  <c r="C1669" i="1"/>
  <c r="C1670" i="1"/>
  <c r="C1671" i="1"/>
  <c r="C1672" i="1"/>
  <c r="C1673" i="1"/>
  <c r="C1674" i="1"/>
  <c r="C1675" i="1"/>
  <c r="C1676" i="1"/>
  <c r="C1677" i="1"/>
  <c r="C1678" i="1"/>
  <c r="C1679" i="1"/>
  <c r="C1680" i="1"/>
  <c r="C1681" i="1"/>
  <c r="C1682" i="1"/>
  <c r="C1683" i="1"/>
  <c r="C1684" i="1"/>
  <c r="C1685" i="1"/>
  <c r="C1686" i="1"/>
  <c r="C1687" i="1"/>
  <c r="C1688" i="1"/>
  <c r="C1689" i="1"/>
  <c r="C1690" i="1"/>
  <c r="C1691" i="1"/>
  <c r="C1692" i="1"/>
  <c r="C1693" i="1"/>
  <c r="C1694" i="1"/>
  <c r="C1695" i="1"/>
  <c r="C1696" i="1"/>
  <c r="C1697" i="1"/>
  <c r="C1698" i="1"/>
  <c r="C1699" i="1"/>
  <c r="C1700" i="1"/>
  <c r="C1701" i="1"/>
  <c r="C1702" i="1"/>
  <c r="C1703" i="1"/>
  <c r="C1704" i="1"/>
  <c r="C1705" i="1"/>
  <c r="C1706" i="1"/>
  <c r="C1707" i="1"/>
  <c r="C1708" i="1"/>
  <c r="C1709" i="1"/>
  <c r="C1710" i="1"/>
  <c r="C1711" i="1"/>
  <c r="C1712" i="1"/>
  <c r="C1713" i="1"/>
  <c r="C1714" i="1"/>
  <c r="C1715" i="1"/>
  <c r="C1716" i="1"/>
  <c r="C1717" i="1"/>
  <c r="C1718" i="1"/>
  <c r="C1719" i="1"/>
  <c r="C1720" i="1"/>
  <c r="C1721" i="1"/>
  <c r="C1722" i="1"/>
  <c r="C1723" i="1"/>
  <c r="C1724" i="1"/>
  <c r="C1725" i="1"/>
  <c r="C1726" i="1"/>
  <c r="C1727" i="1"/>
  <c r="C1728" i="1"/>
  <c r="C1729" i="1"/>
  <c r="C1730" i="1"/>
  <c r="C1731" i="1"/>
  <c r="C1732" i="1"/>
  <c r="C1733" i="1"/>
  <c r="C1734" i="1"/>
  <c r="C1735" i="1"/>
  <c r="C1736" i="1"/>
  <c r="C1737" i="1"/>
  <c r="C1738" i="1"/>
  <c r="C1739" i="1"/>
  <c r="C1740" i="1"/>
  <c r="C1741" i="1"/>
  <c r="C1742" i="1"/>
  <c r="C1743" i="1"/>
  <c r="C1744" i="1"/>
  <c r="C1745" i="1"/>
  <c r="C1746" i="1"/>
  <c r="C1747" i="1"/>
  <c r="C1748" i="1"/>
  <c r="C1749" i="1"/>
  <c r="C1750" i="1"/>
  <c r="C1751" i="1"/>
  <c r="C1752" i="1"/>
  <c r="C1753" i="1"/>
  <c r="C1754" i="1"/>
  <c r="C1755" i="1"/>
  <c r="C1756" i="1"/>
  <c r="C1757" i="1"/>
  <c r="C1758" i="1"/>
  <c r="C1759" i="1"/>
  <c r="C1760" i="1"/>
  <c r="C1761" i="1"/>
  <c r="C1762" i="1"/>
  <c r="C1763" i="1"/>
  <c r="C1764" i="1"/>
  <c r="C1765" i="1"/>
  <c r="C1766" i="1"/>
  <c r="C1767" i="1"/>
  <c r="C1768" i="1"/>
  <c r="C1769" i="1"/>
  <c r="C1770" i="1"/>
  <c r="C1771" i="1"/>
  <c r="C1772" i="1"/>
  <c r="C1773" i="1"/>
  <c r="C1774" i="1"/>
  <c r="C1775" i="1"/>
  <c r="C1776" i="1"/>
  <c r="C1777" i="1"/>
  <c r="C1778" i="1"/>
  <c r="C1779" i="1"/>
  <c r="C1780" i="1"/>
  <c r="C1781" i="1"/>
  <c r="C1782" i="1"/>
  <c r="C1783" i="1"/>
  <c r="C1784" i="1"/>
  <c r="C1785" i="1"/>
  <c r="C1786" i="1"/>
  <c r="C1787" i="1"/>
  <c r="C1788" i="1"/>
  <c r="C1789" i="1"/>
  <c r="C1790" i="1"/>
  <c r="C1791" i="1"/>
  <c r="C1792" i="1"/>
  <c r="C1793" i="1"/>
  <c r="C1794" i="1"/>
  <c r="C1795" i="1"/>
  <c r="C1796" i="1"/>
  <c r="C1797" i="1"/>
  <c r="C1798" i="1"/>
  <c r="C1799" i="1"/>
  <c r="C1800" i="1"/>
  <c r="C1801" i="1"/>
  <c r="C1802" i="1"/>
  <c r="C1803" i="1"/>
  <c r="C1804" i="1"/>
  <c r="C1805" i="1"/>
  <c r="C1806" i="1"/>
  <c r="C1807" i="1"/>
  <c r="C1808" i="1"/>
  <c r="C1809" i="1"/>
  <c r="C1810" i="1"/>
  <c r="C1811" i="1"/>
  <c r="C1812" i="1"/>
  <c r="C1813" i="1"/>
  <c r="C1814" i="1"/>
  <c r="C1815" i="1"/>
  <c r="C1816" i="1"/>
  <c r="C1817" i="1"/>
  <c r="C1818" i="1"/>
  <c r="C1819" i="1"/>
  <c r="C1820" i="1"/>
  <c r="C1821" i="1"/>
  <c r="C1822" i="1"/>
  <c r="C1823" i="1"/>
  <c r="C1824" i="1"/>
  <c r="C1825" i="1"/>
  <c r="C1826" i="1"/>
  <c r="C1827" i="1"/>
  <c r="C1828" i="1"/>
  <c r="C1829" i="1"/>
  <c r="C1830" i="1"/>
  <c r="C1831" i="1"/>
  <c r="C1832" i="1"/>
  <c r="C1833" i="1"/>
  <c r="C1834" i="1"/>
  <c r="C1835" i="1"/>
  <c r="C1836" i="1"/>
  <c r="C1837" i="1"/>
  <c r="C1838" i="1"/>
  <c r="C1839" i="1"/>
  <c r="C1840" i="1"/>
  <c r="C1841" i="1"/>
  <c r="C1842" i="1"/>
  <c r="C1843" i="1"/>
  <c r="C1844" i="1"/>
  <c r="C1845" i="1"/>
  <c r="C1846" i="1"/>
  <c r="C1847" i="1"/>
  <c r="C1848" i="1"/>
  <c r="C1849" i="1"/>
  <c r="C1850" i="1"/>
  <c r="C1851" i="1"/>
  <c r="C1852" i="1"/>
  <c r="C1853" i="1"/>
  <c r="C1854" i="1"/>
  <c r="C1855" i="1"/>
  <c r="C1856" i="1"/>
  <c r="C1857" i="1"/>
  <c r="C1858" i="1"/>
  <c r="C1859" i="1"/>
  <c r="C1860" i="1"/>
  <c r="C1861" i="1"/>
  <c r="C1862" i="1"/>
  <c r="C1863" i="1"/>
  <c r="C1864" i="1"/>
  <c r="C1865" i="1"/>
  <c r="C1866" i="1"/>
  <c r="C1867" i="1"/>
  <c r="C1868" i="1"/>
  <c r="C1869" i="1"/>
  <c r="C1870" i="1"/>
  <c r="C1871" i="1"/>
  <c r="C1872" i="1"/>
  <c r="C1873" i="1"/>
  <c r="C1874" i="1"/>
  <c r="C1875" i="1"/>
  <c r="C1876" i="1"/>
  <c r="C1877" i="1"/>
  <c r="C1878" i="1"/>
  <c r="C1879" i="1"/>
  <c r="C1880" i="1"/>
  <c r="C1881" i="1"/>
  <c r="C1882" i="1"/>
  <c r="C1883" i="1"/>
  <c r="C1884" i="1"/>
  <c r="C1885" i="1"/>
  <c r="C1886" i="1"/>
  <c r="C1887" i="1"/>
  <c r="C1888" i="1"/>
  <c r="C1889" i="1"/>
  <c r="C1890" i="1"/>
  <c r="C1891" i="1"/>
  <c r="C1892" i="1"/>
  <c r="C1893" i="1"/>
  <c r="C1894" i="1"/>
  <c r="C1895" i="1"/>
  <c r="C1896" i="1"/>
  <c r="C1897" i="1"/>
  <c r="C1898" i="1"/>
  <c r="C1899" i="1"/>
  <c r="C1900" i="1"/>
  <c r="C1901" i="1"/>
  <c r="C1902" i="1"/>
  <c r="C1903" i="1"/>
  <c r="C1904" i="1"/>
  <c r="C1905" i="1"/>
  <c r="C1906" i="1"/>
  <c r="C1907" i="1"/>
  <c r="C1908" i="1"/>
  <c r="C1909" i="1"/>
  <c r="C1910" i="1"/>
  <c r="C1911" i="1"/>
  <c r="C1912" i="1"/>
  <c r="C1913" i="1"/>
  <c r="C1914" i="1"/>
  <c r="C1915" i="1"/>
  <c r="C1916" i="1"/>
  <c r="C1917" i="1"/>
  <c r="C1918" i="1"/>
  <c r="C1919" i="1"/>
  <c r="C1920" i="1"/>
  <c r="C1921" i="1"/>
  <c r="C1922" i="1"/>
  <c r="C1923" i="1"/>
  <c r="C1924" i="1"/>
  <c r="C1925" i="1"/>
  <c r="C1926" i="1"/>
  <c r="C1927" i="1"/>
  <c r="C1928" i="1"/>
  <c r="C1929" i="1"/>
  <c r="C1930" i="1"/>
  <c r="C1931" i="1"/>
  <c r="C1932" i="1"/>
  <c r="C1933" i="1"/>
  <c r="C1934" i="1"/>
  <c r="C1935" i="1"/>
  <c r="C1936" i="1"/>
  <c r="C1937" i="1"/>
  <c r="C1938" i="1"/>
  <c r="C1939" i="1"/>
  <c r="C1940" i="1"/>
  <c r="C1941" i="1"/>
  <c r="C1942" i="1"/>
  <c r="C1943" i="1"/>
  <c r="C1944" i="1"/>
  <c r="C1945" i="1"/>
  <c r="C1946" i="1"/>
  <c r="C1947" i="1"/>
  <c r="C1948" i="1"/>
  <c r="C1949" i="1"/>
  <c r="C1950" i="1"/>
  <c r="C1951" i="1"/>
  <c r="C1952" i="1"/>
  <c r="C1953" i="1"/>
  <c r="C1954" i="1"/>
  <c r="C1955" i="1"/>
  <c r="C1956" i="1"/>
  <c r="C1957" i="1"/>
  <c r="C1958" i="1"/>
  <c r="C1959" i="1"/>
  <c r="C1960" i="1"/>
  <c r="C1961" i="1"/>
  <c r="C1962" i="1"/>
  <c r="C1963" i="1"/>
  <c r="C1964" i="1"/>
  <c r="C1965" i="1"/>
  <c r="C1966" i="1"/>
  <c r="C1967" i="1"/>
  <c r="C1968" i="1"/>
  <c r="C1969" i="1"/>
  <c r="C1970" i="1"/>
  <c r="C1971" i="1"/>
  <c r="C1972" i="1"/>
  <c r="C1973" i="1"/>
  <c r="C1974" i="1"/>
  <c r="C1975" i="1"/>
  <c r="C1976" i="1"/>
  <c r="C1977" i="1"/>
  <c r="C1978" i="1"/>
  <c r="C1979" i="1"/>
  <c r="C1980" i="1"/>
  <c r="C1981" i="1"/>
  <c r="C1982" i="1"/>
  <c r="C1983" i="1"/>
  <c r="C1984" i="1"/>
  <c r="C1985" i="1"/>
  <c r="C1986" i="1"/>
  <c r="C1987" i="1"/>
  <c r="C1988" i="1"/>
  <c r="C1989" i="1"/>
  <c r="C1990" i="1"/>
  <c r="C1991" i="1"/>
  <c r="C1992" i="1"/>
  <c r="C1993" i="1"/>
  <c r="C1994" i="1"/>
  <c r="C1995" i="1"/>
  <c r="C1996" i="1"/>
  <c r="C1997" i="1"/>
  <c r="C1998" i="1"/>
  <c r="C1999" i="1"/>
  <c r="C2000" i="1"/>
  <c r="C2001" i="1"/>
  <c r="C2002" i="1"/>
  <c r="C2003" i="1"/>
  <c r="C2004" i="1"/>
  <c r="C2005" i="1"/>
  <c r="C2006" i="1"/>
  <c r="C2007" i="1"/>
  <c r="C2008" i="1"/>
  <c r="C2009" i="1"/>
  <c r="C2010" i="1"/>
  <c r="C2011" i="1"/>
  <c r="C2012" i="1"/>
  <c r="C2013" i="1"/>
  <c r="C2014" i="1"/>
  <c r="C2015" i="1"/>
  <c r="C2016" i="1"/>
  <c r="C2017" i="1"/>
  <c r="C2018" i="1"/>
  <c r="C2019" i="1"/>
  <c r="C2020" i="1"/>
  <c r="C2021" i="1"/>
  <c r="C2022" i="1"/>
  <c r="C2023" i="1"/>
  <c r="C2024" i="1"/>
  <c r="C2025" i="1"/>
  <c r="C2026" i="1"/>
  <c r="C2027" i="1"/>
  <c r="C2028" i="1"/>
  <c r="C2029" i="1"/>
  <c r="C2030" i="1"/>
  <c r="C2031" i="1"/>
  <c r="C2032" i="1"/>
  <c r="C2033" i="1"/>
  <c r="C2034" i="1"/>
  <c r="C2035" i="1"/>
  <c r="C2036" i="1"/>
  <c r="C2037" i="1"/>
  <c r="C2038" i="1"/>
  <c r="C2039" i="1"/>
  <c r="C2040" i="1"/>
  <c r="C2041" i="1"/>
  <c r="C2042" i="1"/>
  <c r="C2043" i="1"/>
  <c r="C2044" i="1"/>
  <c r="C2045" i="1"/>
  <c r="C2046" i="1"/>
  <c r="C2047" i="1"/>
  <c r="C2048" i="1"/>
  <c r="C2049" i="1"/>
  <c r="C2050" i="1"/>
  <c r="C2051" i="1"/>
  <c r="C2052" i="1"/>
  <c r="C2053" i="1"/>
  <c r="C2054" i="1"/>
  <c r="C2055" i="1"/>
  <c r="C2056" i="1"/>
  <c r="C2057" i="1"/>
  <c r="C2058" i="1"/>
  <c r="C2059" i="1"/>
  <c r="C2060" i="1"/>
  <c r="C2061" i="1"/>
  <c r="C2062" i="1"/>
  <c r="C2063" i="1"/>
  <c r="C2064" i="1"/>
  <c r="C2065" i="1"/>
  <c r="C2066" i="1"/>
  <c r="C2067" i="1"/>
  <c r="C2068" i="1"/>
  <c r="C2069" i="1"/>
  <c r="C2070" i="1"/>
  <c r="C2071" i="1"/>
  <c r="C2072" i="1"/>
  <c r="C2073" i="1"/>
  <c r="C2074" i="1"/>
  <c r="C2075" i="1"/>
  <c r="C2076" i="1"/>
  <c r="C2077" i="1"/>
  <c r="C2078" i="1"/>
  <c r="C2079" i="1"/>
  <c r="C2080" i="1"/>
  <c r="C2081" i="1"/>
  <c r="C2082" i="1"/>
  <c r="C2083" i="1"/>
  <c r="C2084" i="1"/>
  <c r="C2085" i="1"/>
  <c r="C2086" i="1"/>
  <c r="C2087" i="1"/>
  <c r="C2088" i="1"/>
  <c r="C2089" i="1"/>
  <c r="C2090" i="1"/>
  <c r="C2091" i="1"/>
  <c r="C2092" i="1"/>
  <c r="C2093" i="1"/>
  <c r="C2094" i="1"/>
  <c r="C2095" i="1"/>
  <c r="C2096" i="1"/>
  <c r="C2097" i="1"/>
  <c r="C2098" i="1"/>
  <c r="C2099" i="1"/>
  <c r="C2100" i="1"/>
  <c r="C2101" i="1"/>
  <c r="C2102" i="1"/>
  <c r="C2103" i="1"/>
  <c r="C2104" i="1"/>
  <c r="C2105" i="1"/>
  <c r="C2106" i="1"/>
  <c r="C2107" i="1"/>
  <c r="C2108" i="1"/>
  <c r="C2109" i="1"/>
  <c r="C2110" i="1"/>
  <c r="C2111" i="1"/>
  <c r="C2112" i="1"/>
  <c r="C2113" i="1"/>
  <c r="C2114" i="1"/>
  <c r="C2115" i="1"/>
  <c r="C2116" i="1"/>
  <c r="C2117" i="1"/>
  <c r="C2118" i="1"/>
  <c r="C2119" i="1"/>
  <c r="C2120" i="1"/>
  <c r="C2121" i="1"/>
  <c r="C2122" i="1"/>
  <c r="C2123" i="1"/>
  <c r="C2124" i="1"/>
  <c r="C2125" i="1"/>
  <c r="C2126" i="1"/>
  <c r="C2127" i="1"/>
  <c r="C2128" i="1"/>
  <c r="C2129" i="1"/>
  <c r="C2130" i="1"/>
  <c r="C2131" i="1"/>
  <c r="C2132" i="1"/>
  <c r="C2133" i="1"/>
  <c r="C2134" i="1"/>
  <c r="C2135" i="1"/>
  <c r="C2136" i="1"/>
  <c r="C2137" i="1"/>
  <c r="C2138" i="1"/>
  <c r="C2139" i="1"/>
  <c r="C2140" i="1"/>
  <c r="C2141" i="1"/>
  <c r="C2142" i="1"/>
  <c r="C2143" i="1"/>
  <c r="C2144" i="1"/>
  <c r="C2145" i="1"/>
  <c r="C2146" i="1"/>
  <c r="C2147" i="1"/>
  <c r="C2148" i="1"/>
  <c r="C2149" i="1"/>
  <c r="C2150" i="1"/>
  <c r="C2151" i="1"/>
  <c r="C2152" i="1"/>
  <c r="C2153" i="1"/>
  <c r="C2154" i="1"/>
  <c r="C2155" i="1"/>
  <c r="C2156" i="1"/>
  <c r="C2157" i="1"/>
  <c r="C2158" i="1"/>
  <c r="C2159" i="1"/>
  <c r="C2160" i="1"/>
  <c r="C2161" i="1"/>
  <c r="C2162" i="1"/>
  <c r="C2163" i="1"/>
  <c r="C2164" i="1"/>
  <c r="C2165" i="1"/>
  <c r="C2166" i="1"/>
  <c r="C2167" i="1"/>
  <c r="C2168" i="1"/>
  <c r="C2169" i="1"/>
  <c r="C2170" i="1"/>
  <c r="C2171" i="1"/>
  <c r="C2172" i="1"/>
  <c r="C2173" i="1"/>
  <c r="C2174" i="1"/>
  <c r="C2175" i="1"/>
  <c r="C2176" i="1"/>
  <c r="C2177" i="1"/>
  <c r="C2178" i="1"/>
  <c r="C2179" i="1"/>
  <c r="C2180" i="1"/>
  <c r="C2181" i="1"/>
  <c r="C2182" i="1"/>
  <c r="C2183" i="1"/>
  <c r="C2184" i="1"/>
  <c r="C2185" i="1"/>
  <c r="C2186" i="1"/>
  <c r="C2187" i="1"/>
  <c r="C2188" i="1"/>
  <c r="C2189" i="1"/>
  <c r="C2190" i="1"/>
  <c r="C2191" i="1"/>
  <c r="C2192" i="1"/>
  <c r="C2193" i="1"/>
  <c r="C2194" i="1"/>
  <c r="C2195" i="1"/>
  <c r="C2196" i="1"/>
  <c r="C2197" i="1"/>
  <c r="C2198" i="1"/>
  <c r="C2199" i="1"/>
  <c r="C2200" i="1"/>
  <c r="C2201" i="1"/>
  <c r="C2202" i="1"/>
  <c r="C2203" i="1"/>
  <c r="C2204" i="1"/>
  <c r="C2205" i="1"/>
  <c r="C2206" i="1"/>
  <c r="C2207" i="1"/>
  <c r="C2208" i="1"/>
  <c r="C2209" i="1"/>
  <c r="C2210" i="1"/>
  <c r="C2211" i="1"/>
  <c r="C2212" i="1"/>
  <c r="C2213" i="1"/>
  <c r="C2214" i="1"/>
  <c r="C2215" i="1"/>
  <c r="C2216" i="1"/>
  <c r="C2217" i="1"/>
  <c r="C2218" i="1"/>
  <c r="C2219" i="1"/>
  <c r="C2220" i="1"/>
  <c r="C2221" i="1"/>
  <c r="C2222" i="1"/>
  <c r="C2223" i="1"/>
  <c r="C2224" i="1"/>
  <c r="C2225" i="1"/>
  <c r="C2226" i="1"/>
  <c r="C2227" i="1"/>
  <c r="C2228" i="1"/>
  <c r="C2229" i="1"/>
  <c r="C2230" i="1"/>
  <c r="C2231" i="1"/>
  <c r="C2232" i="1"/>
  <c r="C2233" i="1"/>
  <c r="C2234" i="1"/>
  <c r="C2235" i="1"/>
  <c r="C2236" i="1"/>
  <c r="C2237" i="1"/>
  <c r="C2238" i="1"/>
  <c r="C2239" i="1"/>
  <c r="C2240" i="1"/>
  <c r="C2241" i="1"/>
  <c r="C2242" i="1"/>
  <c r="C2243" i="1"/>
  <c r="C2244" i="1"/>
  <c r="C2245" i="1"/>
  <c r="C2246" i="1"/>
  <c r="C2247" i="1"/>
  <c r="C2248" i="1"/>
  <c r="C2249" i="1"/>
  <c r="C2250" i="1"/>
  <c r="C2251" i="1"/>
  <c r="C2252" i="1"/>
  <c r="C2253" i="1"/>
  <c r="C2254" i="1"/>
  <c r="C2255" i="1"/>
  <c r="C2256" i="1"/>
  <c r="C2257" i="1"/>
  <c r="C2258" i="1"/>
  <c r="C2259" i="1"/>
  <c r="C2260" i="1"/>
  <c r="C2261" i="1"/>
  <c r="C2262" i="1"/>
  <c r="C2263" i="1"/>
  <c r="C2264" i="1"/>
  <c r="C2265" i="1"/>
  <c r="C2266" i="1"/>
  <c r="C2267" i="1"/>
  <c r="C2268" i="1"/>
  <c r="C2269" i="1"/>
  <c r="C2270" i="1"/>
  <c r="C2271" i="1"/>
  <c r="C2272" i="1"/>
  <c r="C2273" i="1"/>
  <c r="C2274" i="1"/>
  <c r="C2275" i="1"/>
  <c r="C2276" i="1"/>
  <c r="C2277" i="1"/>
  <c r="C2278" i="1"/>
  <c r="C2279" i="1"/>
  <c r="C2280" i="1"/>
  <c r="C2281" i="1"/>
  <c r="C2282" i="1"/>
  <c r="C2283" i="1"/>
  <c r="C2284" i="1"/>
  <c r="C2285" i="1"/>
  <c r="C2286" i="1"/>
  <c r="C2287" i="1"/>
  <c r="C2288" i="1"/>
  <c r="C2289" i="1"/>
  <c r="C2290" i="1"/>
  <c r="C2291" i="1"/>
  <c r="C2292" i="1"/>
  <c r="C2293" i="1"/>
  <c r="C2294" i="1"/>
  <c r="C2295" i="1"/>
  <c r="C2296" i="1"/>
  <c r="C2297" i="1"/>
  <c r="C2298" i="1"/>
  <c r="C2299" i="1"/>
  <c r="C2300" i="1"/>
  <c r="C2301" i="1"/>
  <c r="C2302" i="1"/>
  <c r="C2303" i="1"/>
  <c r="C2304" i="1"/>
  <c r="C2305" i="1"/>
  <c r="C2306" i="1"/>
  <c r="C2307" i="1"/>
  <c r="C2308" i="1"/>
  <c r="C2309" i="1"/>
  <c r="C2310" i="1"/>
  <c r="C2311" i="1"/>
  <c r="C2312" i="1"/>
  <c r="C2313" i="1"/>
  <c r="C2314" i="1"/>
  <c r="C2315" i="1"/>
  <c r="C2316" i="1"/>
  <c r="C2317" i="1"/>
  <c r="C2318" i="1"/>
  <c r="C2319" i="1"/>
  <c r="C2320" i="1"/>
  <c r="C2321" i="1"/>
  <c r="C2322" i="1"/>
  <c r="C2323" i="1"/>
  <c r="C2324" i="1"/>
  <c r="C2325" i="1"/>
  <c r="C2326" i="1"/>
  <c r="C2327" i="1"/>
  <c r="C2328" i="1"/>
  <c r="C2329" i="1"/>
  <c r="C2330" i="1"/>
  <c r="C2331" i="1"/>
  <c r="C2332" i="1"/>
  <c r="C2333" i="1"/>
  <c r="C2334" i="1"/>
  <c r="C2335" i="1"/>
  <c r="C2336" i="1"/>
  <c r="C2337" i="1"/>
  <c r="C2338" i="1"/>
  <c r="C2339" i="1"/>
  <c r="C2340" i="1"/>
  <c r="C2341" i="1"/>
  <c r="C2342" i="1"/>
  <c r="C2343" i="1"/>
  <c r="C2344" i="1"/>
  <c r="C2345" i="1"/>
  <c r="C2346" i="1"/>
  <c r="C2347" i="1"/>
  <c r="C2348" i="1"/>
  <c r="C2349" i="1"/>
  <c r="C2350" i="1"/>
  <c r="C2351" i="1"/>
  <c r="C2352" i="1"/>
  <c r="C2353" i="1"/>
  <c r="C2354" i="1"/>
  <c r="C2355" i="1"/>
  <c r="C2356" i="1"/>
  <c r="C2357" i="1"/>
  <c r="C2358" i="1"/>
  <c r="C2359" i="1"/>
  <c r="C2360" i="1"/>
  <c r="C2361" i="1"/>
  <c r="C2362" i="1"/>
  <c r="C2363" i="1"/>
  <c r="C2364" i="1"/>
  <c r="C2365" i="1"/>
  <c r="C2366" i="1"/>
  <c r="C2367" i="1"/>
  <c r="C2368" i="1"/>
  <c r="C2369" i="1"/>
  <c r="C2370" i="1"/>
  <c r="C2371" i="1"/>
  <c r="C2372" i="1"/>
  <c r="C2373" i="1"/>
  <c r="C2374" i="1"/>
  <c r="C2375" i="1"/>
  <c r="C2376" i="1"/>
  <c r="C2377" i="1"/>
  <c r="C2378" i="1"/>
  <c r="C2379" i="1"/>
  <c r="C2380" i="1"/>
  <c r="C2381" i="1"/>
  <c r="C2382" i="1"/>
  <c r="C2383" i="1"/>
  <c r="C2384" i="1"/>
  <c r="C2385" i="1"/>
  <c r="C2386" i="1"/>
  <c r="C2387" i="1"/>
  <c r="C2388" i="1"/>
  <c r="C2389" i="1"/>
  <c r="C2390" i="1"/>
  <c r="C2391" i="1"/>
  <c r="C2392" i="1"/>
  <c r="C2393" i="1"/>
  <c r="C2394" i="1"/>
  <c r="C2395" i="1"/>
  <c r="C2396" i="1"/>
  <c r="C2397" i="1"/>
  <c r="C2398" i="1"/>
  <c r="C2399" i="1"/>
  <c r="C2400" i="1"/>
  <c r="C2401" i="1"/>
  <c r="C2402" i="1"/>
  <c r="C2403" i="1"/>
  <c r="C2404" i="1"/>
  <c r="C2405" i="1"/>
  <c r="C2406" i="1"/>
  <c r="C2407" i="1"/>
  <c r="C2408" i="1"/>
  <c r="C2409" i="1"/>
  <c r="C2410" i="1"/>
  <c r="C2411" i="1"/>
  <c r="C2412" i="1"/>
  <c r="C2413" i="1"/>
  <c r="C2414" i="1"/>
  <c r="C2415" i="1"/>
  <c r="C2416" i="1"/>
  <c r="C2417" i="1"/>
  <c r="C2418" i="1"/>
  <c r="C2419" i="1"/>
  <c r="C2420" i="1"/>
  <c r="C2421" i="1"/>
  <c r="C2422" i="1"/>
  <c r="C2423" i="1"/>
  <c r="C2424" i="1"/>
  <c r="C2425" i="1"/>
  <c r="C2426" i="1"/>
  <c r="C2427" i="1"/>
  <c r="C2428" i="1"/>
  <c r="C2429" i="1"/>
  <c r="C2430" i="1"/>
  <c r="C2431" i="1"/>
  <c r="C2432" i="1"/>
  <c r="C2433" i="1"/>
  <c r="C2434" i="1"/>
  <c r="C2435" i="1"/>
  <c r="C2436" i="1"/>
  <c r="C2437" i="1"/>
  <c r="C2438" i="1"/>
  <c r="C2439" i="1"/>
  <c r="C2440" i="1"/>
  <c r="C2441" i="1"/>
  <c r="C2442" i="1"/>
  <c r="C2443" i="1"/>
  <c r="C2444" i="1"/>
  <c r="C2445" i="1"/>
  <c r="C2446" i="1"/>
  <c r="C2447" i="1"/>
  <c r="C2448" i="1"/>
  <c r="C2449" i="1"/>
  <c r="C2450" i="1"/>
  <c r="C2451" i="1"/>
  <c r="C2452" i="1"/>
  <c r="C2453" i="1"/>
  <c r="C2454" i="1"/>
  <c r="C2455" i="1"/>
  <c r="C2456" i="1"/>
  <c r="C2457" i="1"/>
  <c r="C2458" i="1"/>
  <c r="C2459" i="1"/>
  <c r="C2460" i="1"/>
  <c r="C2461" i="1"/>
  <c r="C2462" i="1"/>
  <c r="C2463" i="1"/>
  <c r="C2464" i="1"/>
  <c r="C2465" i="1"/>
  <c r="C2466" i="1"/>
  <c r="C2467" i="1"/>
  <c r="C2468" i="1"/>
  <c r="C2469" i="1"/>
  <c r="C2470" i="1"/>
  <c r="C2471" i="1"/>
  <c r="C2472" i="1"/>
  <c r="C2473" i="1"/>
  <c r="C2474" i="1"/>
  <c r="C2475" i="1"/>
  <c r="C2476" i="1"/>
  <c r="C2477" i="1"/>
  <c r="C2478" i="1"/>
  <c r="C2479" i="1"/>
  <c r="C2480" i="1"/>
  <c r="C2481" i="1"/>
  <c r="C2482" i="1"/>
  <c r="C2483" i="1"/>
  <c r="C2484" i="1"/>
  <c r="C2485" i="1"/>
  <c r="C2486" i="1"/>
  <c r="C2487" i="1"/>
  <c r="C2488" i="1"/>
  <c r="C2489" i="1"/>
  <c r="C2490" i="1"/>
  <c r="C2491" i="1"/>
  <c r="C2492" i="1"/>
  <c r="C2493" i="1"/>
  <c r="C2494" i="1"/>
  <c r="C2495" i="1"/>
  <c r="C2496" i="1"/>
  <c r="C2497" i="1"/>
  <c r="C2498" i="1"/>
  <c r="C2499" i="1"/>
  <c r="C2500" i="1"/>
  <c r="C2501" i="1"/>
  <c r="C2502" i="1"/>
  <c r="C2503" i="1"/>
  <c r="C2504" i="1"/>
  <c r="C2505" i="1"/>
  <c r="C2506" i="1"/>
  <c r="C2507" i="1"/>
  <c r="C2508" i="1"/>
  <c r="C2509" i="1"/>
  <c r="C2510" i="1"/>
  <c r="C2511" i="1"/>
  <c r="C2512" i="1"/>
  <c r="C2513" i="1"/>
  <c r="C2514" i="1"/>
  <c r="C2515" i="1"/>
  <c r="C2516" i="1"/>
  <c r="C2517" i="1"/>
  <c r="C2518" i="1"/>
  <c r="C2519" i="1"/>
  <c r="C2520" i="1"/>
  <c r="C2521" i="1"/>
  <c r="C2522" i="1"/>
  <c r="C2523" i="1"/>
  <c r="C2524" i="1"/>
  <c r="C2525" i="1"/>
  <c r="C2526" i="1"/>
  <c r="C2527" i="1"/>
  <c r="C2528" i="1"/>
  <c r="C2529" i="1"/>
  <c r="C2530" i="1"/>
  <c r="C2531" i="1"/>
  <c r="C2532" i="1"/>
  <c r="C2533" i="1"/>
  <c r="C2534" i="1"/>
  <c r="C2535" i="1"/>
  <c r="C2536" i="1"/>
  <c r="C2537" i="1"/>
  <c r="C2538" i="1"/>
  <c r="C2539" i="1"/>
  <c r="C2540" i="1"/>
  <c r="C2541" i="1"/>
  <c r="C2542" i="1"/>
  <c r="C2543" i="1"/>
  <c r="C2544" i="1"/>
  <c r="C2545" i="1"/>
  <c r="C2546" i="1"/>
  <c r="C2547" i="1"/>
  <c r="C2548" i="1"/>
  <c r="C2549" i="1"/>
  <c r="C2550" i="1"/>
  <c r="C2551" i="1"/>
  <c r="C2552" i="1"/>
  <c r="C2553" i="1"/>
  <c r="C2554" i="1"/>
  <c r="C2555" i="1"/>
  <c r="C2556" i="1"/>
  <c r="C2557" i="1"/>
  <c r="C2558" i="1"/>
  <c r="C2559" i="1"/>
  <c r="C2560" i="1"/>
  <c r="C2561" i="1"/>
  <c r="C2562" i="1"/>
  <c r="C2563" i="1"/>
  <c r="C2564" i="1"/>
  <c r="C2565" i="1"/>
  <c r="C2566" i="1"/>
  <c r="C2567" i="1"/>
  <c r="C2568" i="1"/>
  <c r="C2569" i="1"/>
  <c r="C2570" i="1"/>
  <c r="C2571" i="1"/>
  <c r="C2572" i="1"/>
  <c r="C2573" i="1"/>
  <c r="C2574" i="1"/>
  <c r="C2575" i="1"/>
  <c r="C2576" i="1"/>
  <c r="C2577" i="1"/>
  <c r="C2578" i="1"/>
  <c r="C2579" i="1"/>
  <c r="C2580" i="1"/>
  <c r="C2581" i="1"/>
  <c r="C2582" i="1"/>
  <c r="C2583" i="1"/>
  <c r="C2584" i="1"/>
  <c r="C2585" i="1"/>
  <c r="C2586" i="1"/>
  <c r="C2587" i="1"/>
  <c r="C2588" i="1"/>
  <c r="C2589" i="1"/>
  <c r="C2590" i="1"/>
  <c r="C2591" i="1"/>
  <c r="C2592" i="1"/>
  <c r="C2593" i="1"/>
  <c r="C2594" i="1"/>
  <c r="C2595" i="1"/>
  <c r="C2596" i="1"/>
  <c r="C2597" i="1"/>
  <c r="C2598" i="1"/>
  <c r="C2599" i="1"/>
  <c r="C2600" i="1"/>
  <c r="C2601" i="1"/>
  <c r="C2602" i="1"/>
  <c r="C2603" i="1"/>
  <c r="C2604" i="1"/>
  <c r="C2605" i="1"/>
  <c r="C2606" i="1"/>
  <c r="C2607" i="1"/>
  <c r="C2608" i="1"/>
  <c r="C2609" i="1"/>
  <c r="C2610" i="1"/>
  <c r="C2611" i="1"/>
  <c r="C2612" i="1"/>
  <c r="C2613" i="1"/>
  <c r="C2614" i="1"/>
  <c r="C2615" i="1"/>
  <c r="C2616" i="1"/>
  <c r="C2617" i="1"/>
  <c r="C2618" i="1"/>
  <c r="C2619" i="1"/>
  <c r="C2620" i="1"/>
  <c r="C2621" i="1"/>
  <c r="C2622" i="1"/>
  <c r="C2623" i="1"/>
  <c r="C2624" i="1"/>
  <c r="C2625" i="1"/>
  <c r="C2626" i="1"/>
  <c r="C2627" i="1"/>
  <c r="C2628" i="1"/>
  <c r="C2629" i="1"/>
  <c r="C2630" i="1"/>
  <c r="C2631" i="1"/>
  <c r="C2632" i="1"/>
  <c r="C2633" i="1"/>
  <c r="C2634" i="1"/>
  <c r="C2635" i="1"/>
  <c r="C2636" i="1"/>
  <c r="C2637" i="1"/>
  <c r="C2638" i="1"/>
  <c r="C2639" i="1"/>
  <c r="C2640" i="1"/>
  <c r="C2641" i="1"/>
  <c r="C2642" i="1"/>
  <c r="C2643" i="1"/>
  <c r="C2644" i="1"/>
  <c r="C2645" i="1"/>
  <c r="C2646" i="1"/>
  <c r="C2647" i="1"/>
  <c r="C2648" i="1"/>
  <c r="C2649" i="1"/>
  <c r="C2650" i="1"/>
  <c r="C2651" i="1"/>
  <c r="C2652" i="1"/>
  <c r="C2653" i="1"/>
  <c r="C2654" i="1"/>
  <c r="C2655" i="1"/>
  <c r="C2656" i="1"/>
  <c r="C2657" i="1"/>
  <c r="C2658" i="1"/>
  <c r="C2659" i="1"/>
  <c r="C2660" i="1"/>
  <c r="C2661" i="1"/>
  <c r="C2662" i="1"/>
  <c r="C2663" i="1"/>
  <c r="C2664" i="1"/>
  <c r="C2665" i="1"/>
  <c r="C2666" i="1"/>
  <c r="C2667" i="1"/>
  <c r="C2668" i="1"/>
  <c r="C2669" i="1"/>
  <c r="C2670" i="1"/>
  <c r="C2671" i="1"/>
  <c r="C2672" i="1"/>
  <c r="C2673" i="1"/>
  <c r="C2674" i="1"/>
  <c r="C2675" i="1"/>
  <c r="C2676" i="1"/>
  <c r="C2677" i="1"/>
  <c r="C2678" i="1"/>
  <c r="C2679" i="1"/>
  <c r="C2680" i="1"/>
  <c r="C2681" i="1"/>
  <c r="C2682" i="1"/>
  <c r="C2683" i="1"/>
  <c r="C2684" i="1"/>
  <c r="C2685" i="1"/>
  <c r="C2686" i="1"/>
  <c r="C2687" i="1"/>
  <c r="C2688" i="1"/>
  <c r="C2689" i="1"/>
  <c r="C2690" i="1"/>
  <c r="C2691" i="1"/>
  <c r="C2692" i="1"/>
  <c r="C2693" i="1"/>
  <c r="C2694" i="1"/>
  <c r="C2695" i="1"/>
  <c r="C2696" i="1"/>
  <c r="C2697" i="1"/>
  <c r="C2698" i="1"/>
  <c r="C2699" i="1"/>
  <c r="C2700" i="1"/>
  <c r="C2701" i="1"/>
  <c r="C2702" i="1"/>
  <c r="C2703" i="1"/>
  <c r="C2704" i="1"/>
  <c r="C2705" i="1"/>
  <c r="C2706" i="1"/>
  <c r="C2707" i="1"/>
  <c r="C2708" i="1"/>
  <c r="C2709" i="1"/>
  <c r="C2710" i="1"/>
  <c r="C2711" i="1"/>
  <c r="C2712" i="1"/>
  <c r="C2713" i="1"/>
  <c r="C2714" i="1"/>
  <c r="C2715" i="1"/>
  <c r="C2716" i="1"/>
  <c r="C2717" i="1"/>
  <c r="C2718" i="1"/>
  <c r="C2719" i="1"/>
  <c r="C2720" i="1"/>
  <c r="C2721" i="1"/>
  <c r="C2722" i="1"/>
  <c r="C2723" i="1"/>
  <c r="C2724" i="1"/>
  <c r="C2725" i="1"/>
  <c r="C2726" i="1"/>
  <c r="C2727" i="1"/>
  <c r="C2728" i="1"/>
  <c r="C2729" i="1"/>
  <c r="C2730" i="1"/>
  <c r="C2731" i="1"/>
  <c r="C2732" i="1"/>
  <c r="C2733" i="1"/>
  <c r="C2734" i="1"/>
  <c r="C2735" i="1"/>
  <c r="C2736" i="1"/>
  <c r="C2737" i="1"/>
  <c r="C2738" i="1"/>
  <c r="C2739" i="1"/>
  <c r="C2740" i="1"/>
  <c r="C2741" i="1"/>
  <c r="C2742" i="1"/>
  <c r="C2743" i="1"/>
  <c r="C2744" i="1"/>
  <c r="C2745" i="1"/>
  <c r="C2746" i="1"/>
  <c r="C2747" i="1"/>
  <c r="C2748" i="1"/>
  <c r="C2749" i="1"/>
  <c r="C2750" i="1"/>
  <c r="C2751" i="1"/>
  <c r="C2752" i="1"/>
  <c r="C2753" i="1"/>
  <c r="C2754" i="1"/>
  <c r="C2755" i="1"/>
  <c r="C2756" i="1"/>
  <c r="C2757" i="1"/>
  <c r="C2758" i="1"/>
  <c r="C2759" i="1"/>
  <c r="C2760" i="1"/>
  <c r="C2761" i="1"/>
  <c r="C2762" i="1"/>
  <c r="C2763" i="1"/>
  <c r="C2764" i="1"/>
  <c r="C2765" i="1"/>
  <c r="C2766" i="1"/>
  <c r="C2767" i="1"/>
  <c r="C2768" i="1"/>
  <c r="C2769" i="1"/>
  <c r="C2770" i="1"/>
  <c r="C2771" i="1"/>
  <c r="C2772" i="1"/>
  <c r="C2773" i="1"/>
  <c r="C2774" i="1"/>
  <c r="C2775" i="1"/>
  <c r="C2776" i="1"/>
  <c r="C2777" i="1"/>
  <c r="C2778" i="1"/>
  <c r="C2779" i="1"/>
  <c r="C2780" i="1"/>
  <c r="C2781" i="1"/>
  <c r="C2782" i="1"/>
  <c r="C2783" i="1"/>
  <c r="C2784" i="1"/>
  <c r="C2785" i="1"/>
  <c r="C2786" i="1"/>
  <c r="C2787" i="1"/>
  <c r="C2788" i="1"/>
  <c r="C2789" i="1"/>
  <c r="C2790" i="1"/>
  <c r="C2791" i="1"/>
  <c r="C2792" i="1"/>
  <c r="C2793" i="1"/>
  <c r="C2794" i="1"/>
  <c r="C2795" i="1"/>
  <c r="C2796" i="1"/>
  <c r="C2797" i="1"/>
  <c r="C2798" i="1"/>
  <c r="C2799" i="1"/>
  <c r="C2800" i="1"/>
  <c r="C2801" i="1"/>
  <c r="C2802" i="1"/>
  <c r="C2803" i="1"/>
  <c r="C2804" i="1"/>
  <c r="C2805" i="1"/>
  <c r="C2806" i="1"/>
  <c r="C2807" i="1"/>
  <c r="C2808" i="1"/>
  <c r="C2809" i="1"/>
  <c r="C2810" i="1"/>
  <c r="C2811" i="1"/>
  <c r="C2812" i="1"/>
  <c r="C2813" i="1"/>
  <c r="C2814" i="1"/>
  <c r="C2815" i="1"/>
  <c r="C2816" i="1"/>
  <c r="C2817" i="1"/>
  <c r="C2818" i="1"/>
  <c r="C2819" i="1"/>
  <c r="C2820" i="1"/>
  <c r="C2821" i="1"/>
  <c r="C2822" i="1"/>
  <c r="C2823" i="1"/>
  <c r="C2824" i="1"/>
  <c r="C2825" i="1"/>
  <c r="C2826" i="1"/>
  <c r="C2827" i="1"/>
  <c r="C2828" i="1"/>
  <c r="C2829" i="1"/>
  <c r="C2830" i="1"/>
  <c r="C2831" i="1"/>
  <c r="C2832" i="1"/>
  <c r="C2833" i="1"/>
  <c r="C2834" i="1"/>
  <c r="C2835" i="1"/>
  <c r="C2836" i="1"/>
  <c r="C2837" i="1"/>
  <c r="C2838" i="1"/>
  <c r="C2839" i="1"/>
  <c r="C2840" i="1"/>
  <c r="C2841" i="1"/>
  <c r="C2842" i="1"/>
  <c r="C2843" i="1"/>
  <c r="C2844" i="1"/>
  <c r="C2845" i="1"/>
  <c r="C2846" i="1"/>
  <c r="C2847" i="1"/>
  <c r="C2848" i="1"/>
  <c r="C2849" i="1"/>
  <c r="C2850" i="1"/>
  <c r="C2851" i="1"/>
  <c r="C2852" i="1"/>
  <c r="C2853" i="1"/>
  <c r="C2854" i="1"/>
  <c r="C2855" i="1"/>
  <c r="C2856" i="1"/>
  <c r="C2857" i="1"/>
  <c r="C2858" i="1"/>
  <c r="C2859" i="1"/>
  <c r="C2860" i="1"/>
  <c r="C2861" i="1"/>
  <c r="C2862" i="1"/>
  <c r="C2863" i="1"/>
  <c r="C2864" i="1"/>
  <c r="C2865" i="1"/>
  <c r="C2866" i="1"/>
  <c r="C2867" i="1"/>
  <c r="C2868" i="1"/>
  <c r="C2869" i="1"/>
  <c r="C2870" i="1"/>
  <c r="C2871" i="1"/>
  <c r="C2872" i="1"/>
  <c r="C2873" i="1"/>
  <c r="C2874" i="1"/>
  <c r="C2875" i="1"/>
  <c r="C2876" i="1"/>
  <c r="C2877" i="1"/>
  <c r="C2878" i="1"/>
  <c r="C2879" i="1"/>
  <c r="C2880" i="1"/>
  <c r="C2881" i="1"/>
  <c r="C2882" i="1"/>
  <c r="C2883" i="1"/>
  <c r="C2884" i="1"/>
  <c r="C2885" i="1"/>
  <c r="C2886" i="1"/>
  <c r="C2887" i="1"/>
  <c r="C2888" i="1"/>
  <c r="C2889" i="1"/>
  <c r="C2890" i="1"/>
  <c r="C2891" i="1"/>
  <c r="C2892" i="1"/>
  <c r="C2893" i="1"/>
  <c r="C2894" i="1"/>
  <c r="C2895" i="1"/>
  <c r="C2896" i="1"/>
  <c r="C2897" i="1"/>
  <c r="C2898" i="1"/>
  <c r="C2899" i="1"/>
  <c r="C2900" i="1"/>
  <c r="C2901" i="1"/>
  <c r="C2902" i="1"/>
  <c r="C2903" i="1"/>
  <c r="C2904" i="1"/>
  <c r="C2905" i="1"/>
  <c r="C2906" i="1"/>
  <c r="C2907" i="1"/>
  <c r="C2908" i="1"/>
  <c r="C2909" i="1"/>
  <c r="C2910" i="1"/>
  <c r="C2911" i="1"/>
  <c r="C2912" i="1"/>
  <c r="C2913" i="1"/>
  <c r="C2914" i="1"/>
  <c r="C2915" i="1"/>
  <c r="C2916" i="1"/>
  <c r="C2917" i="1"/>
  <c r="C2918" i="1"/>
  <c r="C2919" i="1"/>
  <c r="C2920" i="1"/>
  <c r="C2921" i="1"/>
  <c r="C2922" i="1"/>
  <c r="C2923" i="1"/>
  <c r="C2924" i="1"/>
  <c r="C2925" i="1"/>
  <c r="C2926" i="1"/>
  <c r="C2927" i="1"/>
  <c r="C2928" i="1"/>
  <c r="C2929" i="1"/>
  <c r="C2930" i="1"/>
  <c r="C2931" i="1"/>
  <c r="C2932" i="1"/>
  <c r="C2933" i="1"/>
  <c r="C2934" i="1"/>
  <c r="C2935" i="1"/>
  <c r="C2936" i="1"/>
  <c r="C2937" i="1"/>
  <c r="C2938" i="1"/>
  <c r="C2939" i="1"/>
  <c r="C2940" i="1"/>
  <c r="C2941" i="1"/>
  <c r="C2942" i="1"/>
  <c r="C2943" i="1"/>
  <c r="C2944" i="1"/>
  <c r="C2945" i="1"/>
  <c r="C2946" i="1"/>
  <c r="C2947" i="1"/>
  <c r="C2948" i="1"/>
  <c r="C2949" i="1"/>
  <c r="C2950" i="1"/>
  <c r="C2951" i="1"/>
  <c r="C2952" i="1"/>
  <c r="C2953" i="1"/>
  <c r="C2954" i="1"/>
  <c r="C2955" i="1"/>
  <c r="C2956" i="1"/>
  <c r="C2957" i="1"/>
  <c r="C2958" i="1"/>
  <c r="C2959" i="1"/>
  <c r="C2960" i="1"/>
  <c r="C2961" i="1"/>
  <c r="C2962" i="1"/>
  <c r="C2963" i="1"/>
  <c r="C2964" i="1"/>
  <c r="C2965" i="1"/>
  <c r="C2966" i="1"/>
  <c r="C2967" i="1"/>
  <c r="C2968" i="1"/>
  <c r="C2969" i="1"/>
  <c r="C2970" i="1"/>
  <c r="C2971" i="1"/>
  <c r="C2972" i="1"/>
  <c r="C2973" i="1"/>
  <c r="C2974" i="1"/>
  <c r="C2975" i="1"/>
  <c r="C2976" i="1"/>
  <c r="C2977" i="1"/>
  <c r="C2978" i="1"/>
  <c r="C2979" i="1"/>
  <c r="C2980" i="1"/>
  <c r="C2981" i="1"/>
  <c r="C2982" i="1"/>
  <c r="C2983" i="1"/>
  <c r="C2984" i="1"/>
  <c r="C2985" i="1"/>
  <c r="C2986" i="1"/>
  <c r="C2987" i="1"/>
  <c r="C2988" i="1"/>
  <c r="C2989" i="1"/>
  <c r="C2990" i="1"/>
  <c r="C2991" i="1"/>
  <c r="C2992" i="1"/>
  <c r="C2993" i="1"/>
  <c r="C2994" i="1"/>
  <c r="C2995" i="1"/>
  <c r="C2996" i="1"/>
  <c r="C2997" i="1"/>
  <c r="C2998" i="1"/>
  <c r="C2999" i="1"/>
  <c r="C3000" i="1"/>
  <c r="C3001" i="1"/>
  <c r="C3002" i="1"/>
  <c r="C3003" i="1"/>
  <c r="C3004" i="1"/>
  <c r="C3005" i="1"/>
  <c r="C3006" i="1"/>
  <c r="C3007" i="1"/>
  <c r="C3008" i="1"/>
  <c r="C3009" i="1"/>
  <c r="C3010" i="1"/>
  <c r="C3011" i="1"/>
  <c r="C3012" i="1"/>
  <c r="C3013" i="1"/>
  <c r="C3014" i="1"/>
  <c r="C3015" i="1"/>
  <c r="C3016" i="1"/>
  <c r="C3017" i="1"/>
  <c r="C3018" i="1"/>
  <c r="C3019" i="1"/>
  <c r="C3020" i="1"/>
  <c r="C3021" i="1"/>
  <c r="C3022" i="1"/>
  <c r="C3023" i="1"/>
  <c r="C3024" i="1"/>
  <c r="C3025" i="1"/>
  <c r="C3026" i="1"/>
  <c r="C3027" i="1"/>
  <c r="C3028" i="1"/>
  <c r="C3029" i="1"/>
  <c r="C3030" i="1"/>
  <c r="C3031" i="1"/>
  <c r="C3032" i="1"/>
  <c r="C3033" i="1"/>
  <c r="C3034" i="1"/>
  <c r="C3035" i="1"/>
  <c r="C3036" i="1"/>
  <c r="C3037" i="1"/>
  <c r="C3038" i="1"/>
  <c r="C3039" i="1"/>
  <c r="C3040" i="1"/>
  <c r="C3041" i="1"/>
  <c r="C3042" i="1"/>
  <c r="C3043" i="1"/>
  <c r="C3044" i="1"/>
  <c r="C3045" i="1"/>
  <c r="C3046" i="1"/>
  <c r="C3047" i="1"/>
  <c r="C3048" i="1"/>
  <c r="C3049" i="1"/>
  <c r="C3050" i="1"/>
  <c r="C3051" i="1"/>
  <c r="C3052" i="1"/>
  <c r="C3053" i="1"/>
  <c r="C3054" i="1"/>
  <c r="C3055" i="1"/>
  <c r="C3056" i="1"/>
  <c r="C3057" i="1"/>
  <c r="C3058" i="1"/>
  <c r="C3059" i="1"/>
  <c r="C3060" i="1"/>
  <c r="C3061" i="1"/>
  <c r="C3062" i="1"/>
  <c r="C3063" i="1"/>
  <c r="C3064" i="1"/>
  <c r="C3065" i="1"/>
  <c r="C3066" i="1"/>
  <c r="C3067" i="1"/>
  <c r="C3068" i="1"/>
  <c r="C3069" i="1"/>
  <c r="C3070" i="1"/>
  <c r="C3071" i="1"/>
  <c r="C3072" i="1"/>
  <c r="C3073" i="1"/>
  <c r="C3074" i="1"/>
  <c r="C3075" i="1"/>
  <c r="C3076" i="1"/>
  <c r="C3077" i="1"/>
  <c r="C3078" i="1"/>
  <c r="C3079" i="1"/>
  <c r="C3080" i="1"/>
  <c r="C3081" i="1"/>
  <c r="C3082" i="1"/>
  <c r="C3083" i="1"/>
  <c r="C3084" i="1"/>
  <c r="C3085" i="1"/>
  <c r="C3086" i="1"/>
  <c r="C3087" i="1"/>
  <c r="C3088" i="1"/>
  <c r="C3089" i="1"/>
  <c r="C3090" i="1"/>
  <c r="C3091" i="1"/>
  <c r="C3092" i="1"/>
  <c r="C3093" i="1"/>
  <c r="C3094" i="1"/>
  <c r="C3095" i="1"/>
  <c r="C3096" i="1"/>
  <c r="C3097" i="1"/>
  <c r="C3098" i="1"/>
  <c r="C3099" i="1"/>
  <c r="C3100" i="1"/>
  <c r="C3101" i="1"/>
  <c r="C3102" i="1"/>
  <c r="C3103" i="1"/>
  <c r="C3104" i="1"/>
  <c r="C3105" i="1"/>
  <c r="C3106" i="1"/>
  <c r="C3107" i="1"/>
  <c r="C3108" i="1"/>
  <c r="C3109" i="1"/>
  <c r="C3110" i="1"/>
  <c r="C3111" i="1"/>
  <c r="C3112" i="1"/>
  <c r="C3113" i="1"/>
  <c r="C3114" i="1"/>
  <c r="C3115" i="1"/>
  <c r="C3116" i="1"/>
  <c r="C3117" i="1"/>
  <c r="C3118" i="1"/>
  <c r="C3119" i="1"/>
  <c r="C3120" i="1"/>
  <c r="C3121" i="1"/>
  <c r="C3122" i="1"/>
  <c r="C3123" i="1"/>
  <c r="C3124" i="1"/>
  <c r="C3125" i="1"/>
  <c r="C3126" i="1"/>
  <c r="C3127" i="1"/>
  <c r="C3128" i="1"/>
  <c r="C3129" i="1"/>
  <c r="C3130" i="1"/>
  <c r="C3131" i="1"/>
  <c r="C3132" i="1"/>
  <c r="C3133" i="1"/>
  <c r="C3134" i="1"/>
  <c r="C3135" i="1"/>
  <c r="C3136" i="1"/>
  <c r="C3137" i="1"/>
  <c r="C3138" i="1"/>
  <c r="C3139" i="1"/>
  <c r="C3140" i="1"/>
  <c r="C3141" i="1"/>
  <c r="C3142" i="1"/>
  <c r="C3143" i="1"/>
  <c r="C3144" i="1"/>
  <c r="C3145" i="1"/>
  <c r="C3146" i="1"/>
  <c r="C3147" i="1"/>
  <c r="C3148" i="1"/>
  <c r="C3149" i="1"/>
  <c r="C3150" i="1"/>
  <c r="C3151" i="1"/>
  <c r="C3152" i="1"/>
  <c r="C3153" i="1"/>
  <c r="C3154" i="1"/>
  <c r="C3155" i="1"/>
  <c r="C3156" i="1"/>
  <c r="C3157" i="1"/>
  <c r="C3158" i="1"/>
  <c r="C3159" i="1"/>
  <c r="C3160" i="1"/>
  <c r="C3161" i="1"/>
  <c r="C3162" i="1"/>
  <c r="C3163" i="1"/>
  <c r="C3164" i="1"/>
  <c r="C3165" i="1"/>
  <c r="C3166" i="1"/>
  <c r="C3167" i="1"/>
  <c r="C3168" i="1"/>
  <c r="C3169" i="1"/>
  <c r="C3170" i="1"/>
  <c r="C3171" i="1"/>
  <c r="C3172" i="1"/>
  <c r="C3173" i="1"/>
  <c r="C3174" i="1"/>
  <c r="C3175" i="1"/>
  <c r="C3176" i="1"/>
  <c r="C3177" i="1"/>
  <c r="C3178" i="1"/>
  <c r="C3179" i="1"/>
  <c r="C3180" i="1"/>
  <c r="C3181" i="1"/>
  <c r="C3182" i="1"/>
  <c r="C3183" i="1"/>
  <c r="C3184" i="1"/>
  <c r="C3185" i="1"/>
  <c r="C3186" i="1"/>
  <c r="C3187" i="1"/>
  <c r="C3188" i="1"/>
  <c r="C3189" i="1"/>
  <c r="C3190" i="1"/>
  <c r="C3191" i="1"/>
  <c r="C3192" i="1"/>
  <c r="C3193" i="1"/>
  <c r="C3194" i="1"/>
  <c r="C3195" i="1"/>
  <c r="C3196" i="1"/>
  <c r="C3197" i="1"/>
  <c r="C3198" i="1"/>
  <c r="C3199" i="1"/>
  <c r="C3200" i="1"/>
  <c r="C3201" i="1"/>
  <c r="C3202" i="1"/>
  <c r="C3203" i="1"/>
  <c r="C3204" i="1"/>
  <c r="C3205" i="1"/>
  <c r="C3206" i="1"/>
  <c r="C3207" i="1"/>
  <c r="C3208" i="1"/>
  <c r="C3209" i="1"/>
  <c r="C3210" i="1"/>
  <c r="C3211" i="1"/>
  <c r="C3212" i="1"/>
  <c r="C3213" i="1"/>
  <c r="C3214" i="1"/>
  <c r="C3215" i="1"/>
  <c r="C3216" i="1"/>
  <c r="C3217" i="1"/>
  <c r="C3218" i="1"/>
  <c r="C3219" i="1"/>
  <c r="C3220" i="1"/>
  <c r="C3221" i="1"/>
  <c r="C3222" i="1"/>
  <c r="C3223" i="1"/>
  <c r="C3224" i="1"/>
  <c r="C3225" i="1"/>
  <c r="C3226" i="1"/>
  <c r="C3227" i="1"/>
  <c r="C3228" i="1"/>
  <c r="C3229" i="1"/>
  <c r="C3230" i="1"/>
  <c r="C3231" i="1"/>
  <c r="C3232" i="1"/>
  <c r="C3233" i="1"/>
  <c r="C3234" i="1"/>
  <c r="C3235" i="1"/>
  <c r="C3236" i="1"/>
  <c r="C3237" i="1"/>
  <c r="C3238" i="1"/>
  <c r="C3239" i="1"/>
  <c r="C3240" i="1"/>
  <c r="C3241" i="1"/>
  <c r="C3242" i="1"/>
  <c r="C3243" i="1"/>
  <c r="C3244" i="1"/>
  <c r="C3245" i="1"/>
  <c r="C3246" i="1"/>
  <c r="C3247" i="1"/>
  <c r="C3248" i="1"/>
  <c r="C3249" i="1"/>
  <c r="C3250" i="1"/>
  <c r="C3251" i="1"/>
  <c r="C3252" i="1"/>
  <c r="C3253" i="1"/>
  <c r="C3254" i="1"/>
  <c r="C3255" i="1"/>
  <c r="C3256" i="1"/>
  <c r="C3257" i="1"/>
  <c r="C3258" i="1"/>
  <c r="C3259" i="1"/>
  <c r="C3260" i="1"/>
  <c r="C3261" i="1"/>
  <c r="C3262" i="1"/>
  <c r="C3263" i="1"/>
  <c r="C3264" i="1"/>
  <c r="C3265" i="1"/>
  <c r="C3266" i="1"/>
  <c r="C3267" i="1"/>
  <c r="C3268" i="1"/>
  <c r="C3269" i="1"/>
  <c r="C3270" i="1"/>
  <c r="C3271" i="1"/>
  <c r="C3272" i="1"/>
  <c r="C3273" i="1"/>
  <c r="C3274" i="1"/>
  <c r="C3275" i="1"/>
  <c r="C3276" i="1"/>
  <c r="C3277" i="1"/>
  <c r="C3278" i="1"/>
  <c r="C3279" i="1"/>
  <c r="C3280" i="1"/>
  <c r="C3281" i="1"/>
  <c r="C3282" i="1"/>
  <c r="C3283" i="1"/>
  <c r="C3284" i="1"/>
  <c r="C3285" i="1"/>
  <c r="C3286" i="1"/>
  <c r="C3287" i="1"/>
  <c r="C3288" i="1"/>
  <c r="C3289" i="1"/>
  <c r="C3290" i="1"/>
  <c r="C3291" i="1"/>
  <c r="C3292" i="1"/>
  <c r="C3293" i="1"/>
  <c r="C3294" i="1"/>
  <c r="C3295" i="1"/>
  <c r="C3296" i="1"/>
  <c r="C3297" i="1"/>
  <c r="C3298" i="1"/>
  <c r="C3299" i="1"/>
  <c r="C3300" i="1"/>
  <c r="C3301" i="1"/>
  <c r="C3302" i="1"/>
  <c r="C3303" i="1"/>
  <c r="C3304" i="1"/>
  <c r="C3305" i="1"/>
  <c r="C3306" i="1"/>
  <c r="C3307" i="1"/>
  <c r="C3308" i="1"/>
  <c r="C3309" i="1"/>
  <c r="C3310" i="1"/>
  <c r="C3311" i="1"/>
  <c r="C3312" i="1"/>
  <c r="C3313" i="1"/>
  <c r="C3314" i="1"/>
  <c r="C3315" i="1"/>
  <c r="C3316" i="1"/>
  <c r="C3317" i="1"/>
  <c r="C3318" i="1"/>
  <c r="C3319" i="1"/>
  <c r="C3320" i="1"/>
  <c r="C3321" i="1"/>
  <c r="C3322" i="1"/>
  <c r="C3323" i="1"/>
  <c r="C3324" i="1"/>
  <c r="C3325" i="1"/>
  <c r="C3326" i="1"/>
  <c r="C3327" i="1"/>
  <c r="C3328" i="1"/>
  <c r="C3329" i="1"/>
  <c r="C3330" i="1"/>
  <c r="C3331" i="1"/>
  <c r="C3332" i="1"/>
  <c r="C3333" i="1"/>
  <c r="C3334" i="1"/>
  <c r="C3335" i="1"/>
  <c r="C3336" i="1"/>
  <c r="C3337" i="1"/>
  <c r="C3338" i="1"/>
  <c r="C3339" i="1"/>
  <c r="C3340" i="1"/>
  <c r="C3341" i="1"/>
  <c r="C3342" i="1"/>
  <c r="C3343" i="1"/>
  <c r="C3344" i="1"/>
  <c r="C3345" i="1"/>
  <c r="C3346" i="1"/>
  <c r="C3347" i="1"/>
  <c r="C3348" i="1"/>
  <c r="C3349" i="1"/>
  <c r="C3350" i="1"/>
  <c r="C3351" i="1"/>
  <c r="C3352" i="1"/>
  <c r="C3353" i="1"/>
  <c r="C3354" i="1"/>
  <c r="C3355" i="1"/>
  <c r="C3356" i="1"/>
  <c r="C3357" i="1"/>
  <c r="C3358" i="1"/>
  <c r="C3359" i="1"/>
  <c r="C3360" i="1"/>
  <c r="C3361" i="1"/>
  <c r="C3362" i="1"/>
  <c r="C3363" i="1"/>
  <c r="C3364" i="1"/>
  <c r="C3365" i="1"/>
  <c r="C3366" i="1"/>
  <c r="C3367" i="1"/>
  <c r="C3368" i="1"/>
  <c r="C3369" i="1"/>
  <c r="C3370" i="1"/>
  <c r="C3371" i="1"/>
  <c r="C3372" i="1"/>
  <c r="C3373" i="1"/>
  <c r="C3374" i="1"/>
  <c r="C3375" i="1"/>
  <c r="C3376" i="1"/>
  <c r="C3377" i="1"/>
  <c r="C3378" i="1"/>
  <c r="C3379" i="1"/>
  <c r="C3380" i="1"/>
  <c r="C3381" i="1"/>
  <c r="C3382" i="1"/>
  <c r="C3383" i="1"/>
  <c r="C3384" i="1"/>
  <c r="C3385" i="1"/>
  <c r="C3386" i="1"/>
  <c r="C3387" i="1"/>
  <c r="C3388" i="1"/>
  <c r="C3389" i="1"/>
  <c r="C3390" i="1"/>
  <c r="C3391" i="1"/>
  <c r="C3392" i="1"/>
  <c r="C3393" i="1"/>
  <c r="C3394" i="1"/>
  <c r="C3395" i="1"/>
  <c r="C3396" i="1"/>
  <c r="C3397" i="1"/>
  <c r="C3398" i="1"/>
  <c r="C3399" i="1"/>
  <c r="C3400" i="1"/>
  <c r="C3401" i="1"/>
  <c r="C3402" i="1"/>
  <c r="C3403" i="1"/>
  <c r="C3404" i="1"/>
  <c r="C3405" i="1"/>
  <c r="C3406" i="1"/>
  <c r="C3407" i="1"/>
  <c r="C3408" i="1"/>
  <c r="C3409" i="1"/>
  <c r="C3410" i="1"/>
  <c r="C3411" i="1"/>
  <c r="C3412" i="1"/>
  <c r="C3413" i="1"/>
  <c r="C3414" i="1"/>
  <c r="C3415" i="1"/>
  <c r="C3416" i="1"/>
  <c r="C3417" i="1"/>
  <c r="C3418" i="1"/>
  <c r="C3419" i="1"/>
  <c r="C3420" i="1"/>
  <c r="C3421" i="1"/>
  <c r="C3422" i="1"/>
  <c r="C3423" i="1"/>
  <c r="C3424" i="1"/>
  <c r="C3425" i="1"/>
  <c r="C3426" i="1"/>
  <c r="C3427" i="1"/>
  <c r="C3428" i="1"/>
  <c r="C3429" i="1"/>
  <c r="C3430" i="1"/>
  <c r="C3431" i="1"/>
  <c r="C3432" i="1"/>
  <c r="C3433" i="1"/>
  <c r="C3434" i="1"/>
  <c r="C3435" i="1"/>
  <c r="C3436" i="1"/>
  <c r="C3437" i="1"/>
  <c r="C3438" i="1"/>
  <c r="C3439" i="1"/>
  <c r="C3440" i="1"/>
  <c r="C3441" i="1"/>
  <c r="C3442" i="1"/>
  <c r="C3443" i="1"/>
  <c r="C3444" i="1"/>
  <c r="C3445" i="1"/>
  <c r="C3446" i="1"/>
  <c r="C3447" i="1"/>
  <c r="C3448" i="1"/>
  <c r="C3449" i="1"/>
  <c r="C3450" i="1"/>
  <c r="C3451" i="1"/>
  <c r="C3452" i="1"/>
  <c r="C3453" i="1"/>
  <c r="C3454" i="1"/>
  <c r="C3455" i="1"/>
  <c r="C3456" i="1"/>
  <c r="C3457" i="1"/>
  <c r="C3458" i="1"/>
  <c r="C3459" i="1"/>
  <c r="C3460" i="1"/>
  <c r="C3461" i="1"/>
  <c r="C3462" i="1"/>
  <c r="C3463" i="1"/>
  <c r="C3464" i="1"/>
  <c r="C3465" i="1"/>
  <c r="C3466" i="1"/>
  <c r="C3467" i="1"/>
  <c r="C3468" i="1"/>
  <c r="C3469" i="1"/>
  <c r="C3470" i="1"/>
  <c r="C3471" i="1"/>
  <c r="C3472" i="1"/>
  <c r="C3473" i="1"/>
  <c r="C3474" i="1"/>
  <c r="C3475" i="1"/>
  <c r="C3476" i="1"/>
  <c r="C3477" i="1"/>
  <c r="C3478" i="1"/>
  <c r="C3479" i="1"/>
  <c r="C3480" i="1"/>
  <c r="C3481" i="1"/>
  <c r="C3482" i="1"/>
  <c r="C3483" i="1"/>
  <c r="C3484" i="1"/>
  <c r="C3485" i="1"/>
  <c r="C3486" i="1"/>
  <c r="C3487" i="1"/>
  <c r="C3488" i="1"/>
  <c r="C3489" i="1"/>
  <c r="C3490" i="1"/>
  <c r="C3491" i="1"/>
  <c r="C3492" i="1"/>
  <c r="C3493" i="1"/>
  <c r="C3494" i="1"/>
  <c r="C3495" i="1"/>
  <c r="C3496" i="1"/>
  <c r="C3497" i="1"/>
  <c r="C3498" i="1"/>
  <c r="C3499" i="1"/>
  <c r="C3500" i="1"/>
  <c r="C3501" i="1"/>
  <c r="C3502" i="1"/>
  <c r="C3503" i="1"/>
  <c r="C3504" i="1"/>
  <c r="C3505" i="1"/>
  <c r="C3506" i="1"/>
  <c r="C3507" i="1"/>
  <c r="C3508" i="1"/>
  <c r="C3509" i="1"/>
  <c r="C3510" i="1"/>
  <c r="C3511" i="1"/>
  <c r="C3512" i="1"/>
  <c r="C3513" i="1"/>
  <c r="C3514" i="1"/>
  <c r="C3515" i="1"/>
  <c r="C3516" i="1"/>
  <c r="C3517" i="1"/>
  <c r="C3518" i="1"/>
  <c r="C3519" i="1"/>
  <c r="C3520" i="1"/>
  <c r="C3521" i="1"/>
  <c r="C3522" i="1"/>
  <c r="C3523" i="1"/>
  <c r="C3524" i="1"/>
  <c r="C3525" i="1"/>
  <c r="C3526" i="1"/>
  <c r="C3527" i="1"/>
  <c r="C3528" i="1"/>
  <c r="C3529" i="1"/>
  <c r="C3530" i="1"/>
  <c r="C3531" i="1"/>
  <c r="C3532" i="1"/>
  <c r="C3533" i="1"/>
  <c r="C3534" i="1"/>
  <c r="C3535" i="1"/>
  <c r="C3536" i="1"/>
  <c r="C3537" i="1"/>
  <c r="C3538" i="1"/>
  <c r="C3539" i="1"/>
  <c r="C3540" i="1"/>
  <c r="C3541" i="1"/>
  <c r="C3542" i="1"/>
  <c r="C3543" i="1"/>
  <c r="C3544" i="1"/>
  <c r="C3545" i="1"/>
  <c r="C3546" i="1"/>
  <c r="C3547" i="1"/>
  <c r="C3548" i="1"/>
  <c r="C3549" i="1"/>
  <c r="C3550" i="1"/>
  <c r="C3551" i="1"/>
  <c r="C3552" i="1"/>
  <c r="C3553" i="1"/>
  <c r="C3554" i="1"/>
  <c r="C3555" i="1"/>
  <c r="C3556" i="1"/>
  <c r="C3557" i="1"/>
  <c r="C3558" i="1"/>
  <c r="C3559" i="1"/>
  <c r="C3560" i="1"/>
  <c r="C3561" i="1"/>
  <c r="C3562" i="1"/>
  <c r="C3563" i="1"/>
  <c r="C3564" i="1"/>
  <c r="C3565" i="1"/>
  <c r="C3566" i="1"/>
  <c r="C3567" i="1"/>
  <c r="C3568" i="1"/>
  <c r="C3569" i="1"/>
  <c r="C3570" i="1"/>
  <c r="C3571" i="1"/>
  <c r="C3572" i="1"/>
  <c r="C3573" i="1"/>
  <c r="C3574" i="1"/>
  <c r="C3575" i="1"/>
  <c r="C3576" i="1"/>
  <c r="C3577" i="1"/>
  <c r="C3578" i="1"/>
  <c r="C3579" i="1"/>
  <c r="C3580" i="1"/>
  <c r="C3581" i="1"/>
  <c r="C3582" i="1"/>
  <c r="C3583" i="1"/>
  <c r="C3584" i="1"/>
  <c r="C3585" i="1"/>
  <c r="C3586" i="1"/>
  <c r="C3587" i="1"/>
  <c r="C3588" i="1"/>
  <c r="C3589" i="1"/>
  <c r="C3590" i="1"/>
  <c r="C3591" i="1"/>
  <c r="C3592" i="1"/>
  <c r="C3593" i="1"/>
  <c r="C3594" i="1"/>
  <c r="C3595" i="1"/>
  <c r="C3596" i="1"/>
  <c r="C3597" i="1"/>
  <c r="C3598" i="1"/>
  <c r="C3599" i="1"/>
  <c r="C3600" i="1"/>
  <c r="C3601" i="1"/>
  <c r="C3602" i="1"/>
  <c r="C3603" i="1"/>
  <c r="C3604" i="1"/>
  <c r="C3605" i="1"/>
  <c r="C3606" i="1"/>
  <c r="C3607" i="1"/>
  <c r="C3608" i="1"/>
  <c r="C3609" i="1"/>
  <c r="C3610" i="1"/>
  <c r="C3611" i="1"/>
  <c r="C3612" i="1"/>
  <c r="C3613" i="1"/>
  <c r="C3614" i="1"/>
  <c r="C3615" i="1"/>
  <c r="C3616" i="1"/>
  <c r="C3617" i="1"/>
  <c r="C3618" i="1"/>
  <c r="C3619" i="1"/>
  <c r="C3620" i="1"/>
  <c r="C3621" i="1"/>
  <c r="C3622" i="1"/>
  <c r="C3623" i="1"/>
  <c r="C3624" i="1"/>
  <c r="C3625" i="1"/>
  <c r="C3626" i="1"/>
  <c r="C3627" i="1"/>
  <c r="C3628" i="1"/>
  <c r="C3629" i="1"/>
  <c r="C3630" i="1"/>
  <c r="C3631" i="1"/>
  <c r="C3632" i="1"/>
  <c r="C3633" i="1"/>
  <c r="C3634" i="1"/>
  <c r="C3635" i="1"/>
  <c r="C3636" i="1"/>
  <c r="C3637" i="1"/>
  <c r="C3638" i="1"/>
  <c r="C3639" i="1"/>
  <c r="C3640" i="1"/>
  <c r="C3641" i="1"/>
  <c r="C3642" i="1"/>
  <c r="C3643" i="1"/>
  <c r="C3644" i="1"/>
  <c r="C3645" i="1"/>
  <c r="C3646" i="1"/>
  <c r="C3647" i="1"/>
  <c r="C3648" i="1"/>
  <c r="C3649" i="1"/>
  <c r="C3650" i="1"/>
  <c r="C3651" i="1"/>
  <c r="C3652" i="1"/>
  <c r="C3653" i="1"/>
  <c r="C3654" i="1"/>
  <c r="C3655" i="1"/>
  <c r="C3656" i="1"/>
  <c r="C3657" i="1"/>
  <c r="C3658" i="1"/>
  <c r="C3659" i="1"/>
  <c r="C3660" i="1"/>
  <c r="C3661" i="1"/>
  <c r="C3662" i="1"/>
  <c r="C3663" i="1"/>
  <c r="C3664" i="1"/>
  <c r="C3665" i="1"/>
  <c r="C3666" i="1"/>
  <c r="C3667" i="1"/>
  <c r="C3668" i="1"/>
  <c r="C3669" i="1"/>
  <c r="C3670" i="1"/>
  <c r="C3671" i="1"/>
  <c r="C3672" i="1"/>
  <c r="C3673" i="1"/>
  <c r="C3674" i="1"/>
  <c r="C3675" i="1"/>
  <c r="C3676" i="1"/>
  <c r="C3677" i="1"/>
  <c r="C3678" i="1"/>
  <c r="C3679" i="1"/>
  <c r="C3680" i="1"/>
  <c r="C3681" i="1"/>
  <c r="C3682" i="1"/>
  <c r="C3683" i="1"/>
  <c r="C3684" i="1"/>
  <c r="C3685" i="1"/>
  <c r="C3686" i="1"/>
  <c r="C3687" i="1"/>
  <c r="C3688" i="1"/>
  <c r="C3689" i="1"/>
  <c r="C3690" i="1"/>
  <c r="C3691" i="1"/>
  <c r="C3692" i="1"/>
  <c r="C3693" i="1"/>
  <c r="C3694" i="1"/>
  <c r="C3695" i="1"/>
  <c r="C3696" i="1"/>
  <c r="C3697" i="1"/>
  <c r="C3698" i="1"/>
  <c r="C3699" i="1"/>
  <c r="C3700" i="1"/>
  <c r="C3701" i="1"/>
  <c r="C3702" i="1"/>
  <c r="C3703" i="1"/>
  <c r="C3704" i="1"/>
  <c r="C3705" i="1"/>
  <c r="C3706" i="1"/>
  <c r="C3707" i="1"/>
  <c r="C3708" i="1"/>
  <c r="C3709" i="1"/>
  <c r="C3710" i="1"/>
  <c r="C3711" i="1"/>
  <c r="C3712" i="1"/>
  <c r="C3713" i="1"/>
  <c r="C3714" i="1"/>
  <c r="C3715" i="1"/>
  <c r="C3716" i="1"/>
  <c r="C3717" i="1"/>
  <c r="C3718" i="1"/>
  <c r="C3719" i="1"/>
  <c r="C3720" i="1"/>
  <c r="C3721" i="1"/>
  <c r="C3722" i="1"/>
  <c r="C3723" i="1"/>
  <c r="C3724" i="1"/>
  <c r="C3725" i="1"/>
  <c r="C3726" i="1"/>
  <c r="C3727" i="1"/>
  <c r="C3728" i="1"/>
  <c r="C3729" i="1"/>
  <c r="C3730" i="1"/>
  <c r="C3731" i="1"/>
  <c r="C3732" i="1"/>
  <c r="C3733" i="1"/>
  <c r="C3734" i="1"/>
  <c r="C3735" i="1"/>
  <c r="C3736" i="1"/>
  <c r="C3737" i="1"/>
  <c r="C3738" i="1"/>
  <c r="C3739" i="1"/>
  <c r="C3740" i="1"/>
  <c r="C3741" i="1"/>
  <c r="C3742" i="1"/>
  <c r="C3743" i="1"/>
  <c r="C3744" i="1"/>
  <c r="C3745" i="1"/>
  <c r="C3746" i="1"/>
  <c r="C3747" i="1"/>
  <c r="C3748" i="1"/>
  <c r="C3749" i="1"/>
  <c r="C3750" i="1"/>
  <c r="C3751" i="1"/>
  <c r="C3752" i="1"/>
  <c r="C3753" i="1"/>
  <c r="C3754" i="1"/>
  <c r="C3755" i="1"/>
  <c r="C3756" i="1"/>
  <c r="C3757" i="1"/>
  <c r="C3758" i="1"/>
  <c r="C3759" i="1"/>
  <c r="C3760" i="1"/>
  <c r="C3761" i="1"/>
  <c r="C3762" i="1"/>
  <c r="C3763" i="1"/>
  <c r="C3764" i="1"/>
  <c r="C3765" i="1"/>
  <c r="C3766" i="1"/>
  <c r="C3767" i="1"/>
  <c r="C3768" i="1"/>
  <c r="C3769" i="1"/>
  <c r="C3770" i="1"/>
  <c r="C3771" i="1"/>
  <c r="C3772" i="1"/>
  <c r="C3773" i="1"/>
  <c r="C3774" i="1"/>
  <c r="C3775" i="1"/>
  <c r="C3776" i="1"/>
  <c r="C3777" i="1"/>
  <c r="C3778" i="1"/>
  <c r="C3779" i="1"/>
  <c r="C3780" i="1"/>
  <c r="C3781" i="1"/>
  <c r="C3782" i="1"/>
  <c r="C3783" i="1"/>
  <c r="C3784" i="1"/>
  <c r="C3785" i="1"/>
  <c r="C3786" i="1"/>
  <c r="C3787" i="1"/>
  <c r="C3788" i="1"/>
  <c r="C3789" i="1"/>
  <c r="C3790" i="1"/>
  <c r="C3791" i="1"/>
  <c r="C3792" i="1"/>
  <c r="C3793" i="1"/>
  <c r="C3794" i="1"/>
  <c r="C3795" i="1"/>
  <c r="C3796" i="1"/>
  <c r="C3797" i="1"/>
  <c r="C3798" i="1"/>
  <c r="C3799" i="1"/>
  <c r="C3800" i="1"/>
  <c r="C3801" i="1"/>
  <c r="C3802" i="1"/>
  <c r="C3803" i="1"/>
  <c r="C3804" i="1"/>
  <c r="C3805" i="1"/>
  <c r="C3806" i="1"/>
  <c r="C3807" i="1"/>
  <c r="C3808" i="1"/>
  <c r="C3809" i="1"/>
  <c r="C3810" i="1"/>
  <c r="C3811" i="1"/>
  <c r="C3812" i="1"/>
  <c r="C3813" i="1"/>
  <c r="C3814" i="1"/>
  <c r="C3815" i="1"/>
  <c r="C3816" i="1"/>
  <c r="C3817" i="1"/>
  <c r="C3818" i="1"/>
  <c r="C3819" i="1"/>
  <c r="C3820" i="1"/>
  <c r="C3821" i="1"/>
  <c r="C3822" i="1"/>
  <c r="C3823" i="1"/>
  <c r="C3824" i="1"/>
  <c r="C3825" i="1"/>
  <c r="C3826" i="1"/>
  <c r="C3827" i="1"/>
  <c r="C3828" i="1"/>
  <c r="C3829" i="1"/>
  <c r="C3830" i="1"/>
  <c r="C3831" i="1"/>
  <c r="C3832" i="1"/>
  <c r="C3833" i="1"/>
  <c r="C3834" i="1"/>
  <c r="C3835" i="1"/>
  <c r="C3836" i="1"/>
  <c r="C3837" i="1"/>
  <c r="C3838" i="1"/>
  <c r="C3839" i="1"/>
  <c r="C3840" i="1"/>
  <c r="C3841" i="1"/>
  <c r="C3842" i="1"/>
  <c r="C3843" i="1"/>
  <c r="C3844" i="1"/>
  <c r="C3845" i="1"/>
  <c r="C3846" i="1"/>
  <c r="C3847" i="1"/>
  <c r="C3848" i="1"/>
  <c r="C3849" i="1"/>
  <c r="C3850" i="1"/>
  <c r="C3851" i="1"/>
  <c r="C3852" i="1"/>
  <c r="C3853" i="1"/>
  <c r="C3854" i="1"/>
  <c r="C3855" i="1"/>
  <c r="C3856" i="1"/>
  <c r="C3857" i="1"/>
  <c r="C3858" i="1"/>
  <c r="C3859" i="1"/>
  <c r="C3860" i="1"/>
  <c r="C3861" i="1"/>
  <c r="C3862" i="1"/>
  <c r="C3863" i="1"/>
  <c r="C3864" i="1"/>
  <c r="C3865" i="1"/>
  <c r="C3866" i="1"/>
  <c r="C3867" i="1"/>
  <c r="C3868" i="1"/>
  <c r="C3869" i="1"/>
  <c r="C3870" i="1"/>
  <c r="C3871" i="1"/>
  <c r="C3872" i="1"/>
  <c r="C3873" i="1"/>
  <c r="C3874" i="1"/>
  <c r="C3875" i="1"/>
  <c r="C3876" i="1"/>
  <c r="C3877" i="1"/>
  <c r="C3878" i="1"/>
  <c r="C3879" i="1"/>
  <c r="C3880" i="1"/>
  <c r="C3881" i="1"/>
  <c r="C3882" i="1"/>
  <c r="C3883" i="1"/>
  <c r="C3884" i="1"/>
  <c r="C3885" i="1"/>
  <c r="C3886" i="1"/>
  <c r="C3887" i="1"/>
  <c r="C3888" i="1"/>
  <c r="C3889" i="1"/>
  <c r="C3890" i="1"/>
  <c r="C3891" i="1"/>
  <c r="C3892" i="1"/>
  <c r="C3893" i="1"/>
  <c r="C3894" i="1"/>
  <c r="C3895" i="1"/>
  <c r="C3896" i="1"/>
  <c r="C3897" i="1"/>
  <c r="C3898" i="1"/>
  <c r="C3899" i="1"/>
  <c r="C3900" i="1"/>
  <c r="C3901" i="1"/>
  <c r="C3902" i="1"/>
  <c r="C3903" i="1"/>
  <c r="C3904" i="1"/>
  <c r="C3905" i="1"/>
  <c r="C3906" i="1"/>
  <c r="C3907" i="1"/>
  <c r="C3908" i="1"/>
  <c r="C3909" i="1"/>
  <c r="C3910" i="1"/>
  <c r="C3911" i="1"/>
  <c r="C3912" i="1"/>
  <c r="C3913" i="1"/>
  <c r="C3914" i="1"/>
  <c r="C3915" i="1"/>
  <c r="C3916" i="1"/>
  <c r="C3917" i="1"/>
  <c r="C3918" i="1"/>
  <c r="C3919" i="1"/>
  <c r="C3920" i="1"/>
  <c r="C3921" i="1"/>
  <c r="C3922" i="1"/>
  <c r="C3923" i="1"/>
  <c r="C3924" i="1"/>
  <c r="C3925" i="1"/>
  <c r="C3926" i="1"/>
  <c r="C3927" i="1"/>
  <c r="C3928" i="1"/>
  <c r="C3929" i="1"/>
  <c r="C3930" i="1"/>
  <c r="C3931" i="1"/>
  <c r="C3932" i="1"/>
  <c r="C3933" i="1"/>
  <c r="C3934" i="1"/>
  <c r="C3935" i="1"/>
  <c r="C3936" i="1"/>
  <c r="C3937" i="1"/>
  <c r="C3938" i="1"/>
  <c r="C3939" i="1"/>
  <c r="C3940" i="1"/>
  <c r="C3941" i="1"/>
  <c r="C3942" i="1"/>
  <c r="C3943" i="1"/>
  <c r="C3944" i="1"/>
  <c r="C3945" i="1"/>
  <c r="C3946" i="1"/>
  <c r="C3947" i="1"/>
  <c r="C3948" i="1"/>
  <c r="C3949" i="1"/>
  <c r="C3950" i="1"/>
  <c r="C3951" i="1"/>
  <c r="C3952" i="1"/>
  <c r="C3953" i="1"/>
  <c r="C3954" i="1"/>
  <c r="C3955" i="1"/>
  <c r="C3956" i="1"/>
  <c r="C3957" i="1"/>
  <c r="C3958" i="1"/>
  <c r="C3959" i="1"/>
  <c r="C3960" i="1"/>
  <c r="C3961" i="1"/>
  <c r="C3962" i="1"/>
  <c r="C3963" i="1"/>
  <c r="C3964" i="1"/>
  <c r="C3965" i="1"/>
  <c r="C3966" i="1"/>
  <c r="C3967" i="1"/>
  <c r="C3968" i="1"/>
  <c r="C3969" i="1"/>
  <c r="C3970" i="1"/>
  <c r="C3971" i="1"/>
  <c r="C3972" i="1"/>
  <c r="C3973" i="1"/>
  <c r="C3974" i="1"/>
  <c r="C3975" i="1"/>
  <c r="C3976" i="1"/>
  <c r="C3977" i="1"/>
  <c r="C3978" i="1"/>
  <c r="C3979" i="1"/>
  <c r="C3980" i="1"/>
  <c r="C3981" i="1"/>
  <c r="C3982" i="1"/>
  <c r="C3983" i="1"/>
  <c r="C3984" i="1"/>
  <c r="C3985" i="1"/>
  <c r="C3986" i="1"/>
  <c r="C3987" i="1"/>
  <c r="C3988" i="1"/>
  <c r="C3989" i="1"/>
  <c r="C3990" i="1"/>
  <c r="C3991" i="1"/>
  <c r="C3992" i="1"/>
  <c r="C3993" i="1"/>
  <c r="C3994" i="1"/>
  <c r="C3995" i="1"/>
  <c r="C3996" i="1"/>
  <c r="C3997" i="1"/>
  <c r="C3998" i="1"/>
  <c r="C3999" i="1"/>
  <c r="C4000" i="1"/>
  <c r="C4001" i="1"/>
  <c r="C4002" i="1"/>
  <c r="C4003" i="1"/>
  <c r="C4004" i="1"/>
  <c r="C4005" i="1"/>
  <c r="C4006" i="1"/>
  <c r="C4007" i="1"/>
  <c r="C4008" i="1"/>
  <c r="C4009" i="1"/>
  <c r="C4010" i="1"/>
  <c r="C4011" i="1"/>
  <c r="C4012" i="1"/>
  <c r="C4013" i="1"/>
  <c r="C4014" i="1"/>
  <c r="C4015" i="1"/>
  <c r="C4016" i="1"/>
  <c r="C4017" i="1"/>
  <c r="C4018" i="1"/>
  <c r="C4019" i="1"/>
  <c r="C4020" i="1"/>
  <c r="C4021" i="1"/>
  <c r="C4022" i="1"/>
  <c r="C4023" i="1"/>
  <c r="C4024" i="1"/>
  <c r="C4025" i="1"/>
  <c r="C4026" i="1"/>
  <c r="C4027" i="1"/>
  <c r="C4028" i="1"/>
  <c r="C4029" i="1"/>
  <c r="C4030" i="1"/>
  <c r="C4031" i="1"/>
  <c r="C4032" i="1"/>
  <c r="C4033" i="1"/>
  <c r="C4034" i="1"/>
  <c r="C4035" i="1"/>
  <c r="C4036" i="1"/>
  <c r="C4037" i="1"/>
  <c r="C4038" i="1"/>
  <c r="C4039" i="1"/>
  <c r="C4040" i="1"/>
  <c r="C4041" i="1"/>
  <c r="C4042" i="1"/>
  <c r="C4043" i="1"/>
  <c r="C4044" i="1"/>
  <c r="C4045" i="1"/>
  <c r="C4046" i="1"/>
  <c r="C4047" i="1"/>
  <c r="C4048" i="1"/>
  <c r="C4049" i="1"/>
  <c r="C4050" i="1"/>
  <c r="C4051" i="1"/>
  <c r="C4052" i="1"/>
  <c r="C4053" i="1"/>
  <c r="C4054" i="1"/>
  <c r="C4055" i="1"/>
  <c r="C4056" i="1"/>
  <c r="C4057" i="1"/>
  <c r="C4058" i="1"/>
  <c r="C4059" i="1"/>
  <c r="C4060" i="1"/>
  <c r="C4061" i="1"/>
  <c r="C4062" i="1"/>
  <c r="C4063" i="1"/>
  <c r="C4064" i="1"/>
  <c r="C4065" i="1"/>
  <c r="C4066" i="1"/>
  <c r="C4067" i="1"/>
  <c r="C4068" i="1"/>
  <c r="C4069" i="1"/>
  <c r="C4070" i="1"/>
  <c r="C4071" i="1"/>
  <c r="C4072" i="1"/>
  <c r="C4073" i="1"/>
  <c r="C4074" i="1"/>
  <c r="C4075" i="1"/>
  <c r="C4076" i="1"/>
  <c r="C4077" i="1"/>
  <c r="C4078" i="1"/>
  <c r="C4079" i="1"/>
  <c r="C4080" i="1"/>
  <c r="C4081" i="1"/>
  <c r="C4082" i="1"/>
  <c r="C4083" i="1"/>
  <c r="C4084" i="1"/>
  <c r="C4085" i="1"/>
  <c r="C4086" i="1"/>
  <c r="C4087" i="1"/>
  <c r="C4088" i="1"/>
  <c r="C4089" i="1"/>
  <c r="C4090" i="1"/>
  <c r="C4091" i="1"/>
  <c r="C4092" i="1"/>
  <c r="C4093" i="1"/>
  <c r="C4094" i="1"/>
  <c r="C4095" i="1"/>
  <c r="C4096" i="1"/>
  <c r="C4097" i="1"/>
  <c r="C4098" i="1"/>
  <c r="C4099" i="1"/>
  <c r="C4100" i="1"/>
  <c r="C4101" i="1"/>
  <c r="C4102" i="1"/>
  <c r="C4103" i="1"/>
  <c r="C4104" i="1"/>
  <c r="C4105" i="1"/>
  <c r="C4106" i="1"/>
  <c r="C4107" i="1"/>
  <c r="C4108" i="1"/>
  <c r="C4109" i="1"/>
  <c r="C4110" i="1"/>
  <c r="C4111" i="1"/>
  <c r="C4112" i="1"/>
  <c r="C4113" i="1"/>
  <c r="C4114" i="1"/>
  <c r="C4115" i="1"/>
  <c r="C4116" i="1"/>
  <c r="C4117" i="1"/>
  <c r="C4118" i="1"/>
  <c r="C4119" i="1"/>
  <c r="C4120" i="1"/>
  <c r="C4121" i="1"/>
  <c r="C4122" i="1"/>
  <c r="C4123" i="1"/>
  <c r="C4124" i="1"/>
  <c r="C4125" i="1"/>
  <c r="C4126" i="1"/>
  <c r="C4127" i="1"/>
  <c r="C4128" i="1"/>
  <c r="C4129" i="1"/>
  <c r="C4130" i="1"/>
  <c r="C4131" i="1"/>
  <c r="C4132" i="1"/>
  <c r="C4133" i="1"/>
  <c r="C4134" i="1"/>
  <c r="C4135" i="1"/>
  <c r="C4136" i="1"/>
  <c r="C4137" i="1"/>
  <c r="C4138" i="1"/>
  <c r="C4139" i="1"/>
  <c r="C4140" i="1"/>
  <c r="C4141" i="1"/>
  <c r="C4142" i="1"/>
  <c r="C4143" i="1"/>
  <c r="C4144" i="1"/>
  <c r="C4145" i="1"/>
  <c r="C4146" i="1"/>
  <c r="C4147" i="1"/>
  <c r="C4148" i="1"/>
  <c r="C4149" i="1"/>
  <c r="C4150" i="1"/>
  <c r="C4151" i="1"/>
  <c r="C4152" i="1"/>
  <c r="C4153" i="1"/>
  <c r="C4154" i="1"/>
  <c r="C4155" i="1"/>
  <c r="C4156" i="1"/>
  <c r="C4157" i="1"/>
  <c r="C4158" i="1"/>
  <c r="C4159" i="1"/>
  <c r="C4160" i="1"/>
  <c r="C4161" i="1"/>
  <c r="C4162" i="1"/>
  <c r="C4163" i="1"/>
  <c r="C4164" i="1"/>
  <c r="C4165" i="1"/>
  <c r="C4166" i="1"/>
  <c r="C4167" i="1"/>
  <c r="C4168" i="1"/>
  <c r="C4169" i="1"/>
  <c r="C4170" i="1"/>
  <c r="C4171" i="1"/>
  <c r="C4172" i="1"/>
  <c r="C4173" i="1"/>
  <c r="C4174" i="1"/>
  <c r="C4175" i="1"/>
  <c r="C4176" i="1"/>
  <c r="C4177" i="1"/>
  <c r="C4178" i="1"/>
  <c r="C4179" i="1"/>
  <c r="C4180" i="1"/>
  <c r="C4181" i="1"/>
  <c r="C4182" i="1"/>
  <c r="C4183" i="1"/>
  <c r="C4184" i="1"/>
  <c r="C4185" i="1"/>
  <c r="C4186" i="1"/>
  <c r="C4187" i="1"/>
  <c r="C4188" i="1"/>
  <c r="C4189" i="1"/>
  <c r="C4190" i="1"/>
  <c r="C4191" i="1"/>
  <c r="C4192" i="1"/>
  <c r="C4193" i="1"/>
  <c r="C4194" i="1"/>
  <c r="C4195" i="1"/>
  <c r="C4196" i="1"/>
  <c r="C4197" i="1"/>
  <c r="C4198" i="1"/>
  <c r="C4199" i="1"/>
  <c r="C4200" i="1"/>
  <c r="C4201" i="1"/>
  <c r="C4202" i="1"/>
  <c r="C4203" i="1"/>
  <c r="C4204" i="1"/>
  <c r="C4205" i="1"/>
  <c r="C4206" i="1"/>
  <c r="C4207" i="1"/>
  <c r="C4208" i="1"/>
  <c r="C4209" i="1"/>
  <c r="C4210" i="1"/>
  <c r="C4211" i="1"/>
  <c r="C4212" i="1"/>
  <c r="C4213" i="1"/>
  <c r="C4214" i="1"/>
  <c r="C4215" i="1"/>
  <c r="C4216" i="1"/>
  <c r="C4217" i="1"/>
  <c r="C4218" i="1"/>
  <c r="C4219" i="1"/>
  <c r="C4220" i="1"/>
  <c r="C4221" i="1"/>
  <c r="C4222" i="1"/>
  <c r="C4223" i="1"/>
  <c r="C4224" i="1"/>
  <c r="C4225" i="1"/>
  <c r="C4226" i="1"/>
  <c r="C4227" i="1"/>
  <c r="C4228" i="1"/>
  <c r="C4229" i="1"/>
  <c r="C4230" i="1"/>
  <c r="C4231" i="1"/>
  <c r="C4232" i="1"/>
  <c r="C4233" i="1"/>
  <c r="C4234" i="1"/>
  <c r="C4235" i="1"/>
  <c r="C4236" i="1"/>
  <c r="C4237" i="1"/>
  <c r="C4238" i="1"/>
  <c r="C4239" i="1"/>
  <c r="C4240" i="1"/>
  <c r="C4241" i="1"/>
  <c r="C4242" i="1"/>
  <c r="C4243" i="1"/>
  <c r="C4244" i="1"/>
  <c r="C4245" i="1"/>
  <c r="C4246" i="1"/>
  <c r="C4247" i="1"/>
  <c r="C4248" i="1"/>
  <c r="C4249" i="1"/>
  <c r="C4250" i="1"/>
  <c r="C4251" i="1"/>
  <c r="C4252" i="1"/>
  <c r="C4253" i="1"/>
  <c r="C4254" i="1"/>
  <c r="C4255" i="1"/>
  <c r="C4256" i="1"/>
  <c r="C4257" i="1"/>
  <c r="C4258" i="1"/>
  <c r="C4259" i="1"/>
  <c r="C4260" i="1"/>
  <c r="C4261" i="1"/>
  <c r="C4262" i="1"/>
  <c r="C4263" i="1"/>
  <c r="C4264" i="1"/>
  <c r="C4265" i="1"/>
  <c r="C4266" i="1"/>
  <c r="C4267" i="1"/>
  <c r="C4268" i="1"/>
  <c r="C4269" i="1"/>
  <c r="C4270" i="1"/>
  <c r="C4271" i="1"/>
  <c r="C4272" i="1"/>
  <c r="C4273" i="1"/>
  <c r="C4274" i="1"/>
  <c r="C4275" i="1"/>
  <c r="C4276" i="1"/>
  <c r="C4277" i="1"/>
  <c r="C4278" i="1"/>
  <c r="C4279" i="1"/>
  <c r="C4280" i="1"/>
  <c r="C4281" i="1"/>
  <c r="C4282" i="1"/>
  <c r="C4283" i="1"/>
  <c r="C4284" i="1"/>
  <c r="C4285" i="1"/>
  <c r="C4286" i="1"/>
  <c r="C4287" i="1"/>
  <c r="C4288" i="1"/>
  <c r="C4289" i="1"/>
  <c r="C4290" i="1"/>
  <c r="C4291" i="1"/>
  <c r="C4292" i="1"/>
  <c r="C4293" i="1"/>
  <c r="C4294" i="1"/>
  <c r="C4295" i="1"/>
  <c r="C4296" i="1"/>
  <c r="C4297" i="1"/>
  <c r="C4298" i="1"/>
  <c r="C4299" i="1"/>
  <c r="C4300" i="1"/>
  <c r="C4301" i="1"/>
  <c r="C4302" i="1"/>
  <c r="C4303" i="1"/>
  <c r="C4304" i="1"/>
  <c r="C4305" i="1"/>
  <c r="C4306" i="1"/>
  <c r="C4307" i="1"/>
  <c r="C4308" i="1"/>
  <c r="C4309" i="1"/>
  <c r="C4310" i="1"/>
  <c r="C4311" i="1"/>
  <c r="C4312" i="1"/>
  <c r="C4313" i="1"/>
  <c r="C4314" i="1"/>
  <c r="C4315" i="1"/>
  <c r="C4316" i="1"/>
  <c r="C4317" i="1"/>
  <c r="C4318" i="1"/>
  <c r="C4319" i="1"/>
  <c r="C4320" i="1"/>
  <c r="C4321" i="1"/>
  <c r="C4322" i="1"/>
  <c r="C4323" i="1"/>
  <c r="C4324" i="1"/>
  <c r="C4325" i="1"/>
  <c r="C4326" i="1"/>
  <c r="C4327" i="1"/>
  <c r="C4328" i="1"/>
  <c r="C4329" i="1"/>
  <c r="C4330" i="1"/>
  <c r="C4331" i="1"/>
  <c r="C4332" i="1"/>
  <c r="C4333" i="1"/>
  <c r="C4334" i="1"/>
  <c r="C4335" i="1"/>
  <c r="C4336" i="1"/>
  <c r="C4337" i="1"/>
  <c r="C4338" i="1"/>
  <c r="C4339" i="1"/>
  <c r="C4340" i="1"/>
  <c r="C4341" i="1"/>
  <c r="C4342" i="1"/>
  <c r="C4343" i="1"/>
  <c r="C4344" i="1"/>
  <c r="C4345" i="1"/>
  <c r="C4346" i="1"/>
  <c r="C4347" i="1"/>
  <c r="C4348" i="1"/>
  <c r="C4349" i="1"/>
  <c r="C4350" i="1"/>
  <c r="C4351" i="1"/>
  <c r="C4352" i="1"/>
  <c r="C4353" i="1"/>
  <c r="C4354" i="1"/>
  <c r="C4355" i="1"/>
  <c r="C4356" i="1"/>
  <c r="C4357" i="1"/>
  <c r="C4358" i="1"/>
  <c r="C4359" i="1"/>
  <c r="C4360" i="1"/>
  <c r="C4361" i="1"/>
  <c r="C4362" i="1"/>
  <c r="C4363" i="1"/>
  <c r="C4364" i="1"/>
  <c r="C4365" i="1"/>
  <c r="C4366" i="1"/>
  <c r="C4367" i="1"/>
  <c r="C4368" i="1"/>
  <c r="C4369" i="1"/>
  <c r="C4370" i="1"/>
  <c r="C4371" i="1"/>
  <c r="C4372" i="1"/>
  <c r="C4373" i="1"/>
  <c r="C4374" i="1"/>
  <c r="C4375" i="1"/>
  <c r="C4376" i="1"/>
  <c r="C4377" i="1"/>
  <c r="C4378" i="1"/>
  <c r="C4379" i="1"/>
  <c r="C4380" i="1"/>
  <c r="C4381" i="1"/>
  <c r="C4382" i="1"/>
  <c r="C4383" i="1"/>
  <c r="C4384" i="1"/>
  <c r="C4385" i="1"/>
  <c r="C4386" i="1"/>
  <c r="C4387" i="1"/>
  <c r="C4388" i="1"/>
  <c r="C4389" i="1"/>
  <c r="C4390" i="1"/>
  <c r="C4391" i="1"/>
  <c r="C4392" i="1"/>
  <c r="C4393" i="1"/>
  <c r="C4394" i="1"/>
  <c r="C4395" i="1"/>
  <c r="C4396" i="1"/>
  <c r="C4397" i="1"/>
  <c r="C4398" i="1"/>
  <c r="C4399" i="1"/>
  <c r="C4400" i="1"/>
  <c r="C4401" i="1"/>
  <c r="C4402" i="1"/>
  <c r="C4403" i="1"/>
  <c r="C4404" i="1"/>
  <c r="C4405" i="1"/>
  <c r="C4406" i="1"/>
  <c r="C4407" i="1"/>
  <c r="C4408" i="1"/>
  <c r="C4409" i="1"/>
  <c r="C4410" i="1"/>
  <c r="C4411" i="1"/>
  <c r="C4412" i="1"/>
  <c r="C4413" i="1"/>
  <c r="C4414" i="1"/>
  <c r="C4415" i="1"/>
  <c r="C4416" i="1"/>
  <c r="C4417" i="1"/>
  <c r="C4418" i="1"/>
  <c r="C4419" i="1"/>
  <c r="C4420" i="1"/>
  <c r="C4421" i="1"/>
  <c r="C4422" i="1"/>
  <c r="C4423" i="1"/>
  <c r="C4424" i="1"/>
  <c r="C4425" i="1"/>
  <c r="C4426" i="1"/>
  <c r="C4427" i="1"/>
  <c r="C4428" i="1"/>
  <c r="C4429" i="1"/>
  <c r="C4430" i="1"/>
  <c r="C4431" i="1"/>
  <c r="C4432" i="1"/>
  <c r="C4433" i="1"/>
  <c r="C4434" i="1"/>
  <c r="C4435" i="1"/>
  <c r="C4436" i="1"/>
  <c r="C4437" i="1"/>
  <c r="C4438" i="1"/>
  <c r="C4439" i="1"/>
  <c r="C4440" i="1"/>
  <c r="C4441" i="1"/>
  <c r="C4442" i="1"/>
  <c r="C4443" i="1"/>
  <c r="C4444" i="1"/>
  <c r="C4445" i="1"/>
  <c r="C4446" i="1"/>
  <c r="C4447" i="1"/>
  <c r="C4448" i="1"/>
  <c r="C4449" i="1"/>
  <c r="C4450" i="1"/>
  <c r="C4451" i="1"/>
  <c r="C4452" i="1"/>
  <c r="C4453" i="1"/>
  <c r="C4454" i="1"/>
  <c r="C4455" i="1"/>
  <c r="C4456" i="1"/>
  <c r="C4457" i="1"/>
  <c r="C4458" i="1"/>
  <c r="C4459" i="1"/>
  <c r="C4460" i="1"/>
  <c r="C4461" i="1"/>
  <c r="C4462" i="1"/>
  <c r="C4463" i="1"/>
  <c r="C4464" i="1"/>
  <c r="C4465" i="1"/>
  <c r="C4466" i="1"/>
  <c r="C4467" i="1"/>
  <c r="C4468" i="1"/>
  <c r="C4469" i="1"/>
  <c r="C4470" i="1"/>
  <c r="C4471" i="1"/>
  <c r="C4472" i="1"/>
  <c r="C4473" i="1"/>
  <c r="C4474" i="1"/>
  <c r="C4475" i="1"/>
  <c r="C4476" i="1"/>
  <c r="C4477" i="1"/>
  <c r="C4478" i="1"/>
  <c r="C4479" i="1"/>
  <c r="C4480" i="1"/>
  <c r="C4481" i="1"/>
  <c r="C4482" i="1"/>
  <c r="C4483" i="1"/>
  <c r="C4484" i="1"/>
  <c r="C4485" i="1"/>
  <c r="C4486" i="1"/>
  <c r="C4487" i="1"/>
  <c r="C4488" i="1"/>
  <c r="C4489" i="1"/>
  <c r="C4490" i="1"/>
  <c r="C4491" i="1"/>
  <c r="C4492" i="1"/>
  <c r="C4493" i="1"/>
  <c r="C4494" i="1"/>
  <c r="C4495" i="1"/>
  <c r="C4496" i="1"/>
  <c r="C4497" i="1"/>
  <c r="C4498" i="1"/>
  <c r="C4499" i="1"/>
  <c r="C4500" i="1"/>
  <c r="C4501" i="1"/>
  <c r="C4502" i="1"/>
  <c r="C4503" i="1"/>
  <c r="C4504" i="1"/>
  <c r="C4505" i="1"/>
  <c r="C4506" i="1"/>
  <c r="C4507" i="1"/>
  <c r="C4508" i="1"/>
  <c r="C4509" i="1"/>
  <c r="C4510" i="1"/>
  <c r="C4511" i="1"/>
  <c r="C4512" i="1"/>
  <c r="C4513" i="1"/>
  <c r="C4514" i="1"/>
  <c r="C4515" i="1"/>
  <c r="C4516" i="1"/>
  <c r="C4517" i="1"/>
  <c r="C4518" i="1"/>
  <c r="C4519" i="1"/>
  <c r="C4520" i="1"/>
  <c r="C4521" i="1"/>
  <c r="C4522" i="1"/>
  <c r="C4523" i="1"/>
  <c r="C4524" i="1"/>
  <c r="C4525" i="1"/>
  <c r="C4526" i="1"/>
  <c r="C4527" i="1"/>
  <c r="C4528" i="1"/>
  <c r="C4529" i="1"/>
  <c r="C4530" i="1"/>
  <c r="C4531" i="1"/>
  <c r="C4532" i="1"/>
  <c r="C4533" i="1"/>
  <c r="C4534" i="1"/>
  <c r="C4535" i="1"/>
  <c r="C4536" i="1"/>
  <c r="C4537" i="1"/>
  <c r="C4538" i="1"/>
  <c r="C4539" i="1"/>
  <c r="C4540" i="1"/>
  <c r="C4541" i="1"/>
  <c r="C4542" i="1"/>
  <c r="C4543" i="1"/>
  <c r="C4544" i="1"/>
  <c r="C4545" i="1"/>
  <c r="C4546" i="1"/>
  <c r="C4547" i="1"/>
  <c r="C4548" i="1"/>
  <c r="C4549" i="1"/>
  <c r="C4550" i="1"/>
  <c r="C4551" i="1"/>
  <c r="C4552" i="1"/>
  <c r="C4553" i="1"/>
  <c r="C4554" i="1"/>
  <c r="C4555" i="1"/>
  <c r="C4556" i="1"/>
  <c r="C4557" i="1"/>
  <c r="C4558" i="1"/>
  <c r="C4559" i="1"/>
  <c r="C4560" i="1"/>
  <c r="C4561" i="1"/>
  <c r="C4562" i="1"/>
  <c r="C4563" i="1"/>
  <c r="C4564" i="1"/>
  <c r="C4565" i="1"/>
  <c r="C4566" i="1"/>
  <c r="C4567" i="1"/>
  <c r="C4568" i="1"/>
  <c r="C4569" i="1"/>
  <c r="C4570" i="1"/>
  <c r="C4571" i="1"/>
  <c r="C4572" i="1"/>
  <c r="C4573" i="1"/>
  <c r="C4574" i="1"/>
  <c r="C4575" i="1"/>
  <c r="C4576" i="1"/>
  <c r="C4577" i="1"/>
  <c r="C4578" i="1"/>
  <c r="C4579" i="1"/>
  <c r="C4580" i="1"/>
  <c r="C4581" i="1"/>
  <c r="C4582" i="1"/>
  <c r="C4583" i="1"/>
  <c r="C4584" i="1"/>
  <c r="C4585" i="1"/>
  <c r="C4586" i="1"/>
  <c r="C4587" i="1"/>
  <c r="C4588" i="1"/>
  <c r="C4589" i="1"/>
  <c r="C4590" i="1"/>
  <c r="C4591" i="1"/>
  <c r="C4592" i="1"/>
  <c r="C4593" i="1"/>
  <c r="C4594" i="1"/>
  <c r="C4595" i="1"/>
  <c r="C4596" i="1"/>
  <c r="C4597" i="1"/>
  <c r="C4598" i="1"/>
  <c r="C4599" i="1"/>
  <c r="C4600" i="1"/>
  <c r="C4601" i="1"/>
  <c r="C4602" i="1"/>
  <c r="C4603" i="1"/>
  <c r="C4604" i="1"/>
  <c r="C4605" i="1"/>
  <c r="C4606" i="1"/>
  <c r="C4607" i="1"/>
  <c r="C4608" i="1"/>
  <c r="C4609" i="1"/>
  <c r="C4610" i="1"/>
  <c r="C4611" i="1"/>
  <c r="C4612" i="1"/>
  <c r="C4613" i="1"/>
  <c r="C4614" i="1"/>
  <c r="C4615" i="1"/>
  <c r="C4616" i="1"/>
  <c r="C4617" i="1"/>
  <c r="C4618" i="1"/>
  <c r="C4619" i="1"/>
  <c r="C4620" i="1"/>
  <c r="C4621" i="1"/>
  <c r="C4622" i="1"/>
  <c r="C4623" i="1"/>
  <c r="C4624" i="1"/>
  <c r="C4625" i="1"/>
  <c r="C4626" i="1"/>
  <c r="C4627" i="1"/>
  <c r="C4628" i="1"/>
  <c r="C4629" i="1"/>
  <c r="C4630" i="1"/>
  <c r="C4631" i="1"/>
  <c r="C4632" i="1"/>
  <c r="C4633" i="1"/>
  <c r="C4634" i="1"/>
  <c r="C4635" i="1"/>
  <c r="C4636" i="1"/>
  <c r="C4637" i="1"/>
  <c r="C4638" i="1"/>
  <c r="C4639" i="1"/>
  <c r="C4640" i="1"/>
  <c r="C4641" i="1"/>
  <c r="C4642" i="1"/>
  <c r="C4643" i="1"/>
  <c r="C4644" i="1"/>
  <c r="C4645" i="1"/>
  <c r="C4646" i="1"/>
  <c r="C4647" i="1"/>
  <c r="C4648" i="1"/>
  <c r="C4649" i="1"/>
  <c r="C4650" i="1"/>
  <c r="C4651" i="1"/>
  <c r="C4652" i="1"/>
  <c r="C4653" i="1"/>
  <c r="C4654" i="1"/>
  <c r="C4655" i="1"/>
  <c r="C4656" i="1"/>
  <c r="C4657" i="1"/>
  <c r="C4658" i="1"/>
  <c r="C4659" i="1"/>
  <c r="C4660" i="1"/>
  <c r="C4661" i="1"/>
  <c r="C4662" i="1"/>
  <c r="C4663" i="1"/>
  <c r="C4664" i="1"/>
  <c r="C4665" i="1"/>
  <c r="C4666" i="1"/>
  <c r="C4667" i="1"/>
  <c r="C4668" i="1"/>
  <c r="C4669" i="1"/>
  <c r="C4670" i="1"/>
  <c r="C4671" i="1"/>
  <c r="C4672" i="1"/>
  <c r="C4673" i="1"/>
  <c r="C4674" i="1"/>
  <c r="C4675" i="1"/>
  <c r="C4676" i="1"/>
  <c r="C4677" i="1"/>
  <c r="C4678" i="1"/>
  <c r="C4679" i="1"/>
  <c r="C4680" i="1"/>
  <c r="C4681" i="1"/>
  <c r="C4682" i="1"/>
  <c r="C4683" i="1"/>
  <c r="C4684" i="1"/>
  <c r="C4685" i="1"/>
  <c r="C4686" i="1"/>
  <c r="C4687" i="1"/>
  <c r="C4688" i="1"/>
  <c r="C4689" i="1"/>
  <c r="C4690" i="1"/>
  <c r="C4691" i="1"/>
  <c r="C4692" i="1"/>
  <c r="C4693" i="1"/>
  <c r="C4694" i="1"/>
  <c r="C4695" i="1"/>
  <c r="C4696" i="1"/>
  <c r="C4697" i="1"/>
  <c r="C4698" i="1"/>
  <c r="C4699" i="1"/>
  <c r="C4700" i="1"/>
  <c r="C4701" i="1"/>
  <c r="C4702" i="1"/>
  <c r="C4703" i="1"/>
  <c r="C4704" i="1"/>
  <c r="C4705" i="1"/>
  <c r="C4706" i="1"/>
  <c r="C4707" i="1"/>
  <c r="C4708" i="1"/>
  <c r="C4709" i="1"/>
  <c r="C4710" i="1"/>
  <c r="C4711" i="1"/>
  <c r="C4712" i="1"/>
  <c r="C4713" i="1"/>
  <c r="C4714" i="1"/>
  <c r="C4715" i="1"/>
  <c r="C4716" i="1"/>
  <c r="C4717" i="1"/>
  <c r="C4718" i="1"/>
  <c r="C4719" i="1"/>
  <c r="C4720" i="1"/>
  <c r="C4721" i="1"/>
  <c r="C4722" i="1"/>
  <c r="C4723" i="1"/>
  <c r="C4724" i="1"/>
  <c r="C4725" i="1"/>
  <c r="C4726" i="1"/>
  <c r="C4727" i="1"/>
  <c r="C4728" i="1"/>
  <c r="C4729" i="1"/>
  <c r="C4730" i="1"/>
  <c r="C4731" i="1"/>
  <c r="C4732" i="1"/>
  <c r="C4733" i="1"/>
  <c r="C4734" i="1"/>
  <c r="C4735" i="1"/>
  <c r="C4736" i="1"/>
  <c r="C4737" i="1"/>
  <c r="C4738" i="1"/>
  <c r="C4739" i="1"/>
  <c r="C4740" i="1"/>
  <c r="C4741" i="1"/>
  <c r="C4742" i="1"/>
  <c r="C4743" i="1"/>
  <c r="C4744" i="1"/>
  <c r="C4745" i="1"/>
  <c r="C4746" i="1"/>
  <c r="C4747" i="1"/>
  <c r="C4748" i="1"/>
  <c r="C4749" i="1"/>
  <c r="C4750" i="1"/>
  <c r="C4751" i="1"/>
  <c r="C4752" i="1"/>
  <c r="C4753" i="1"/>
  <c r="C4754" i="1"/>
  <c r="C4755" i="1"/>
  <c r="C4756" i="1"/>
  <c r="C4757" i="1"/>
  <c r="C4758" i="1"/>
  <c r="C4759" i="1"/>
  <c r="C4760" i="1"/>
  <c r="C4761" i="1"/>
  <c r="C4762" i="1"/>
  <c r="C4763" i="1"/>
  <c r="C4764" i="1"/>
  <c r="C4765" i="1"/>
  <c r="C4766" i="1"/>
  <c r="C4767" i="1"/>
  <c r="C4768" i="1"/>
  <c r="C4769" i="1"/>
  <c r="C4770" i="1"/>
  <c r="C4771" i="1"/>
  <c r="C4772" i="1"/>
  <c r="C4773" i="1"/>
  <c r="C4774" i="1"/>
  <c r="C4775" i="1"/>
  <c r="C4776" i="1"/>
  <c r="C4777" i="1"/>
  <c r="C4778" i="1"/>
  <c r="C4779" i="1"/>
  <c r="C4780" i="1"/>
  <c r="C4781" i="1"/>
  <c r="C4782" i="1"/>
  <c r="C4783" i="1"/>
  <c r="C4784" i="1"/>
  <c r="C4785" i="1"/>
  <c r="C4786" i="1"/>
  <c r="C4787" i="1"/>
  <c r="C4788" i="1"/>
  <c r="C4789" i="1"/>
  <c r="C4790" i="1"/>
  <c r="C4791" i="1"/>
  <c r="C4792" i="1"/>
  <c r="C4793" i="1"/>
  <c r="C4794" i="1"/>
  <c r="C4795" i="1"/>
  <c r="C4796" i="1"/>
  <c r="C4797" i="1"/>
  <c r="C4798" i="1"/>
  <c r="C4799" i="1"/>
  <c r="C4800" i="1"/>
  <c r="C4801" i="1"/>
  <c r="C4802" i="1"/>
  <c r="C4803" i="1"/>
  <c r="C4804" i="1"/>
  <c r="C4805" i="1"/>
  <c r="C4806" i="1"/>
  <c r="C4807" i="1"/>
  <c r="C4808" i="1"/>
  <c r="C4809" i="1"/>
  <c r="C4810" i="1"/>
  <c r="C4811" i="1"/>
  <c r="C4812" i="1"/>
  <c r="C4813" i="1"/>
  <c r="C4814" i="1"/>
  <c r="C4815" i="1"/>
  <c r="C4816" i="1"/>
  <c r="C4817" i="1"/>
  <c r="C4818" i="1"/>
  <c r="C4819" i="1"/>
  <c r="C4820" i="1"/>
  <c r="C4821" i="1"/>
  <c r="C4822" i="1"/>
  <c r="C4823" i="1"/>
  <c r="C4824" i="1"/>
  <c r="C4825" i="1"/>
  <c r="C4826" i="1"/>
  <c r="C4827" i="1"/>
  <c r="C4828" i="1"/>
  <c r="C4829" i="1"/>
  <c r="C4830" i="1"/>
  <c r="C4831" i="1"/>
  <c r="C4832" i="1"/>
  <c r="C4833" i="1"/>
  <c r="C4834" i="1"/>
  <c r="C4835" i="1"/>
  <c r="C4836" i="1"/>
  <c r="C4837" i="1"/>
  <c r="C4838" i="1"/>
  <c r="C4839" i="1"/>
  <c r="C4840" i="1"/>
  <c r="C4841" i="1"/>
  <c r="C4842" i="1"/>
  <c r="C4843" i="1"/>
  <c r="C4844" i="1"/>
  <c r="C4845" i="1"/>
  <c r="C4846" i="1"/>
  <c r="C4847" i="1"/>
  <c r="C4848" i="1"/>
  <c r="C4849" i="1"/>
  <c r="C4850" i="1"/>
  <c r="C4851" i="1"/>
  <c r="C4852" i="1"/>
  <c r="C4853" i="1"/>
  <c r="C4854" i="1"/>
  <c r="C4855" i="1"/>
  <c r="C4856" i="1"/>
  <c r="C4857" i="1"/>
  <c r="C4858" i="1"/>
  <c r="C4859" i="1"/>
  <c r="C4860" i="1"/>
  <c r="C4861" i="1"/>
  <c r="C4862" i="1"/>
  <c r="C4863" i="1"/>
  <c r="C4864" i="1"/>
  <c r="C4865" i="1"/>
  <c r="C4866" i="1"/>
  <c r="C4867" i="1"/>
  <c r="C4868" i="1"/>
  <c r="C4869" i="1"/>
  <c r="C4870" i="1"/>
  <c r="C4871" i="1"/>
  <c r="C4872" i="1"/>
  <c r="C4873" i="1"/>
  <c r="C4874" i="1"/>
  <c r="C4875" i="1"/>
  <c r="C4876" i="1"/>
  <c r="C4877" i="1"/>
  <c r="C4878" i="1"/>
  <c r="C4879" i="1"/>
  <c r="C4880" i="1"/>
  <c r="C4881" i="1"/>
  <c r="C4882" i="1"/>
  <c r="C4883" i="1"/>
  <c r="C4884" i="1"/>
  <c r="C4885" i="1"/>
  <c r="C4886" i="1"/>
  <c r="C4887" i="1"/>
  <c r="C4888" i="1"/>
  <c r="C4889" i="1"/>
  <c r="C4890" i="1"/>
  <c r="C4891" i="1"/>
  <c r="C4892" i="1"/>
  <c r="C4893" i="1"/>
  <c r="C4894" i="1"/>
  <c r="C4895" i="1"/>
  <c r="C4896" i="1"/>
  <c r="C4897" i="1"/>
  <c r="C4898" i="1"/>
  <c r="C4899" i="1"/>
  <c r="C4900" i="1"/>
  <c r="C4901" i="1"/>
  <c r="C4902" i="1"/>
  <c r="C4903" i="1"/>
  <c r="C4904" i="1"/>
  <c r="C4905" i="1"/>
  <c r="C4906" i="1"/>
  <c r="C4907" i="1"/>
  <c r="C4908" i="1"/>
  <c r="C4909" i="1"/>
  <c r="C4910" i="1"/>
  <c r="C4911" i="1"/>
  <c r="C4912" i="1"/>
  <c r="C4913" i="1"/>
  <c r="C4914" i="1"/>
  <c r="C4915" i="1"/>
  <c r="C4916" i="1"/>
  <c r="C4917" i="1"/>
  <c r="C4918" i="1"/>
  <c r="C4919" i="1"/>
  <c r="C4920" i="1"/>
  <c r="C4921" i="1"/>
  <c r="C4922" i="1"/>
  <c r="C4923" i="1"/>
  <c r="C4924" i="1"/>
  <c r="C4925" i="1"/>
  <c r="C4926" i="1"/>
  <c r="C4927" i="1"/>
  <c r="C4928" i="1"/>
  <c r="C4929" i="1"/>
  <c r="C4930" i="1"/>
  <c r="C4931" i="1"/>
  <c r="C4932" i="1"/>
  <c r="C4933" i="1"/>
  <c r="C4934" i="1"/>
  <c r="C4935" i="1"/>
  <c r="C4936" i="1"/>
  <c r="C4937" i="1"/>
  <c r="C4938" i="1"/>
  <c r="C4939" i="1"/>
  <c r="C4940" i="1"/>
  <c r="C4941" i="1"/>
  <c r="C4942" i="1"/>
  <c r="C4943" i="1"/>
  <c r="C4944" i="1"/>
  <c r="C4945" i="1"/>
  <c r="C4946" i="1"/>
  <c r="C4947" i="1"/>
  <c r="C4948" i="1"/>
  <c r="C4949" i="1"/>
  <c r="C4950" i="1"/>
  <c r="C4951" i="1"/>
  <c r="C4952" i="1"/>
  <c r="C4953" i="1"/>
  <c r="C4954" i="1"/>
  <c r="C4955" i="1"/>
  <c r="C4956" i="1"/>
  <c r="C4957" i="1"/>
  <c r="C4958" i="1"/>
  <c r="C4959" i="1"/>
  <c r="C4960" i="1"/>
  <c r="C4961" i="1"/>
  <c r="C4962" i="1"/>
  <c r="C4963" i="1"/>
  <c r="C4964" i="1"/>
  <c r="C4965" i="1"/>
  <c r="C4966" i="1"/>
  <c r="C4967" i="1"/>
  <c r="C4968" i="1"/>
  <c r="C4969" i="1"/>
  <c r="C4970" i="1"/>
  <c r="C4971" i="1"/>
  <c r="C4972" i="1"/>
  <c r="C4973" i="1"/>
  <c r="C4974" i="1"/>
  <c r="C4975" i="1"/>
  <c r="C4976" i="1"/>
  <c r="C4977" i="1"/>
  <c r="C4978" i="1"/>
  <c r="C4979" i="1"/>
  <c r="C4980" i="1"/>
  <c r="C4981" i="1"/>
  <c r="C4982" i="1"/>
  <c r="C4983" i="1"/>
  <c r="C4984" i="1"/>
  <c r="C4985" i="1"/>
  <c r="C4986" i="1"/>
  <c r="C4987" i="1"/>
  <c r="C4988" i="1"/>
  <c r="C4989" i="1"/>
  <c r="C4990" i="1"/>
  <c r="C4991" i="1"/>
  <c r="C4992" i="1"/>
  <c r="C4993" i="1"/>
  <c r="C4994" i="1"/>
  <c r="C4995" i="1"/>
  <c r="C4996" i="1"/>
  <c r="C4997" i="1"/>
  <c r="C4998" i="1"/>
  <c r="C4999" i="1"/>
  <c r="C5000" i="1"/>
  <c r="C5001" i="1"/>
  <c r="C5002" i="1"/>
  <c r="C5003" i="1"/>
  <c r="C5004" i="1"/>
  <c r="C5005" i="1"/>
  <c r="C5006" i="1"/>
  <c r="C5007" i="1"/>
  <c r="C5008" i="1"/>
  <c r="C5009" i="1"/>
  <c r="C5010" i="1"/>
  <c r="C5011" i="1"/>
  <c r="C5012" i="1"/>
  <c r="C5013" i="1"/>
  <c r="C5014" i="1"/>
  <c r="C5015" i="1"/>
  <c r="C5016" i="1"/>
  <c r="C5017" i="1"/>
  <c r="C5018" i="1"/>
  <c r="C5019" i="1"/>
  <c r="C5020" i="1"/>
  <c r="C5021" i="1"/>
  <c r="C5022" i="1"/>
  <c r="C5023" i="1"/>
  <c r="C5024" i="1"/>
  <c r="C5025" i="1"/>
  <c r="C5026" i="1"/>
  <c r="C5027" i="1"/>
  <c r="C5028" i="1"/>
  <c r="C5029" i="1"/>
  <c r="C5030" i="1"/>
  <c r="C5031" i="1"/>
  <c r="C5032" i="1"/>
  <c r="C5033" i="1"/>
  <c r="C5034" i="1"/>
  <c r="C5035" i="1"/>
  <c r="C5036" i="1"/>
  <c r="C5037" i="1"/>
  <c r="C5038" i="1"/>
  <c r="C5039" i="1"/>
  <c r="C5040" i="1"/>
  <c r="C5041" i="1"/>
  <c r="C5042" i="1"/>
  <c r="C5043" i="1"/>
  <c r="C5044" i="1"/>
  <c r="C5045" i="1"/>
  <c r="C5046" i="1"/>
  <c r="C5047" i="1"/>
  <c r="C5048" i="1"/>
  <c r="C5049" i="1"/>
  <c r="C5050" i="1"/>
  <c r="C5051" i="1"/>
  <c r="C5052" i="1"/>
  <c r="C5053" i="1"/>
  <c r="C5054" i="1"/>
  <c r="C5055" i="1"/>
  <c r="C5056" i="1"/>
  <c r="C5057" i="1"/>
  <c r="C5058" i="1"/>
  <c r="C5059" i="1"/>
  <c r="C5060" i="1"/>
  <c r="C5061" i="1"/>
  <c r="C5062" i="1"/>
  <c r="C5063" i="1"/>
  <c r="C5064" i="1"/>
  <c r="C5065" i="1"/>
  <c r="C5066" i="1"/>
  <c r="C5067" i="1"/>
  <c r="C5068" i="1"/>
  <c r="C5069" i="1"/>
  <c r="C5070" i="1"/>
  <c r="C5071" i="1"/>
  <c r="C5072" i="1"/>
  <c r="C5073" i="1"/>
  <c r="C5074" i="1"/>
  <c r="C5075" i="1"/>
  <c r="C5076" i="1"/>
  <c r="C5077" i="1"/>
  <c r="C5078" i="1"/>
  <c r="C5079" i="1"/>
  <c r="C5080" i="1"/>
  <c r="C5081" i="1"/>
  <c r="C5082" i="1"/>
  <c r="C5083" i="1"/>
  <c r="C5084" i="1"/>
  <c r="C5085" i="1"/>
  <c r="C5086" i="1"/>
  <c r="C5087" i="1"/>
  <c r="C5088" i="1"/>
  <c r="C5089" i="1"/>
  <c r="C5090" i="1"/>
  <c r="C5091" i="1"/>
  <c r="C5092" i="1"/>
  <c r="C5093" i="1"/>
  <c r="C5094" i="1"/>
  <c r="C5095" i="1"/>
  <c r="C5096" i="1"/>
  <c r="C5097" i="1"/>
  <c r="C5098" i="1"/>
  <c r="C5099" i="1"/>
  <c r="C5100" i="1"/>
  <c r="C5101" i="1"/>
  <c r="C5102" i="1"/>
  <c r="C5103" i="1"/>
  <c r="C5104" i="1"/>
  <c r="C5105" i="1"/>
  <c r="C5106" i="1"/>
  <c r="C5107" i="1"/>
  <c r="C5108" i="1"/>
  <c r="C5109" i="1"/>
  <c r="C5110" i="1"/>
  <c r="C5111" i="1"/>
  <c r="C5112" i="1"/>
  <c r="C5113" i="1"/>
  <c r="C5114" i="1"/>
  <c r="C5115" i="1"/>
  <c r="C5116" i="1"/>
  <c r="C5117" i="1"/>
  <c r="C5118" i="1"/>
  <c r="C5119" i="1"/>
  <c r="C5120" i="1"/>
  <c r="C5121" i="1"/>
  <c r="C5122" i="1"/>
  <c r="C5123" i="1"/>
  <c r="C5124" i="1"/>
  <c r="C5125" i="1"/>
  <c r="C5126" i="1"/>
  <c r="C5127" i="1"/>
  <c r="C5128" i="1"/>
  <c r="C5129" i="1"/>
  <c r="C5130" i="1"/>
  <c r="C5131" i="1"/>
  <c r="C5132" i="1"/>
  <c r="C5133" i="1"/>
  <c r="C5134" i="1"/>
  <c r="C5135" i="1"/>
  <c r="C5136" i="1"/>
  <c r="C5137" i="1"/>
  <c r="C5138" i="1"/>
  <c r="C5139" i="1"/>
  <c r="C5140" i="1"/>
  <c r="C5141" i="1"/>
  <c r="C5142" i="1"/>
  <c r="C5143" i="1"/>
  <c r="C5144" i="1"/>
  <c r="C5145" i="1"/>
  <c r="C5146" i="1"/>
  <c r="C5147" i="1"/>
  <c r="C5148" i="1"/>
  <c r="C5149" i="1"/>
  <c r="C5150" i="1"/>
  <c r="C5151" i="1"/>
  <c r="C5152" i="1"/>
  <c r="C5153" i="1"/>
  <c r="C5154" i="1"/>
  <c r="C5155" i="1"/>
  <c r="C5156" i="1"/>
  <c r="C5157" i="1"/>
  <c r="C5158" i="1"/>
  <c r="C5159" i="1"/>
  <c r="C5160" i="1"/>
  <c r="C5161" i="1"/>
  <c r="C5162" i="1"/>
  <c r="C5163" i="1"/>
  <c r="C5164" i="1"/>
  <c r="C5165" i="1"/>
  <c r="C5166" i="1"/>
  <c r="C5167" i="1"/>
  <c r="C5168" i="1"/>
  <c r="C5169" i="1"/>
  <c r="C5170" i="1"/>
  <c r="C5171" i="1"/>
  <c r="C5172" i="1"/>
  <c r="C5173" i="1"/>
  <c r="C5174" i="1"/>
  <c r="C5175" i="1"/>
  <c r="C5176" i="1"/>
  <c r="C5177" i="1"/>
  <c r="C5178" i="1"/>
  <c r="C5179" i="1"/>
  <c r="C5180" i="1"/>
  <c r="C5181" i="1"/>
  <c r="C5182" i="1"/>
  <c r="C5183" i="1"/>
  <c r="C5184" i="1"/>
  <c r="C5185" i="1"/>
  <c r="C5186" i="1"/>
  <c r="C5187" i="1"/>
  <c r="C5188" i="1"/>
  <c r="C5189" i="1"/>
  <c r="C5190" i="1"/>
  <c r="C5191" i="1"/>
  <c r="C5192" i="1"/>
  <c r="C5193" i="1"/>
  <c r="C5194" i="1"/>
  <c r="C5195" i="1"/>
  <c r="C5196" i="1"/>
  <c r="C5197" i="1"/>
  <c r="C5198" i="1"/>
  <c r="C5199" i="1"/>
  <c r="C5200" i="1"/>
  <c r="C5201" i="1"/>
  <c r="C5202" i="1"/>
  <c r="C5203" i="1"/>
  <c r="C5204" i="1"/>
  <c r="C5205" i="1"/>
  <c r="C5206" i="1"/>
  <c r="C5207" i="1"/>
  <c r="C5208" i="1"/>
  <c r="C5209" i="1"/>
  <c r="C5210" i="1"/>
  <c r="C5211" i="1"/>
  <c r="C5212" i="1"/>
  <c r="C5213" i="1"/>
  <c r="C5214" i="1"/>
  <c r="C5215" i="1"/>
  <c r="C5216" i="1"/>
  <c r="C5217" i="1"/>
  <c r="C5218" i="1"/>
  <c r="C5219" i="1"/>
  <c r="C5220" i="1"/>
  <c r="C5221" i="1"/>
  <c r="C5222" i="1"/>
  <c r="C5223" i="1"/>
  <c r="C5224" i="1"/>
  <c r="C5225" i="1"/>
  <c r="C5226" i="1"/>
  <c r="C5227" i="1"/>
  <c r="C5228" i="1"/>
  <c r="C5229" i="1"/>
  <c r="C5230" i="1"/>
  <c r="C5231" i="1"/>
  <c r="C5232" i="1"/>
  <c r="C5233" i="1"/>
  <c r="C5234" i="1"/>
  <c r="C5235" i="1"/>
  <c r="C5236" i="1"/>
  <c r="C5237" i="1"/>
  <c r="C5238" i="1"/>
  <c r="C5239" i="1"/>
  <c r="C5240" i="1"/>
  <c r="C5241" i="1"/>
  <c r="C5242" i="1"/>
  <c r="C5243" i="1"/>
  <c r="C5244" i="1"/>
  <c r="C5245" i="1"/>
  <c r="C5246" i="1"/>
  <c r="C5247" i="1"/>
  <c r="C5248" i="1"/>
  <c r="C5249" i="1"/>
  <c r="C5250" i="1"/>
  <c r="C5251" i="1"/>
  <c r="C5252" i="1"/>
  <c r="C5253" i="1"/>
  <c r="C5254" i="1"/>
  <c r="C5255" i="1"/>
  <c r="C5256" i="1"/>
  <c r="C5257" i="1"/>
  <c r="C5258" i="1"/>
  <c r="C5259" i="1"/>
  <c r="C5260" i="1"/>
  <c r="C5261" i="1"/>
  <c r="C5262" i="1"/>
  <c r="C5263" i="1"/>
  <c r="C5264" i="1"/>
  <c r="C5265" i="1"/>
  <c r="C5266" i="1"/>
  <c r="C5267" i="1"/>
  <c r="C5268" i="1"/>
  <c r="C5269" i="1"/>
  <c r="C5270" i="1"/>
  <c r="C5271" i="1"/>
  <c r="C5272" i="1"/>
  <c r="C5273" i="1"/>
  <c r="C5274" i="1"/>
  <c r="C5275" i="1"/>
  <c r="C5276" i="1"/>
  <c r="C5277" i="1"/>
  <c r="C5278" i="1"/>
  <c r="C5279" i="1"/>
  <c r="C5280" i="1"/>
  <c r="C5281" i="1"/>
  <c r="C5282" i="1"/>
  <c r="C5283" i="1"/>
  <c r="C5284" i="1"/>
  <c r="C5285" i="1"/>
  <c r="C5286" i="1"/>
  <c r="C5287" i="1"/>
  <c r="C5288" i="1"/>
  <c r="C5289" i="1"/>
  <c r="C5290" i="1"/>
  <c r="C5291" i="1"/>
  <c r="C5292" i="1"/>
  <c r="C5293" i="1"/>
  <c r="C5294" i="1"/>
  <c r="C5295" i="1"/>
  <c r="C5296" i="1"/>
  <c r="C5297" i="1"/>
  <c r="C5298" i="1"/>
  <c r="C5299" i="1"/>
  <c r="C5300" i="1"/>
  <c r="C5301" i="1"/>
  <c r="C5302" i="1"/>
  <c r="C5303" i="1"/>
  <c r="C5304" i="1"/>
  <c r="C5305" i="1"/>
  <c r="C5306" i="1"/>
  <c r="C5307" i="1"/>
  <c r="C5308" i="1"/>
  <c r="C5309" i="1"/>
  <c r="C5310" i="1"/>
  <c r="C5311" i="1"/>
  <c r="C5312" i="1"/>
  <c r="C5313" i="1"/>
  <c r="C5314" i="1"/>
  <c r="C5315" i="1"/>
  <c r="C5316" i="1"/>
  <c r="C5317" i="1"/>
  <c r="C5318" i="1"/>
  <c r="C5319" i="1"/>
  <c r="C5320" i="1"/>
  <c r="C5321" i="1"/>
  <c r="C5322" i="1"/>
  <c r="C5323" i="1"/>
  <c r="C5324" i="1"/>
  <c r="C5325" i="1"/>
  <c r="C5326" i="1"/>
  <c r="C5327" i="1"/>
  <c r="C5328" i="1"/>
  <c r="C5329" i="1"/>
  <c r="C5330" i="1"/>
  <c r="C5331" i="1"/>
  <c r="C5332" i="1"/>
  <c r="C5333" i="1"/>
  <c r="C5334" i="1"/>
  <c r="C5335" i="1"/>
  <c r="C5336" i="1"/>
  <c r="C5337" i="1"/>
  <c r="C5338" i="1"/>
  <c r="C5339" i="1"/>
  <c r="C5340" i="1"/>
  <c r="C5341" i="1"/>
  <c r="C5342" i="1"/>
  <c r="C5343" i="1"/>
  <c r="C5344" i="1"/>
  <c r="C5345" i="1"/>
  <c r="C5346" i="1"/>
  <c r="C5347" i="1"/>
  <c r="C5348" i="1"/>
  <c r="C5349" i="1"/>
  <c r="C5350" i="1"/>
  <c r="C5351" i="1"/>
  <c r="C5352" i="1"/>
  <c r="C5353" i="1"/>
  <c r="C5354" i="1"/>
  <c r="C5355" i="1"/>
  <c r="C5356" i="1"/>
  <c r="C5357" i="1"/>
  <c r="C5358" i="1"/>
  <c r="C5359" i="1"/>
  <c r="C5360" i="1"/>
  <c r="C5361" i="1"/>
  <c r="C5362" i="1"/>
  <c r="C5363" i="1"/>
  <c r="C5364" i="1"/>
  <c r="C5365" i="1"/>
  <c r="C5366" i="1"/>
  <c r="C5367" i="1"/>
  <c r="C5368" i="1"/>
  <c r="C5369" i="1"/>
  <c r="C5370" i="1"/>
  <c r="C5371" i="1"/>
  <c r="C5372" i="1"/>
  <c r="C5373" i="1"/>
  <c r="C5374" i="1"/>
  <c r="C5375" i="1"/>
  <c r="C5376" i="1"/>
  <c r="C5377" i="1"/>
  <c r="C5378" i="1"/>
  <c r="C5379" i="1"/>
  <c r="C5380" i="1"/>
  <c r="C5381" i="1"/>
  <c r="C5382" i="1"/>
  <c r="C5383" i="1"/>
  <c r="C5384" i="1"/>
  <c r="C5385" i="1"/>
  <c r="C5386" i="1"/>
  <c r="C5387" i="1"/>
  <c r="C5388" i="1"/>
  <c r="C5389" i="1"/>
  <c r="C5390" i="1"/>
  <c r="C5391" i="1"/>
  <c r="C5392" i="1"/>
  <c r="C5393" i="1"/>
  <c r="C5394" i="1"/>
  <c r="C5395" i="1"/>
  <c r="C5396" i="1"/>
  <c r="C5397" i="1"/>
  <c r="C5398" i="1"/>
  <c r="C5399" i="1"/>
  <c r="C5400" i="1"/>
  <c r="C5401" i="1"/>
  <c r="C5402" i="1"/>
  <c r="C5403" i="1"/>
  <c r="C5404" i="1"/>
  <c r="C5405" i="1"/>
  <c r="C5406" i="1"/>
  <c r="C5407" i="1"/>
  <c r="C5408" i="1"/>
  <c r="C5409" i="1"/>
  <c r="C5410" i="1"/>
  <c r="C5411" i="1"/>
  <c r="C5412" i="1"/>
  <c r="C5413" i="1"/>
  <c r="C5414" i="1"/>
  <c r="C5415" i="1"/>
  <c r="C5416" i="1"/>
  <c r="C5417" i="1"/>
  <c r="C5418" i="1"/>
  <c r="C5419" i="1"/>
  <c r="C5420" i="1"/>
  <c r="C5421" i="1"/>
  <c r="C5422" i="1"/>
  <c r="C5423" i="1"/>
  <c r="C5424" i="1"/>
  <c r="C5425" i="1"/>
  <c r="C5426" i="1"/>
  <c r="C5427" i="1"/>
  <c r="C5428" i="1"/>
  <c r="C5429" i="1"/>
  <c r="C5430" i="1"/>
  <c r="C5431" i="1"/>
  <c r="C5432" i="1"/>
  <c r="C5433" i="1"/>
  <c r="C5434" i="1"/>
  <c r="C5435" i="1"/>
  <c r="C5436" i="1"/>
  <c r="C5437" i="1"/>
  <c r="C5438" i="1"/>
  <c r="C5439" i="1"/>
  <c r="C5440" i="1"/>
  <c r="C5441" i="1"/>
  <c r="C5442" i="1"/>
  <c r="C5443" i="1"/>
  <c r="C5444" i="1"/>
  <c r="C5445" i="1"/>
  <c r="C5446" i="1"/>
  <c r="C5447" i="1"/>
  <c r="C5448" i="1"/>
  <c r="C5449" i="1"/>
  <c r="C5450" i="1"/>
  <c r="C5451" i="1"/>
  <c r="C5452" i="1"/>
  <c r="C5453" i="1"/>
  <c r="C5454" i="1"/>
  <c r="C5455" i="1"/>
  <c r="C5456" i="1"/>
  <c r="C5457" i="1"/>
  <c r="C5458" i="1"/>
  <c r="C5459" i="1"/>
  <c r="C5460" i="1"/>
  <c r="C5461" i="1"/>
  <c r="C5462" i="1"/>
  <c r="C5463" i="1"/>
  <c r="C5464" i="1"/>
  <c r="C5465" i="1"/>
  <c r="C5466" i="1"/>
  <c r="C5467" i="1"/>
  <c r="C5468" i="1"/>
  <c r="C5469" i="1"/>
  <c r="C5470" i="1"/>
  <c r="C5471" i="1"/>
  <c r="C5472" i="1"/>
  <c r="C5473" i="1"/>
  <c r="C5474" i="1"/>
  <c r="C5475" i="1"/>
  <c r="C5476" i="1"/>
  <c r="C5477" i="1"/>
  <c r="C5478" i="1"/>
  <c r="C5479" i="1"/>
  <c r="C5480" i="1"/>
  <c r="C5481" i="1"/>
  <c r="C5482" i="1"/>
  <c r="C5483" i="1"/>
  <c r="C5484" i="1"/>
  <c r="C5485" i="1"/>
  <c r="C5486" i="1"/>
  <c r="C5487" i="1"/>
  <c r="C5488" i="1"/>
  <c r="C5489" i="1"/>
  <c r="C5490" i="1"/>
  <c r="C5491" i="1"/>
  <c r="C5492" i="1"/>
  <c r="C5493" i="1"/>
  <c r="C5494" i="1"/>
  <c r="C5495" i="1"/>
  <c r="C5496" i="1"/>
  <c r="C5497" i="1"/>
  <c r="C5498" i="1"/>
  <c r="C5499" i="1"/>
  <c r="C5500" i="1"/>
  <c r="C5501" i="1"/>
  <c r="C5502" i="1"/>
  <c r="C5503" i="1"/>
  <c r="C5504" i="1"/>
  <c r="C5505" i="1"/>
  <c r="C5506" i="1"/>
  <c r="C5507" i="1"/>
  <c r="C5508" i="1"/>
  <c r="C5509" i="1"/>
  <c r="C5510" i="1"/>
  <c r="C5511" i="1"/>
  <c r="C5512" i="1"/>
  <c r="C5513" i="1"/>
  <c r="C5514" i="1"/>
  <c r="C5515" i="1"/>
  <c r="C5516" i="1"/>
  <c r="C5517" i="1"/>
  <c r="C5518" i="1"/>
  <c r="C5519" i="1"/>
  <c r="C5520" i="1"/>
  <c r="C5521" i="1"/>
  <c r="C5522" i="1"/>
  <c r="C5523" i="1"/>
  <c r="C5524" i="1"/>
  <c r="C5525" i="1"/>
  <c r="C5526" i="1"/>
  <c r="C5527" i="1"/>
  <c r="C5528" i="1"/>
  <c r="C5529" i="1"/>
  <c r="C5530" i="1"/>
  <c r="C5531" i="1"/>
  <c r="C5532" i="1"/>
  <c r="C5533" i="1"/>
  <c r="C5534" i="1"/>
  <c r="C5535" i="1"/>
  <c r="C5536" i="1"/>
  <c r="C5537" i="1"/>
  <c r="C5538" i="1"/>
  <c r="C5539" i="1"/>
  <c r="C5540" i="1"/>
  <c r="C5541" i="1"/>
  <c r="C5542" i="1"/>
  <c r="C5543" i="1"/>
  <c r="C5544" i="1"/>
  <c r="C5545" i="1"/>
  <c r="C5546" i="1"/>
  <c r="C5547" i="1"/>
  <c r="C5548" i="1"/>
  <c r="C5549" i="1"/>
  <c r="C5550" i="1"/>
  <c r="C5551" i="1"/>
  <c r="C5552" i="1"/>
  <c r="C5553" i="1"/>
  <c r="C5554" i="1"/>
  <c r="C5555" i="1"/>
  <c r="C5556" i="1"/>
  <c r="C5557" i="1"/>
  <c r="C5558" i="1"/>
  <c r="C5559" i="1"/>
  <c r="C5560" i="1"/>
  <c r="C5561" i="1"/>
  <c r="C5562" i="1"/>
  <c r="C5563" i="1"/>
  <c r="C5564" i="1"/>
  <c r="C5565" i="1"/>
  <c r="C5566" i="1"/>
  <c r="C5567" i="1"/>
  <c r="C5568" i="1"/>
  <c r="C5569" i="1"/>
  <c r="C5570" i="1"/>
  <c r="C5571" i="1"/>
  <c r="C5572" i="1"/>
  <c r="C5573" i="1"/>
  <c r="C5574" i="1"/>
  <c r="C5575" i="1"/>
  <c r="C5576" i="1"/>
  <c r="C5577" i="1"/>
  <c r="C5578" i="1"/>
  <c r="C5579" i="1"/>
  <c r="C5580" i="1"/>
  <c r="C5581" i="1"/>
  <c r="C5582" i="1"/>
  <c r="C5583" i="1"/>
  <c r="C5584" i="1"/>
  <c r="C5585" i="1"/>
  <c r="C5586" i="1"/>
  <c r="C5587" i="1"/>
  <c r="C5588" i="1"/>
  <c r="C5589" i="1"/>
  <c r="C5590" i="1"/>
  <c r="C5591" i="1"/>
  <c r="C5592" i="1"/>
  <c r="C5593" i="1"/>
  <c r="C5594" i="1"/>
  <c r="C5595" i="1"/>
  <c r="C5596" i="1"/>
  <c r="C5597" i="1"/>
  <c r="C5598" i="1"/>
  <c r="C5599" i="1"/>
  <c r="C5600" i="1"/>
  <c r="C5601" i="1"/>
  <c r="C5602" i="1"/>
  <c r="C5603" i="1"/>
  <c r="C5604" i="1"/>
  <c r="C5605" i="1"/>
  <c r="C5606" i="1"/>
  <c r="C5607" i="1"/>
  <c r="C5608" i="1"/>
  <c r="C5609" i="1"/>
  <c r="C5610" i="1"/>
  <c r="C5611" i="1"/>
  <c r="C5612" i="1"/>
  <c r="C5613" i="1"/>
  <c r="C5614" i="1"/>
  <c r="C5615" i="1"/>
  <c r="C5616" i="1"/>
  <c r="C5617" i="1"/>
  <c r="C5618" i="1"/>
  <c r="C5619" i="1"/>
  <c r="C5620" i="1"/>
  <c r="C5621" i="1"/>
  <c r="C5622" i="1"/>
  <c r="C5623" i="1"/>
  <c r="C5624" i="1"/>
  <c r="C5625" i="1"/>
  <c r="C5626" i="1"/>
  <c r="C5627" i="1"/>
  <c r="C5628" i="1"/>
  <c r="C5629" i="1"/>
  <c r="C5630" i="1"/>
  <c r="C5631" i="1"/>
  <c r="C5632" i="1"/>
  <c r="C5633" i="1"/>
  <c r="C5634" i="1"/>
  <c r="C5635" i="1"/>
  <c r="C5636" i="1"/>
  <c r="C5637" i="1"/>
  <c r="C5638" i="1"/>
  <c r="C5639" i="1"/>
  <c r="C5640" i="1"/>
  <c r="C5641" i="1"/>
  <c r="C5642" i="1"/>
  <c r="C5643" i="1"/>
  <c r="C5644" i="1"/>
  <c r="C5645" i="1"/>
  <c r="C5646" i="1"/>
  <c r="C5647" i="1"/>
  <c r="C5648" i="1"/>
  <c r="C5649" i="1"/>
  <c r="C5650" i="1"/>
  <c r="C5651" i="1"/>
  <c r="C5652" i="1"/>
  <c r="C5653" i="1"/>
  <c r="C5654" i="1"/>
  <c r="C5655" i="1"/>
  <c r="C5656" i="1"/>
  <c r="C5657" i="1"/>
  <c r="C5658" i="1"/>
  <c r="C5659" i="1"/>
  <c r="C5660" i="1"/>
  <c r="C5661" i="1"/>
  <c r="C5662" i="1"/>
  <c r="C5663" i="1"/>
  <c r="C5664" i="1"/>
  <c r="C5665" i="1"/>
  <c r="C5666" i="1"/>
  <c r="C5667" i="1"/>
  <c r="C5668" i="1"/>
  <c r="C5669" i="1"/>
  <c r="C5670" i="1"/>
  <c r="C5671" i="1"/>
  <c r="C5672" i="1"/>
  <c r="C5673" i="1"/>
  <c r="C5674" i="1"/>
  <c r="C5675" i="1"/>
  <c r="C5676" i="1"/>
  <c r="C5677" i="1"/>
  <c r="C5678" i="1"/>
  <c r="C5679" i="1"/>
  <c r="C5680" i="1"/>
  <c r="C5681" i="1"/>
  <c r="C5682" i="1"/>
  <c r="C5683" i="1"/>
  <c r="C5684" i="1"/>
  <c r="C5685" i="1"/>
  <c r="C5686" i="1"/>
  <c r="C5687" i="1"/>
  <c r="C5688" i="1"/>
  <c r="C5689" i="1"/>
  <c r="C5690" i="1"/>
  <c r="C5691" i="1"/>
  <c r="C5692" i="1"/>
  <c r="C5693" i="1"/>
  <c r="C5694" i="1"/>
  <c r="C5695" i="1"/>
  <c r="C5696" i="1"/>
  <c r="C5697" i="1"/>
  <c r="C5698" i="1"/>
  <c r="C5699" i="1"/>
  <c r="C5700" i="1"/>
  <c r="C5701" i="1"/>
  <c r="C5702" i="1"/>
  <c r="C5703" i="1"/>
  <c r="C5704" i="1"/>
  <c r="C5705" i="1"/>
  <c r="C5706" i="1"/>
  <c r="C5707" i="1"/>
  <c r="C5708" i="1"/>
  <c r="C5709" i="1"/>
  <c r="C5710" i="1"/>
  <c r="C5711" i="1"/>
  <c r="C5712" i="1"/>
  <c r="C5713" i="1"/>
  <c r="C5714" i="1"/>
  <c r="C5715" i="1"/>
  <c r="C5716" i="1"/>
  <c r="C5717" i="1"/>
  <c r="C5718" i="1"/>
  <c r="C5719" i="1"/>
  <c r="C5720" i="1"/>
  <c r="C5721" i="1"/>
  <c r="C5722" i="1"/>
  <c r="C5723" i="1"/>
  <c r="C5724" i="1"/>
  <c r="C5725" i="1"/>
  <c r="C5726" i="1"/>
  <c r="C5727" i="1"/>
  <c r="C5728" i="1"/>
  <c r="C5729" i="1"/>
  <c r="C5730" i="1"/>
  <c r="C5731" i="1"/>
  <c r="C5732" i="1"/>
  <c r="C5733" i="1"/>
  <c r="C5734" i="1"/>
  <c r="C5735" i="1"/>
  <c r="C5736" i="1"/>
  <c r="C5737" i="1"/>
  <c r="C5738" i="1"/>
  <c r="C5739" i="1"/>
  <c r="C5740" i="1"/>
  <c r="C5741" i="1"/>
  <c r="C5742" i="1"/>
  <c r="C5743" i="1"/>
  <c r="C5744" i="1"/>
  <c r="C5745" i="1"/>
  <c r="C5746" i="1"/>
  <c r="C5747" i="1"/>
  <c r="C5748" i="1"/>
  <c r="C5749" i="1"/>
  <c r="C5750" i="1"/>
  <c r="C5751" i="1"/>
  <c r="C5752" i="1"/>
  <c r="C5753" i="1"/>
  <c r="C5754" i="1"/>
  <c r="C5755" i="1"/>
  <c r="C5756" i="1"/>
  <c r="C5757" i="1"/>
  <c r="C5758" i="1"/>
  <c r="C5759" i="1"/>
  <c r="C5760" i="1"/>
  <c r="C5761" i="1"/>
  <c r="C5762" i="1"/>
  <c r="C5763" i="1"/>
  <c r="C5764" i="1"/>
  <c r="C5765" i="1"/>
  <c r="C5766" i="1"/>
  <c r="C5767" i="1"/>
  <c r="C5768" i="1"/>
  <c r="C5769" i="1"/>
  <c r="C5770" i="1"/>
  <c r="C5771" i="1"/>
  <c r="C5772" i="1"/>
  <c r="C5773" i="1"/>
  <c r="C5774" i="1"/>
  <c r="C5775" i="1"/>
  <c r="C5776" i="1"/>
  <c r="C5777" i="1"/>
  <c r="C5778" i="1"/>
  <c r="C5779" i="1"/>
  <c r="C5780" i="1"/>
  <c r="C5781" i="1"/>
  <c r="C5782" i="1"/>
  <c r="C5783" i="1"/>
  <c r="C5784" i="1"/>
  <c r="C5785" i="1"/>
  <c r="C5786" i="1"/>
  <c r="C5787" i="1"/>
  <c r="C5788" i="1"/>
  <c r="C5789" i="1"/>
  <c r="C5790" i="1"/>
  <c r="C5791" i="1"/>
  <c r="C5792" i="1"/>
  <c r="C5793" i="1"/>
  <c r="C5794" i="1"/>
  <c r="C5795" i="1"/>
  <c r="C5796" i="1"/>
  <c r="C5797" i="1"/>
  <c r="C5798" i="1"/>
  <c r="C5799" i="1"/>
  <c r="C5800" i="1"/>
  <c r="C5801" i="1"/>
  <c r="C5802" i="1"/>
  <c r="C5803" i="1"/>
  <c r="C5804" i="1"/>
  <c r="C5805" i="1"/>
  <c r="C5806" i="1"/>
  <c r="C5807" i="1"/>
  <c r="C5808" i="1"/>
  <c r="C5809" i="1"/>
  <c r="C5810" i="1"/>
  <c r="C5811" i="1"/>
  <c r="C5812" i="1"/>
  <c r="C5813" i="1"/>
  <c r="C5814" i="1"/>
  <c r="C5815" i="1"/>
  <c r="C5816" i="1"/>
  <c r="C5817" i="1"/>
  <c r="C5818" i="1"/>
  <c r="C5819" i="1"/>
  <c r="C5820" i="1"/>
  <c r="C5821" i="1"/>
  <c r="C5822" i="1"/>
  <c r="C5823" i="1"/>
  <c r="C5824" i="1"/>
  <c r="C5825" i="1"/>
  <c r="C5826" i="1"/>
  <c r="C5827" i="1"/>
  <c r="C5828" i="1"/>
  <c r="C5829" i="1"/>
  <c r="C5830" i="1"/>
  <c r="C5831" i="1"/>
  <c r="C5832" i="1"/>
  <c r="C5833" i="1"/>
  <c r="C5834" i="1"/>
  <c r="C5835" i="1"/>
  <c r="C5836" i="1"/>
  <c r="C5837" i="1"/>
  <c r="C5838" i="1"/>
  <c r="C5839" i="1"/>
  <c r="C5840" i="1"/>
  <c r="C5841" i="1"/>
  <c r="C5842" i="1"/>
  <c r="C5843" i="1"/>
  <c r="C5844" i="1"/>
  <c r="C5845" i="1"/>
  <c r="C5846" i="1"/>
  <c r="C5847" i="1"/>
  <c r="C5848" i="1"/>
  <c r="C5849" i="1"/>
  <c r="C5850" i="1"/>
  <c r="C5851" i="1"/>
  <c r="C5852" i="1"/>
  <c r="C5853" i="1"/>
  <c r="C5854" i="1"/>
  <c r="C5855" i="1"/>
  <c r="C5856" i="1"/>
  <c r="C5857" i="1"/>
  <c r="C5858" i="1"/>
  <c r="C5859" i="1"/>
  <c r="C5860" i="1"/>
  <c r="C5861" i="1"/>
  <c r="C5862" i="1"/>
  <c r="C5863" i="1"/>
  <c r="C5864" i="1"/>
  <c r="C5865" i="1"/>
  <c r="C5866" i="1"/>
  <c r="C5867" i="1"/>
  <c r="C5868" i="1"/>
  <c r="C5869" i="1"/>
  <c r="C5870" i="1"/>
  <c r="C5871" i="1"/>
  <c r="C5872" i="1"/>
  <c r="C5873" i="1"/>
  <c r="C5874" i="1"/>
  <c r="C5875" i="1"/>
  <c r="C5876" i="1"/>
  <c r="C5877" i="1"/>
  <c r="C5878" i="1"/>
  <c r="C5879" i="1"/>
  <c r="C5880" i="1"/>
  <c r="C5881" i="1"/>
  <c r="C5882" i="1"/>
  <c r="C5883" i="1"/>
  <c r="C5884" i="1"/>
  <c r="C5885" i="1"/>
  <c r="C5886" i="1"/>
  <c r="C5887" i="1"/>
  <c r="C5888" i="1"/>
  <c r="C5889" i="1"/>
  <c r="C5890" i="1"/>
  <c r="C5891" i="1"/>
  <c r="C5892" i="1"/>
  <c r="C5893" i="1"/>
  <c r="C5894" i="1"/>
  <c r="C5895" i="1"/>
  <c r="C5896" i="1"/>
  <c r="C5897" i="1"/>
  <c r="C5898" i="1"/>
  <c r="C5899" i="1"/>
  <c r="C5900" i="1"/>
  <c r="C5901" i="1"/>
  <c r="C5902" i="1"/>
  <c r="C5903" i="1"/>
  <c r="C5904" i="1"/>
  <c r="C5905" i="1"/>
  <c r="C5906" i="1"/>
  <c r="C5907" i="1"/>
  <c r="C5908" i="1"/>
  <c r="C5909" i="1"/>
  <c r="C5910" i="1"/>
  <c r="C5911" i="1"/>
  <c r="C5912" i="1"/>
  <c r="C5913" i="1"/>
  <c r="C5914" i="1"/>
  <c r="C5915" i="1"/>
  <c r="C5916" i="1"/>
  <c r="C5917" i="1"/>
  <c r="C5918" i="1"/>
  <c r="C5919" i="1"/>
  <c r="C5920" i="1"/>
  <c r="C5921" i="1"/>
  <c r="C5922" i="1"/>
  <c r="C5923" i="1"/>
  <c r="C5924" i="1"/>
  <c r="C5925" i="1"/>
  <c r="C5926" i="1"/>
  <c r="C5927" i="1"/>
  <c r="C5928" i="1"/>
  <c r="C5929" i="1"/>
  <c r="C5930" i="1"/>
  <c r="C5931" i="1"/>
  <c r="C5932" i="1"/>
  <c r="C5933" i="1"/>
  <c r="C5934" i="1"/>
  <c r="C5935" i="1"/>
  <c r="C5936" i="1"/>
  <c r="C5937" i="1"/>
  <c r="C5938" i="1"/>
  <c r="C5939" i="1"/>
  <c r="C5940" i="1"/>
  <c r="C5941" i="1"/>
  <c r="C5942" i="1"/>
  <c r="C5943" i="1"/>
  <c r="C5944" i="1"/>
  <c r="C5945" i="1"/>
  <c r="C5946" i="1"/>
  <c r="C5947" i="1"/>
  <c r="C5948" i="1"/>
  <c r="C5949" i="1"/>
  <c r="C5950" i="1"/>
  <c r="C5951" i="1"/>
  <c r="C5952" i="1"/>
  <c r="C5953" i="1"/>
  <c r="C5954" i="1"/>
  <c r="C5955" i="1"/>
  <c r="C5956" i="1"/>
  <c r="C5957" i="1"/>
  <c r="C5958" i="1"/>
  <c r="C5959" i="1"/>
  <c r="C5960" i="1"/>
  <c r="C5961" i="1"/>
  <c r="C5962" i="1"/>
  <c r="C5963" i="1"/>
  <c r="C5964" i="1"/>
  <c r="C5965" i="1"/>
  <c r="C5966" i="1"/>
  <c r="C5967" i="1"/>
  <c r="C5968" i="1"/>
  <c r="C5969" i="1"/>
  <c r="C5970" i="1"/>
  <c r="C5971" i="1"/>
  <c r="C5972" i="1"/>
  <c r="C5973" i="1"/>
  <c r="C5974" i="1"/>
  <c r="C5975" i="1"/>
  <c r="C5976" i="1"/>
  <c r="C5977" i="1"/>
  <c r="C5978" i="1"/>
  <c r="C5979" i="1"/>
  <c r="C5980" i="1"/>
  <c r="C5981" i="1"/>
  <c r="C5982" i="1"/>
  <c r="C5983" i="1"/>
  <c r="C5984" i="1"/>
  <c r="C5985" i="1"/>
  <c r="C5986" i="1"/>
  <c r="C5987" i="1"/>
  <c r="C5988" i="1"/>
  <c r="C5989" i="1"/>
  <c r="C5990" i="1"/>
  <c r="C5991" i="1"/>
  <c r="C5992" i="1"/>
  <c r="C5993" i="1"/>
  <c r="C5994" i="1"/>
  <c r="C5995" i="1"/>
  <c r="C5996" i="1"/>
  <c r="C5997" i="1"/>
  <c r="C5998" i="1"/>
  <c r="C5999" i="1"/>
  <c r="C6000" i="1"/>
  <c r="C6001" i="1"/>
  <c r="C6002" i="1"/>
  <c r="C6003" i="1"/>
  <c r="C6004" i="1"/>
  <c r="C6005" i="1"/>
  <c r="C6006" i="1"/>
  <c r="C6007" i="1"/>
  <c r="C6008" i="1"/>
  <c r="C6009" i="1"/>
  <c r="C6010" i="1"/>
  <c r="C6011" i="1"/>
  <c r="C6012" i="1"/>
  <c r="C6013" i="1"/>
  <c r="C6014" i="1"/>
  <c r="C6015" i="1"/>
  <c r="C6016" i="1"/>
  <c r="C6017" i="1"/>
  <c r="C6018" i="1"/>
  <c r="C6019" i="1"/>
  <c r="C6020" i="1"/>
  <c r="C6021" i="1"/>
  <c r="C6022" i="1"/>
  <c r="C6023" i="1"/>
  <c r="C6024" i="1"/>
  <c r="C6025" i="1"/>
  <c r="C6026" i="1"/>
  <c r="C6027" i="1"/>
  <c r="C6028" i="1"/>
  <c r="C6029" i="1"/>
  <c r="C6030" i="1"/>
  <c r="C6031" i="1"/>
  <c r="C6032" i="1"/>
  <c r="C6033" i="1"/>
  <c r="C6034" i="1"/>
  <c r="C6035" i="1"/>
  <c r="C6036" i="1"/>
  <c r="C6037" i="1"/>
  <c r="C6038" i="1"/>
  <c r="C6039" i="1"/>
  <c r="C6040" i="1"/>
  <c r="C6041" i="1"/>
  <c r="C6042" i="1"/>
  <c r="C6043" i="1"/>
  <c r="C6044" i="1"/>
  <c r="C6045" i="1"/>
  <c r="C6046" i="1"/>
  <c r="C6047" i="1"/>
  <c r="C6048" i="1"/>
  <c r="C6049" i="1"/>
  <c r="C6050" i="1"/>
  <c r="C6051" i="1"/>
  <c r="C6052" i="1"/>
  <c r="C6053" i="1"/>
  <c r="C6054" i="1"/>
  <c r="C6055" i="1"/>
  <c r="C6056" i="1"/>
  <c r="C6057" i="1"/>
  <c r="C6058" i="1"/>
  <c r="C6059" i="1"/>
  <c r="C6060" i="1"/>
  <c r="C6061" i="1"/>
  <c r="C6062" i="1"/>
  <c r="C6063" i="1"/>
  <c r="C6064" i="1"/>
  <c r="C6065" i="1"/>
  <c r="C6066" i="1"/>
  <c r="C6067" i="1"/>
  <c r="C6068" i="1"/>
  <c r="C6069" i="1"/>
  <c r="C6070" i="1"/>
  <c r="C6071" i="1"/>
  <c r="C6072" i="1"/>
  <c r="C6073" i="1"/>
  <c r="C6074" i="1"/>
  <c r="C6075" i="1"/>
  <c r="C6076" i="1"/>
  <c r="C6077" i="1"/>
  <c r="C6078" i="1"/>
  <c r="C6079" i="1"/>
  <c r="C6080" i="1"/>
  <c r="C6081" i="1"/>
  <c r="C6082" i="1"/>
  <c r="C6083" i="1"/>
  <c r="C6084" i="1"/>
  <c r="C6085" i="1"/>
  <c r="C6086" i="1"/>
  <c r="C6087" i="1"/>
  <c r="C6088" i="1"/>
  <c r="C6089" i="1"/>
  <c r="C6090" i="1"/>
  <c r="C6091" i="1"/>
  <c r="C6092" i="1"/>
  <c r="C6093" i="1"/>
  <c r="C6094" i="1"/>
  <c r="C6095" i="1"/>
  <c r="C6096" i="1"/>
  <c r="C6097" i="1"/>
  <c r="C6098" i="1"/>
  <c r="C6099" i="1"/>
  <c r="C6100" i="1"/>
  <c r="C6101" i="1"/>
  <c r="C6102" i="1"/>
  <c r="C6103" i="1"/>
  <c r="C6104" i="1"/>
  <c r="C6105" i="1"/>
  <c r="C6106" i="1"/>
  <c r="C6107" i="1"/>
  <c r="C6108" i="1"/>
  <c r="C6109" i="1"/>
  <c r="C6110" i="1"/>
  <c r="C6111" i="1"/>
  <c r="C6112" i="1"/>
  <c r="C6113" i="1"/>
  <c r="C6114" i="1"/>
  <c r="C6115" i="1"/>
  <c r="C6116" i="1"/>
  <c r="C6117" i="1"/>
  <c r="C6118" i="1"/>
  <c r="C6119" i="1"/>
  <c r="C6120" i="1"/>
  <c r="C6121" i="1"/>
  <c r="C6122" i="1"/>
  <c r="C6123" i="1"/>
  <c r="C6124" i="1"/>
  <c r="C6125" i="1"/>
  <c r="C6126" i="1"/>
  <c r="C6127" i="1"/>
  <c r="C6128" i="1"/>
  <c r="C6129" i="1"/>
  <c r="C6130" i="1"/>
  <c r="C6131" i="1"/>
  <c r="C6132" i="1"/>
  <c r="C6133" i="1"/>
  <c r="C6134" i="1"/>
  <c r="C6135" i="1"/>
  <c r="C6136" i="1"/>
  <c r="C6137" i="1"/>
  <c r="C6138" i="1"/>
  <c r="C6139" i="1"/>
  <c r="C6140" i="1"/>
  <c r="C6141" i="1"/>
  <c r="C6142" i="1"/>
  <c r="C6143" i="1"/>
  <c r="C6144" i="1"/>
  <c r="C6145" i="1"/>
  <c r="C6146" i="1"/>
  <c r="C6147" i="1"/>
  <c r="C6148" i="1"/>
  <c r="C6149" i="1"/>
  <c r="C6150" i="1"/>
  <c r="C6151" i="1"/>
  <c r="C6152" i="1"/>
  <c r="C6153" i="1"/>
  <c r="C6154" i="1"/>
  <c r="C6155" i="1"/>
  <c r="C6156" i="1"/>
  <c r="C6157" i="1"/>
  <c r="C6158" i="1"/>
  <c r="C6159" i="1"/>
  <c r="C6160" i="1"/>
  <c r="C6161" i="1"/>
  <c r="C6162" i="1"/>
  <c r="C6163" i="1"/>
  <c r="C6164" i="1"/>
  <c r="C6165" i="1"/>
  <c r="C6166" i="1"/>
  <c r="C6167" i="1"/>
  <c r="C6168" i="1"/>
  <c r="C6169" i="1"/>
  <c r="C6170" i="1"/>
  <c r="C6171" i="1"/>
  <c r="C6172" i="1"/>
  <c r="C6173" i="1"/>
  <c r="C6174" i="1"/>
  <c r="C6175" i="1"/>
  <c r="C6176" i="1"/>
  <c r="C6177" i="1"/>
  <c r="C6178" i="1"/>
  <c r="C6179" i="1"/>
  <c r="C6180" i="1"/>
  <c r="C6181" i="1"/>
  <c r="C6182" i="1"/>
  <c r="C6183" i="1"/>
  <c r="C6184" i="1"/>
  <c r="C6185" i="1"/>
  <c r="C6186" i="1"/>
  <c r="C6187" i="1"/>
  <c r="C6188" i="1"/>
  <c r="C6189" i="1"/>
  <c r="C6190" i="1"/>
  <c r="C6191" i="1"/>
  <c r="C6192" i="1"/>
  <c r="C6193" i="1"/>
  <c r="C6194" i="1"/>
  <c r="C6195" i="1"/>
  <c r="C6196" i="1"/>
  <c r="C6197" i="1"/>
  <c r="C6198" i="1"/>
  <c r="C6199" i="1"/>
  <c r="C6200" i="1"/>
  <c r="C6201" i="1"/>
  <c r="C6202" i="1"/>
  <c r="C6203" i="1"/>
  <c r="C6204" i="1"/>
  <c r="C6205" i="1"/>
  <c r="C6206" i="1"/>
  <c r="C6207" i="1"/>
  <c r="C6208" i="1"/>
  <c r="C6209" i="1"/>
  <c r="C6210" i="1"/>
  <c r="C6211" i="1"/>
  <c r="C6212" i="1"/>
  <c r="C6213" i="1"/>
  <c r="C6214" i="1"/>
  <c r="C6215" i="1"/>
  <c r="C6216" i="1"/>
  <c r="C6217" i="1"/>
  <c r="C6218" i="1"/>
  <c r="C6219" i="1"/>
  <c r="C6220" i="1"/>
  <c r="C6221" i="1"/>
  <c r="C6222" i="1"/>
  <c r="C6223" i="1"/>
  <c r="C6224" i="1"/>
  <c r="C6225" i="1"/>
  <c r="C6226" i="1"/>
  <c r="C6227" i="1"/>
  <c r="C6228" i="1"/>
  <c r="C6229" i="1"/>
  <c r="C6230" i="1"/>
  <c r="C6231" i="1"/>
  <c r="C6232" i="1"/>
  <c r="C6233" i="1"/>
  <c r="C6234" i="1"/>
  <c r="C6235" i="1"/>
  <c r="C6236" i="1"/>
  <c r="C6237" i="1"/>
  <c r="C6238" i="1"/>
  <c r="C6239" i="1"/>
  <c r="C6240" i="1"/>
  <c r="C6241" i="1"/>
  <c r="C6242" i="1"/>
  <c r="C6243" i="1"/>
  <c r="C6244" i="1"/>
  <c r="C6245" i="1"/>
  <c r="C6246" i="1"/>
  <c r="C6247" i="1"/>
  <c r="C6248" i="1"/>
  <c r="C6249" i="1"/>
  <c r="C6250" i="1"/>
  <c r="C6251" i="1"/>
  <c r="C6252" i="1"/>
  <c r="C6253" i="1"/>
  <c r="C6254" i="1"/>
  <c r="C6255" i="1"/>
  <c r="C6256" i="1"/>
  <c r="C6257" i="1"/>
  <c r="C6258" i="1"/>
  <c r="C6259" i="1"/>
  <c r="C6260" i="1"/>
  <c r="C6261" i="1"/>
  <c r="C6262" i="1"/>
  <c r="C6263" i="1"/>
  <c r="C6264" i="1"/>
  <c r="C6265" i="1"/>
  <c r="C6266" i="1"/>
  <c r="C6267" i="1"/>
  <c r="C6268" i="1"/>
  <c r="C6269" i="1"/>
  <c r="C6270" i="1"/>
  <c r="C6271" i="1"/>
  <c r="C6272" i="1"/>
  <c r="C6273" i="1"/>
  <c r="C6274" i="1"/>
  <c r="C6275" i="1"/>
  <c r="C6276" i="1"/>
  <c r="C6277" i="1"/>
  <c r="C6278" i="1"/>
  <c r="C6279" i="1"/>
  <c r="C6280" i="1"/>
  <c r="C6281" i="1"/>
  <c r="C6282" i="1"/>
  <c r="C6283" i="1"/>
  <c r="C6284" i="1"/>
  <c r="C6285" i="1"/>
  <c r="C6286" i="1"/>
  <c r="C6287" i="1"/>
  <c r="C6288" i="1"/>
  <c r="C6289" i="1"/>
  <c r="C6290" i="1"/>
  <c r="C6291" i="1"/>
  <c r="C6292" i="1"/>
  <c r="C6293" i="1"/>
  <c r="C6294" i="1"/>
  <c r="C6295" i="1"/>
  <c r="C6296" i="1"/>
  <c r="C6297" i="1"/>
  <c r="C6298" i="1"/>
  <c r="C6299" i="1"/>
  <c r="C6300" i="1"/>
  <c r="C6301" i="1"/>
  <c r="C6302" i="1"/>
  <c r="C6303" i="1"/>
  <c r="C6304" i="1"/>
  <c r="C6305" i="1"/>
  <c r="C6306" i="1"/>
  <c r="C6307" i="1"/>
  <c r="C6308" i="1"/>
  <c r="C6309" i="1"/>
  <c r="C6310" i="1"/>
  <c r="C6311" i="1"/>
  <c r="C6312" i="1"/>
  <c r="C6313" i="1"/>
  <c r="C6314" i="1"/>
  <c r="C6315" i="1"/>
  <c r="C6316" i="1"/>
  <c r="C6317" i="1"/>
  <c r="C6318" i="1"/>
  <c r="C6319" i="1"/>
  <c r="C6320" i="1"/>
  <c r="C6321" i="1"/>
  <c r="C6322" i="1"/>
  <c r="C6323" i="1"/>
  <c r="C6324" i="1"/>
  <c r="C6325" i="1"/>
  <c r="C6326" i="1"/>
  <c r="C6327" i="1"/>
  <c r="C6328" i="1"/>
  <c r="C6329" i="1"/>
  <c r="C6330" i="1"/>
  <c r="C6331" i="1"/>
  <c r="C6332" i="1"/>
  <c r="C6333" i="1"/>
  <c r="C6334" i="1"/>
  <c r="C6335" i="1"/>
  <c r="C6336" i="1"/>
  <c r="C6337" i="1"/>
  <c r="C6338" i="1"/>
  <c r="C6339" i="1"/>
  <c r="C6340" i="1"/>
  <c r="C6341" i="1"/>
  <c r="C6342" i="1"/>
  <c r="C6343" i="1"/>
  <c r="C6344" i="1"/>
  <c r="C6345" i="1"/>
  <c r="C6346" i="1"/>
  <c r="C6347" i="1"/>
  <c r="C6348" i="1"/>
  <c r="C6349" i="1"/>
  <c r="C6350" i="1"/>
  <c r="C6351" i="1"/>
  <c r="C6352" i="1"/>
  <c r="C6353" i="1"/>
  <c r="C6354" i="1"/>
  <c r="C6355" i="1"/>
  <c r="C6356" i="1"/>
  <c r="C6357" i="1"/>
  <c r="C6358" i="1"/>
  <c r="C6359" i="1"/>
  <c r="C6360" i="1"/>
  <c r="C6361" i="1"/>
  <c r="C6362" i="1"/>
  <c r="C6363" i="1"/>
  <c r="C6364" i="1"/>
  <c r="C6365" i="1"/>
  <c r="C6366" i="1"/>
  <c r="C6367" i="1"/>
  <c r="C6368" i="1"/>
  <c r="C6369" i="1"/>
  <c r="C6370" i="1"/>
  <c r="C6371" i="1"/>
  <c r="C6372" i="1"/>
  <c r="C6373" i="1"/>
  <c r="C6374" i="1"/>
  <c r="C6375" i="1"/>
  <c r="C6376" i="1"/>
  <c r="C6377" i="1"/>
  <c r="C6378" i="1"/>
  <c r="C6379" i="1"/>
  <c r="C6380" i="1"/>
  <c r="C6381" i="1"/>
  <c r="C6382" i="1"/>
  <c r="C6383" i="1"/>
  <c r="C6384" i="1"/>
  <c r="C6385" i="1"/>
  <c r="C6386" i="1"/>
  <c r="C6387" i="1"/>
  <c r="C6388" i="1"/>
  <c r="C6389" i="1"/>
  <c r="C6390" i="1"/>
  <c r="C6391" i="1"/>
  <c r="C6392" i="1"/>
  <c r="C6393" i="1"/>
  <c r="C6394" i="1"/>
  <c r="C6395" i="1"/>
  <c r="C6396" i="1"/>
  <c r="C6397" i="1"/>
  <c r="C6398" i="1"/>
  <c r="C6399" i="1"/>
  <c r="C6400" i="1"/>
  <c r="C6401" i="1"/>
  <c r="C6402" i="1"/>
  <c r="C6403" i="1"/>
  <c r="C6404" i="1"/>
  <c r="C6405" i="1"/>
  <c r="C6406" i="1"/>
  <c r="C6407" i="1"/>
  <c r="C6408" i="1"/>
  <c r="C6409" i="1"/>
  <c r="C6410" i="1"/>
  <c r="C6411" i="1"/>
  <c r="C6412" i="1"/>
  <c r="C6413" i="1"/>
  <c r="C6414" i="1"/>
  <c r="C6415" i="1"/>
  <c r="C6416" i="1"/>
  <c r="C6417" i="1"/>
  <c r="C6418" i="1"/>
  <c r="C6419" i="1"/>
  <c r="C6420" i="1"/>
  <c r="C6421" i="1"/>
  <c r="C6422" i="1"/>
  <c r="C6423" i="1"/>
  <c r="C6424" i="1"/>
  <c r="C6425" i="1"/>
  <c r="C6426" i="1"/>
  <c r="C6427" i="1"/>
  <c r="C6428" i="1"/>
  <c r="C6429" i="1"/>
  <c r="C6430" i="1"/>
  <c r="C6431" i="1"/>
  <c r="C6432" i="1"/>
  <c r="C6433" i="1"/>
  <c r="C6434" i="1"/>
  <c r="C6435" i="1"/>
  <c r="C6436" i="1"/>
  <c r="C6437" i="1"/>
  <c r="C6438" i="1"/>
  <c r="C6439" i="1"/>
  <c r="C6440" i="1"/>
  <c r="C6441" i="1"/>
  <c r="C6442" i="1"/>
  <c r="C6443" i="1"/>
  <c r="C6444" i="1"/>
  <c r="C6445" i="1"/>
  <c r="C6446" i="1"/>
  <c r="C6447" i="1"/>
  <c r="C6448" i="1"/>
  <c r="C6449" i="1"/>
  <c r="C6450" i="1"/>
  <c r="C6451" i="1"/>
  <c r="C6452" i="1"/>
  <c r="C6453" i="1"/>
  <c r="C6454" i="1"/>
  <c r="C6455" i="1"/>
  <c r="C6456" i="1"/>
  <c r="C6457" i="1"/>
  <c r="C6458" i="1"/>
  <c r="C6459" i="1"/>
  <c r="C6460" i="1"/>
  <c r="C6461" i="1"/>
  <c r="C6462" i="1"/>
  <c r="C6463" i="1"/>
  <c r="C6464" i="1"/>
  <c r="C6465" i="1"/>
  <c r="C6466" i="1"/>
  <c r="C6467" i="1"/>
  <c r="C6468" i="1"/>
  <c r="C6469" i="1"/>
  <c r="C6470" i="1"/>
  <c r="C6471" i="1"/>
  <c r="C6472" i="1"/>
  <c r="C6473" i="1"/>
  <c r="C6474" i="1"/>
  <c r="C6475" i="1"/>
  <c r="C6476" i="1"/>
  <c r="C6477" i="1"/>
  <c r="C6478" i="1"/>
  <c r="C6479" i="1"/>
  <c r="C6480" i="1"/>
  <c r="C6481" i="1"/>
  <c r="C6482" i="1"/>
  <c r="C6483" i="1"/>
  <c r="C6484" i="1"/>
  <c r="C6485" i="1"/>
  <c r="C6486" i="1"/>
  <c r="C6487" i="1"/>
  <c r="C6488" i="1"/>
  <c r="C6489" i="1"/>
  <c r="C6490" i="1"/>
  <c r="C6491" i="1"/>
  <c r="C6492" i="1"/>
  <c r="C6493" i="1"/>
  <c r="C6494" i="1"/>
  <c r="C6495" i="1"/>
  <c r="C6496" i="1"/>
  <c r="C6497" i="1"/>
  <c r="C6498" i="1"/>
  <c r="C6499" i="1"/>
  <c r="C6500" i="1"/>
  <c r="C6501" i="1"/>
  <c r="C6502" i="1"/>
  <c r="C6503" i="1"/>
  <c r="C6504" i="1"/>
  <c r="C6505" i="1"/>
  <c r="C6506" i="1"/>
  <c r="C6507" i="1"/>
  <c r="C6508" i="1"/>
  <c r="C6509" i="1"/>
  <c r="C6510" i="1"/>
  <c r="C6511" i="1"/>
  <c r="C6512" i="1"/>
  <c r="C6513" i="1"/>
  <c r="C6514" i="1"/>
  <c r="C6515" i="1"/>
  <c r="C6516" i="1"/>
  <c r="C6517" i="1"/>
  <c r="C6518" i="1"/>
  <c r="C6519" i="1"/>
  <c r="C6520" i="1"/>
  <c r="C6521" i="1"/>
  <c r="C6522" i="1"/>
  <c r="C6523" i="1"/>
  <c r="C6524" i="1"/>
  <c r="C6525" i="1"/>
  <c r="C6526" i="1"/>
  <c r="C6527" i="1"/>
  <c r="C6528" i="1"/>
  <c r="C6529" i="1"/>
  <c r="C6530" i="1"/>
  <c r="C6531" i="1"/>
  <c r="C6532" i="1"/>
  <c r="C6533" i="1"/>
  <c r="C6534" i="1"/>
  <c r="C6535" i="1"/>
  <c r="C6536" i="1"/>
  <c r="C6537" i="1"/>
  <c r="C6538" i="1"/>
  <c r="C6539" i="1"/>
  <c r="C6540" i="1"/>
  <c r="C6541" i="1"/>
  <c r="C6542" i="1"/>
  <c r="C6543" i="1"/>
  <c r="C6544" i="1"/>
  <c r="C6545" i="1"/>
  <c r="C6546" i="1"/>
  <c r="C6547" i="1"/>
  <c r="C6548" i="1"/>
  <c r="C6549" i="1"/>
  <c r="C6550" i="1"/>
  <c r="C6551" i="1"/>
  <c r="C6552" i="1"/>
  <c r="C6553" i="1"/>
  <c r="C6554" i="1"/>
  <c r="C6555" i="1"/>
  <c r="C6556" i="1"/>
  <c r="C6557" i="1"/>
  <c r="C6558" i="1"/>
  <c r="C6559" i="1"/>
  <c r="C6560" i="1"/>
  <c r="C6561" i="1"/>
  <c r="C6562" i="1"/>
  <c r="C6563" i="1"/>
  <c r="C6564" i="1"/>
  <c r="C6565" i="1"/>
  <c r="C6566" i="1"/>
  <c r="C6567" i="1"/>
  <c r="C6568" i="1"/>
  <c r="C6569" i="1"/>
  <c r="C6570" i="1"/>
  <c r="C6571" i="1"/>
  <c r="C6572" i="1"/>
  <c r="C6573" i="1"/>
  <c r="C6574" i="1"/>
  <c r="C6575" i="1"/>
  <c r="C6576" i="1"/>
  <c r="C6577" i="1"/>
  <c r="C6578" i="1"/>
  <c r="C6579" i="1"/>
  <c r="C6580" i="1"/>
  <c r="C6581" i="1"/>
  <c r="C6582" i="1"/>
  <c r="C6583" i="1"/>
  <c r="C6584" i="1"/>
  <c r="C6585" i="1"/>
  <c r="C6586" i="1"/>
  <c r="C6587" i="1"/>
  <c r="C6588" i="1"/>
  <c r="C6589" i="1"/>
  <c r="C6590" i="1"/>
  <c r="C6591" i="1"/>
  <c r="C6592" i="1"/>
  <c r="C6593" i="1"/>
  <c r="C6594" i="1"/>
  <c r="C6595" i="1"/>
  <c r="C6596" i="1"/>
  <c r="C6597" i="1"/>
  <c r="C6598" i="1"/>
  <c r="C6599" i="1"/>
  <c r="C6600" i="1"/>
  <c r="C6601" i="1"/>
  <c r="C6602" i="1"/>
  <c r="C6603" i="1"/>
  <c r="C6604" i="1"/>
  <c r="C6605" i="1"/>
  <c r="C6606" i="1"/>
  <c r="C6607" i="1"/>
  <c r="C6608" i="1"/>
  <c r="C6609" i="1"/>
  <c r="C6610" i="1"/>
  <c r="C6611" i="1"/>
  <c r="C6612" i="1"/>
  <c r="C6613" i="1"/>
  <c r="C6614" i="1"/>
  <c r="C6615" i="1"/>
  <c r="C6616" i="1"/>
  <c r="C6617" i="1"/>
  <c r="C6618" i="1"/>
  <c r="C6619" i="1"/>
  <c r="C6620" i="1"/>
  <c r="C6621" i="1"/>
  <c r="C6622" i="1"/>
  <c r="C6623" i="1"/>
  <c r="C6624" i="1"/>
  <c r="C6625" i="1"/>
  <c r="C6626" i="1"/>
  <c r="C6627" i="1"/>
  <c r="C6628" i="1"/>
  <c r="C6629" i="1"/>
  <c r="C6630" i="1"/>
  <c r="C6631" i="1"/>
  <c r="C6632" i="1"/>
  <c r="C6633" i="1"/>
  <c r="C6634" i="1"/>
  <c r="C6635" i="1"/>
  <c r="C6636" i="1"/>
  <c r="C6637" i="1"/>
  <c r="C6638" i="1"/>
  <c r="C6639" i="1"/>
  <c r="C6640" i="1"/>
  <c r="C6641" i="1"/>
  <c r="C6642" i="1"/>
  <c r="C6643" i="1"/>
  <c r="C6644" i="1"/>
  <c r="C6645" i="1"/>
  <c r="C6646" i="1"/>
  <c r="C6647" i="1"/>
  <c r="C6648" i="1"/>
  <c r="C6649" i="1"/>
  <c r="C6650" i="1"/>
  <c r="C6651" i="1"/>
  <c r="C6652" i="1"/>
  <c r="C6653" i="1"/>
  <c r="C6654" i="1"/>
  <c r="C6655" i="1"/>
  <c r="C6656" i="1"/>
  <c r="C6657" i="1"/>
  <c r="C6658" i="1"/>
  <c r="C6659" i="1"/>
  <c r="C6660" i="1"/>
  <c r="C6661" i="1"/>
  <c r="C6662" i="1"/>
  <c r="C6663" i="1"/>
  <c r="C6664" i="1"/>
  <c r="C6665" i="1"/>
  <c r="C6666" i="1"/>
  <c r="C6667" i="1"/>
  <c r="C6668" i="1"/>
  <c r="C6669" i="1"/>
  <c r="C6670" i="1"/>
  <c r="C6671" i="1"/>
  <c r="C6672" i="1"/>
  <c r="C6673" i="1"/>
  <c r="C6674" i="1"/>
  <c r="C6675" i="1"/>
  <c r="C6676" i="1"/>
  <c r="C6677" i="1"/>
  <c r="C6678" i="1"/>
  <c r="C6679" i="1"/>
  <c r="C6680" i="1"/>
  <c r="C6681" i="1"/>
  <c r="C6682" i="1"/>
  <c r="C6683" i="1"/>
  <c r="C6684" i="1"/>
  <c r="C6685" i="1"/>
  <c r="C6686" i="1"/>
  <c r="C6687" i="1"/>
  <c r="C6688" i="1"/>
  <c r="C6689" i="1"/>
  <c r="C6690" i="1"/>
  <c r="C6691" i="1"/>
  <c r="C6692" i="1"/>
  <c r="C6693" i="1"/>
  <c r="C6694" i="1"/>
  <c r="C6695" i="1"/>
  <c r="C6696" i="1"/>
  <c r="C6697" i="1"/>
  <c r="C6698" i="1"/>
  <c r="C6699" i="1"/>
  <c r="C6700" i="1"/>
  <c r="C6701" i="1"/>
  <c r="C6702" i="1"/>
  <c r="C6703" i="1"/>
  <c r="C6704" i="1"/>
  <c r="C6705" i="1"/>
  <c r="C6706" i="1"/>
  <c r="C6707" i="1"/>
  <c r="C6708" i="1"/>
  <c r="C6709" i="1"/>
  <c r="C6710" i="1"/>
  <c r="C6711" i="1"/>
  <c r="C6712" i="1"/>
  <c r="C6713" i="1"/>
  <c r="C6714" i="1"/>
  <c r="C6715" i="1"/>
  <c r="C6716" i="1"/>
  <c r="C6717" i="1"/>
  <c r="C6718" i="1"/>
  <c r="C6719" i="1"/>
  <c r="C6720" i="1"/>
  <c r="C6721" i="1"/>
  <c r="C6722" i="1"/>
  <c r="C6723" i="1"/>
  <c r="C6724" i="1"/>
  <c r="C6725" i="1"/>
  <c r="C6726" i="1"/>
  <c r="C6727" i="1"/>
  <c r="C6728" i="1"/>
  <c r="C6729" i="1"/>
  <c r="C6730" i="1"/>
  <c r="C6731" i="1"/>
  <c r="C6732" i="1"/>
  <c r="C6733" i="1"/>
  <c r="C6734" i="1"/>
  <c r="C6735" i="1"/>
  <c r="C6736" i="1"/>
  <c r="C6737" i="1"/>
  <c r="C6738" i="1"/>
  <c r="C6739" i="1"/>
  <c r="C6740" i="1"/>
  <c r="C6741" i="1"/>
  <c r="C6742" i="1"/>
  <c r="C6743" i="1"/>
  <c r="C6744" i="1"/>
  <c r="C6745" i="1"/>
  <c r="C6746" i="1"/>
  <c r="C6747" i="1"/>
  <c r="C6748" i="1"/>
  <c r="C6749" i="1"/>
  <c r="C6750" i="1"/>
  <c r="C6751" i="1"/>
  <c r="C6752" i="1"/>
  <c r="C6753" i="1"/>
  <c r="C6754" i="1"/>
  <c r="C6755" i="1"/>
  <c r="C6756" i="1"/>
  <c r="C6757" i="1"/>
  <c r="C6758" i="1"/>
  <c r="C6759" i="1"/>
  <c r="C6760" i="1"/>
  <c r="C6761" i="1"/>
  <c r="C6762" i="1"/>
  <c r="C6763" i="1"/>
  <c r="C6764" i="1"/>
  <c r="C6765" i="1"/>
  <c r="C6766" i="1"/>
  <c r="C6767" i="1"/>
  <c r="C6768" i="1"/>
  <c r="C6769" i="1"/>
  <c r="C6770" i="1"/>
  <c r="C6771" i="1"/>
  <c r="C6772" i="1"/>
  <c r="C6773" i="1"/>
  <c r="C6774" i="1"/>
  <c r="C6775" i="1"/>
  <c r="C6776" i="1"/>
  <c r="C6777" i="1"/>
  <c r="C6778" i="1"/>
  <c r="C6779" i="1"/>
  <c r="C6780" i="1"/>
  <c r="C6781" i="1"/>
  <c r="C6782" i="1"/>
  <c r="C6783" i="1"/>
  <c r="C6784" i="1"/>
  <c r="C6785" i="1"/>
  <c r="C6786" i="1"/>
  <c r="C6787" i="1"/>
  <c r="C6788" i="1"/>
  <c r="C6789" i="1"/>
  <c r="C6790" i="1"/>
  <c r="C6791" i="1"/>
  <c r="C6792" i="1"/>
  <c r="C6793" i="1"/>
  <c r="C6794" i="1"/>
  <c r="C6795" i="1"/>
  <c r="C6796" i="1"/>
  <c r="C6797" i="1"/>
  <c r="C6798" i="1"/>
  <c r="C6799" i="1"/>
  <c r="C6800" i="1"/>
  <c r="C6801" i="1"/>
  <c r="C6802" i="1"/>
  <c r="C6803" i="1"/>
  <c r="C6804" i="1"/>
  <c r="C6805" i="1"/>
  <c r="C6806" i="1"/>
  <c r="C6807" i="1"/>
  <c r="C6808" i="1"/>
  <c r="C6809" i="1"/>
  <c r="C6810" i="1"/>
  <c r="C6811" i="1"/>
  <c r="C6812" i="1"/>
  <c r="C6813" i="1"/>
  <c r="C6814" i="1"/>
  <c r="C6815" i="1"/>
  <c r="C6816" i="1"/>
  <c r="C6817" i="1"/>
  <c r="C6818" i="1"/>
  <c r="C6819" i="1"/>
  <c r="C6820" i="1"/>
  <c r="C6821" i="1"/>
  <c r="C6822" i="1"/>
  <c r="C6823" i="1"/>
  <c r="C6824" i="1"/>
  <c r="C6825" i="1"/>
  <c r="C6826" i="1"/>
  <c r="C6827" i="1"/>
  <c r="C6828" i="1"/>
  <c r="C6829" i="1"/>
  <c r="C6830" i="1"/>
  <c r="C6831" i="1"/>
  <c r="C6832" i="1"/>
  <c r="C6833" i="1"/>
  <c r="C6834" i="1"/>
  <c r="C6835" i="1"/>
  <c r="C6836" i="1"/>
  <c r="C6837" i="1"/>
  <c r="C6838" i="1"/>
  <c r="C6839" i="1"/>
  <c r="C6840" i="1"/>
  <c r="C6841" i="1"/>
  <c r="C6842" i="1"/>
  <c r="C6843" i="1"/>
  <c r="C6844" i="1"/>
  <c r="C6845" i="1"/>
  <c r="C6846" i="1"/>
  <c r="C6847" i="1"/>
  <c r="C6848" i="1"/>
  <c r="C6849" i="1"/>
  <c r="C6850" i="1"/>
  <c r="C6851" i="1"/>
  <c r="C6852" i="1"/>
  <c r="C6853" i="1"/>
  <c r="C6854" i="1"/>
  <c r="C6855" i="1"/>
  <c r="C6856" i="1"/>
  <c r="C6857" i="1"/>
  <c r="C6858" i="1"/>
  <c r="C6859" i="1"/>
  <c r="C6860" i="1"/>
  <c r="C6861" i="1"/>
  <c r="C6862" i="1"/>
  <c r="C6863" i="1"/>
  <c r="C6864" i="1"/>
  <c r="C6865" i="1"/>
  <c r="C6866" i="1"/>
  <c r="C6867" i="1"/>
  <c r="C6868" i="1"/>
  <c r="C6869" i="1"/>
  <c r="C6870" i="1"/>
  <c r="C6871" i="1"/>
  <c r="C6872" i="1"/>
  <c r="C6873" i="1"/>
  <c r="C6874" i="1"/>
  <c r="C6875" i="1"/>
  <c r="C6876" i="1"/>
  <c r="C6877" i="1"/>
  <c r="C6878" i="1"/>
  <c r="C6879" i="1"/>
  <c r="C6880" i="1"/>
  <c r="C6881" i="1"/>
  <c r="C6882" i="1"/>
  <c r="C6883" i="1"/>
  <c r="C6884" i="1"/>
  <c r="C6885" i="1"/>
  <c r="C6886" i="1"/>
  <c r="C6887" i="1"/>
  <c r="C6888" i="1"/>
  <c r="C6889" i="1"/>
  <c r="C6890" i="1"/>
  <c r="C6891" i="1"/>
  <c r="C6892" i="1"/>
  <c r="C6893" i="1"/>
  <c r="C6894" i="1"/>
  <c r="C6895" i="1"/>
  <c r="C6896" i="1"/>
  <c r="C6897" i="1"/>
  <c r="C6898" i="1"/>
  <c r="C6899" i="1"/>
  <c r="C6900" i="1"/>
  <c r="C6901" i="1"/>
  <c r="C6902" i="1"/>
  <c r="C6903" i="1"/>
  <c r="C6904" i="1"/>
  <c r="C6905" i="1"/>
  <c r="C6906" i="1"/>
  <c r="C6907" i="1"/>
  <c r="C6908" i="1"/>
  <c r="C6909" i="1"/>
  <c r="C6910" i="1"/>
  <c r="C6911" i="1"/>
  <c r="C6912" i="1"/>
  <c r="C6913" i="1"/>
  <c r="C6914" i="1"/>
  <c r="C6915" i="1"/>
  <c r="C6916" i="1"/>
  <c r="C6917" i="1"/>
  <c r="C6918" i="1"/>
  <c r="C6919" i="1"/>
  <c r="C6920" i="1"/>
  <c r="C6921" i="1"/>
  <c r="C6922" i="1"/>
  <c r="C6923" i="1"/>
  <c r="C6924" i="1"/>
  <c r="C6925" i="1"/>
  <c r="C6926" i="1"/>
  <c r="C6927" i="1"/>
  <c r="C6928" i="1"/>
  <c r="C6929" i="1"/>
  <c r="C6930" i="1"/>
  <c r="C6931" i="1"/>
  <c r="C6932" i="1"/>
  <c r="C6933" i="1"/>
  <c r="C6934" i="1"/>
  <c r="C6935" i="1"/>
  <c r="C6936" i="1"/>
  <c r="C6937" i="1"/>
  <c r="C6938" i="1"/>
  <c r="C6939" i="1"/>
  <c r="C6940" i="1"/>
  <c r="C6941" i="1"/>
  <c r="C6942" i="1"/>
  <c r="C6943" i="1"/>
  <c r="C6944" i="1"/>
  <c r="C6945" i="1"/>
  <c r="C6946" i="1"/>
  <c r="C6947" i="1"/>
  <c r="C6948" i="1"/>
  <c r="C6949" i="1"/>
  <c r="C6950" i="1"/>
  <c r="C6951" i="1"/>
  <c r="C6952" i="1"/>
  <c r="C6953" i="1"/>
  <c r="C6954" i="1"/>
  <c r="C6955" i="1"/>
  <c r="C6956" i="1"/>
  <c r="C6957" i="1"/>
  <c r="C6958" i="1"/>
  <c r="C6959" i="1"/>
  <c r="C6960" i="1"/>
  <c r="C6961" i="1"/>
  <c r="C6962" i="1"/>
  <c r="C6963" i="1"/>
  <c r="C6964" i="1"/>
  <c r="C6965" i="1"/>
  <c r="C6966" i="1"/>
  <c r="C6967" i="1"/>
  <c r="C6968" i="1"/>
  <c r="C6969" i="1"/>
  <c r="C6970" i="1"/>
  <c r="C6971" i="1"/>
  <c r="C6972" i="1"/>
  <c r="C6973" i="1"/>
  <c r="C6974" i="1"/>
  <c r="C6975" i="1"/>
  <c r="C6976" i="1"/>
  <c r="C6977" i="1"/>
  <c r="C6978" i="1"/>
  <c r="C6979" i="1"/>
  <c r="C6980" i="1"/>
  <c r="C6981" i="1"/>
  <c r="C6982" i="1"/>
  <c r="C6983" i="1"/>
  <c r="C6984" i="1"/>
  <c r="C6985" i="1"/>
  <c r="C6986" i="1"/>
  <c r="C6987" i="1"/>
  <c r="C6988" i="1"/>
  <c r="C6989" i="1"/>
  <c r="C6990" i="1"/>
  <c r="C6991" i="1"/>
  <c r="C6992" i="1"/>
  <c r="C6993" i="1"/>
  <c r="C6994" i="1"/>
  <c r="C6995" i="1"/>
  <c r="C6996" i="1"/>
  <c r="C6997" i="1"/>
  <c r="C6998" i="1"/>
  <c r="C6999" i="1"/>
  <c r="C7000" i="1"/>
  <c r="C7001" i="1"/>
  <c r="C7002" i="1"/>
  <c r="C7003" i="1"/>
  <c r="C7004" i="1"/>
  <c r="C7005" i="1"/>
  <c r="C7006" i="1"/>
  <c r="C7007" i="1"/>
  <c r="C7008" i="1"/>
  <c r="C7009" i="1"/>
  <c r="C7010" i="1"/>
  <c r="C7011" i="1"/>
  <c r="C7012" i="1"/>
  <c r="C7013" i="1"/>
  <c r="C7014" i="1"/>
  <c r="C7015" i="1"/>
  <c r="C7016" i="1"/>
  <c r="C7017" i="1"/>
  <c r="C7018" i="1"/>
  <c r="C7019" i="1"/>
  <c r="C7020" i="1"/>
  <c r="C7021" i="1"/>
  <c r="C7022" i="1"/>
  <c r="C7023" i="1"/>
  <c r="C7024" i="1"/>
  <c r="C7025" i="1"/>
  <c r="C7026" i="1"/>
  <c r="C7027" i="1"/>
  <c r="C7028" i="1"/>
  <c r="C7029" i="1"/>
  <c r="C7030" i="1"/>
  <c r="C7031" i="1"/>
  <c r="C7032" i="1"/>
  <c r="C7033" i="1"/>
  <c r="C7034" i="1"/>
  <c r="C7035" i="1"/>
  <c r="C7036" i="1"/>
  <c r="C7037" i="1"/>
  <c r="C7038" i="1"/>
  <c r="C7039" i="1"/>
  <c r="C7040" i="1"/>
  <c r="C7041" i="1"/>
  <c r="C7042" i="1"/>
  <c r="C7043" i="1"/>
  <c r="C7044" i="1"/>
  <c r="C7045" i="1"/>
  <c r="C7046" i="1"/>
  <c r="C7047" i="1"/>
  <c r="C7048" i="1"/>
  <c r="C7049" i="1"/>
  <c r="C7050" i="1"/>
  <c r="C7051" i="1"/>
  <c r="C7052" i="1"/>
  <c r="C7053" i="1"/>
  <c r="C7054" i="1"/>
  <c r="C7055" i="1"/>
  <c r="C7056" i="1"/>
  <c r="C7057" i="1"/>
  <c r="C7058" i="1"/>
  <c r="C7059" i="1"/>
  <c r="C7060" i="1"/>
  <c r="C7061" i="1"/>
  <c r="C7062" i="1"/>
  <c r="C7063" i="1"/>
  <c r="C7064" i="1"/>
  <c r="C7065" i="1"/>
  <c r="C7066" i="1"/>
  <c r="C7067" i="1"/>
  <c r="C7068" i="1"/>
  <c r="C7069" i="1"/>
  <c r="C7070" i="1"/>
  <c r="C7071" i="1"/>
  <c r="C7072" i="1"/>
  <c r="C7073" i="1"/>
  <c r="C7074" i="1"/>
  <c r="C7075" i="1"/>
  <c r="C7076" i="1"/>
  <c r="C7077" i="1"/>
  <c r="C7078" i="1"/>
  <c r="C7079" i="1"/>
  <c r="C7080" i="1"/>
  <c r="C7081" i="1"/>
  <c r="C7082" i="1"/>
  <c r="C7083" i="1"/>
  <c r="C7084" i="1"/>
  <c r="C7085" i="1"/>
  <c r="C7086" i="1"/>
  <c r="C7087" i="1"/>
  <c r="C7088" i="1"/>
  <c r="C7089" i="1"/>
  <c r="C7090" i="1"/>
  <c r="C7091" i="1"/>
  <c r="C7092" i="1"/>
  <c r="C7093" i="1"/>
  <c r="C7094" i="1"/>
  <c r="C7095" i="1"/>
  <c r="C7096" i="1"/>
  <c r="C7097" i="1"/>
  <c r="C7098" i="1"/>
  <c r="C7099" i="1"/>
  <c r="C7100" i="1"/>
  <c r="C7101" i="1"/>
  <c r="C7102" i="1"/>
  <c r="C7103" i="1"/>
  <c r="C7104" i="1"/>
  <c r="C7105" i="1"/>
  <c r="C7106" i="1"/>
  <c r="C7107" i="1"/>
  <c r="C7108" i="1"/>
  <c r="C7109" i="1"/>
  <c r="C7110" i="1"/>
  <c r="C7111" i="1"/>
  <c r="C7112" i="1"/>
  <c r="C7113" i="1"/>
  <c r="C7114" i="1"/>
  <c r="C7115" i="1"/>
  <c r="C7116" i="1"/>
  <c r="C7117" i="1"/>
  <c r="C7118" i="1"/>
  <c r="C7119" i="1"/>
  <c r="C7120" i="1"/>
  <c r="C7121" i="1"/>
  <c r="C7122" i="1"/>
  <c r="C7123" i="1"/>
  <c r="C7124" i="1"/>
  <c r="C7125" i="1"/>
  <c r="C7126" i="1"/>
  <c r="C7127" i="1"/>
  <c r="C7128" i="1"/>
  <c r="C7129" i="1"/>
  <c r="C7130" i="1"/>
  <c r="C7131" i="1"/>
  <c r="C7132" i="1"/>
  <c r="C7133" i="1"/>
  <c r="C7134" i="1"/>
  <c r="C7135" i="1"/>
  <c r="C7136" i="1"/>
  <c r="C7137" i="1"/>
  <c r="C7138" i="1"/>
  <c r="C7139" i="1"/>
  <c r="C7140" i="1"/>
  <c r="C7141" i="1"/>
  <c r="C7142" i="1"/>
  <c r="C7143" i="1"/>
  <c r="C7144" i="1"/>
  <c r="C7145" i="1"/>
  <c r="C7146" i="1"/>
  <c r="C7147" i="1"/>
  <c r="C7148" i="1"/>
  <c r="C7149" i="1"/>
  <c r="C7150" i="1"/>
  <c r="C7151" i="1"/>
  <c r="C7152" i="1"/>
  <c r="C7153" i="1"/>
  <c r="C7154" i="1"/>
  <c r="C7155" i="1"/>
  <c r="C7156" i="1"/>
  <c r="C7157" i="1"/>
  <c r="C7158" i="1"/>
  <c r="C7159" i="1"/>
  <c r="C7160" i="1"/>
  <c r="C7161" i="1"/>
  <c r="C7162" i="1"/>
  <c r="C7163" i="1"/>
  <c r="C7164" i="1"/>
  <c r="C7165" i="1"/>
  <c r="C7166" i="1"/>
  <c r="C7167" i="1"/>
  <c r="C7168" i="1"/>
  <c r="C7169" i="1"/>
  <c r="C7170" i="1"/>
  <c r="C7171" i="1"/>
  <c r="C7172" i="1"/>
  <c r="C7173" i="1"/>
  <c r="C7174" i="1"/>
  <c r="C7175" i="1"/>
  <c r="C7176" i="1"/>
  <c r="C7177" i="1"/>
  <c r="C7178" i="1"/>
  <c r="C7179" i="1"/>
  <c r="C7180" i="1"/>
  <c r="C7181" i="1"/>
  <c r="C7182" i="1"/>
  <c r="C7183" i="1"/>
  <c r="C7184" i="1"/>
  <c r="C7185" i="1"/>
  <c r="C7186" i="1"/>
  <c r="C7187" i="1"/>
  <c r="C7188" i="1"/>
  <c r="C7189" i="1"/>
  <c r="C7190" i="1"/>
  <c r="C7191" i="1"/>
  <c r="C7192" i="1"/>
  <c r="C7193" i="1"/>
  <c r="C7194" i="1"/>
  <c r="C7195" i="1"/>
  <c r="C7196" i="1"/>
  <c r="C7197" i="1"/>
  <c r="C7198" i="1"/>
  <c r="C7199" i="1"/>
  <c r="C7200" i="1"/>
  <c r="C7201" i="1"/>
  <c r="C7202" i="1"/>
  <c r="C7203" i="1"/>
  <c r="C7204" i="1"/>
  <c r="C7205" i="1"/>
  <c r="C7206" i="1"/>
  <c r="C7207" i="1"/>
  <c r="C7208" i="1"/>
  <c r="C7209" i="1"/>
  <c r="C7210" i="1"/>
  <c r="C7211" i="1"/>
  <c r="C7212" i="1"/>
  <c r="C7213" i="1"/>
  <c r="C7214" i="1"/>
  <c r="C7215" i="1"/>
  <c r="C7216" i="1"/>
  <c r="C7217" i="1"/>
  <c r="C7218" i="1"/>
  <c r="C7219" i="1"/>
  <c r="C7220" i="1"/>
  <c r="C7221" i="1"/>
  <c r="C7222" i="1"/>
  <c r="C7223" i="1"/>
  <c r="C7224" i="1"/>
  <c r="C7225" i="1"/>
  <c r="C7226" i="1"/>
  <c r="C7227" i="1"/>
  <c r="C7228" i="1"/>
  <c r="C7229" i="1"/>
  <c r="C7230" i="1"/>
  <c r="C7231" i="1"/>
  <c r="C7232" i="1"/>
  <c r="C7233" i="1"/>
  <c r="C7234" i="1"/>
  <c r="C7235" i="1"/>
  <c r="C7236" i="1"/>
  <c r="C7237" i="1"/>
  <c r="C7238" i="1"/>
  <c r="C7239" i="1"/>
  <c r="C7240" i="1"/>
  <c r="C7241" i="1"/>
  <c r="C7242" i="1"/>
  <c r="C7243" i="1"/>
  <c r="C7244" i="1"/>
  <c r="C7245" i="1"/>
  <c r="C7246" i="1"/>
  <c r="C7247" i="1"/>
  <c r="C7248" i="1"/>
  <c r="C7249" i="1"/>
  <c r="C7250" i="1"/>
  <c r="C7251" i="1"/>
  <c r="C7252" i="1"/>
  <c r="C7253" i="1"/>
  <c r="C7254" i="1"/>
  <c r="C7255" i="1"/>
  <c r="C7256" i="1"/>
  <c r="C7257" i="1"/>
  <c r="C7258" i="1"/>
  <c r="C7259" i="1"/>
  <c r="C7260" i="1"/>
  <c r="C7261" i="1"/>
  <c r="C7262" i="1"/>
  <c r="C7263" i="1"/>
  <c r="C7264" i="1"/>
  <c r="C7265" i="1"/>
  <c r="C7266" i="1"/>
  <c r="C7267" i="1"/>
  <c r="C7268" i="1"/>
  <c r="C7269" i="1"/>
  <c r="C7270" i="1"/>
  <c r="C7271" i="1"/>
  <c r="C7272" i="1"/>
  <c r="C7273" i="1"/>
  <c r="C7274" i="1"/>
  <c r="C7275" i="1"/>
  <c r="C7276" i="1"/>
  <c r="C7277" i="1"/>
  <c r="C7278" i="1"/>
  <c r="C7279" i="1"/>
  <c r="C7280" i="1"/>
  <c r="C7281" i="1"/>
  <c r="C7282" i="1"/>
  <c r="C7283" i="1"/>
  <c r="C7284" i="1"/>
  <c r="C7285" i="1"/>
  <c r="C7286" i="1"/>
  <c r="C7287" i="1"/>
  <c r="C7288" i="1"/>
  <c r="C7289" i="1"/>
  <c r="C7290" i="1"/>
  <c r="C7291" i="1"/>
  <c r="C7292" i="1"/>
  <c r="C7293" i="1"/>
  <c r="C7294" i="1"/>
  <c r="C7295" i="1"/>
  <c r="C7296" i="1"/>
  <c r="C7297" i="1"/>
  <c r="C7298" i="1"/>
  <c r="C7299" i="1"/>
  <c r="C7300" i="1"/>
  <c r="C7301" i="1"/>
  <c r="C7302" i="1"/>
  <c r="C7303" i="1"/>
  <c r="C7304" i="1"/>
  <c r="C7305" i="1"/>
  <c r="C7306" i="1"/>
  <c r="C7307" i="1"/>
  <c r="C7308" i="1"/>
  <c r="C7309" i="1"/>
  <c r="C7310" i="1"/>
  <c r="C7311" i="1"/>
  <c r="C7312" i="1"/>
  <c r="C7313" i="1"/>
  <c r="C7314" i="1"/>
  <c r="C7315" i="1"/>
  <c r="C7316" i="1"/>
  <c r="C7317" i="1"/>
  <c r="C7318" i="1"/>
  <c r="C7319" i="1"/>
  <c r="C7320" i="1"/>
  <c r="C7321" i="1"/>
  <c r="C7322" i="1"/>
  <c r="C7323" i="1"/>
  <c r="C7324" i="1"/>
  <c r="C7325" i="1"/>
  <c r="C7326" i="1"/>
  <c r="C7327" i="1"/>
  <c r="C7328" i="1"/>
  <c r="C7329" i="1"/>
  <c r="C7330" i="1"/>
  <c r="C7331" i="1"/>
  <c r="C7332" i="1"/>
  <c r="C7333" i="1"/>
  <c r="C7334" i="1"/>
  <c r="C7335" i="1"/>
  <c r="C7336" i="1"/>
  <c r="C7337" i="1"/>
  <c r="C7338" i="1"/>
  <c r="C7339" i="1"/>
  <c r="C7340" i="1"/>
  <c r="C7341" i="1"/>
  <c r="C7342" i="1"/>
  <c r="C7343" i="1"/>
  <c r="C7344" i="1"/>
  <c r="C7345" i="1"/>
  <c r="C7346" i="1"/>
  <c r="C7347" i="1"/>
  <c r="C7348" i="1"/>
  <c r="C7349" i="1"/>
  <c r="C7350" i="1"/>
  <c r="C7351" i="1"/>
  <c r="C7352" i="1"/>
  <c r="C7353" i="1"/>
  <c r="C7354" i="1"/>
  <c r="C7355" i="1"/>
  <c r="C7356" i="1"/>
  <c r="C7357" i="1"/>
  <c r="C7358" i="1"/>
  <c r="C7359" i="1"/>
  <c r="C7360" i="1"/>
  <c r="C7361" i="1"/>
  <c r="C7362" i="1"/>
  <c r="C7363" i="1"/>
  <c r="C7364" i="1"/>
  <c r="C7365" i="1"/>
  <c r="C7366" i="1"/>
  <c r="C7367" i="1"/>
  <c r="C7368" i="1"/>
  <c r="C7369" i="1"/>
  <c r="C7370" i="1"/>
  <c r="C7371" i="1"/>
  <c r="C7372" i="1"/>
  <c r="C7373" i="1"/>
  <c r="C7374" i="1"/>
  <c r="C7375" i="1"/>
  <c r="C7376" i="1"/>
  <c r="C7377" i="1"/>
  <c r="C7378" i="1"/>
  <c r="C7379" i="1"/>
  <c r="C7380" i="1"/>
  <c r="C7381" i="1"/>
  <c r="C7382" i="1"/>
  <c r="C7383" i="1"/>
  <c r="C7384" i="1"/>
  <c r="C7385" i="1"/>
  <c r="C7386" i="1"/>
  <c r="C7387" i="1"/>
  <c r="C7388" i="1"/>
  <c r="C7389" i="1"/>
  <c r="C7390" i="1"/>
  <c r="C7391" i="1"/>
  <c r="C7392" i="1"/>
  <c r="C7393" i="1"/>
  <c r="C7394" i="1"/>
  <c r="C7395" i="1"/>
  <c r="C7396" i="1"/>
  <c r="C7397" i="1"/>
  <c r="C7398" i="1"/>
  <c r="C7399" i="1"/>
  <c r="C7400" i="1"/>
  <c r="C7401" i="1"/>
  <c r="C7402" i="1"/>
  <c r="C7403" i="1"/>
  <c r="C7404" i="1"/>
  <c r="C7405" i="1"/>
  <c r="C7406" i="1"/>
  <c r="C7407" i="1"/>
  <c r="C7408" i="1"/>
  <c r="C7409" i="1"/>
  <c r="C7410" i="1"/>
  <c r="C7411" i="1"/>
  <c r="C7412" i="1"/>
  <c r="C7413" i="1"/>
  <c r="C7414" i="1"/>
  <c r="C7415" i="1"/>
  <c r="C7416" i="1"/>
  <c r="C7417" i="1"/>
  <c r="C7418" i="1"/>
  <c r="C7419" i="1"/>
  <c r="C7420" i="1"/>
  <c r="C7421" i="1"/>
  <c r="C7422" i="1"/>
  <c r="C7423" i="1"/>
  <c r="C7424" i="1"/>
  <c r="C7425" i="1"/>
  <c r="C7426" i="1"/>
  <c r="C7427" i="1"/>
  <c r="C7428" i="1"/>
  <c r="C7429" i="1"/>
  <c r="C7430" i="1"/>
  <c r="C7431" i="1"/>
  <c r="C7432" i="1"/>
  <c r="C7433" i="1"/>
  <c r="C7434" i="1"/>
  <c r="C7435" i="1"/>
  <c r="C7436" i="1"/>
  <c r="C7437" i="1"/>
  <c r="C7438" i="1"/>
  <c r="C7439" i="1"/>
  <c r="C7440" i="1"/>
  <c r="C7441" i="1"/>
  <c r="C7442" i="1"/>
  <c r="C7443" i="1"/>
  <c r="C7444" i="1"/>
  <c r="C7445" i="1"/>
  <c r="C7446" i="1"/>
  <c r="C7447" i="1"/>
  <c r="C7448" i="1"/>
  <c r="C7449" i="1"/>
  <c r="C7450" i="1"/>
  <c r="C7451" i="1"/>
  <c r="C7452" i="1"/>
  <c r="C7453" i="1"/>
  <c r="C7454" i="1"/>
  <c r="C7455" i="1"/>
  <c r="C7456" i="1"/>
  <c r="C7457" i="1"/>
  <c r="C7458" i="1"/>
  <c r="C7459" i="1"/>
  <c r="C7460" i="1"/>
  <c r="C7461" i="1"/>
  <c r="C7462" i="1"/>
  <c r="C7463" i="1"/>
  <c r="C7464" i="1"/>
  <c r="C7465" i="1"/>
  <c r="C7466" i="1"/>
  <c r="C7467" i="1"/>
  <c r="C7468" i="1"/>
  <c r="C7469" i="1"/>
  <c r="C7470" i="1"/>
  <c r="C7471" i="1"/>
  <c r="C7472" i="1"/>
  <c r="C7473" i="1"/>
  <c r="C7474" i="1"/>
  <c r="C7475" i="1"/>
  <c r="C7476" i="1"/>
  <c r="C7477" i="1"/>
  <c r="C7478" i="1"/>
  <c r="C7479" i="1"/>
  <c r="C7480" i="1"/>
  <c r="C7481" i="1"/>
  <c r="C7482" i="1"/>
  <c r="C7483" i="1"/>
  <c r="C7484" i="1"/>
  <c r="C7485" i="1"/>
  <c r="C7486" i="1"/>
  <c r="C7487" i="1"/>
  <c r="C7488" i="1"/>
  <c r="C7489" i="1"/>
  <c r="C7490" i="1"/>
  <c r="C7491" i="1"/>
  <c r="C7492" i="1"/>
  <c r="C7493" i="1"/>
  <c r="C7494" i="1"/>
  <c r="C7495" i="1"/>
  <c r="C7496" i="1"/>
  <c r="C7497" i="1"/>
  <c r="C7498" i="1"/>
  <c r="C7499" i="1"/>
  <c r="C7500" i="1"/>
  <c r="C7501" i="1"/>
  <c r="C7502" i="1"/>
  <c r="C7503" i="1"/>
  <c r="C7504" i="1"/>
  <c r="C7505" i="1"/>
  <c r="C7506" i="1"/>
  <c r="C7507" i="1"/>
  <c r="C7508" i="1"/>
  <c r="C7509" i="1"/>
  <c r="C7510" i="1"/>
  <c r="C7511" i="1"/>
  <c r="C7512" i="1"/>
  <c r="C7513" i="1"/>
  <c r="C7514" i="1"/>
  <c r="C7515" i="1"/>
  <c r="C7516" i="1"/>
  <c r="C7517" i="1"/>
  <c r="C7518" i="1"/>
  <c r="C7519" i="1"/>
  <c r="C7520" i="1"/>
  <c r="C7521" i="1"/>
  <c r="C7522" i="1"/>
  <c r="C7523" i="1"/>
  <c r="C7524" i="1"/>
  <c r="C7525" i="1"/>
  <c r="C7526" i="1"/>
  <c r="C7527" i="1"/>
  <c r="C7528" i="1"/>
  <c r="C7529" i="1"/>
  <c r="C7530" i="1"/>
  <c r="C7531" i="1"/>
  <c r="C7532" i="1"/>
  <c r="C7533" i="1"/>
  <c r="C7534" i="1"/>
  <c r="C7535" i="1"/>
  <c r="C7536" i="1"/>
  <c r="C7537" i="1"/>
  <c r="C7538" i="1"/>
  <c r="C7539" i="1"/>
  <c r="C7540" i="1"/>
  <c r="C7541" i="1"/>
  <c r="C7542" i="1"/>
  <c r="C7543" i="1"/>
  <c r="C7544" i="1"/>
  <c r="C7545" i="1"/>
  <c r="C7546" i="1"/>
  <c r="C7547" i="1"/>
  <c r="C7548" i="1"/>
  <c r="C7549" i="1"/>
  <c r="C7550" i="1"/>
  <c r="C7551" i="1"/>
  <c r="C7552" i="1"/>
  <c r="C7553" i="1"/>
  <c r="C7554" i="1"/>
  <c r="C7555" i="1"/>
  <c r="C7556" i="1"/>
  <c r="C7557" i="1"/>
  <c r="C7558" i="1"/>
  <c r="C7559" i="1"/>
  <c r="C7560" i="1"/>
  <c r="C7561" i="1"/>
  <c r="C7562" i="1"/>
  <c r="C7563" i="1"/>
  <c r="C7564" i="1"/>
  <c r="C7565" i="1"/>
  <c r="C7566" i="1"/>
  <c r="C7567" i="1"/>
  <c r="C7568" i="1"/>
  <c r="C7569" i="1"/>
  <c r="C7570" i="1"/>
  <c r="C7571" i="1"/>
  <c r="C7572" i="1"/>
  <c r="C7573" i="1"/>
  <c r="C7574" i="1"/>
  <c r="C7575" i="1"/>
  <c r="C7576" i="1"/>
  <c r="C7577" i="1"/>
  <c r="C7578" i="1"/>
  <c r="C7579" i="1"/>
  <c r="C7580" i="1"/>
  <c r="C7581" i="1"/>
  <c r="C7582" i="1"/>
  <c r="C7583" i="1"/>
  <c r="C7584" i="1"/>
  <c r="C7585" i="1"/>
  <c r="C7586" i="1"/>
  <c r="C7587" i="1"/>
  <c r="C7588" i="1"/>
  <c r="C7589" i="1"/>
  <c r="C7590" i="1"/>
  <c r="C7591" i="1"/>
  <c r="C7592" i="1"/>
  <c r="C7593" i="1"/>
  <c r="C7594" i="1"/>
  <c r="C7595" i="1"/>
  <c r="C7596" i="1"/>
  <c r="C7597" i="1"/>
  <c r="C7598" i="1"/>
  <c r="C7599" i="1"/>
  <c r="C7600" i="1"/>
  <c r="C7601" i="1"/>
  <c r="C7602" i="1"/>
  <c r="C7603" i="1"/>
  <c r="C7604" i="1"/>
  <c r="C7605" i="1"/>
  <c r="C7606" i="1"/>
  <c r="C7607" i="1"/>
  <c r="C7608" i="1"/>
  <c r="C7609" i="1"/>
  <c r="C7610" i="1"/>
  <c r="C7611" i="1"/>
  <c r="C7612" i="1"/>
  <c r="C7613" i="1"/>
  <c r="C7614" i="1"/>
  <c r="C7615" i="1"/>
  <c r="C7616" i="1"/>
  <c r="C7617" i="1"/>
  <c r="C7618" i="1"/>
  <c r="C7619" i="1"/>
  <c r="C7620" i="1"/>
  <c r="C7621" i="1"/>
  <c r="C7622" i="1"/>
  <c r="C7623" i="1"/>
  <c r="C7624" i="1"/>
  <c r="C7625" i="1"/>
  <c r="C7626" i="1"/>
  <c r="C7627" i="1"/>
  <c r="C7628" i="1"/>
  <c r="C7629" i="1"/>
  <c r="C7630" i="1"/>
  <c r="C7631" i="1"/>
  <c r="C7632" i="1"/>
  <c r="C7633" i="1"/>
  <c r="C7634" i="1"/>
  <c r="C7635" i="1"/>
  <c r="C7636" i="1"/>
  <c r="C7637" i="1"/>
  <c r="C7638" i="1"/>
  <c r="C7639" i="1"/>
  <c r="C7640" i="1"/>
  <c r="C7641" i="1"/>
  <c r="C7642" i="1"/>
  <c r="C7643" i="1"/>
  <c r="C7644" i="1"/>
  <c r="C7645" i="1"/>
  <c r="C7646" i="1"/>
  <c r="C7647" i="1"/>
  <c r="C7648" i="1"/>
  <c r="C7649" i="1"/>
  <c r="C7650" i="1"/>
  <c r="C7651" i="1"/>
  <c r="C7652" i="1"/>
  <c r="C7653" i="1"/>
  <c r="C7654" i="1"/>
  <c r="C7655" i="1"/>
  <c r="C7656" i="1"/>
  <c r="C7657" i="1"/>
  <c r="C7658" i="1"/>
  <c r="C7659" i="1"/>
  <c r="C7660" i="1"/>
  <c r="C7661" i="1"/>
  <c r="C7662" i="1"/>
  <c r="C7663" i="1"/>
  <c r="C7664" i="1"/>
  <c r="C7665" i="1"/>
  <c r="C7666" i="1"/>
  <c r="C7667" i="1"/>
  <c r="C7668" i="1"/>
  <c r="C7669" i="1"/>
  <c r="C7670" i="1"/>
  <c r="C7671" i="1"/>
  <c r="C7672" i="1"/>
  <c r="C7673" i="1"/>
  <c r="C7674" i="1"/>
  <c r="C7675" i="1"/>
  <c r="C7676" i="1"/>
  <c r="C7677" i="1"/>
  <c r="C7678" i="1"/>
  <c r="C7679" i="1"/>
  <c r="C7680" i="1"/>
  <c r="C7681" i="1"/>
  <c r="C7682" i="1"/>
  <c r="C7683" i="1"/>
  <c r="C7684" i="1"/>
  <c r="C7685" i="1"/>
  <c r="C7686" i="1"/>
  <c r="C7687" i="1"/>
  <c r="C7688" i="1"/>
  <c r="C7689" i="1"/>
  <c r="C7690" i="1"/>
  <c r="C7691" i="1"/>
  <c r="C7692" i="1"/>
  <c r="C7693" i="1"/>
  <c r="C7694" i="1"/>
  <c r="C7695" i="1"/>
  <c r="C7696" i="1"/>
  <c r="C7697" i="1"/>
  <c r="C7698" i="1"/>
  <c r="C7699" i="1"/>
  <c r="C7700" i="1"/>
  <c r="C7701" i="1"/>
  <c r="C7702" i="1"/>
  <c r="C7703" i="1"/>
  <c r="C7704" i="1"/>
  <c r="C7705" i="1"/>
  <c r="C7706" i="1"/>
  <c r="C7707" i="1"/>
  <c r="C7708" i="1"/>
  <c r="C7709" i="1"/>
  <c r="C7710" i="1"/>
  <c r="C7711" i="1"/>
  <c r="C7712" i="1"/>
  <c r="C7713" i="1"/>
  <c r="C7714" i="1"/>
  <c r="C7715" i="1"/>
  <c r="C7716" i="1"/>
  <c r="C7717" i="1"/>
  <c r="C7718" i="1"/>
  <c r="C7719" i="1"/>
  <c r="C7720" i="1"/>
  <c r="C7721" i="1"/>
  <c r="C7722" i="1"/>
  <c r="C7723" i="1"/>
  <c r="C7724" i="1"/>
  <c r="C7725" i="1"/>
  <c r="C7726" i="1"/>
  <c r="C7727" i="1"/>
  <c r="C7728" i="1"/>
  <c r="C7729" i="1"/>
  <c r="C7730" i="1"/>
  <c r="C7731" i="1"/>
  <c r="C7732" i="1"/>
  <c r="C7733" i="1"/>
  <c r="C7734" i="1"/>
  <c r="C7735" i="1"/>
  <c r="C7736" i="1"/>
  <c r="C7737" i="1"/>
  <c r="C7738" i="1"/>
  <c r="C7739" i="1"/>
  <c r="C7740" i="1"/>
  <c r="C7741" i="1"/>
  <c r="C7742" i="1"/>
  <c r="C7743" i="1"/>
  <c r="C7744" i="1"/>
  <c r="C7745" i="1"/>
  <c r="C7746" i="1"/>
  <c r="C7747" i="1"/>
  <c r="C7748" i="1"/>
  <c r="C7749" i="1"/>
  <c r="C7750" i="1"/>
  <c r="C7751" i="1"/>
  <c r="C7752" i="1"/>
  <c r="C7753" i="1"/>
  <c r="C7754" i="1"/>
  <c r="C7755" i="1"/>
  <c r="C7756" i="1"/>
  <c r="C7757" i="1"/>
  <c r="C7758" i="1"/>
  <c r="C7759" i="1"/>
  <c r="C7760" i="1"/>
  <c r="C7761" i="1"/>
  <c r="C7762" i="1"/>
  <c r="C7763" i="1"/>
  <c r="C7764" i="1"/>
  <c r="C7765" i="1"/>
  <c r="C7766" i="1"/>
  <c r="C7767" i="1"/>
  <c r="C7768" i="1"/>
  <c r="C7769" i="1"/>
  <c r="C7770" i="1"/>
  <c r="C7771" i="1"/>
  <c r="C7772" i="1"/>
  <c r="C7773" i="1"/>
  <c r="C7774" i="1"/>
  <c r="C7775" i="1"/>
  <c r="C7776" i="1"/>
  <c r="C7777" i="1"/>
  <c r="C7778" i="1"/>
  <c r="C7779" i="1"/>
  <c r="C7780" i="1"/>
  <c r="C7781" i="1"/>
  <c r="C7782" i="1"/>
  <c r="C7783" i="1"/>
  <c r="C7784" i="1"/>
  <c r="C7785" i="1"/>
  <c r="C7786" i="1"/>
  <c r="C7787" i="1"/>
  <c r="C7788" i="1"/>
  <c r="C7789" i="1"/>
  <c r="C7790" i="1"/>
  <c r="C7791" i="1"/>
  <c r="C7792" i="1"/>
  <c r="C7793" i="1"/>
  <c r="C7794" i="1"/>
  <c r="C7795" i="1"/>
  <c r="C7796" i="1"/>
  <c r="C7797" i="1"/>
  <c r="C7798" i="1"/>
  <c r="C7799" i="1"/>
  <c r="C7800" i="1"/>
  <c r="C7801" i="1"/>
  <c r="C7802" i="1"/>
  <c r="C7803" i="1"/>
  <c r="C7804" i="1"/>
  <c r="C7805" i="1"/>
  <c r="C7806" i="1"/>
  <c r="C7807" i="1"/>
  <c r="C7808" i="1"/>
  <c r="C7809" i="1"/>
  <c r="C7810" i="1"/>
  <c r="C7811" i="1"/>
  <c r="C7812" i="1"/>
  <c r="C7813" i="1"/>
  <c r="C7814" i="1"/>
  <c r="C7815" i="1"/>
  <c r="C7816" i="1"/>
  <c r="C7817" i="1"/>
  <c r="C7818" i="1"/>
  <c r="C7819" i="1"/>
  <c r="C7820" i="1"/>
  <c r="C7821" i="1"/>
  <c r="C7822" i="1"/>
  <c r="C7823" i="1"/>
  <c r="C7824" i="1"/>
  <c r="C7825" i="1"/>
  <c r="C7826" i="1"/>
  <c r="C7827" i="1"/>
  <c r="C7828" i="1"/>
  <c r="C7829" i="1"/>
  <c r="C7830" i="1"/>
  <c r="C7831" i="1"/>
  <c r="C7832" i="1"/>
  <c r="C7833" i="1"/>
  <c r="C7834" i="1"/>
  <c r="C7835" i="1"/>
  <c r="C7836" i="1"/>
  <c r="C7837" i="1"/>
  <c r="C7838" i="1"/>
  <c r="C7839" i="1"/>
  <c r="C7840" i="1"/>
  <c r="C7841" i="1"/>
  <c r="C7842" i="1"/>
  <c r="C7843" i="1"/>
  <c r="C7844" i="1"/>
  <c r="C7845" i="1"/>
  <c r="C7846" i="1"/>
  <c r="C7847" i="1"/>
  <c r="C7848" i="1"/>
  <c r="C7849" i="1"/>
  <c r="C7850" i="1"/>
  <c r="C7851" i="1"/>
  <c r="C7852" i="1"/>
  <c r="C7853" i="1"/>
  <c r="C7854" i="1"/>
  <c r="C7855" i="1"/>
  <c r="C7856" i="1"/>
  <c r="C7857" i="1"/>
  <c r="C7858" i="1"/>
  <c r="C7859" i="1"/>
  <c r="C7860" i="1"/>
  <c r="C7861" i="1"/>
  <c r="C7862" i="1"/>
  <c r="C7863" i="1"/>
  <c r="C7864" i="1"/>
  <c r="C7865" i="1"/>
  <c r="C7866" i="1"/>
  <c r="C7867" i="1"/>
  <c r="C7868" i="1"/>
  <c r="C7869" i="1"/>
  <c r="C7870" i="1"/>
  <c r="C7871" i="1"/>
  <c r="C7872" i="1"/>
  <c r="C7873" i="1"/>
  <c r="C7874" i="1"/>
  <c r="C7875" i="1"/>
  <c r="C7876" i="1"/>
  <c r="C7877" i="1"/>
  <c r="C7878" i="1"/>
  <c r="C7879" i="1"/>
  <c r="C7880" i="1"/>
  <c r="C7881" i="1"/>
  <c r="C7882" i="1"/>
  <c r="C7883" i="1"/>
  <c r="C7884" i="1"/>
  <c r="C7885" i="1"/>
  <c r="C7886" i="1"/>
  <c r="C7887" i="1"/>
  <c r="C7888" i="1"/>
  <c r="C7889" i="1"/>
  <c r="C7890" i="1"/>
  <c r="C7891" i="1"/>
  <c r="C7892" i="1"/>
  <c r="C7893" i="1"/>
  <c r="C7894" i="1"/>
  <c r="C7895" i="1"/>
  <c r="C7896" i="1"/>
  <c r="C7897" i="1"/>
  <c r="C7898" i="1"/>
  <c r="C7899" i="1"/>
  <c r="C7900" i="1"/>
  <c r="C7901" i="1"/>
  <c r="C7902" i="1"/>
  <c r="C7903" i="1"/>
  <c r="C7904" i="1"/>
  <c r="C7905" i="1"/>
  <c r="C7906" i="1"/>
  <c r="C7907" i="1"/>
  <c r="C7908" i="1"/>
  <c r="C7909" i="1"/>
  <c r="C7910" i="1"/>
  <c r="C7911" i="1"/>
  <c r="C7912" i="1"/>
  <c r="C7913" i="1"/>
  <c r="C7914" i="1"/>
  <c r="C7915" i="1"/>
  <c r="C7916" i="1"/>
  <c r="C7917" i="1"/>
  <c r="C7918" i="1"/>
  <c r="C7919" i="1"/>
  <c r="C7920" i="1"/>
  <c r="C7921" i="1"/>
  <c r="C7922" i="1"/>
  <c r="C7923" i="1"/>
  <c r="C7924" i="1"/>
  <c r="C7925" i="1"/>
  <c r="C7926" i="1"/>
  <c r="C7927" i="1"/>
  <c r="C7928" i="1"/>
  <c r="C7929" i="1"/>
  <c r="C7930" i="1"/>
  <c r="C7931" i="1"/>
  <c r="C7932" i="1"/>
  <c r="C7933" i="1"/>
  <c r="C7934" i="1"/>
  <c r="C7935" i="1"/>
  <c r="C7936" i="1"/>
  <c r="C7937" i="1"/>
  <c r="C7938" i="1"/>
  <c r="C7939" i="1"/>
  <c r="C7940" i="1"/>
  <c r="C7941" i="1"/>
  <c r="C7942" i="1"/>
  <c r="C7943" i="1"/>
  <c r="C7944" i="1"/>
  <c r="C7945" i="1"/>
  <c r="C7946" i="1"/>
  <c r="C7947" i="1"/>
  <c r="C7948" i="1"/>
  <c r="C7949" i="1"/>
  <c r="C7950" i="1"/>
  <c r="C7951" i="1"/>
  <c r="C7952" i="1"/>
  <c r="C7953" i="1"/>
  <c r="C7954" i="1"/>
  <c r="C7955" i="1"/>
  <c r="C7956" i="1"/>
  <c r="C7957" i="1"/>
  <c r="C7958" i="1"/>
  <c r="C7959" i="1"/>
  <c r="C7960" i="1"/>
  <c r="C7961" i="1"/>
  <c r="C7962" i="1"/>
  <c r="C7963" i="1"/>
  <c r="C7964" i="1"/>
  <c r="C7965" i="1"/>
  <c r="C7966" i="1"/>
  <c r="C7967" i="1"/>
  <c r="C7968" i="1"/>
  <c r="C7969" i="1"/>
  <c r="C7970" i="1"/>
  <c r="C7971" i="1"/>
  <c r="C7972" i="1"/>
  <c r="C7973" i="1"/>
  <c r="C7974" i="1"/>
  <c r="C7975" i="1"/>
  <c r="C7976" i="1"/>
  <c r="C7977" i="1"/>
  <c r="C7978" i="1"/>
  <c r="C7979" i="1"/>
  <c r="C7980" i="1"/>
  <c r="C7981" i="1"/>
  <c r="C7982" i="1"/>
  <c r="C7983" i="1"/>
  <c r="C7984" i="1"/>
  <c r="C7985" i="1"/>
  <c r="C7986" i="1"/>
  <c r="C7987" i="1"/>
  <c r="C7988" i="1"/>
  <c r="C7989" i="1"/>
  <c r="C7990" i="1"/>
  <c r="C7991" i="1"/>
  <c r="C7992" i="1"/>
  <c r="C7993" i="1"/>
  <c r="C7994" i="1"/>
  <c r="C7995" i="1"/>
  <c r="C7996" i="1"/>
  <c r="C7997" i="1"/>
  <c r="C7998" i="1"/>
  <c r="C7999" i="1"/>
  <c r="C8000" i="1"/>
  <c r="C8001" i="1"/>
  <c r="C8002" i="1"/>
  <c r="C8003" i="1"/>
  <c r="C8004" i="1"/>
  <c r="C8005" i="1"/>
  <c r="C8006" i="1"/>
  <c r="C8007" i="1"/>
  <c r="C8008" i="1"/>
  <c r="C8009" i="1"/>
  <c r="C8010" i="1"/>
  <c r="C8011" i="1"/>
  <c r="C8012" i="1"/>
  <c r="C8013" i="1"/>
  <c r="C8014" i="1"/>
  <c r="C8015" i="1"/>
  <c r="C8016" i="1"/>
  <c r="C8017" i="1"/>
  <c r="C8018" i="1"/>
  <c r="C8019" i="1"/>
  <c r="C8020" i="1"/>
  <c r="C8021" i="1"/>
  <c r="C8022" i="1"/>
  <c r="C8023" i="1"/>
  <c r="C8024" i="1"/>
  <c r="C8025" i="1"/>
  <c r="C8026" i="1"/>
  <c r="C8027" i="1"/>
  <c r="C8028" i="1"/>
  <c r="C8029" i="1"/>
  <c r="C8030" i="1"/>
  <c r="C8031" i="1"/>
  <c r="C8032" i="1"/>
  <c r="C8033" i="1"/>
  <c r="C8034" i="1"/>
  <c r="C8035" i="1"/>
  <c r="C8036" i="1"/>
  <c r="C8037" i="1"/>
  <c r="C8038" i="1"/>
  <c r="C8039" i="1"/>
  <c r="C8040" i="1"/>
  <c r="C8041" i="1"/>
  <c r="C8042" i="1"/>
  <c r="C8043" i="1"/>
  <c r="C8044" i="1"/>
  <c r="C8045" i="1"/>
  <c r="C8046" i="1"/>
  <c r="C8047" i="1"/>
  <c r="C8048" i="1"/>
  <c r="C8049" i="1"/>
  <c r="C8050" i="1"/>
  <c r="C8051" i="1"/>
  <c r="C8052" i="1"/>
  <c r="C8053" i="1"/>
  <c r="C8054" i="1"/>
  <c r="C8055" i="1"/>
  <c r="C8056" i="1"/>
  <c r="C8057" i="1"/>
  <c r="C8058" i="1"/>
  <c r="C8059" i="1"/>
  <c r="C8060" i="1"/>
  <c r="C8061" i="1"/>
  <c r="C8062" i="1"/>
  <c r="C8063" i="1"/>
  <c r="C8064" i="1"/>
  <c r="C8065" i="1"/>
  <c r="C8066" i="1"/>
  <c r="C8067" i="1"/>
  <c r="C8068" i="1"/>
  <c r="C8069" i="1"/>
  <c r="C8070" i="1"/>
  <c r="C8071" i="1"/>
  <c r="C8072" i="1"/>
  <c r="C8073" i="1"/>
  <c r="C8074" i="1"/>
  <c r="C8075" i="1"/>
  <c r="C8076" i="1"/>
  <c r="C8077" i="1"/>
  <c r="C8078" i="1"/>
  <c r="C8079" i="1"/>
  <c r="C8080" i="1"/>
  <c r="C8081" i="1"/>
  <c r="C8082" i="1"/>
  <c r="C8083" i="1"/>
  <c r="C8084" i="1"/>
  <c r="C8085" i="1"/>
  <c r="C8086" i="1"/>
  <c r="C8087" i="1"/>
  <c r="C8088" i="1"/>
  <c r="C8089" i="1"/>
  <c r="C8090" i="1"/>
  <c r="C8091" i="1"/>
  <c r="C8092" i="1"/>
  <c r="C8093" i="1"/>
  <c r="C8094" i="1"/>
  <c r="C8095" i="1"/>
  <c r="C8096" i="1"/>
  <c r="C8097" i="1"/>
  <c r="C8098" i="1"/>
  <c r="C8099" i="1"/>
  <c r="C8100" i="1"/>
  <c r="C8101" i="1"/>
  <c r="C8102" i="1"/>
  <c r="C8103" i="1"/>
  <c r="C8104" i="1"/>
  <c r="C8105" i="1"/>
  <c r="C8106" i="1"/>
  <c r="C8107" i="1"/>
  <c r="C8108" i="1"/>
  <c r="C8109" i="1"/>
  <c r="C8110" i="1"/>
  <c r="C8111" i="1"/>
  <c r="C8112" i="1"/>
  <c r="C8113" i="1"/>
  <c r="C8114" i="1"/>
  <c r="C8115" i="1"/>
  <c r="C8116" i="1"/>
  <c r="C8117" i="1"/>
  <c r="C8118" i="1"/>
  <c r="C8119" i="1"/>
  <c r="C8120" i="1"/>
  <c r="C8121" i="1"/>
  <c r="C8122" i="1"/>
  <c r="C8123" i="1"/>
  <c r="C8124" i="1"/>
  <c r="C8125" i="1"/>
  <c r="C8126" i="1"/>
  <c r="C8127" i="1"/>
  <c r="C8128" i="1"/>
  <c r="C8129" i="1"/>
  <c r="C8130" i="1"/>
  <c r="C8131" i="1"/>
  <c r="C8132" i="1"/>
  <c r="C8133" i="1"/>
  <c r="C8134" i="1"/>
  <c r="C8135" i="1"/>
  <c r="C8136" i="1"/>
  <c r="C8137" i="1"/>
  <c r="C8138" i="1"/>
  <c r="C8139" i="1"/>
  <c r="C8140" i="1"/>
  <c r="C8141" i="1"/>
  <c r="C8142" i="1"/>
  <c r="C8143" i="1"/>
  <c r="C8144" i="1"/>
  <c r="C8145" i="1"/>
  <c r="C8146" i="1"/>
  <c r="C8147" i="1"/>
  <c r="C8148" i="1"/>
  <c r="C8149" i="1"/>
  <c r="C8150" i="1"/>
  <c r="C8151" i="1"/>
  <c r="C8152" i="1"/>
  <c r="C8153" i="1"/>
  <c r="C8154" i="1"/>
  <c r="C8155" i="1"/>
  <c r="C8156" i="1"/>
  <c r="C8157" i="1"/>
  <c r="C8158" i="1"/>
  <c r="C8159" i="1"/>
  <c r="C8160" i="1"/>
  <c r="C8161" i="1"/>
  <c r="C8162" i="1"/>
  <c r="C8163" i="1"/>
  <c r="C8164" i="1"/>
  <c r="C8165" i="1"/>
  <c r="C8166" i="1"/>
  <c r="C8167" i="1"/>
  <c r="C8168" i="1"/>
  <c r="C8169" i="1"/>
  <c r="C8170" i="1"/>
  <c r="C8171" i="1"/>
  <c r="C8172" i="1"/>
  <c r="C8173" i="1"/>
  <c r="C8174" i="1"/>
  <c r="C8175" i="1"/>
  <c r="C8176" i="1"/>
  <c r="C8177" i="1"/>
  <c r="C8178" i="1"/>
  <c r="C8179" i="1"/>
  <c r="C8180" i="1"/>
  <c r="C8181" i="1"/>
  <c r="C8182" i="1"/>
  <c r="C8183" i="1"/>
  <c r="C8184" i="1"/>
  <c r="C8185" i="1"/>
  <c r="C8186" i="1"/>
  <c r="C8187" i="1"/>
  <c r="C8188" i="1"/>
  <c r="C8189" i="1"/>
  <c r="C8190" i="1"/>
  <c r="C8191" i="1"/>
  <c r="C8192" i="1"/>
  <c r="C8193" i="1"/>
  <c r="C8194" i="1"/>
  <c r="C8195" i="1"/>
  <c r="C8196" i="1"/>
  <c r="C8197" i="1"/>
  <c r="C8198" i="1"/>
  <c r="C8199" i="1"/>
  <c r="C8200" i="1"/>
  <c r="C8201" i="1"/>
  <c r="C8202" i="1"/>
  <c r="C8203" i="1"/>
  <c r="C8204" i="1"/>
  <c r="C8205" i="1"/>
  <c r="C8206" i="1"/>
  <c r="C8207" i="1"/>
  <c r="C8208" i="1"/>
  <c r="C8209" i="1"/>
  <c r="C8210" i="1"/>
  <c r="C8211" i="1"/>
  <c r="C8212" i="1"/>
  <c r="C8213" i="1"/>
  <c r="C8214" i="1"/>
  <c r="C8215" i="1"/>
  <c r="C8216" i="1"/>
  <c r="C8217" i="1"/>
  <c r="C8218" i="1"/>
  <c r="C8219" i="1"/>
  <c r="C8220" i="1"/>
  <c r="C8221" i="1"/>
  <c r="C8222" i="1"/>
  <c r="C8223" i="1"/>
  <c r="C8224" i="1"/>
  <c r="C8225" i="1"/>
  <c r="C8226" i="1"/>
  <c r="C8227" i="1"/>
  <c r="C8228" i="1"/>
  <c r="C8229" i="1"/>
  <c r="C8230" i="1"/>
  <c r="C8231" i="1"/>
  <c r="C8232" i="1"/>
  <c r="C8233" i="1"/>
  <c r="C8234" i="1"/>
  <c r="C8235" i="1"/>
  <c r="C8236" i="1"/>
  <c r="C8237" i="1"/>
  <c r="C8238" i="1"/>
  <c r="C8239" i="1"/>
  <c r="C8240" i="1"/>
  <c r="C8241" i="1"/>
  <c r="C8242" i="1"/>
  <c r="C8243" i="1"/>
  <c r="C8244" i="1"/>
  <c r="C8245" i="1"/>
  <c r="C8246" i="1"/>
  <c r="C8247" i="1"/>
  <c r="C8248" i="1"/>
  <c r="C8249" i="1"/>
  <c r="C8250" i="1"/>
  <c r="C8251" i="1"/>
  <c r="C8252" i="1"/>
  <c r="C8253" i="1"/>
  <c r="C8254" i="1"/>
  <c r="C8255" i="1"/>
  <c r="C8256" i="1"/>
  <c r="C8257" i="1"/>
  <c r="C8258" i="1"/>
  <c r="C8259" i="1"/>
  <c r="C8260" i="1"/>
  <c r="C8261" i="1"/>
  <c r="C8262" i="1"/>
  <c r="C8263" i="1"/>
  <c r="C8264" i="1"/>
  <c r="C8265" i="1"/>
  <c r="C8266" i="1"/>
  <c r="C8267" i="1"/>
  <c r="C8268" i="1"/>
  <c r="C8269" i="1"/>
  <c r="C8270" i="1"/>
  <c r="C8271" i="1"/>
  <c r="C8272" i="1"/>
  <c r="C8273" i="1"/>
  <c r="C8274" i="1"/>
  <c r="C8275" i="1"/>
  <c r="C8276" i="1"/>
  <c r="C8277" i="1"/>
  <c r="C8278" i="1"/>
  <c r="C8279" i="1"/>
  <c r="C8280" i="1"/>
  <c r="C8281" i="1"/>
  <c r="C8282" i="1"/>
  <c r="C8283" i="1"/>
  <c r="C8284" i="1"/>
  <c r="C8285" i="1"/>
  <c r="C8286" i="1"/>
  <c r="C8287" i="1"/>
  <c r="C8288" i="1"/>
  <c r="C8289" i="1"/>
  <c r="C8290" i="1"/>
  <c r="C8291" i="1"/>
  <c r="C8292" i="1"/>
  <c r="C8293" i="1"/>
  <c r="C8294" i="1"/>
  <c r="C8295" i="1"/>
  <c r="C8296" i="1"/>
  <c r="C8297" i="1"/>
  <c r="C8298" i="1"/>
  <c r="C8299" i="1"/>
  <c r="C8300" i="1"/>
  <c r="C8301" i="1"/>
  <c r="C8302" i="1"/>
  <c r="C8303" i="1"/>
  <c r="C8304" i="1"/>
  <c r="C8305" i="1"/>
  <c r="C8306" i="1"/>
  <c r="C8307" i="1"/>
  <c r="C8308" i="1"/>
  <c r="C8309" i="1"/>
  <c r="C8310" i="1"/>
  <c r="C8311" i="1"/>
  <c r="C8312" i="1"/>
  <c r="C8313" i="1"/>
  <c r="C8314" i="1"/>
  <c r="C8315" i="1"/>
  <c r="C8316" i="1"/>
  <c r="C8317" i="1"/>
  <c r="C8318" i="1"/>
  <c r="C8319" i="1"/>
  <c r="C8320" i="1"/>
  <c r="C8321" i="1"/>
  <c r="C8322" i="1"/>
  <c r="C8323" i="1"/>
  <c r="C8324" i="1"/>
  <c r="C8325" i="1"/>
  <c r="C8326" i="1"/>
  <c r="C8327" i="1"/>
  <c r="C8328" i="1"/>
  <c r="C8329" i="1"/>
  <c r="C8330" i="1"/>
  <c r="C8331" i="1"/>
  <c r="C8332" i="1"/>
  <c r="C8333" i="1"/>
  <c r="C8334" i="1"/>
  <c r="C8335" i="1"/>
  <c r="C8336" i="1"/>
  <c r="C8337" i="1"/>
  <c r="C8338" i="1"/>
  <c r="C8339" i="1"/>
  <c r="C8340" i="1"/>
  <c r="C8341" i="1"/>
  <c r="C8342" i="1"/>
  <c r="C8343" i="1"/>
  <c r="C8344" i="1"/>
  <c r="C8345" i="1"/>
  <c r="C8346" i="1"/>
  <c r="C8347" i="1"/>
  <c r="C8348" i="1"/>
  <c r="C8349" i="1"/>
  <c r="C8350" i="1"/>
  <c r="C8351" i="1"/>
  <c r="C8352" i="1"/>
  <c r="C8353" i="1"/>
  <c r="C8354" i="1"/>
  <c r="C8355" i="1"/>
  <c r="C8356" i="1"/>
  <c r="C8357" i="1"/>
  <c r="C8358" i="1"/>
  <c r="C8359" i="1"/>
  <c r="C8360" i="1"/>
  <c r="C8361" i="1"/>
  <c r="C8362" i="1"/>
  <c r="C8363" i="1"/>
  <c r="C8364" i="1"/>
  <c r="C8365" i="1"/>
  <c r="C8366" i="1"/>
  <c r="C8367" i="1"/>
  <c r="C8368" i="1"/>
  <c r="C8369" i="1"/>
  <c r="C8370" i="1"/>
  <c r="C8371" i="1"/>
  <c r="C8372" i="1"/>
  <c r="C8373" i="1"/>
  <c r="C8374" i="1"/>
  <c r="C8375" i="1"/>
  <c r="C8376" i="1"/>
  <c r="C8377" i="1"/>
  <c r="C8378" i="1"/>
  <c r="C8379" i="1"/>
  <c r="C8380" i="1"/>
  <c r="C8381" i="1"/>
  <c r="C8382" i="1"/>
  <c r="C8383" i="1"/>
  <c r="C8384" i="1"/>
  <c r="C8385" i="1"/>
  <c r="C8386" i="1"/>
  <c r="C8387" i="1"/>
  <c r="C8388" i="1"/>
  <c r="C8389" i="1"/>
  <c r="C8390" i="1"/>
  <c r="C8391" i="1"/>
  <c r="C8392" i="1"/>
  <c r="C8393" i="1"/>
  <c r="C8394" i="1"/>
  <c r="C8395" i="1"/>
  <c r="C8396" i="1"/>
  <c r="C8397" i="1"/>
  <c r="C8398" i="1"/>
  <c r="C8399" i="1"/>
  <c r="C8400" i="1"/>
  <c r="C8401" i="1"/>
  <c r="C8402" i="1"/>
  <c r="C8403" i="1"/>
  <c r="C8404" i="1"/>
  <c r="C8405" i="1"/>
  <c r="C8406" i="1"/>
  <c r="C8407" i="1"/>
  <c r="C8408" i="1"/>
  <c r="C8409" i="1"/>
  <c r="C8410" i="1"/>
  <c r="C8411" i="1"/>
  <c r="C8412" i="1"/>
  <c r="C8413" i="1"/>
  <c r="C8414" i="1"/>
  <c r="C8415" i="1"/>
  <c r="C8416" i="1"/>
  <c r="C8417" i="1"/>
  <c r="C8418" i="1"/>
  <c r="C8419" i="1"/>
  <c r="C8420" i="1"/>
  <c r="C8421" i="1"/>
  <c r="C8422" i="1"/>
  <c r="C8423" i="1"/>
  <c r="C8424" i="1"/>
  <c r="C8425" i="1"/>
  <c r="C8426" i="1"/>
  <c r="C8427" i="1"/>
  <c r="C8428" i="1"/>
  <c r="C8429" i="1"/>
  <c r="C8430" i="1"/>
  <c r="C8431" i="1"/>
  <c r="C8432" i="1"/>
  <c r="C8433" i="1"/>
  <c r="C8434" i="1"/>
  <c r="C8435" i="1"/>
  <c r="C8436" i="1"/>
  <c r="C8437" i="1"/>
  <c r="C8438" i="1"/>
  <c r="C8439" i="1"/>
  <c r="C8440" i="1"/>
  <c r="C8441" i="1"/>
  <c r="C8442" i="1"/>
  <c r="C8443" i="1"/>
  <c r="C8444" i="1"/>
  <c r="C8445" i="1"/>
  <c r="C8446" i="1"/>
  <c r="C8447" i="1"/>
  <c r="C8448" i="1"/>
  <c r="C8449" i="1"/>
  <c r="C8450" i="1"/>
  <c r="C8451" i="1"/>
  <c r="C8452" i="1"/>
  <c r="C8453" i="1"/>
  <c r="C8454" i="1"/>
  <c r="C8455" i="1"/>
  <c r="C8456" i="1"/>
  <c r="C8457" i="1"/>
  <c r="C8458" i="1"/>
  <c r="C8459" i="1"/>
  <c r="C8460" i="1"/>
  <c r="C8461" i="1"/>
  <c r="C8462" i="1"/>
  <c r="C8463" i="1"/>
  <c r="C8464" i="1"/>
  <c r="C8465" i="1"/>
  <c r="C8466" i="1"/>
  <c r="C8467" i="1"/>
  <c r="C8468" i="1"/>
  <c r="C8469" i="1"/>
  <c r="C8470" i="1"/>
  <c r="C8471" i="1"/>
  <c r="C8472" i="1"/>
  <c r="C8473" i="1"/>
  <c r="C8474" i="1"/>
  <c r="C8475" i="1"/>
  <c r="C8476" i="1"/>
  <c r="C8477" i="1"/>
  <c r="C8478" i="1"/>
  <c r="C8479" i="1"/>
  <c r="C8480" i="1"/>
  <c r="C8481" i="1"/>
  <c r="C8482" i="1"/>
  <c r="C8483" i="1"/>
  <c r="C8484" i="1"/>
  <c r="C8485" i="1"/>
  <c r="C8486" i="1"/>
  <c r="C8487" i="1"/>
  <c r="C8488" i="1"/>
  <c r="C8489" i="1"/>
  <c r="C8490" i="1"/>
  <c r="C8491" i="1"/>
  <c r="C8492" i="1"/>
  <c r="C8493" i="1"/>
  <c r="C8494" i="1"/>
  <c r="C8495" i="1"/>
  <c r="C8496" i="1"/>
  <c r="C8497" i="1"/>
  <c r="C8498" i="1"/>
  <c r="C8499" i="1"/>
  <c r="C8500" i="1"/>
  <c r="C8501" i="1"/>
  <c r="C8502" i="1"/>
  <c r="C8503" i="1"/>
  <c r="C8504" i="1"/>
  <c r="C8505" i="1"/>
  <c r="C8506" i="1"/>
  <c r="C8507" i="1"/>
  <c r="C8508" i="1"/>
  <c r="C8509" i="1"/>
  <c r="C8510" i="1"/>
  <c r="C8511" i="1"/>
  <c r="C8512" i="1"/>
  <c r="C8513" i="1"/>
  <c r="C8514" i="1"/>
  <c r="C8515" i="1"/>
  <c r="C8516" i="1"/>
  <c r="C8517" i="1"/>
  <c r="C8518" i="1"/>
  <c r="C8519" i="1"/>
  <c r="C8520" i="1"/>
  <c r="C8521" i="1"/>
  <c r="C8522" i="1"/>
  <c r="C8523" i="1"/>
  <c r="C8524" i="1"/>
  <c r="C8525" i="1"/>
  <c r="C8526" i="1"/>
  <c r="C8527" i="1"/>
  <c r="C8528" i="1"/>
  <c r="C8529" i="1"/>
  <c r="C8530" i="1"/>
  <c r="C8531" i="1"/>
  <c r="C8532" i="1"/>
  <c r="C8533" i="1"/>
  <c r="C8534" i="1"/>
  <c r="C8535" i="1"/>
  <c r="C8536" i="1"/>
  <c r="C8537" i="1"/>
  <c r="C8538" i="1"/>
  <c r="C8539" i="1"/>
  <c r="C8540" i="1"/>
  <c r="C8541" i="1"/>
  <c r="C8542" i="1"/>
  <c r="C8543" i="1"/>
  <c r="C8544" i="1"/>
  <c r="C8545" i="1"/>
  <c r="C8546" i="1"/>
  <c r="C8547" i="1"/>
  <c r="C8548" i="1"/>
  <c r="C8549" i="1"/>
  <c r="C8550" i="1"/>
  <c r="C8551" i="1"/>
  <c r="C8552" i="1"/>
  <c r="C8553" i="1"/>
  <c r="C8554" i="1"/>
  <c r="C8555" i="1"/>
  <c r="C8556" i="1"/>
  <c r="C8557" i="1"/>
  <c r="C8558" i="1"/>
  <c r="C8559" i="1"/>
  <c r="C8560" i="1"/>
  <c r="C8561" i="1"/>
  <c r="C8562" i="1"/>
  <c r="C8563" i="1"/>
  <c r="C8564" i="1"/>
  <c r="C8565" i="1"/>
  <c r="C8566" i="1"/>
  <c r="C8567" i="1"/>
  <c r="C8568" i="1"/>
  <c r="C8569" i="1"/>
  <c r="C8570" i="1"/>
  <c r="C8571" i="1"/>
  <c r="C8572" i="1"/>
  <c r="C8573" i="1"/>
  <c r="C8574" i="1"/>
  <c r="C8575" i="1"/>
  <c r="C8576" i="1"/>
  <c r="C8577" i="1"/>
  <c r="C8578" i="1"/>
  <c r="C8579" i="1"/>
  <c r="C8580" i="1"/>
  <c r="C8581" i="1"/>
  <c r="C8582" i="1"/>
  <c r="C8583" i="1"/>
  <c r="C8584" i="1"/>
  <c r="C8585" i="1"/>
  <c r="C8586" i="1"/>
  <c r="C8587" i="1"/>
  <c r="C8588" i="1"/>
  <c r="C8589" i="1"/>
  <c r="C8590" i="1"/>
  <c r="C8591" i="1"/>
  <c r="C8592" i="1"/>
  <c r="C8593" i="1"/>
  <c r="C8594" i="1"/>
  <c r="C8595" i="1"/>
  <c r="C8596" i="1"/>
  <c r="C8597" i="1"/>
  <c r="C8598" i="1"/>
  <c r="C8599" i="1"/>
  <c r="C8600" i="1"/>
  <c r="C8601" i="1"/>
  <c r="C8602" i="1"/>
  <c r="C8603" i="1"/>
  <c r="C8604" i="1"/>
  <c r="C8605" i="1"/>
  <c r="C8606" i="1"/>
  <c r="C8607" i="1"/>
  <c r="C8608" i="1"/>
  <c r="C8609" i="1"/>
  <c r="C8610" i="1"/>
  <c r="C8611" i="1"/>
  <c r="C8612" i="1"/>
  <c r="C8613" i="1"/>
  <c r="C8614" i="1"/>
  <c r="C8615" i="1"/>
  <c r="C8616" i="1"/>
  <c r="C8617" i="1"/>
  <c r="C8618" i="1"/>
  <c r="C8619" i="1"/>
  <c r="C8620" i="1"/>
  <c r="C8621" i="1"/>
  <c r="C8622" i="1"/>
  <c r="C8623" i="1"/>
  <c r="C8624" i="1"/>
  <c r="C8625" i="1"/>
  <c r="C8626" i="1"/>
  <c r="C8627" i="1"/>
  <c r="C8628" i="1"/>
  <c r="C8629" i="1"/>
  <c r="C8630" i="1"/>
  <c r="C8631" i="1"/>
  <c r="C8632" i="1"/>
  <c r="C8633" i="1"/>
  <c r="C8634" i="1"/>
  <c r="C8635" i="1"/>
  <c r="C8636" i="1"/>
  <c r="C8637" i="1"/>
  <c r="C8638" i="1"/>
  <c r="C8639" i="1"/>
  <c r="C8640" i="1"/>
  <c r="C8641" i="1"/>
  <c r="C8642" i="1"/>
  <c r="C8643" i="1"/>
  <c r="C8644" i="1"/>
  <c r="C8645" i="1"/>
  <c r="C8646" i="1"/>
  <c r="C8647" i="1"/>
  <c r="C8648" i="1"/>
  <c r="C8649" i="1"/>
  <c r="C8650" i="1"/>
  <c r="C8651" i="1"/>
  <c r="C8652" i="1"/>
  <c r="C8653" i="1"/>
  <c r="C8654" i="1"/>
  <c r="C8655" i="1"/>
  <c r="C8656" i="1"/>
  <c r="C8657" i="1"/>
  <c r="C8658" i="1"/>
  <c r="C8659" i="1"/>
  <c r="C8660" i="1"/>
  <c r="C8661" i="1"/>
  <c r="C8662" i="1"/>
  <c r="C8663" i="1"/>
  <c r="C8664" i="1"/>
  <c r="C8665" i="1"/>
  <c r="C8666" i="1"/>
  <c r="C8667" i="1"/>
  <c r="C8668" i="1"/>
  <c r="C8669" i="1"/>
  <c r="C8670" i="1"/>
  <c r="C8671" i="1"/>
  <c r="C8672" i="1"/>
  <c r="C8673" i="1"/>
  <c r="C8674" i="1"/>
  <c r="C8675" i="1"/>
  <c r="C8676" i="1"/>
  <c r="C8677" i="1"/>
  <c r="C8678" i="1"/>
  <c r="C8679" i="1"/>
  <c r="C8680" i="1"/>
  <c r="C8681" i="1"/>
  <c r="C8682" i="1"/>
  <c r="C8683" i="1"/>
  <c r="C8684" i="1"/>
  <c r="C8685" i="1"/>
  <c r="C8686" i="1"/>
  <c r="C8687" i="1"/>
  <c r="C8688" i="1"/>
  <c r="C8689" i="1"/>
  <c r="C8690" i="1"/>
  <c r="C8691" i="1"/>
  <c r="C8692" i="1"/>
  <c r="C8693" i="1"/>
  <c r="C8694" i="1"/>
  <c r="C8695" i="1"/>
  <c r="C8696" i="1"/>
  <c r="C8697" i="1"/>
  <c r="C8698" i="1"/>
  <c r="C8699" i="1"/>
  <c r="C8700" i="1"/>
  <c r="C8701" i="1"/>
  <c r="C8702" i="1"/>
  <c r="C8703" i="1"/>
  <c r="C8704" i="1"/>
  <c r="C8705" i="1"/>
  <c r="C8706" i="1"/>
  <c r="C8707" i="1"/>
  <c r="C8708" i="1"/>
  <c r="C8709" i="1"/>
  <c r="C8710" i="1"/>
  <c r="C8711" i="1"/>
  <c r="C8712" i="1"/>
  <c r="C8713" i="1"/>
  <c r="C8714" i="1"/>
  <c r="C8715" i="1"/>
  <c r="C8716" i="1"/>
  <c r="C8717" i="1"/>
  <c r="C8718" i="1"/>
  <c r="C8719" i="1"/>
  <c r="C8720" i="1"/>
  <c r="C8721" i="1"/>
  <c r="C8722" i="1"/>
  <c r="C8723" i="1"/>
  <c r="C8724" i="1"/>
  <c r="C8725" i="1"/>
  <c r="C8726" i="1"/>
  <c r="C8727" i="1"/>
  <c r="C8728" i="1"/>
  <c r="C8729" i="1"/>
  <c r="C8730" i="1"/>
  <c r="C8731" i="1"/>
  <c r="C8732" i="1"/>
  <c r="C8733" i="1"/>
  <c r="C8734" i="1"/>
  <c r="C8735" i="1"/>
  <c r="C8736" i="1"/>
  <c r="C8737" i="1"/>
  <c r="C8738" i="1"/>
  <c r="C8739" i="1"/>
  <c r="C8740" i="1"/>
  <c r="C8741" i="1"/>
  <c r="C8742" i="1"/>
  <c r="C8743" i="1"/>
  <c r="C8744" i="1"/>
  <c r="C8745" i="1"/>
  <c r="C8746" i="1"/>
  <c r="C8747" i="1"/>
  <c r="C8748" i="1"/>
  <c r="C8749" i="1"/>
  <c r="C8750" i="1"/>
  <c r="C8751" i="1"/>
  <c r="C8752" i="1"/>
  <c r="C8753" i="1"/>
  <c r="C8754" i="1"/>
  <c r="C8755" i="1"/>
  <c r="C8756" i="1"/>
  <c r="C8757" i="1"/>
  <c r="C8758" i="1"/>
  <c r="C8759" i="1"/>
  <c r="C8760" i="1"/>
  <c r="C8761" i="1"/>
  <c r="C8762" i="1"/>
  <c r="C8763" i="1"/>
  <c r="C8764" i="1"/>
  <c r="C8765" i="1"/>
  <c r="C8766" i="1"/>
  <c r="C8767" i="1"/>
  <c r="C8768" i="1"/>
  <c r="C8769" i="1"/>
  <c r="C8770" i="1"/>
  <c r="C8771" i="1"/>
  <c r="C8772" i="1"/>
  <c r="C8773" i="1"/>
  <c r="C8774" i="1"/>
  <c r="C8775" i="1"/>
  <c r="C8776" i="1"/>
  <c r="C8777" i="1"/>
  <c r="C8778" i="1"/>
  <c r="C8779" i="1"/>
  <c r="C8780" i="1"/>
  <c r="C8781" i="1"/>
  <c r="C8782" i="1"/>
  <c r="C8783" i="1"/>
  <c r="C8784" i="1"/>
  <c r="C8785" i="1"/>
  <c r="C8786" i="1"/>
  <c r="C8787" i="1"/>
  <c r="C8788" i="1"/>
  <c r="C8789" i="1"/>
  <c r="C8790" i="1"/>
  <c r="C8791" i="1"/>
  <c r="C8792" i="1"/>
  <c r="C8793" i="1"/>
  <c r="C8794" i="1"/>
  <c r="C8795" i="1"/>
  <c r="C8796" i="1"/>
  <c r="C8797" i="1"/>
  <c r="C8798" i="1"/>
  <c r="C8799" i="1"/>
  <c r="C8800" i="1"/>
  <c r="C8801" i="1"/>
  <c r="C8802" i="1"/>
  <c r="C8803" i="1"/>
  <c r="C8804" i="1"/>
  <c r="C8805" i="1"/>
  <c r="C8806" i="1"/>
  <c r="C8807" i="1"/>
  <c r="C8808" i="1"/>
  <c r="C8809" i="1"/>
  <c r="C8810" i="1"/>
  <c r="C8811" i="1"/>
  <c r="C8812" i="1"/>
  <c r="C8813" i="1"/>
  <c r="C8814" i="1"/>
  <c r="C8815" i="1"/>
  <c r="C8816" i="1"/>
  <c r="C8817" i="1"/>
  <c r="C8818" i="1"/>
  <c r="C8819" i="1"/>
  <c r="C8820" i="1"/>
  <c r="C8821" i="1"/>
  <c r="C8822" i="1"/>
  <c r="C8823" i="1"/>
  <c r="C8824" i="1"/>
  <c r="C8825" i="1"/>
  <c r="C8826" i="1"/>
  <c r="C8827" i="1"/>
  <c r="C8828" i="1"/>
  <c r="C8829" i="1"/>
  <c r="C8830" i="1"/>
  <c r="C8831" i="1"/>
  <c r="C8832" i="1"/>
  <c r="C8833" i="1"/>
  <c r="C8834" i="1"/>
  <c r="C8835" i="1"/>
  <c r="C8836" i="1"/>
  <c r="C8837" i="1"/>
  <c r="C8838" i="1"/>
  <c r="C8839" i="1"/>
  <c r="C8840" i="1"/>
  <c r="C8841" i="1"/>
  <c r="C8842" i="1"/>
  <c r="C8843" i="1"/>
  <c r="C8844" i="1"/>
  <c r="C8845" i="1"/>
  <c r="C8846" i="1"/>
  <c r="C8847" i="1"/>
  <c r="C8848" i="1"/>
  <c r="C8849" i="1"/>
  <c r="C8850" i="1"/>
  <c r="C8851" i="1"/>
  <c r="C8852" i="1"/>
  <c r="C8853" i="1"/>
  <c r="C8854" i="1"/>
  <c r="C8855" i="1"/>
  <c r="C8856" i="1"/>
  <c r="C8857" i="1"/>
  <c r="C8858" i="1"/>
  <c r="C8859" i="1"/>
  <c r="C8860" i="1"/>
  <c r="C8861" i="1"/>
  <c r="C8862" i="1"/>
  <c r="C8863" i="1"/>
  <c r="C8864" i="1"/>
  <c r="C8865" i="1"/>
  <c r="C8866" i="1"/>
  <c r="C8867" i="1"/>
  <c r="C8868" i="1"/>
  <c r="C8869" i="1"/>
  <c r="C8870" i="1"/>
  <c r="C8871" i="1"/>
  <c r="C8872" i="1"/>
  <c r="C8873" i="1"/>
  <c r="C8874" i="1"/>
  <c r="C8875" i="1"/>
  <c r="C8876" i="1"/>
  <c r="C8877" i="1"/>
  <c r="C8878" i="1"/>
  <c r="C8879" i="1"/>
  <c r="C8880" i="1"/>
  <c r="C8881" i="1"/>
  <c r="C8882" i="1"/>
  <c r="C8883" i="1"/>
  <c r="C8884" i="1"/>
  <c r="C8885" i="1"/>
  <c r="C8886" i="1"/>
  <c r="C8887" i="1"/>
  <c r="C8888" i="1"/>
  <c r="C8889" i="1"/>
  <c r="C8890" i="1"/>
  <c r="C8891" i="1"/>
  <c r="C8892" i="1"/>
  <c r="C8893" i="1"/>
  <c r="C8894" i="1"/>
  <c r="C8895" i="1"/>
  <c r="C8896" i="1"/>
  <c r="C8897" i="1"/>
  <c r="C8898" i="1"/>
  <c r="C8899" i="1"/>
  <c r="C8900" i="1"/>
  <c r="C8901" i="1"/>
  <c r="C8902" i="1"/>
  <c r="C8903" i="1"/>
  <c r="C8904" i="1"/>
  <c r="C8905" i="1"/>
  <c r="C8906" i="1"/>
  <c r="C8907" i="1"/>
  <c r="C8908" i="1"/>
  <c r="C8909" i="1"/>
  <c r="C8910" i="1"/>
  <c r="C8911" i="1"/>
  <c r="C8912" i="1"/>
  <c r="C8913" i="1"/>
  <c r="C8914" i="1"/>
  <c r="C8915" i="1"/>
  <c r="C8916" i="1"/>
  <c r="C8917" i="1"/>
  <c r="C8918" i="1"/>
  <c r="C8919" i="1"/>
  <c r="C8920" i="1"/>
  <c r="C8921" i="1"/>
  <c r="C8922" i="1"/>
  <c r="C8923" i="1"/>
  <c r="C8924" i="1"/>
  <c r="C8925" i="1"/>
  <c r="C8926" i="1"/>
  <c r="C8927" i="1"/>
  <c r="C8928" i="1"/>
  <c r="C8929" i="1"/>
  <c r="C8930" i="1"/>
  <c r="C8931" i="1"/>
  <c r="C8932" i="1"/>
  <c r="C8933" i="1"/>
  <c r="C8934" i="1"/>
  <c r="C8935" i="1"/>
  <c r="C8936" i="1"/>
  <c r="C8937" i="1"/>
  <c r="C8938" i="1"/>
  <c r="C8939" i="1"/>
  <c r="C8940" i="1"/>
  <c r="C8941" i="1"/>
  <c r="C8942" i="1"/>
  <c r="C8943" i="1"/>
  <c r="C8944" i="1"/>
  <c r="C8945" i="1"/>
  <c r="C8946" i="1"/>
  <c r="C8947" i="1"/>
  <c r="C8948" i="1"/>
  <c r="C8949" i="1"/>
  <c r="C8950" i="1"/>
  <c r="C8951" i="1"/>
  <c r="C8952" i="1"/>
  <c r="C8953" i="1"/>
  <c r="C8954" i="1"/>
  <c r="C8955" i="1"/>
  <c r="C8956" i="1"/>
  <c r="C8957" i="1"/>
  <c r="C8958" i="1"/>
  <c r="C8959" i="1"/>
  <c r="C8960" i="1"/>
  <c r="C8961" i="1"/>
  <c r="C8962" i="1"/>
  <c r="C8963" i="1"/>
  <c r="C8964" i="1"/>
  <c r="C8965" i="1"/>
  <c r="C8966" i="1"/>
  <c r="C8967" i="1"/>
  <c r="C8968" i="1"/>
  <c r="C8969" i="1"/>
  <c r="C8970" i="1"/>
  <c r="C8971" i="1"/>
  <c r="C8972" i="1"/>
  <c r="C8973" i="1"/>
  <c r="C8974" i="1"/>
  <c r="C8975" i="1"/>
  <c r="C8976" i="1"/>
  <c r="C8977" i="1"/>
  <c r="C8978" i="1"/>
  <c r="C8979" i="1"/>
  <c r="C8980" i="1"/>
  <c r="C8981" i="1"/>
  <c r="C8982" i="1"/>
  <c r="C8983" i="1"/>
  <c r="C8984" i="1"/>
  <c r="C8985" i="1"/>
  <c r="C8986" i="1"/>
  <c r="C8987" i="1"/>
  <c r="C8988" i="1"/>
  <c r="C8989" i="1"/>
  <c r="C8990" i="1"/>
  <c r="C8991" i="1"/>
  <c r="C8992" i="1"/>
  <c r="C8993" i="1"/>
  <c r="C8994" i="1"/>
  <c r="C8995" i="1"/>
  <c r="C8996" i="1"/>
  <c r="C8997" i="1"/>
  <c r="C8998" i="1"/>
  <c r="C8999" i="1"/>
  <c r="C9000" i="1"/>
  <c r="C9001" i="1"/>
  <c r="C9002" i="1"/>
  <c r="C9003" i="1"/>
  <c r="C9004" i="1"/>
  <c r="C9005" i="1"/>
  <c r="C9006" i="1"/>
  <c r="C9007" i="1"/>
  <c r="C9008" i="1"/>
  <c r="C9009" i="1"/>
  <c r="C9010" i="1"/>
  <c r="C9011" i="1"/>
  <c r="C9012" i="1"/>
  <c r="C9013" i="1"/>
  <c r="C9014" i="1"/>
  <c r="C9015" i="1"/>
  <c r="C9016" i="1"/>
  <c r="C9017" i="1"/>
  <c r="C9018" i="1"/>
  <c r="C9019" i="1"/>
  <c r="C9020" i="1"/>
  <c r="C9021" i="1"/>
  <c r="C9022" i="1"/>
  <c r="C9023" i="1"/>
  <c r="C9024" i="1"/>
  <c r="C9025" i="1"/>
  <c r="C9026" i="1"/>
  <c r="C9027" i="1"/>
  <c r="C9028" i="1"/>
  <c r="C9029" i="1"/>
  <c r="C9030" i="1"/>
  <c r="C9031" i="1"/>
  <c r="C9032" i="1"/>
  <c r="C9033" i="1"/>
  <c r="C9034" i="1"/>
  <c r="C9035" i="1"/>
  <c r="C9036" i="1"/>
  <c r="C9037" i="1"/>
  <c r="C9038" i="1"/>
  <c r="C9039" i="1"/>
  <c r="C9040" i="1"/>
  <c r="C9041" i="1"/>
  <c r="C9042" i="1"/>
  <c r="C9043" i="1"/>
  <c r="C9044" i="1"/>
  <c r="C9045" i="1"/>
  <c r="C9046" i="1"/>
  <c r="C9047" i="1"/>
  <c r="C9048" i="1"/>
  <c r="C9049" i="1"/>
  <c r="C9050" i="1"/>
  <c r="C9051" i="1"/>
  <c r="C9052" i="1"/>
  <c r="C9053" i="1"/>
  <c r="C9054" i="1"/>
  <c r="C9055" i="1"/>
  <c r="C9056" i="1"/>
  <c r="C9057" i="1"/>
  <c r="C9058" i="1"/>
  <c r="C9059" i="1"/>
  <c r="C9060" i="1"/>
  <c r="C9061" i="1"/>
  <c r="C9062" i="1"/>
  <c r="C9063" i="1"/>
  <c r="C9064" i="1"/>
  <c r="C9065" i="1"/>
  <c r="C9066" i="1"/>
  <c r="C9067" i="1"/>
  <c r="C9068" i="1"/>
  <c r="C9069" i="1"/>
  <c r="C9070" i="1"/>
  <c r="C9071" i="1"/>
  <c r="C9072" i="1"/>
  <c r="C9073" i="1"/>
  <c r="C9074" i="1"/>
  <c r="C9075" i="1"/>
  <c r="C9076" i="1"/>
  <c r="C9077" i="1"/>
  <c r="C9078" i="1"/>
  <c r="C9079" i="1"/>
  <c r="C9080" i="1"/>
  <c r="C9081" i="1"/>
  <c r="C9082" i="1"/>
  <c r="C9083" i="1"/>
  <c r="C9084" i="1"/>
  <c r="C9085" i="1"/>
  <c r="C9086" i="1"/>
  <c r="C9087" i="1"/>
  <c r="C9088" i="1"/>
  <c r="C9089" i="1"/>
  <c r="C9090" i="1"/>
  <c r="C9091" i="1"/>
  <c r="C9092" i="1"/>
  <c r="C9093" i="1"/>
  <c r="C9094" i="1"/>
  <c r="C9095" i="1"/>
  <c r="C9096" i="1"/>
  <c r="C9097" i="1"/>
  <c r="C9098" i="1"/>
  <c r="C9099" i="1"/>
  <c r="C9100" i="1"/>
  <c r="C9101" i="1"/>
  <c r="C9102" i="1"/>
  <c r="C9103" i="1"/>
  <c r="C9104" i="1"/>
  <c r="C9105" i="1"/>
  <c r="C9106" i="1"/>
  <c r="C9107" i="1"/>
  <c r="C9108" i="1"/>
  <c r="C9109" i="1"/>
  <c r="C9110" i="1"/>
  <c r="C9111" i="1"/>
  <c r="C9112" i="1"/>
  <c r="C9113" i="1"/>
  <c r="C9114" i="1"/>
  <c r="C9115" i="1"/>
  <c r="C9116" i="1"/>
  <c r="C9117" i="1"/>
  <c r="C9118" i="1"/>
  <c r="C9119" i="1"/>
  <c r="C9120" i="1"/>
  <c r="C9121" i="1"/>
  <c r="C9122" i="1"/>
  <c r="C9123" i="1"/>
  <c r="C9124" i="1"/>
  <c r="C9125" i="1"/>
  <c r="C9126" i="1"/>
  <c r="C9127" i="1"/>
  <c r="C9128" i="1"/>
  <c r="C9129" i="1"/>
  <c r="C9130" i="1"/>
  <c r="C9131" i="1"/>
  <c r="C9132" i="1"/>
  <c r="C9133" i="1"/>
  <c r="C9134" i="1"/>
  <c r="C9135" i="1"/>
  <c r="C9136" i="1"/>
  <c r="C9137" i="1"/>
  <c r="C9138" i="1"/>
  <c r="C9139" i="1"/>
  <c r="C9140" i="1"/>
  <c r="C9141" i="1"/>
  <c r="C9142" i="1"/>
  <c r="C9143" i="1"/>
  <c r="C9144" i="1"/>
  <c r="C9145" i="1"/>
  <c r="C9146" i="1"/>
  <c r="C9147" i="1"/>
  <c r="C9148" i="1"/>
  <c r="C9149" i="1"/>
  <c r="C9150" i="1"/>
  <c r="C9151" i="1"/>
  <c r="C9152" i="1"/>
  <c r="C9153" i="1"/>
  <c r="C9154" i="1"/>
  <c r="C9155" i="1"/>
  <c r="C9156" i="1"/>
  <c r="C9157" i="1"/>
  <c r="C9158" i="1"/>
  <c r="C9159" i="1"/>
  <c r="C9160" i="1"/>
  <c r="C9161" i="1"/>
  <c r="C9162" i="1"/>
  <c r="C9163" i="1"/>
  <c r="C9164" i="1"/>
  <c r="C9165" i="1"/>
  <c r="C9166" i="1"/>
  <c r="C9167" i="1"/>
  <c r="C9168" i="1"/>
  <c r="C9169" i="1"/>
  <c r="C9170" i="1"/>
  <c r="C9171" i="1"/>
  <c r="C9172" i="1"/>
  <c r="C9173" i="1"/>
  <c r="C9174" i="1"/>
  <c r="C9175" i="1"/>
  <c r="C9176" i="1"/>
  <c r="C9177" i="1"/>
  <c r="C9178" i="1"/>
  <c r="C9179" i="1"/>
  <c r="C9180" i="1"/>
  <c r="C9181" i="1"/>
  <c r="C9182" i="1"/>
  <c r="C9183" i="1"/>
  <c r="C9184" i="1"/>
  <c r="C9185" i="1"/>
  <c r="C9186" i="1"/>
  <c r="C9187" i="1"/>
  <c r="C9188" i="1"/>
  <c r="C9189" i="1"/>
  <c r="C9190" i="1"/>
  <c r="C9191" i="1"/>
  <c r="C9192" i="1"/>
  <c r="C9193" i="1"/>
  <c r="C9194" i="1"/>
  <c r="C9195" i="1"/>
  <c r="C9196" i="1"/>
  <c r="C9197" i="1"/>
  <c r="C9198" i="1"/>
  <c r="C9199" i="1"/>
  <c r="C9200" i="1"/>
  <c r="C9201" i="1"/>
  <c r="C9202" i="1"/>
  <c r="C9203" i="1"/>
  <c r="C9204" i="1"/>
  <c r="C9205" i="1"/>
  <c r="C9206" i="1"/>
  <c r="C9207" i="1"/>
  <c r="C9208" i="1"/>
  <c r="C9209" i="1"/>
  <c r="C9210" i="1"/>
  <c r="C9211" i="1"/>
  <c r="C9212" i="1"/>
  <c r="C9213" i="1"/>
  <c r="C9214" i="1"/>
  <c r="C9215" i="1"/>
  <c r="C9216" i="1"/>
  <c r="C9217" i="1"/>
  <c r="C9218" i="1"/>
  <c r="C9219" i="1"/>
  <c r="C9220" i="1"/>
  <c r="C9221" i="1"/>
  <c r="C9222" i="1"/>
  <c r="C9223" i="1"/>
  <c r="C9224" i="1"/>
  <c r="C9225" i="1"/>
  <c r="C9226" i="1"/>
  <c r="C9227" i="1"/>
  <c r="C9228" i="1"/>
  <c r="C9229" i="1"/>
  <c r="C9230" i="1"/>
  <c r="C9231" i="1"/>
  <c r="C9232" i="1"/>
  <c r="C9233" i="1"/>
  <c r="C9234" i="1"/>
  <c r="C9235" i="1"/>
  <c r="C9236" i="1"/>
  <c r="C9237" i="1"/>
  <c r="C9238" i="1"/>
  <c r="C9239" i="1"/>
  <c r="C9240" i="1"/>
  <c r="C9241" i="1"/>
  <c r="C9242" i="1"/>
  <c r="C9243" i="1"/>
  <c r="C9244" i="1"/>
  <c r="C9245" i="1"/>
  <c r="C9246" i="1"/>
  <c r="C9247" i="1"/>
  <c r="C9248" i="1"/>
  <c r="C9249" i="1"/>
  <c r="C9250" i="1"/>
  <c r="C9251" i="1"/>
  <c r="C9252" i="1"/>
  <c r="C9253" i="1"/>
  <c r="C9254" i="1"/>
  <c r="C9255" i="1"/>
  <c r="C9256" i="1"/>
  <c r="C9257" i="1"/>
  <c r="C9258" i="1"/>
  <c r="C9259" i="1"/>
  <c r="C9260" i="1"/>
  <c r="C9261" i="1"/>
  <c r="C9262" i="1"/>
  <c r="C9263" i="1"/>
  <c r="C9264" i="1"/>
  <c r="C9265" i="1"/>
  <c r="C9266" i="1"/>
  <c r="C9267" i="1"/>
  <c r="C9268" i="1"/>
  <c r="C9269" i="1"/>
  <c r="C9270" i="1"/>
  <c r="C9271" i="1"/>
  <c r="C9272" i="1"/>
  <c r="C9273" i="1"/>
  <c r="C9274" i="1"/>
  <c r="C9275" i="1"/>
  <c r="C9276" i="1"/>
  <c r="C9277" i="1"/>
  <c r="C9278" i="1"/>
  <c r="C9279" i="1"/>
  <c r="C9280" i="1"/>
  <c r="C9281" i="1"/>
  <c r="C9282" i="1"/>
  <c r="C9283" i="1"/>
  <c r="C9284" i="1"/>
  <c r="C9285" i="1"/>
  <c r="C9286" i="1"/>
  <c r="C9287" i="1"/>
  <c r="C9288" i="1"/>
  <c r="C9289" i="1"/>
  <c r="C9290" i="1"/>
  <c r="C9291" i="1"/>
  <c r="C9292" i="1"/>
  <c r="C9293" i="1"/>
  <c r="C9294" i="1"/>
  <c r="C9295" i="1"/>
  <c r="C9296" i="1"/>
  <c r="C9297" i="1"/>
  <c r="C9298" i="1"/>
  <c r="C9299" i="1"/>
  <c r="C9300" i="1"/>
  <c r="C9301" i="1"/>
  <c r="C9302" i="1"/>
  <c r="C9303" i="1"/>
  <c r="C9304" i="1"/>
  <c r="C9305" i="1"/>
  <c r="C9306" i="1"/>
  <c r="C9307" i="1"/>
  <c r="C9308" i="1"/>
  <c r="C9309" i="1"/>
  <c r="C9310" i="1"/>
  <c r="C9311" i="1"/>
  <c r="C9312" i="1"/>
  <c r="C9313" i="1"/>
  <c r="C9314" i="1"/>
  <c r="C9315" i="1"/>
  <c r="C9316" i="1"/>
  <c r="C9317" i="1"/>
  <c r="C9318" i="1"/>
  <c r="C9319" i="1"/>
  <c r="C9320" i="1"/>
  <c r="C9321" i="1"/>
  <c r="C9322" i="1"/>
  <c r="C9323" i="1"/>
  <c r="C9324" i="1"/>
  <c r="C9325" i="1"/>
  <c r="C9326" i="1"/>
  <c r="C9327" i="1"/>
  <c r="C9328" i="1"/>
  <c r="C9329" i="1"/>
  <c r="C9330" i="1"/>
  <c r="C9331" i="1"/>
  <c r="C9332" i="1"/>
  <c r="C9333" i="1"/>
  <c r="C9334" i="1"/>
  <c r="C9335" i="1"/>
  <c r="C9336" i="1"/>
  <c r="C9337" i="1"/>
  <c r="C9338" i="1"/>
  <c r="C9339" i="1"/>
  <c r="C9340" i="1"/>
  <c r="C9341" i="1"/>
  <c r="C9342" i="1"/>
  <c r="C9343" i="1"/>
  <c r="C9344" i="1"/>
  <c r="C9345" i="1"/>
  <c r="C9346" i="1"/>
  <c r="C9347" i="1"/>
  <c r="C9348" i="1"/>
  <c r="C9349" i="1"/>
  <c r="C9350" i="1"/>
  <c r="C9351" i="1"/>
  <c r="C9352" i="1"/>
  <c r="C9353" i="1"/>
  <c r="C9354" i="1"/>
  <c r="C9355" i="1"/>
  <c r="C9356" i="1"/>
  <c r="C9357" i="1"/>
  <c r="C9358" i="1"/>
  <c r="C9359" i="1"/>
  <c r="C9360" i="1"/>
  <c r="C9361" i="1"/>
  <c r="C9362" i="1"/>
  <c r="C9363" i="1"/>
  <c r="C9364" i="1"/>
  <c r="C9365" i="1"/>
  <c r="C9366" i="1"/>
  <c r="C9367" i="1"/>
  <c r="C9368" i="1"/>
  <c r="C9369" i="1"/>
  <c r="C9370" i="1"/>
  <c r="C9371" i="1"/>
  <c r="C9372" i="1"/>
  <c r="C9373" i="1"/>
  <c r="C9374" i="1"/>
  <c r="C9375" i="1"/>
  <c r="C9376" i="1"/>
  <c r="C9377" i="1"/>
  <c r="C9378" i="1"/>
  <c r="C9379" i="1"/>
  <c r="C9380" i="1"/>
  <c r="C9381" i="1"/>
  <c r="C9382" i="1"/>
  <c r="C9383" i="1"/>
  <c r="C9384" i="1"/>
  <c r="C9385" i="1"/>
  <c r="C9386" i="1"/>
  <c r="C9387" i="1"/>
  <c r="C9388" i="1"/>
  <c r="C9389" i="1"/>
  <c r="C9390" i="1"/>
  <c r="C9391" i="1"/>
  <c r="C9392" i="1"/>
  <c r="C9393" i="1"/>
  <c r="C9394" i="1"/>
  <c r="C9395" i="1"/>
  <c r="C9396" i="1"/>
  <c r="C9397" i="1"/>
  <c r="C9398" i="1"/>
  <c r="C9399" i="1"/>
  <c r="C9400" i="1"/>
  <c r="C9401" i="1"/>
  <c r="C9402" i="1"/>
  <c r="C9403" i="1"/>
  <c r="C9404" i="1"/>
  <c r="C9405" i="1"/>
  <c r="C9406" i="1"/>
  <c r="C9407" i="1"/>
  <c r="C9408" i="1"/>
  <c r="C9409" i="1"/>
  <c r="C9410" i="1"/>
  <c r="C9411" i="1"/>
  <c r="C9412" i="1"/>
  <c r="C9413" i="1"/>
  <c r="C9414" i="1"/>
  <c r="C9415" i="1"/>
  <c r="C9416" i="1"/>
  <c r="C9417" i="1"/>
  <c r="C9418" i="1"/>
  <c r="C9419" i="1"/>
  <c r="C9420" i="1"/>
  <c r="C9421" i="1"/>
  <c r="C9422" i="1"/>
  <c r="C9423" i="1"/>
  <c r="C9424" i="1"/>
  <c r="C9425" i="1"/>
  <c r="C9426" i="1"/>
  <c r="C9427" i="1"/>
  <c r="C9428" i="1"/>
  <c r="C9429" i="1"/>
  <c r="C9430" i="1"/>
  <c r="C9431" i="1"/>
  <c r="C9432" i="1"/>
  <c r="C9433" i="1"/>
  <c r="C9434" i="1"/>
  <c r="C9435" i="1"/>
  <c r="C9436" i="1"/>
  <c r="C9437" i="1"/>
  <c r="C9438" i="1"/>
  <c r="C9439" i="1"/>
  <c r="C9440" i="1"/>
  <c r="C9441" i="1"/>
  <c r="C9442" i="1"/>
  <c r="C9443" i="1"/>
  <c r="C9444" i="1"/>
  <c r="C9445" i="1"/>
  <c r="C9446" i="1"/>
  <c r="C9447" i="1"/>
  <c r="C9448" i="1"/>
  <c r="C9449" i="1"/>
  <c r="C9450" i="1"/>
  <c r="C9451" i="1"/>
  <c r="C9452" i="1"/>
  <c r="C9453" i="1"/>
  <c r="C9454" i="1"/>
  <c r="C9455" i="1"/>
  <c r="C9456" i="1"/>
  <c r="C9457" i="1"/>
  <c r="C9458" i="1"/>
  <c r="C9459" i="1"/>
  <c r="C9460" i="1"/>
  <c r="C9461" i="1"/>
  <c r="C9462" i="1"/>
  <c r="C9463" i="1"/>
  <c r="C9464" i="1"/>
  <c r="C9465" i="1"/>
  <c r="C9466" i="1"/>
  <c r="C9467" i="1"/>
  <c r="C9468" i="1"/>
  <c r="C9469" i="1"/>
  <c r="C9470" i="1"/>
  <c r="C9471" i="1"/>
  <c r="C9472" i="1"/>
  <c r="C9473" i="1"/>
  <c r="C9474" i="1"/>
  <c r="C9475" i="1"/>
  <c r="C9476" i="1"/>
  <c r="C9477" i="1"/>
  <c r="C9478" i="1"/>
  <c r="C9479" i="1"/>
  <c r="C9480" i="1"/>
  <c r="C9481" i="1"/>
  <c r="C9482" i="1"/>
  <c r="C9483" i="1"/>
  <c r="C9484" i="1"/>
  <c r="C9485" i="1"/>
  <c r="C9486" i="1"/>
  <c r="C9487" i="1"/>
  <c r="C9488" i="1"/>
  <c r="C9489" i="1"/>
  <c r="C9490" i="1"/>
  <c r="C9491" i="1"/>
  <c r="C9492" i="1"/>
  <c r="C9493" i="1"/>
  <c r="C9494" i="1"/>
  <c r="C9495" i="1"/>
  <c r="C9496" i="1"/>
  <c r="C9497" i="1"/>
  <c r="C9498" i="1"/>
  <c r="C9499" i="1"/>
  <c r="C9500" i="1"/>
  <c r="C9501" i="1"/>
  <c r="C9502" i="1"/>
  <c r="C9503" i="1"/>
  <c r="C9504" i="1"/>
  <c r="C9505" i="1"/>
  <c r="C9506" i="1"/>
  <c r="C9507" i="1"/>
  <c r="C9508" i="1"/>
  <c r="C9509" i="1"/>
  <c r="C9510" i="1"/>
  <c r="C9511" i="1"/>
  <c r="C9512" i="1"/>
  <c r="C9513" i="1"/>
  <c r="C9514" i="1"/>
  <c r="C9515" i="1"/>
  <c r="C9516" i="1"/>
  <c r="C9517" i="1"/>
  <c r="C9518" i="1"/>
  <c r="C9519" i="1"/>
  <c r="C9520" i="1"/>
  <c r="C9521" i="1"/>
  <c r="C9522" i="1"/>
  <c r="C9523" i="1"/>
  <c r="C9524" i="1"/>
  <c r="C9525" i="1"/>
  <c r="C9526" i="1"/>
  <c r="C9527" i="1"/>
  <c r="C9528" i="1"/>
  <c r="C9529" i="1"/>
  <c r="C9530" i="1"/>
  <c r="C9531" i="1"/>
  <c r="C9532" i="1"/>
  <c r="C9533" i="1"/>
  <c r="C9534" i="1"/>
  <c r="C9535" i="1"/>
  <c r="C9536" i="1"/>
  <c r="C9537" i="1"/>
  <c r="C9538" i="1"/>
  <c r="C9539" i="1"/>
  <c r="C9540" i="1"/>
  <c r="C9541" i="1"/>
  <c r="C9542" i="1"/>
  <c r="C9543" i="1"/>
  <c r="C9544" i="1"/>
  <c r="C9545" i="1"/>
  <c r="C9546" i="1"/>
  <c r="C9547" i="1"/>
  <c r="C9548" i="1"/>
  <c r="C9549" i="1"/>
  <c r="C9550" i="1"/>
  <c r="C9551" i="1"/>
  <c r="C9552" i="1"/>
  <c r="C9553" i="1"/>
  <c r="C9554" i="1"/>
  <c r="C9555" i="1"/>
  <c r="C9556" i="1"/>
  <c r="C9557" i="1"/>
  <c r="C9558" i="1"/>
  <c r="C9559" i="1"/>
  <c r="C9560" i="1"/>
  <c r="C9561" i="1"/>
  <c r="C9562" i="1"/>
  <c r="C9563" i="1"/>
  <c r="C9564" i="1"/>
  <c r="C9565" i="1"/>
  <c r="C9566" i="1"/>
  <c r="C9567" i="1"/>
  <c r="C9568" i="1"/>
  <c r="C9569" i="1"/>
  <c r="C9570" i="1"/>
  <c r="C9571" i="1"/>
  <c r="C9572" i="1"/>
  <c r="C9573" i="1"/>
  <c r="C9574" i="1"/>
  <c r="C9575" i="1"/>
  <c r="C9576" i="1"/>
  <c r="C9577" i="1"/>
  <c r="C9578" i="1"/>
  <c r="C9579" i="1"/>
  <c r="C9580" i="1"/>
  <c r="C9581" i="1"/>
  <c r="C9582" i="1"/>
  <c r="C9583" i="1"/>
  <c r="C9584" i="1"/>
  <c r="C9585" i="1"/>
  <c r="C9586" i="1"/>
  <c r="C9587" i="1"/>
  <c r="C9588" i="1"/>
  <c r="C9589" i="1"/>
  <c r="C9590" i="1"/>
  <c r="C9591" i="1"/>
  <c r="C9592" i="1"/>
  <c r="C9593" i="1"/>
  <c r="C9594" i="1"/>
  <c r="C9595" i="1"/>
  <c r="C9596" i="1"/>
  <c r="C9597" i="1"/>
  <c r="C9598" i="1"/>
  <c r="C9599" i="1"/>
  <c r="C9600" i="1"/>
  <c r="C9601" i="1"/>
  <c r="C9602" i="1"/>
  <c r="C9603" i="1"/>
  <c r="C9604" i="1"/>
  <c r="C9605" i="1"/>
  <c r="C9606" i="1"/>
  <c r="C9607" i="1"/>
  <c r="C9608" i="1"/>
  <c r="C9609" i="1"/>
  <c r="C9610" i="1"/>
  <c r="C9611" i="1"/>
  <c r="C9612" i="1"/>
  <c r="C9613" i="1"/>
  <c r="C9614" i="1"/>
  <c r="C9615" i="1"/>
  <c r="C9616" i="1"/>
  <c r="C9617" i="1"/>
  <c r="C9618" i="1"/>
  <c r="C9619" i="1"/>
  <c r="C9620" i="1"/>
  <c r="C9621" i="1"/>
  <c r="C9622" i="1"/>
  <c r="C9623" i="1"/>
  <c r="C9624" i="1"/>
  <c r="C9625" i="1"/>
  <c r="C9626" i="1"/>
  <c r="C9627" i="1"/>
  <c r="C9628" i="1"/>
  <c r="C9629" i="1"/>
  <c r="C9630" i="1"/>
  <c r="C9631" i="1"/>
  <c r="C9632" i="1"/>
  <c r="C9633" i="1"/>
  <c r="C9634" i="1"/>
  <c r="C9635" i="1"/>
  <c r="C9636" i="1"/>
  <c r="C9637" i="1"/>
  <c r="C9638" i="1"/>
  <c r="C9639" i="1"/>
  <c r="C9640" i="1"/>
  <c r="C9641" i="1"/>
  <c r="C9642" i="1"/>
  <c r="C9643" i="1"/>
  <c r="C9644" i="1"/>
  <c r="C9645" i="1"/>
  <c r="C9646" i="1"/>
  <c r="C9647" i="1"/>
  <c r="C9648" i="1"/>
  <c r="C9649" i="1"/>
  <c r="C9650" i="1"/>
  <c r="C9651" i="1"/>
  <c r="C9652" i="1"/>
  <c r="C9653" i="1"/>
  <c r="C9654" i="1"/>
  <c r="C9655" i="1"/>
  <c r="C9656" i="1"/>
  <c r="C9657" i="1"/>
  <c r="C9658" i="1"/>
  <c r="C9659" i="1"/>
  <c r="C9660" i="1"/>
  <c r="C9661" i="1"/>
  <c r="C9662" i="1"/>
  <c r="C9663" i="1"/>
  <c r="C9664" i="1"/>
  <c r="C9665" i="1"/>
  <c r="C9666" i="1"/>
  <c r="C9667" i="1"/>
  <c r="C9668" i="1"/>
  <c r="C9669" i="1"/>
  <c r="C9670" i="1"/>
  <c r="C9671" i="1"/>
  <c r="C9672" i="1"/>
  <c r="C9673" i="1"/>
  <c r="C9674" i="1"/>
  <c r="C9675" i="1"/>
  <c r="C9676" i="1"/>
  <c r="C9677" i="1"/>
  <c r="C9678" i="1"/>
  <c r="C9679" i="1"/>
  <c r="C9680" i="1"/>
  <c r="C9681" i="1"/>
  <c r="C9682" i="1"/>
  <c r="C9683" i="1"/>
  <c r="C9684" i="1"/>
  <c r="C9685" i="1"/>
  <c r="C9686" i="1"/>
  <c r="C9687" i="1"/>
  <c r="C9688" i="1"/>
  <c r="C9689" i="1"/>
  <c r="C9690" i="1"/>
  <c r="C9691" i="1"/>
  <c r="C9692" i="1"/>
  <c r="C9693" i="1"/>
  <c r="C9694" i="1"/>
  <c r="C9695" i="1"/>
  <c r="C9696" i="1"/>
  <c r="C9697" i="1"/>
  <c r="C9698" i="1"/>
  <c r="C9699" i="1"/>
  <c r="C9700" i="1"/>
  <c r="C9701" i="1"/>
  <c r="C9702" i="1"/>
  <c r="C9703" i="1"/>
  <c r="C9704" i="1"/>
  <c r="C9705" i="1"/>
  <c r="C9706" i="1"/>
  <c r="C9707" i="1"/>
  <c r="C9708" i="1"/>
  <c r="C9709" i="1"/>
  <c r="C9710" i="1"/>
  <c r="C9711" i="1"/>
  <c r="C9712" i="1"/>
  <c r="C9713" i="1"/>
  <c r="C9714" i="1"/>
  <c r="C9715" i="1"/>
  <c r="C9716" i="1"/>
  <c r="C9717" i="1"/>
  <c r="C9718" i="1"/>
  <c r="C9719" i="1"/>
  <c r="C9720" i="1"/>
  <c r="C9721" i="1"/>
  <c r="C9722" i="1"/>
  <c r="C9723" i="1"/>
  <c r="C9724" i="1"/>
  <c r="C9725" i="1"/>
  <c r="C9726" i="1"/>
  <c r="C9727" i="1"/>
  <c r="C9728" i="1"/>
  <c r="C9729" i="1"/>
  <c r="C9730" i="1"/>
  <c r="C9731" i="1"/>
  <c r="C9732" i="1"/>
  <c r="C9733" i="1"/>
  <c r="C9734" i="1"/>
  <c r="C9735" i="1"/>
  <c r="C9736" i="1"/>
  <c r="C9737" i="1"/>
  <c r="C9738" i="1"/>
  <c r="C9739" i="1"/>
  <c r="C9740" i="1"/>
  <c r="C9741" i="1"/>
  <c r="C9742" i="1"/>
  <c r="C9743" i="1"/>
  <c r="C9744" i="1"/>
  <c r="C9745" i="1"/>
  <c r="C9746" i="1"/>
  <c r="C9747" i="1"/>
  <c r="C9748" i="1"/>
  <c r="C9749" i="1"/>
  <c r="C9750" i="1"/>
  <c r="C9751" i="1"/>
  <c r="C9752" i="1"/>
  <c r="C9753" i="1"/>
  <c r="C9754" i="1"/>
  <c r="C9755" i="1"/>
  <c r="C9756" i="1"/>
  <c r="C9757" i="1"/>
  <c r="C9758" i="1"/>
  <c r="C9759" i="1"/>
  <c r="C9760" i="1"/>
  <c r="C9761" i="1"/>
  <c r="C9762" i="1"/>
  <c r="C9763" i="1"/>
  <c r="C9764" i="1"/>
  <c r="C9765" i="1"/>
  <c r="C9766" i="1"/>
  <c r="C9767" i="1"/>
  <c r="C9768" i="1"/>
  <c r="C9769" i="1"/>
  <c r="C9770" i="1"/>
  <c r="C9771" i="1"/>
  <c r="C9772" i="1"/>
  <c r="C9773" i="1"/>
  <c r="C9774" i="1"/>
  <c r="C9775" i="1"/>
  <c r="C9776" i="1"/>
  <c r="C9777" i="1"/>
  <c r="C9778" i="1"/>
  <c r="C9779" i="1"/>
  <c r="C9780" i="1"/>
  <c r="C9781" i="1"/>
  <c r="C9782" i="1"/>
  <c r="C9783" i="1"/>
  <c r="C9784" i="1"/>
  <c r="C9785" i="1"/>
  <c r="C9786" i="1"/>
  <c r="C9787" i="1"/>
  <c r="C9788" i="1"/>
  <c r="C9789" i="1"/>
  <c r="C9790" i="1"/>
  <c r="C9791" i="1"/>
  <c r="C9792" i="1"/>
  <c r="C9793" i="1"/>
  <c r="C9794" i="1"/>
  <c r="C9795" i="1"/>
  <c r="C9796" i="1"/>
  <c r="C9797" i="1"/>
  <c r="C9798" i="1"/>
  <c r="C9799" i="1"/>
  <c r="C9800" i="1"/>
  <c r="C9801" i="1"/>
  <c r="C9802" i="1"/>
  <c r="C9803" i="1"/>
  <c r="C9804" i="1"/>
  <c r="C9805" i="1"/>
  <c r="C9806" i="1"/>
  <c r="C9807" i="1"/>
  <c r="C9808" i="1"/>
  <c r="C9809" i="1"/>
  <c r="C9810" i="1"/>
  <c r="C9811" i="1"/>
  <c r="C9812" i="1"/>
  <c r="C9813" i="1"/>
  <c r="C9814" i="1"/>
  <c r="C9815" i="1"/>
  <c r="C9816" i="1"/>
  <c r="C9817" i="1"/>
  <c r="C9818" i="1"/>
  <c r="C9819" i="1"/>
  <c r="C9820" i="1"/>
  <c r="C9821" i="1"/>
  <c r="C9822" i="1"/>
  <c r="C9823" i="1"/>
  <c r="C9824" i="1"/>
  <c r="C9825" i="1"/>
  <c r="C9826" i="1"/>
  <c r="C9827" i="1"/>
  <c r="C9828" i="1"/>
  <c r="C9829" i="1"/>
  <c r="C9830" i="1"/>
  <c r="C9831" i="1"/>
  <c r="C9832" i="1"/>
  <c r="C9833" i="1"/>
  <c r="C9834" i="1"/>
  <c r="C9835" i="1"/>
  <c r="C9836" i="1"/>
  <c r="C9837" i="1"/>
  <c r="C9838" i="1"/>
  <c r="C9839" i="1"/>
  <c r="C9840" i="1"/>
  <c r="C9841" i="1"/>
  <c r="C9842" i="1"/>
  <c r="C9843" i="1"/>
  <c r="C9844" i="1"/>
  <c r="C9845" i="1"/>
  <c r="C9846" i="1"/>
  <c r="C9847" i="1"/>
  <c r="C9848" i="1"/>
  <c r="C9849" i="1"/>
  <c r="C9850" i="1"/>
  <c r="C9851" i="1"/>
  <c r="C9852" i="1"/>
  <c r="C9853" i="1"/>
  <c r="C9854" i="1"/>
  <c r="C9855" i="1"/>
  <c r="C9856" i="1"/>
  <c r="C9857" i="1"/>
  <c r="C9858" i="1"/>
  <c r="C9859" i="1"/>
  <c r="C9860" i="1"/>
  <c r="C9861" i="1"/>
  <c r="C9862" i="1"/>
  <c r="C9863" i="1"/>
  <c r="C9864" i="1"/>
  <c r="C9865" i="1"/>
  <c r="C9866" i="1"/>
  <c r="C9867" i="1"/>
  <c r="C9868" i="1"/>
  <c r="C9869" i="1"/>
  <c r="C9870" i="1"/>
  <c r="C9871" i="1"/>
  <c r="C9872" i="1"/>
  <c r="C9873" i="1"/>
  <c r="C9874" i="1"/>
  <c r="C9875" i="1"/>
  <c r="C9876" i="1"/>
  <c r="C9877" i="1"/>
  <c r="C9878" i="1"/>
  <c r="C9879" i="1"/>
  <c r="C9880" i="1"/>
  <c r="C9881" i="1"/>
  <c r="C9882" i="1"/>
  <c r="C9883" i="1"/>
  <c r="C9884" i="1"/>
  <c r="C9885" i="1"/>
  <c r="C9886" i="1"/>
  <c r="C9887" i="1"/>
  <c r="C9888" i="1"/>
  <c r="C9889" i="1"/>
  <c r="C9890" i="1"/>
  <c r="C9891" i="1"/>
  <c r="C9892" i="1"/>
  <c r="C9893" i="1"/>
  <c r="C9894" i="1"/>
  <c r="C9895" i="1"/>
  <c r="C9896" i="1"/>
  <c r="C9897" i="1"/>
  <c r="C9898" i="1"/>
  <c r="C9899" i="1"/>
  <c r="C9900" i="1"/>
  <c r="C9901" i="1"/>
  <c r="C9902" i="1"/>
  <c r="C9903" i="1"/>
  <c r="C9904" i="1"/>
  <c r="C9905" i="1"/>
  <c r="C9906" i="1"/>
  <c r="C9907" i="1"/>
  <c r="C9908" i="1"/>
  <c r="C9909" i="1"/>
  <c r="C9910" i="1"/>
  <c r="C9911" i="1"/>
  <c r="C9912" i="1"/>
  <c r="C9913" i="1"/>
  <c r="C9914" i="1"/>
  <c r="C9915" i="1"/>
  <c r="C9916" i="1"/>
  <c r="C9917" i="1"/>
  <c r="C9918" i="1"/>
  <c r="C9919" i="1"/>
  <c r="C9920" i="1"/>
  <c r="C9921" i="1"/>
  <c r="C9922" i="1"/>
  <c r="C9923" i="1"/>
  <c r="C9924" i="1"/>
  <c r="C9925" i="1"/>
  <c r="C9926" i="1"/>
  <c r="C9927" i="1"/>
  <c r="C9928" i="1"/>
  <c r="C9929" i="1"/>
  <c r="C9930" i="1"/>
  <c r="C9931" i="1"/>
  <c r="C9932" i="1"/>
  <c r="C9933" i="1"/>
  <c r="C9934" i="1"/>
  <c r="C9935" i="1"/>
  <c r="C9936" i="1"/>
  <c r="C9937" i="1"/>
  <c r="C9938" i="1"/>
  <c r="C9939" i="1"/>
  <c r="C9940" i="1"/>
  <c r="C9941" i="1"/>
  <c r="C9942" i="1"/>
  <c r="C9943" i="1"/>
  <c r="C9944" i="1"/>
  <c r="C9945" i="1"/>
  <c r="C9946" i="1"/>
  <c r="C9947" i="1"/>
  <c r="C9948" i="1"/>
  <c r="C9949" i="1"/>
  <c r="C9950" i="1"/>
  <c r="C9951" i="1"/>
  <c r="C9952" i="1"/>
  <c r="C9953" i="1"/>
  <c r="C9954" i="1"/>
  <c r="C9955" i="1"/>
  <c r="C9956" i="1"/>
  <c r="C9957" i="1"/>
  <c r="C9958" i="1"/>
  <c r="C9959" i="1"/>
  <c r="C9960" i="1"/>
  <c r="C9961" i="1"/>
  <c r="C9962" i="1"/>
  <c r="C9963" i="1"/>
  <c r="C9964" i="1"/>
  <c r="C9965" i="1"/>
  <c r="C9966" i="1"/>
  <c r="C9967" i="1"/>
  <c r="C9968" i="1"/>
  <c r="C9969" i="1"/>
  <c r="C9970" i="1"/>
  <c r="C9971" i="1"/>
  <c r="C9972" i="1"/>
  <c r="C9973" i="1"/>
  <c r="C9974" i="1"/>
  <c r="C9975" i="1"/>
  <c r="C9976" i="1"/>
  <c r="C9977" i="1"/>
  <c r="C9978" i="1"/>
  <c r="C9979" i="1"/>
  <c r="C9980" i="1"/>
  <c r="C9981" i="1"/>
  <c r="C9982" i="1"/>
  <c r="C9983" i="1"/>
  <c r="C9984" i="1"/>
  <c r="C9985" i="1"/>
  <c r="C9986" i="1"/>
  <c r="C9987" i="1"/>
  <c r="C9988" i="1"/>
  <c r="C9989" i="1"/>
  <c r="C9990" i="1"/>
  <c r="C9991" i="1"/>
  <c r="C9992" i="1"/>
  <c r="C9993" i="1"/>
  <c r="C9994" i="1"/>
  <c r="C37" i="1"/>
  <c r="C38" i="1"/>
  <c r="C39" i="1"/>
  <c r="C40" i="1"/>
  <c r="C41" i="1"/>
  <c r="C42" i="1"/>
  <c r="C43" i="1"/>
  <c r="C44" i="1"/>
  <c r="C45" i="1"/>
  <c r="C46" i="1"/>
  <c r="C47" i="1"/>
  <c r="C48" i="1"/>
  <c r="C49" i="1"/>
  <c r="C50" i="1"/>
  <c r="C51" i="1"/>
  <c r="C52" i="1"/>
  <c r="C53" i="1"/>
  <c r="C54" i="1"/>
  <c r="C55" i="1"/>
  <c r="C56" i="1"/>
  <c r="C57" i="1"/>
  <c r="C58" i="1"/>
  <c r="C59" i="1"/>
  <c r="C60" i="1"/>
  <c r="C61" i="1"/>
  <c r="C62" i="1"/>
  <c r="C63" i="1"/>
  <c r="C64" i="1"/>
  <c r="C65" i="1"/>
  <c r="C66" i="1"/>
  <c r="C67" i="1"/>
  <c r="C68" i="1"/>
  <c r="C69" i="1"/>
  <c r="C70" i="1"/>
  <c r="C71" i="1"/>
  <c r="C72" i="1"/>
  <c r="C73" i="1"/>
  <c r="C74" i="1"/>
  <c r="C75" i="1"/>
  <c r="C76" i="1"/>
  <c r="C77" i="1"/>
  <c r="C78" i="1"/>
  <c r="C79" i="1"/>
  <c r="C80" i="1"/>
  <c r="C81" i="1"/>
  <c r="C82" i="1"/>
  <c r="C83" i="1"/>
  <c r="C84" i="1"/>
  <c r="C85" i="1"/>
  <c r="C86" i="1"/>
  <c r="C87" i="1"/>
  <c r="C88" i="1"/>
  <c r="C89" i="1"/>
  <c r="C90" i="1"/>
  <c r="C91" i="1"/>
  <c r="C92" i="1"/>
  <c r="C93" i="1"/>
  <c r="C94" i="1"/>
  <c r="C95" i="1"/>
  <c r="C96" i="1"/>
  <c r="C97" i="1"/>
  <c r="C98" i="1"/>
  <c r="C99" i="1"/>
  <c r="C100" i="1"/>
  <c r="C101" i="1"/>
  <c r="C102" i="1"/>
  <c r="C103" i="1"/>
  <c r="C104" i="1"/>
  <c r="C105" i="1"/>
  <c r="C106" i="1"/>
  <c r="C107" i="1"/>
  <c r="C108" i="1"/>
  <c r="C109" i="1"/>
  <c r="C110" i="1"/>
  <c r="C111" i="1"/>
  <c r="C112" i="1"/>
  <c r="C113" i="1"/>
  <c r="C114" i="1"/>
  <c r="C115" i="1"/>
  <c r="C116" i="1"/>
  <c r="C117" i="1"/>
  <c r="C118" i="1"/>
  <c r="C119" i="1"/>
  <c r="C120" i="1"/>
  <c r="C121" i="1"/>
  <c r="C122" i="1"/>
  <c r="C123" i="1"/>
  <c r="C124" i="1"/>
  <c r="C125" i="1"/>
  <c r="C126" i="1"/>
  <c r="C127" i="1"/>
  <c r="C128" i="1"/>
  <c r="C129" i="1"/>
  <c r="C130" i="1"/>
  <c r="C131" i="1"/>
  <c r="C132" i="1"/>
  <c r="C133" i="1"/>
  <c r="C134" i="1"/>
  <c r="C135" i="1"/>
  <c r="C136" i="1"/>
  <c r="C137" i="1"/>
  <c r="C138" i="1"/>
  <c r="C3" i="1"/>
  <c r="C4" i="1"/>
  <c r="C5" i="1"/>
  <c r="C6" i="1"/>
  <c r="C7" i="1"/>
  <c r="C8" i="1"/>
  <c r="C9" i="1"/>
  <c r="C10" i="1"/>
  <c r="C11" i="1"/>
  <c r="C12" i="1"/>
  <c r="C13" i="1"/>
  <c r="C14" i="1"/>
  <c r="C15" i="1"/>
  <c r="C16" i="1"/>
  <c r="C17" i="1"/>
  <c r="C18" i="1"/>
  <c r="C19" i="1"/>
  <c r="C20" i="1"/>
  <c r="C21" i="1"/>
  <c r="C22" i="1"/>
  <c r="C23" i="1"/>
  <c r="C24" i="1"/>
  <c r="C25" i="1"/>
  <c r="C26" i="1"/>
  <c r="C27" i="1"/>
  <c r="C28" i="1"/>
  <c r="C29" i="1"/>
  <c r="C30" i="1"/>
  <c r="C31" i="1"/>
  <c r="C32" i="1"/>
  <c r="C33" i="1"/>
  <c r="C34" i="1"/>
  <c r="C35" i="1"/>
  <c r="C36" i="1"/>
  <c r="C139" i="1"/>
  <c r="C140" i="1"/>
  <c r="C141" i="1"/>
  <c r="C142" i="1"/>
  <c r="C143" i="1"/>
  <c r="C144" i="1"/>
  <c r="C145" i="1"/>
  <c r="C146" i="1"/>
  <c r="C147" i="1"/>
  <c r="C148" i="1"/>
  <c r="C149" i="1"/>
  <c r="C150" i="1"/>
  <c r="C151" i="1"/>
  <c r="C152" i="1"/>
  <c r="C153" i="1"/>
  <c r="C154" i="1"/>
  <c r="C155" i="1"/>
  <c r="C156" i="1"/>
  <c r="C157" i="1"/>
  <c r="C158" i="1"/>
  <c r="C159" i="1"/>
  <c r="C160" i="1"/>
  <c r="C161" i="1"/>
  <c r="C162" i="1"/>
  <c r="C163" i="1"/>
  <c r="C164" i="1"/>
  <c r="C165" i="1"/>
  <c r="C166" i="1"/>
  <c r="C167" i="1"/>
  <c r="C168" i="1"/>
  <c r="C169" i="1"/>
  <c r="C170" i="1"/>
  <c r="C171" i="1"/>
  <c r="C172" i="1"/>
  <c r="C173" i="1"/>
  <c r="C174" i="1"/>
  <c r="C175" i="1"/>
  <c r="C176" i="1"/>
  <c r="C177" i="1"/>
  <c r="C178" i="1"/>
  <c r="C179" i="1"/>
  <c r="C180" i="1"/>
  <c r="C181" i="1"/>
  <c r="C182" i="1"/>
  <c r="C183" i="1"/>
  <c r="C184" i="1"/>
  <c r="C185" i="1"/>
  <c r="C186" i="1"/>
  <c r="C187" i="1"/>
  <c r="C188" i="1"/>
  <c r="C189" i="1"/>
  <c r="C190" i="1"/>
  <c r="C191" i="1"/>
  <c r="C192" i="1"/>
  <c r="C193" i="1"/>
  <c r="C194" i="1"/>
  <c r="C195" i="1"/>
  <c r="C196" i="1"/>
  <c r="C197" i="1"/>
  <c r="C198" i="1"/>
  <c r="C199" i="1"/>
  <c r="C200" i="1"/>
  <c r="C201" i="1"/>
  <c r="C202" i="1"/>
  <c r="C203" i="1"/>
  <c r="C204" i="1"/>
  <c r="C205" i="1"/>
  <c r="C206" i="1"/>
  <c r="C207" i="1"/>
  <c r="C208" i="1"/>
  <c r="C209" i="1"/>
  <c r="C210" i="1"/>
  <c r="C211" i="1"/>
  <c r="C212" i="1"/>
  <c r="C213" i="1"/>
  <c r="C214" i="1"/>
  <c r="C215" i="1"/>
  <c r="C216" i="1"/>
  <c r="C217" i="1"/>
  <c r="C218" i="1"/>
  <c r="C219" i="1"/>
  <c r="C220" i="1"/>
  <c r="C221" i="1"/>
  <c r="C222" i="1"/>
  <c r="C223" i="1"/>
  <c r="C224" i="1"/>
  <c r="C225" i="1"/>
  <c r="C226" i="1"/>
  <c r="C227" i="1"/>
  <c r="C228" i="1"/>
  <c r="C229" i="1"/>
  <c r="C230" i="1"/>
  <c r="C231" i="1"/>
  <c r="C232" i="1"/>
  <c r="C233" i="1"/>
  <c r="C234" i="1"/>
  <c r="C235" i="1"/>
  <c r="C236" i="1"/>
  <c r="C237" i="1"/>
  <c r="C238" i="1"/>
  <c r="C239" i="1"/>
  <c r="C240" i="1"/>
  <c r="C241" i="1"/>
  <c r="C242" i="1"/>
  <c r="C243" i="1"/>
  <c r="C244" i="1"/>
  <c r="C245" i="1"/>
  <c r="C246" i="1"/>
  <c r="C247" i="1"/>
  <c r="C248" i="1"/>
  <c r="C249" i="1"/>
  <c r="C250" i="1"/>
  <c r="C251" i="1"/>
  <c r="C252" i="1"/>
  <c r="C253" i="1"/>
  <c r="C254" i="1"/>
  <c r="C255" i="1"/>
  <c r="C256" i="1"/>
  <c r="C257" i="1"/>
  <c r="C258" i="1"/>
  <c r="C259" i="1"/>
  <c r="C260" i="1"/>
  <c r="C261" i="1"/>
  <c r="C262" i="1"/>
  <c r="C263" i="1"/>
  <c r="C264" i="1"/>
  <c r="C265" i="1"/>
  <c r="C266" i="1"/>
  <c r="C267" i="1"/>
  <c r="C268" i="1"/>
  <c r="C269" i="1"/>
  <c r="C270" i="1"/>
  <c r="C271" i="1"/>
  <c r="C272" i="1"/>
  <c r="C273" i="1"/>
  <c r="C274" i="1"/>
  <c r="C275" i="1"/>
  <c r="C276" i="1"/>
  <c r="C277" i="1"/>
  <c r="C278" i="1"/>
  <c r="C279" i="1"/>
  <c r="C280" i="1"/>
  <c r="C281" i="1"/>
  <c r="C282" i="1"/>
  <c r="C283" i="1"/>
  <c r="C284" i="1"/>
  <c r="C285" i="1"/>
  <c r="C286" i="1"/>
  <c r="C287" i="1"/>
  <c r="C288" i="1"/>
  <c r="C289" i="1"/>
  <c r="C290" i="1"/>
  <c r="C291" i="1"/>
  <c r="C292" i="1"/>
  <c r="C293" i="1"/>
  <c r="C294" i="1"/>
  <c r="C295" i="1"/>
  <c r="C296" i="1"/>
  <c r="C297" i="1"/>
  <c r="C298" i="1"/>
  <c r="C299" i="1"/>
  <c r="C300" i="1"/>
  <c r="C301" i="1"/>
  <c r="C302" i="1"/>
  <c r="C303" i="1"/>
  <c r="C304" i="1"/>
  <c r="C305" i="1"/>
  <c r="C306" i="1"/>
  <c r="C307" i="1"/>
  <c r="C308" i="1"/>
  <c r="C309" i="1"/>
  <c r="C310" i="1"/>
  <c r="C311" i="1"/>
  <c r="C312" i="1"/>
  <c r="C313" i="1"/>
  <c r="C314" i="1"/>
  <c r="C315" i="1"/>
  <c r="C316" i="1"/>
  <c r="C317" i="1"/>
  <c r="C318" i="1"/>
  <c r="C319" i="1"/>
  <c r="C320" i="1"/>
  <c r="C321" i="1"/>
  <c r="C322" i="1"/>
  <c r="C323" i="1"/>
  <c r="C324" i="1"/>
  <c r="C325" i="1"/>
  <c r="C326" i="1"/>
  <c r="C327" i="1"/>
  <c r="C328" i="1"/>
  <c r="C329" i="1"/>
  <c r="C330" i="1"/>
  <c r="C331" i="1"/>
  <c r="C332" i="1"/>
  <c r="C333" i="1"/>
  <c r="C334" i="1"/>
  <c r="C335" i="1"/>
  <c r="C336" i="1"/>
  <c r="C337" i="1"/>
  <c r="C338" i="1"/>
  <c r="C339" i="1"/>
  <c r="C340" i="1"/>
  <c r="C341" i="1"/>
  <c r="C342" i="1"/>
  <c r="C343" i="1"/>
  <c r="C344" i="1"/>
  <c r="C345" i="1"/>
  <c r="C346" i="1"/>
  <c r="C347" i="1"/>
  <c r="C348" i="1"/>
  <c r="C349" i="1"/>
  <c r="C350" i="1"/>
  <c r="C351" i="1"/>
  <c r="C352" i="1"/>
  <c r="C353" i="1"/>
  <c r="C354" i="1"/>
  <c r="C355" i="1"/>
  <c r="C356" i="1"/>
  <c r="C357" i="1"/>
  <c r="C358" i="1"/>
  <c r="C359" i="1"/>
  <c r="C360" i="1"/>
  <c r="C361" i="1"/>
  <c r="C362" i="1"/>
  <c r="C363" i="1"/>
  <c r="C364" i="1"/>
  <c r="C365" i="1"/>
  <c r="C366" i="1"/>
  <c r="C367" i="1"/>
  <c r="C368" i="1"/>
  <c r="C369" i="1"/>
  <c r="C370" i="1"/>
  <c r="C371" i="1"/>
  <c r="C372" i="1"/>
  <c r="C373" i="1"/>
  <c r="C374" i="1"/>
  <c r="C375" i="1"/>
  <c r="C376" i="1"/>
  <c r="C377" i="1"/>
  <c r="C378" i="1"/>
  <c r="C379" i="1"/>
  <c r="C380" i="1"/>
  <c r="C381" i="1"/>
  <c r="C382" i="1"/>
  <c r="C383" i="1"/>
  <c r="C384" i="1"/>
  <c r="C385" i="1"/>
  <c r="C386" i="1"/>
  <c r="C387" i="1"/>
  <c r="C388" i="1"/>
  <c r="C389" i="1"/>
  <c r="C390" i="1"/>
  <c r="C391" i="1"/>
  <c r="C392" i="1"/>
  <c r="C393" i="1"/>
  <c r="C394" i="1"/>
  <c r="C395" i="1"/>
  <c r="C396" i="1"/>
  <c r="C397" i="1"/>
  <c r="C398" i="1"/>
  <c r="C399" i="1"/>
  <c r="C400" i="1"/>
  <c r="C401" i="1"/>
  <c r="C402" i="1"/>
  <c r="C403" i="1"/>
  <c r="C404" i="1"/>
  <c r="C405" i="1"/>
  <c r="C406" i="1"/>
  <c r="C407" i="1"/>
  <c r="C408" i="1"/>
  <c r="C409" i="1"/>
  <c r="C410" i="1"/>
  <c r="C411" i="1"/>
  <c r="C412" i="1"/>
  <c r="C413" i="1"/>
  <c r="C414" i="1"/>
  <c r="C415" i="1"/>
  <c r="C416" i="1"/>
  <c r="C417" i="1"/>
  <c r="C418" i="1"/>
  <c r="C419" i="1"/>
  <c r="C420" i="1"/>
  <c r="C421" i="1"/>
  <c r="C422" i="1"/>
  <c r="C423" i="1"/>
  <c r="C424" i="1"/>
  <c r="C425" i="1"/>
  <c r="C426" i="1"/>
  <c r="C427" i="1"/>
  <c r="C428" i="1"/>
  <c r="C429" i="1"/>
  <c r="C430" i="1"/>
  <c r="C431" i="1"/>
  <c r="C432" i="1"/>
  <c r="C433" i="1"/>
  <c r="C434" i="1"/>
  <c r="C435" i="1"/>
  <c r="C436" i="1"/>
  <c r="C437" i="1"/>
  <c r="C438" i="1"/>
  <c r="C439" i="1"/>
  <c r="C440" i="1"/>
  <c r="C441" i="1"/>
  <c r="C442" i="1"/>
  <c r="C443" i="1"/>
  <c r="C444" i="1"/>
  <c r="C445" i="1"/>
  <c r="C446" i="1"/>
  <c r="C447" i="1"/>
  <c r="C448" i="1"/>
  <c r="C449" i="1"/>
  <c r="C450" i="1"/>
  <c r="C451" i="1"/>
  <c r="C452" i="1"/>
  <c r="C453" i="1"/>
  <c r="C454" i="1"/>
  <c r="C455" i="1"/>
  <c r="C456" i="1"/>
  <c r="C457" i="1"/>
  <c r="C458" i="1"/>
  <c r="C459" i="1"/>
  <c r="C460" i="1"/>
  <c r="C461" i="1"/>
  <c r="C462" i="1"/>
  <c r="C463" i="1"/>
  <c r="C464" i="1"/>
  <c r="C465" i="1"/>
  <c r="C466" i="1"/>
  <c r="C467" i="1"/>
  <c r="C468" i="1"/>
  <c r="C469" i="1"/>
  <c r="C470" i="1"/>
  <c r="C471" i="1"/>
  <c r="C472" i="1"/>
  <c r="C473" i="1"/>
  <c r="C474" i="1"/>
  <c r="C475" i="1"/>
  <c r="C476" i="1"/>
  <c r="C477" i="1"/>
  <c r="C478" i="1"/>
  <c r="C479" i="1"/>
  <c r="C480" i="1"/>
  <c r="C481" i="1"/>
  <c r="C482" i="1"/>
  <c r="C483" i="1"/>
  <c r="C484" i="1"/>
  <c r="C485" i="1"/>
  <c r="C486" i="1"/>
  <c r="C487" i="1"/>
  <c r="C488" i="1"/>
  <c r="C489" i="1"/>
  <c r="C490" i="1"/>
  <c r="C491" i="1"/>
  <c r="C492" i="1"/>
  <c r="C493" i="1"/>
  <c r="C494" i="1"/>
  <c r="C495" i="1"/>
  <c r="C496" i="1"/>
  <c r="C497" i="1"/>
  <c r="C498" i="1"/>
  <c r="C499" i="1"/>
  <c r="C500" i="1"/>
  <c r="C501" i="1"/>
  <c r="C502" i="1"/>
  <c r="C503" i="1"/>
  <c r="C504" i="1"/>
  <c r="C505" i="1"/>
  <c r="C506" i="1"/>
  <c r="C507" i="1"/>
  <c r="C508" i="1"/>
  <c r="C509" i="1"/>
  <c r="C510" i="1"/>
  <c r="C511" i="1"/>
  <c r="C512" i="1"/>
  <c r="C513" i="1"/>
  <c r="C514" i="1"/>
  <c r="C515" i="1"/>
  <c r="C516" i="1"/>
  <c r="C517" i="1"/>
  <c r="C518" i="1"/>
  <c r="C519" i="1"/>
  <c r="C520" i="1"/>
  <c r="C521" i="1"/>
  <c r="C522" i="1"/>
  <c r="C523" i="1"/>
  <c r="C524" i="1"/>
  <c r="C525" i="1"/>
  <c r="C526" i="1"/>
  <c r="C527" i="1"/>
  <c r="C528" i="1"/>
  <c r="C529" i="1"/>
  <c r="C530" i="1"/>
  <c r="C531" i="1"/>
  <c r="C532" i="1"/>
  <c r="C533" i="1"/>
  <c r="C534" i="1"/>
  <c r="C535" i="1"/>
  <c r="C536" i="1"/>
  <c r="C537" i="1"/>
  <c r="C538" i="1"/>
  <c r="C539" i="1"/>
  <c r="C540" i="1"/>
  <c r="C541" i="1"/>
  <c r="C542" i="1"/>
  <c r="C543" i="1"/>
  <c r="C544" i="1"/>
  <c r="C545" i="1"/>
  <c r="C546" i="1"/>
  <c r="C547" i="1"/>
  <c r="C548" i="1"/>
  <c r="C549" i="1"/>
  <c r="C550" i="1"/>
  <c r="C551" i="1"/>
  <c r="C552" i="1"/>
  <c r="C553" i="1"/>
  <c r="C554" i="1"/>
  <c r="C555" i="1"/>
  <c r="C556" i="1"/>
  <c r="C557" i="1"/>
  <c r="C558" i="1"/>
  <c r="C559" i="1"/>
  <c r="C560" i="1"/>
  <c r="C561" i="1"/>
  <c r="C562" i="1"/>
  <c r="C563" i="1"/>
  <c r="C564" i="1"/>
  <c r="C565" i="1"/>
  <c r="C566" i="1"/>
  <c r="C567" i="1"/>
  <c r="C568" i="1"/>
  <c r="C569" i="1"/>
  <c r="C570" i="1"/>
  <c r="C571" i="1"/>
  <c r="C572" i="1"/>
  <c r="C573" i="1"/>
  <c r="C574" i="1"/>
  <c r="C575" i="1"/>
  <c r="C576" i="1"/>
  <c r="C577" i="1"/>
  <c r="C578" i="1"/>
  <c r="C579" i="1"/>
  <c r="C580" i="1"/>
  <c r="C581" i="1"/>
  <c r="C582" i="1"/>
  <c r="C583" i="1"/>
  <c r="C584" i="1"/>
  <c r="C585" i="1"/>
  <c r="C586" i="1"/>
  <c r="C587" i="1"/>
  <c r="C588" i="1"/>
  <c r="C589" i="1"/>
  <c r="C590" i="1"/>
  <c r="C591" i="1"/>
  <c r="C592" i="1"/>
  <c r="C593" i="1"/>
  <c r="C594" i="1"/>
  <c r="C595" i="1"/>
  <c r="C596" i="1"/>
  <c r="C597" i="1"/>
  <c r="C598" i="1"/>
  <c r="C599" i="1"/>
  <c r="C600" i="1"/>
  <c r="C601" i="1"/>
  <c r="C602" i="1"/>
  <c r="C603" i="1"/>
  <c r="C604" i="1"/>
  <c r="C605" i="1"/>
  <c r="C606" i="1"/>
  <c r="C607" i="1"/>
  <c r="C608" i="1"/>
  <c r="C609" i="1"/>
  <c r="C610" i="1"/>
  <c r="C611" i="1"/>
  <c r="C612" i="1"/>
  <c r="C613" i="1"/>
  <c r="C614" i="1"/>
  <c r="C615" i="1"/>
  <c r="C616" i="1"/>
  <c r="C617" i="1"/>
  <c r="C618" i="1"/>
  <c r="C619" i="1"/>
  <c r="C620" i="1"/>
  <c r="C621" i="1"/>
  <c r="C622" i="1"/>
  <c r="C623" i="1"/>
  <c r="C624" i="1"/>
  <c r="C625" i="1"/>
  <c r="C626" i="1"/>
  <c r="C627" i="1"/>
  <c r="C628" i="1"/>
  <c r="C629" i="1"/>
  <c r="C630" i="1"/>
  <c r="C631" i="1"/>
  <c r="C632" i="1"/>
  <c r="C633" i="1"/>
  <c r="C634" i="1"/>
  <c r="C635" i="1"/>
  <c r="C636" i="1"/>
  <c r="C637" i="1"/>
  <c r="C638" i="1"/>
  <c r="C639" i="1"/>
  <c r="C640" i="1"/>
  <c r="C641" i="1"/>
  <c r="C642" i="1"/>
  <c r="C643" i="1"/>
  <c r="C644" i="1"/>
  <c r="C645" i="1"/>
  <c r="C646" i="1"/>
  <c r="C647" i="1"/>
  <c r="C648" i="1"/>
  <c r="C649" i="1"/>
  <c r="C650" i="1"/>
  <c r="C651" i="1"/>
  <c r="C652" i="1"/>
  <c r="C653" i="1"/>
  <c r="C654" i="1"/>
  <c r="C655" i="1"/>
  <c r="C656" i="1"/>
  <c r="C657" i="1"/>
  <c r="C658" i="1"/>
  <c r="C659" i="1"/>
  <c r="C660" i="1"/>
  <c r="C661" i="1"/>
  <c r="C662" i="1"/>
  <c r="C663" i="1"/>
  <c r="C664" i="1"/>
  <c r="C665" i="1"/>
  <c r="C666" i="1"/>
  <c r="C667" i="1"/>
  <c r="C668" i="1"/>
  <c r="C669" i="1"/>
  <c r="C670" i="1"/>
  <c r="C671" i="1"/>
  <c r="C672" i="1"/>
  <c r="C673" i="1"/>
  <c r="C674" i="1"/>
  <c r="C675" i="1"/>
  <c r="C676" i="1"/>
  <c r="C677" i="1"/>
  <c r="C678" i="1"/>
  <c r="C679" i="1"/>
  <c r="C680" i="1"/>
  <c r="C681" i="1"/>
  <c r="C682" i="1"/>
  <c r="C683" i="1"/>
  <c r="C684" i="1"/>
  <c r="C685" i="1"/>
  <c r="C686" i="1"/>
  <c r="C687" i="1"/>
  <c r="C688" i="1"/>
  <c r="C689" i="1"/>
  <c r="C690" i="1"/>
  <c r="C691" i="1"/>
  <c r="C692" i="1"/>
  <c r="C693" i="1"/>
  <c r="C694" i="1"/>
  <c r="C695" i="1"/>
  <c r="C696" i="1"/>
  <c r="C697" i="1"/>
  <c r="C698" i="1"/>
  <c r="C699" i="1"/>
  <c r="C700" i="1"/>
  <c r="C701" i="1"/>
  <c r="C702" i="1"/>
  <c r="C703" i="1"/>
  <c r="C704" i="1"/>
  <c r="C705" i="1"/>
  <c r="C706" i="1"/>
  <c r="C707" i="1"/>
  <c r="C708" i="1"/>
  <c r="C709" i="1"/>
  <c r="C710" i="1"/>
  <c r="C711" i="1"/>
  <c r="C712" i="1"/>
  <c r="C713" i="1"/>
  <c r="C714" i="1"/>
  <c r="C715" i="1"/>
  <c r="C716" i="1"/>
  <c r="C717" i="1"/>
  <c r="C718" i="1"/>
  <c r="C719" i="1"/>
  <c r="C720" i="1"/>
  <c r="C721" i="1"/>
  <c r="C722" i="1"/>
  <c r="C723" i="1"/>
  <c r="C724" i="1"/>
  <c r="C725" i="1"/>
  <c r="C726" i="1"/>
  <c r="C727" i="1"/>
  <c r="C728" i="1"/>
  <c r="C729" i="1"/>
  <c r="C730" i="1"/>
  <c r="C731" i="1"/>
  <c r="C732" i="1"/>
  <c r="C733" i="1"/>
  <c r="C734" i="1"/>
  <c r="C735" i="1"/>
  <c r="C736" i="1"/>
  <c r="C737" i="1"/>
  <c r="C738" i="1"/>
  <c r="C739" i="1"/>
  <c r="C740" i="1"/>
  <c r="C741" i="1"/>
  <c r="C742" i="1"/>
  <c r="C743" i="1"/>
  <c r="C744" i="1"/>
  <c r="C745" i="1"/>
  <c r="C746" i="1"/>
  <c r="C747" i="1"/>
  <c r="C748" i="1"/>
  <c r="C749" i="1"/>
  <c r="C750" i="1"/>
  <c r="C751" i="1"/>
  <c r="C752" i="1"/>
  <c r="C753" i="1"/>
  <c r="C754" i="1"/>
  <c r="C755" i="1"/>
  <c r="C756" i="1"/>
  <c r="C757" i="1"/>
  <c r="C758" i="1"/>
  <c r="C759" i="1"/>
  <c r="C760" i="1"/>
  <c r="C761" i="1"/>
  <c r="C762" i="1"/>
  <c r="C763" i="1"/>
  <c r="C764" i="1"/>
  <c r="C765" i="1"/>
  <c r="C766" i="1"/>
  <c r="C767" i="1"/>
  <c r="C768" i="1"/>
  <c r="C769" i="1"/>
  <c r="C770" i="1"/>
  <c r="C771" i="1"/>
  <c r="C772" i="1"/>
  <c r="C773" i="1"/>
  <c r="C774" i="1"/>
  <c r="C775" i="1"/>
  <c r="C776" i="1"/>
  <c r="C777" i="1"/>
  <c r="C778" i="1"/>
  <c r="C779" i="1"/>
  <c r="C780" i="1"/>
  <c r="C781" i="1"/>
  <c r="C782" i="1"/>
  <c r="C783" i="1"/>
  <c r="C784" i="1"/>
  <c r="C785" i="1"/>
  <c r="C786" i="1"/>
  <c r="C787" i="1"/>
  <c r="C788" i="1"/>
  <c r="C789" i="1"/>
  <c r="C790" i="1"/>
  <c r="C791" i="1"/>
  <c r="C792" i="1"/>
  <c r="C793" i="1"/>
  <c r="C794" i="1"/>
  <c r="C795" i="1"/>
  <c r="C796" i="1"/>
  <c r="C797" i="1"/>
  <c r="C798" i="1"/>
  <c r="C799" i="1"/>
  <c r="C800" i="1"/>
  <c r="C801" i="1"/>
  <c r="C802" i="1"/>
  <c r="C803" i="1"/>
  <c r="C804" i="1"/>
  <c r="C805" i="1"/>
  <c r="C806" i="1"/>
  <c r="C807" i="1"/>
  <c r="C808" i="1"/>
  <c r="C809" i="1"/>
  <c r="C810" i="1"/>
  <c r="C811" i="1"/>
  <c r="C812" i="1"/>
  <c r="C813" i="1"/>
  <c r="C814" i="1"/>
  <c r="C815" i="1"/>
  <c r="C816" i="1"/>
  <c r="C817" i="1"/>
  <c r="C818" i="1"/>
  <c r="C819" i="1"/>
  <c r="C820" i="1"/>
  <c r="C821" i="1"/>
  <c r="C822" i="1"/>
  <c r="C823" i="1"/>
  <c r="C824" i="1"/>
  <c r="C825" i="1"/>
  <c r="C826" i="1"/>
  <c r="C827" i="1"/>
  <c r="C828" i="1"/>
  <c r="C829" i="1"/>
  <c r="C830" i="1"/>
  <c r="C831" i="1"/>
  <c r="C832" i="1"/>
  <c r="C833" i="1"/>
  <c r="C834" i="1"/>
  <c r="C835" i="1"/>
  <c r="C836" i="1"/>
  <c r="C837" i="1"/>
  <c r="C838" i="1"/>
  <c r="C839" i="1"/>
  <c r="C840" i="1"/>
  <c r="C841" i="1"/>
  <c r="C842" i="1"/>
  <c r="C843" i="1"/>
  <c r="C844" i="1"/>
  <c r="C845" i="1"/>
  <c r="C846" i="1"/>
  <c r="C847" i="1"/>
  <c r="C848" i="1"/>
  <c r="C849" i="1"/>
  <c r="C850" i="1"/>
  <c r="C851" i="1"/>
  <c r="C852" i="1"/>
  <c r="C853" i="1"/>
  <c r="C854" i="1"/>
  <c r="C855" i="1"/>
  <c r="C856" i="1"/>
  <c r="C857" i="1"/>
  <c r="C858" i="1"/>
  <c r="C859" i="1"/>
  <c r="C860" i="1"/>
  <c r="C861" i="1"/>
  <c r="C862" i="1"/>
  <c r="C863" i="1"/>
  <c r="C864" i="1"/>
  <c r="C865" i="1"/>
  <c r="C866" i="1"/>
  <c r="C867" i="1"/>
  <c r="C868" i="1"/>
  <c r="C869" i="1"/>
  <c r="C870" i="1"/>
  <c r="C871" i="1"/>
  <c r="C872" i="1"/>
  <c r="C873" i="1"/>
  <c r="C874" i="1"/>
  <c r="C875" i="1"/>
  <c r="C876" i="1"/>
  <c r="C877" i="1"/>
  <c r="C878" i="1"/>
  <c r="C879" i="1"/>
  <c r="C880" i="1"/>
  <c r="C881" i="1"/>
  <c r="C882" i="1"/>
  <c r="C883" i="1"/>
  <c r="C884" i="1"/>
  <c r="C885" i="1"/>
  <c r="C886" i="1"/>
  <c r="C887" i="1"/>
  <c r="C888" i="1"/>
  <c r="C889" i="1"/>
  <c r="C890" i="1"/>
  <c r="C891" i="1"/>
  <c r="C892" i="1"/>
  <c r="C893" i="1"/>
  <c r="C894" i="1"/>
  <c r="C895" i="1"/>
  <c r="C896" i="1"/>
  <c r="C897" i="1"/>
  <c r="C898" i="1"/>
  <c r="C899" i="1"/>
  <c r="C900" i="1"/>
  <c r="C901" i="1"/>
  <c r="C902" i="1"/>
  <c r="C903" i="1"/>
  <c r="C904" i="1"/>
  <c r="C905" i="1"/>
  <c r="C906" i="1"/>
  <c r="C907" i="1"/>
  <c r="C908" i="1"/>
  <c r="C909" i="1"/>
  <c r="C910" i="1"/>
  <c r="C911" i="1"/>
  <c r="C912" i="1"/>
  <c r="C913" i="1"/>
  <c r="C914" i="1"/>
  <c r="C915" i="1"/>
  <c r="C916" i="1"/>
  <c r="C917" i="1"/>
  <c r="C918" i="1"/>
  <c r="C919" i="1"/>
  <c r="C920" i="1"/>
  <c r="C921" i="1"/>
  <c r="C922" i="1"/>
  <c r="C923" i="1"/>
  <c r="C924" i="1"/>
  <c r="C925" i="1"/>
  <c r="C926" i="1"/>
  <c r="C927" i="1"/>
  <c r="C928" i="1"/>
  <c r="C929" i="1"/>
  <c r="C930" i="1"/>
  <c r="C931" i="1"/>
  <c r="C932" i="1"/>
  <c r="C933" i="1"/>
  <c r="C934" i="1"/>
  <c r="C935" i="1"/>
  <c r="C936" i="1"/>
  <c r="C937" i="1"/>
  <c r="C938" i="1"/>
  <c r="C939" i="1"/>
  <c r="C940" i="1"/>
  <c r="C941" i="1"/>
  <c r="C942" i="1"/>
  <c r="C943" i="1"/>
  <c r="C944" i="1"/>
  <c r="C945" i="1"/>
  <c r="C946" i="1"/>
  <c r="C947" i="1"/>
  <c r="C948" i="1"/>
  <c r="C949" i="1"/>
  <c r="C950" i="1"/>
  <c r="C951" i="1"/>
  <c r="C952" i="1"/>
  <c r="C953" i="1"/>
  <c r="C954" i="1"/>
  <c r="C955" i="1"/>
  <c r="C956" i="1"/>
  <c r="C957" i="1"/>
  <c r="C958" i="1"/>
  <c r="C959" i="1"/>
  <c r="C960" i="1"/>
  <c r="C961" i="1"/>
  <c r="C962" i="1"/>
  <c r="C963" i="1"/>
  <c r="C964" i="1"/>
  <c r="C965" i="1"/>
  <c r="C966" i="1"/>
  <c r="C967" i="1"/>
  <c r="C968" i="1"/>
  <c r="C969" i="1"/>
  <c r="C970" i="1"/>
  <c r="C971" i="1"/>
  <c r="C972" i="1"/>
  <c r="C973" i="1"/>
  <c r="C974" i="1"/>
  <c r="C975" i="1"/>
  <c r="C976" i="1"/>
  <c r="C977" i="1"/>
  <c r="C978" i="1"/>
  <c r="C979" i="1"/>
  <c r="C980" i="1"/>
  <c r="C981" i="1"/>
  <c r="C982" i="1"/>
  <c r="C983" i="1"/>
  <c r="C984" i="1"/>
  <c r="C985" i="1"/>
  <c r="C986" i="1"/>
  <c r="C987" i="1"/>
  <c r="C988" i="1"/>
  <c r="C989" i="1"/>
  <c r="C990" i="1"/>
  <c r="C991" i="1"/>
  <c r="C992" i="1"/>
  <c r="C993" i="1"/>
  <c r="C994" i="1"/>
  <c r="C995" i="1"/>
  <c r="C996" i="1"/>
  <c r="C997" i="1"/>
  <c r="C998" i="1"/>
  <c r="C999" i="1"/>
  <c r="C1000" i="1"/>
  <c r="C1001" i="1"/>
  <c r="C1002" i="1"/>
  <c r="C1003" i="1"/>
  <c r="C1004" i="1"/>
  <c r="C1005" i="1"/>
  <c r="C1006" i="1"/>
  <c r="C1007" i="1"/>
  <c r="C1008" i="1"/>
  <c r="C1009" i="1"/>
  <c r="C1010" i="1"/>
  <c r="C1011" i="1"/>
  <c r="C1012" i="1"/>
  <c r="C1013" i="1"/>
  <c r="C1014" i="1"/>
  <c r="C1015" i="1"/>
  <c r="C2" i="1"/>
  <c r="B44" i="1"/>
  <c r="B45" i="1"/>
  <c r="B46" i="1"/>
  <c r="B47" i="1"/>
  <c r="B48" i="1"/>
  <c r="B49" i="1"/>
  <c r="B50" i="1"/>
  <c r="B51" i="1"/>
  <c r="B52" i="1"/>
  <c r="B53" i="1"/>
  <c r="B54" i="1"/>
  <c r="B55" i="1"/>
  <c r="B56" i="1"/>
  <c r="B57" i="1"/>
  <c r="B58" i="1"/>
  <c r="B59" i="1"/>
  <c r="B60" i="1"/>
  <c r="B61" i="1"/>
  <c r="B62" i="1"/>
  <c r="B63" i="1"/>
  <c r="B64" i="1"/>
  <c r="B65" i="1"/>
  <c r="B66" i="1"/>
  <c r="B67" i="1"/>
  <c r="B68" i="1"/>
  <c r="B69" i="1"/>
  <c r="B70" i="1"/>
  <c r="B71" i="1"/>
  <c r="B72" i="1"/>
  <c r="B73" i="1"/>
  <c r="B74" i="1"/>
  <c r="B75" i="1"/>
  <c r="B76" i="1"/>
  <c r="B77" i="1"/>
  <c r="B78" i="1"/>
  <c r="B79" i="1"/>
  <c r="B80" i="1"/>
  <c r="B81" i="1"/>
  <c r="B82" i="1"/>
  <c r="B83" i="1"/>
  <c r="B84" i="1"/>
  <c r="B85" i="1"/>
  <c r="B86" i="1"/>
  <c r="B87" i="1"/>
  <c r="B88" i="1"/>
  <c r="B89" i="1"/>
  <c r="B90" i="1"/>
  <c r="B91" i="1"/>
  <c r="B92" i="1"/>
  <c r="B93" i="1"/>
  <c r="B94" i="1"/>
  <c r="B95" i="1"/>
  <c r="B96" i="1"/>
  <c r="B97" i="1"/>
  <c r="B98" i="1"/>
  <c r="B99" i="1"/>
  <c r="B100" i="1"/>
  <c r="B101" i="1"/>
  <c r="B102" i="1"/>
  <c r="B103" i="1"/>
  <c r="B104" i="1"/>
  <c r="B105" i="1"/>
  <c r="B106" i="1"/>
  <c r="B107" i="1"/>
  <c r="B108" i="1"/>
  <c r="B109" i="1"/>
  <c r="B110" i="1"/>
  <c r="B111" i="1"/>
  <c r="B112" i="1"/>
  <c r="B113" i="1"/>
  <c r="B114" i="1"/>
  <c r="B115" i="1"/>
  <c r="B116" i="1"/>
  <c r="B117" i="1"/>
  <c r="B118" i="1"/>
  <c r="B119" i="1"/>
  <c r="B120" i="1"/>
  <c r="B121" i="1"/>
  <c r="B122" i="1"/>
  <c r="B123" i="1"/>
  <c r="B124" i="1"/>
  <c r="B125" i="1"/>
  <c r="B126" i="1"/>
  <c r="B127" i="1"/>
  <c r="B128" i="1"/>
  <c r="B129" i="1"/>
  <c r="B130" i="1"/>
  <c r="B131" i="1"/>
  <c r="B132" i="1"/>
  <c r="B133" i="1"/>
  <c r="B134" i="1"/>
  <c r="B135" i="1"/>
  <c r="B136" i="1"/>
  <c r="B137" i="1"/>
  <c r="B138" i="1"/>
  <c r="B139" i="1"/>
  <c r="B140" i="1"/>
  <c r="B141" i="1"/>
  <c r="B142" i="1"/>
  <c r="B143" i="1"/>
  <c r="B144" i="1"/>
  <c r="B145" i="1"/>
  <c r="B146" i="1"/>
  <c r="B147" i="1"/>
  <c r="B148" i="1"/>
  <c r="B149" i="1"/>
  <c r="B150" i="1"/>
  <c r="B151" i="1"/>
  <c r="B152" i="1"/>
  <c r="B153" i="1"/>
  <c r="B154" i="1"/>
  <c r="B155" i="1"/>
  <c r="B156" i="1"/>
  <c r="B157" i="1"/>
  <c r="B158" i="1"/>
  <c r="B159" i="1"/>
  <c r="B160" i="1"/>
  <c r="B161" i="1"/>
  <c r="B162" i="1"/>
  <c r="B163" i="1"/>
  <c r="B164" i="1"/>
  <c r="B165" i="1"/>
  <c r="B166" i="1"/>
  <c r="B167" i="1"/>
  <c r="B168" i="1"/>
  <c r="B169" i="1"/>
  <c r="B170" i="1"/>
  <c r="B171" i="1"/>
  <c r="B172" i="1"/>
  <c r="B173" i="1"/>
  <c r="B174" i="1"/>
  <c r="B175" i="1"/>
  <c r="B176" i="1"/>
  <c r="B177" i="1"/>
  <c r="B178" i="1"/>
  <c r="B179" i="1"/>
  <c r="B180" i="1"/>
  <c r="B181" i="1"/>
  <c r="B182" i="1"/>
  <c r="B183" i="1"/>
  <c r="B184" i="1"/>
  <c r="B185" i="1"/>
  <c r="B186" i="1"/>
  <c r="B187" i="1"/>
  <c r="B188" i="1"/>
  <c r="B189" i="1"/>
  <c r="B190" i="1"/>
  <c r="B191" i="1"/>
  <c r="B192" i="1"/>
  <c r="B193" i="1"/>
  <c r="B194" i="1"/>
  <c r="B195" i="1"/>
  <c r="B196" i="1"/>
  <c r="B197" i="1"/>
  <c r="B198" i="1"/>
  <c r="B199" i="1"/>
  <c r="B200" i="1"/>
  <c r="B201" i="1"/>
  <c r="B202" i="1"/>
  <c r="B203" i="1"/>
  <c r="B204" i="1"/>
  <c r="B205" i="1"/>
  <c r="B206" i="1"/>
  <c r="B207" i="1"/>
  <c r="B208" i="1"/>
  <c r="B209" i="1"/>
  <c r="B210" i="1"/>
  <c r="B211" i="1"/>
  <c r="B212" i="1"/>
  <c r="B213" i="1"/>
  <c r="B214" i="1"/>
  <c r="B215" i="1"/>
  <c r="B216" i="1"/>
  <c r="B217" i="1"/>
  <c r="B218" i="1"/>
  <c r="B219" i="1"/>
  <c r="B220" i="1"/>
  <c r="B221" i="1"/>
  <c r="B222" i="1"/>
  <c r="B223" i="1"/>
  <c r="B224" i="1"/>
  <c r="B225" i="1"/>
  <c r="B226" i="1"/>
  <c r="B227" i="1"/>
  <c r="B228" i="1"/>
  <c r="B229" i="1"/>
  <c r="B230" i="1"/>
  <c r="B231" i="1"/>
  <c r="B232" i="1"/>
  <c r="B233" i="1"/>
  <c r="B234" i="1"/>
  <c r="B235" i="1"/>
  <c r="B236" i="1"/>
  <c r="B237" i="1"/>
  <c r="B238" i="1"/>
  <c r="B239" i="1"/>
  <c r="B240" i="1"/>
  <c r="B241" i="1"/>
  <c r="B242" i="1"/>
  <c r="B243" i="1"/>
  <c r="B244" i="1"/>
  <c r="B245" i="1"/>
  <c r="B246" i="1"/>
  <c r="B247" i="1"/>
  <c r="B248" i="1"/>
  <c r="B249" i="1"/>
  <c r="B250" i="1"/>
  <c r="B251" i="1"/>
  <c r="B252" i="1"/>
  <c r="B253" i="1"/>
  <c r="B254" i="1"/>
  <c r="B255" i="1"/>
  <c r="B256" i="1"/>
  <c r="B257" i="1"/>
  <c r="B258" i="1"/>
  <c r="B259" i="1"/>
  <c r="B260" i="1"/>
  <c r="B261" i="1"/>
  <c r="B262" i="1"/>
  <c r="B263" i="1"/>
  <c r="B264" i="1"/>
  <c r="B265" i="1"/>
  <c r="B266" i="1"/>
  <c r="B267" i="1"/>
  <c r="B268" i="1"/>
  <c r="B269" i="1"/>
  <c r="B270" i="1"/>
  <c r="B271" i="1"/>
  <c r="B272" i="1"/>
  <c r="B273" i="1"/>
  <c r="B274" i="1"/>
  <c r="B275" i="1"/>
  <c r="B276" i="1"/>
  <c r="B277" i="1"/>
  <c r="B278" i="1"/>
  <c r="B279" i="1"/>
  <c r="B280" i="1"/>
  <c r="B281" i="1"/>
  <c r="B282" i="1"/>
  <c r="B283" i="1"/>
  <c r="B284" i="1"/>
  <c r="B285" i="1"/>
  <c r="B286" i="1"/>
  <c r="B287" i="1"/>
  <c r="B288" i="1"/>
  <c r="B289" i="1"/>
  <c r="B290" i="1"/>
  <c r="B291" i="1"/>
  <c r="B292" i="1"/>
  <c r="B293" i="1"/>
  <c r="B294" i="1"/>
  <c r="B295" i="1"/>
  <c r="B296" i="1"/>
  <c r="B297" i="1"/>
  <c r="B298" i="1"/>
  <c r="B299" i="1"/>
  <c r="B300" i="1"/>
  <c r="B301" i="1"/>
  <c r="B302" i="1"/>
  <c r="B303" i="1"/>
  <c r="B304" i="1"/>
  <c r="B305" i="1"/>
  <c r="B306" i="1"/>
  <c r="B307" i="1"/>
  <c r="B308" i="1"/>
  <c r="B309" i="1"/>
  <c r="B310" i="1"/>
  <c r="B311" i="1"/>
  <c r="B312" i="1"/>
  <c r="B313" i="1"/>
  <c r="B314" i="1"/>
  <c r="B315" i="1"/>
  <c r="B316" i="1"/>
  <c r="B317" i="1"/>
  <c r="B318" i="1"/>
  <c r="B319" i="1"/>
  <c r="B320" i="1"/>
  <c r="B321" i="1"/>
  <c r="B322" i="1"/>
  <c r="B323" i="1"/>
  <c r="B324" i="1"/>
  <c r="B325" i="1"/>
  <c r="B326" i="1"/>
  <c r="B327" i="1"/>
  <c r="B328" i="1"/>
  <c r="B329" i="1"/>
  <c r="B330" i="1"/>
  <c r="B331" i="1"/>
  <c r="B332" i="1"/>
  <c r="B333" i="1"/>
  <c r="B334" i="1"/>
  <c r="B335" i="1"/>
  <c r="B336" i="1"/>
  <c r="B337" i="1"/>
  <c r="B338" i="1"/>
  <c r="B339" i="1"/>
  <c r="B340" i="1"/>
  <c r="B341" i="1"/>
  <c r="B342" i="1"/>
  <c r="B343" i="1"/>
  <c r="B344" i="1"/>
  <c r="B345" i="1"/>
  <c r="B346" i="1"/>
  <c r="B347" i="1"/>
  <c r="B348" i="1"/>
  <c r="B349" i="1"/>
  <c r="B350" i="1"/>
  <c r="B351" i="1"/>
  <c r="B352" i="1"/>
  <c r="B353" i="1"/>
  <c r="B354" i="1"/>
  <c r="B355" i="1"/>
  <c r="B356" i="1"/>
  <c r="B357" i="1"/>
  <c r="B358" i="1"/>
  <c r="B359" i="1"/>
  <c r="B360" i="1"/>
  <c r="B361" i="1"/>
  <c r="B362" i="1"/>
  <c r="B363" i="1"/>
  <c r="B364" i="1"/>
  <c r="B365" i="1"/>
  <c r="B366" i="1"/>
  <c r="B367" i="1"/>
  <c r="B368" i="1"/>
  <c r="B369" i="1"/>
  <c r="B370" i="1"/>
  <c r="B371" i="1"/>
  <c r="B372" i="1"/>
  <c r="B373" i="1"/>
  <c r="B374" i="1"/>
  <c r="B375" i="1"/>
  <c r="B376" i="1"/>
  <c r="B377" i="1"/>
  <c r="B378" i="1"/>
  <c r="B379" i="1"/>
  <c r="B380" i="1"/>
  <c r="B381" i="1"/>
  <c r="B382" i="1"/>
  <c r="B383" i="1"/>
  <c r="B384" i="1"/>
  <c r="B385" i="1"/>
  <c r="B386" i="1"/>
  <c r="B387" i="1"/>
  <c r="B388" i="1"/>
  <c r="B389" i="1"/>
  <c r="B390" i="1"/>
  <c r="B391" i="1"/>
  <c r="B392" i="1"/>
  <c r="B393" i="1"/>
  <c r="B394" i="1"/>
  <c r="B395" i="1"/>
  <c r="B396" i="1"/>
  <c r="B397" i="1"/>
  <c r="B398" i="1"/>
  <c r="B399" i="1"/>
  <c r="B400" i="1"/>
  <c r="B401" i="1"/>
  <c r="B402" i="1"/>
  <c r="B403" i="1"/>
  <c r="B404" i="1"/>
  <c r="B405" i="1"/>
  <c r="B406" i="1"/>
  <c r="B407" i="1"/>
  <c r="B408" i="1"/>
  <c r="B409" i="1"/>
  <c r="B410" i="1"/>
  <c r="B411" i="1"/>
  <c r="B412" i="1"/>
  <c r="B413" i="1"/>
  <c r="B414" i="1"/>
  <c r="B415" i="1"/>
  <c r="B416" i="1"/>
  <c r="B417" i="1"/>
  <c r="B418" i="1"/>
  <c r="B419" i="1"/>
  <c r="B420" i="1"/>
  <c r="B421" i="1"/>
  <c r="B422" i="1"/>
  <c r="B423" i="1"/>
  <c r="B424" i="1"/>
  <c r="B425" i="1"/>
  <c r="B426" i="1"/>
  <c r="B427" i="1"/>
  <c r="B428" i="1"/>
  <c r="B429" i="1"/>
  <c r="B430" i="1"/>
  <c r="B431" i="1"/>
  <c r="B432" i="1"/>
  <c r="B433" i="1"/>
  <c r="B434" i="1"/>
  <c r="B435" i="1"/>
  <c r="B436" i="1"/>
  <c r="B437" i="1"/>
  <c r="B438" i="1"/>
  <c r="B439" i="1"/>
  <c r="B440" i="1"/>
  <c r="B441" i="1"/>
  <c r="B442" i="1"/>
  <c r="B443" i="1"/>
  <c r="B444" i="1"/>
  <c r="B445" i="1"/>
  <c r="B446" i="1"/>
  <c r="B447" i="1"/>
  <c r="B448" i="1"/>
  <c r="B449" i="1"/>
  <c r="B450" i="1"/>
  <c r="B451" i="1"/>
  <c r="B452" i="1"/>
  <c r="B453" i="1"/>
  <c r="B454" i="1"/>
  <c r="B455" i="1"/>
  <c r="B456" i="1"/>
  <c r="B457" i="1"/>
  <c r="B458" i="1"/>
  <c r="B459" i="1"/>
  <c r="B460" i="1"/>
  <c r="B461" i="1"/>
  <c r="B462" i="1"/>
  <c r="B463" i="1"/>
  <c r="B464" i="1"/>
  <c r="B465" i="1"/>
  <c r="B466" i="1"/>
  <c r="B467" i="1"/>
  <c r="B468" i="1"/>
  <c r="B469" i="1"/>
  <c r="B470" i="1"/>
  <c r="B471" i="1"/>
  <c r="B472" i="1"/>
  <c r="B473" i="1"/>
  <c r="B474" i="1"/>
  <c r="B475" i="1"/>
  <c r="B476" i="1"/>
  <c r="B477" i="1"/>
  <c r="B478" i="1"/>
  <c r="B479" i="1"/>
  <c r="B480" i="1"/>
  <c r="B481" i="1"/>
  <c r="B482" i="1"/>
  <c r="B483" i="1"/>
  <c r="B484" i="1"/>
  <c r="B485" i="1"/>
  <c r="B486" i="1"/>
  <c r="B487" i="1"/>
  <c r="B488" i="1"/>
  <c r="B489" i="1"/>
  <c r="B490" i="1"/>
  <c r="B491" i="1"/>
  <c r="B492" i="1"/>
  <c r="B493" i="1"/>
  <c r="B494" i="1"/>
  <c r="B495" i="1"/>
  <c r="B496" i="1"/>
  <c r="B497" i="1"/>
  <c r="B498" i="1"/>
  <c r="B499" i="1"/>
  <c r="B500" i="1"/>
  <c r="B501" i="1"/>
  <c r="B502" i="1"/>
  <c r="B503" i="1"/>
  <c r="B504" i="1"/>
  <c r="B505" i="1"/>
  <c r="B506" i="1"/>
  <c r="B507" i="1"/>
  <c r="B508" i="1"/>
  <c r="B509" i="1"/>
  <c r="B510" i="1"/>
  <c r="B511" i="1"/>
  <c r="B512" i="1"/>
  <c r="B513" i="1"/>
  <c r="B514" i="1"/>
  <c r="B515" i="1"/>
  <c r="B516" i="1"/>
  <c r="B517" i="1"/>
  <c r="B518" i="1"/>
  <c r="B519" i="1"/>
  <c r="B520" i="1"/>
  <c r="B521" i="1"/>
  <c r="B522" i="1"/>
  <c r="B523" i="1"/>
  <c r="B524" i="1"/>
  <c r="B525" i="1"/>
  <c r="B526" i="1"/>
  <c r="B527" i="1"/>
  <c r="B528" i="1"/>
  <c r="B529" i="1"/>
  <c r="B530" i="1"/>
  <c r="B531" i="1"/>
  <c r="B532" i="1"/>
  <c r="B533" i="1"/>
  <c r="B534" i="1"/>
  <c r="B535" i="1"/>
  <c r="B536" i="1"/>
  <c r="B537" i="1"/>
  <c r="B538" i="1"/>
  <c r="B539" i="1"/>
  <c r="B540" i="1"/>
  <c r="B541" i="1"/>
  <c r="B542" i="1"/>
  <c r="B543" i="1"/>
  <c r="B544" i="1"/>
  <c r="B545" i="1"/>
  <c r="B546" i="1"/>
  <c r="B547" i="1"/>
  <c r="B548" i="1"/>
  <c r="B549" i="1"/>
  <c r="B550" i="1"/>
  <c r="B551" i="1"/>
  <c r="B552" i="1"/>
  <c r="B553" i="1"/>
  <c r="B554" i="1"/>
  <c r="B555" i="1"/>
  <c r="B556" i="1"/>
  <c r="B557" i="1"/>
  <c r="B558" i="1"/>
  <c r="B559" i="1"/>
  <c r="B560" i="1"/>
  <c r="B561" i="1"/>
  <c r="B562" i="1"/>
  <c r="B563" i="1"/>
  <c r="B564" i="1"/>
  <c r="B565" i="1"/>
  <c r="B566" i="1"/>
  <c r="B567" i="1"/>
  <c r="B568" i="1"/>
  <c r="B569" i="1"/>
  <c r="B570" i="1"/>
  <c r="B571" i="1"/>
  <c r="B572" i="1"/>
  <c r="B573" i="1"/>
  <c r="B574" i="1"/>
  <c r="B575" i="1"/>
  <c r="B576" i="1"/>
  <c r="B577" i="1"/>
  <c r="B578" i="1"/>
  <c r="B579" i="1"/>
  <c r="B580" i="1"/>
  <c r="B581" i="1"/>
  <c r="B582" i="1"/>
  <c r="B583" i="1"/>
  <c r="B584" i="1"/>
  <c r="B585" i="1"/>
  <c r="B586" i="1"/>
  <c r="B587" i="1"/>
  <c r="B588" i="1"/>
  <c r="B589" i="1"/>
  <c r="B590" i="1"/>
  <c r="B591" i="1"/>
  <c r="B592" i="1"/>
  <c r="B593" i="1"/>
  <c r="B594" i="1"/>
  <c r="B595" i="1"/>
  <c r="B596" i="1"/>
  <c r="B597" i="1"/>
  <c r="B598" i="1"/>
  <c r="B599" i="1"/>
  <c r="B600" i="1"/>
  <c r="B601" i="1"/>
  <c r="B602" i="1"/>
  <c r="B603" i="1"/>
  <c r="B604" i="1"/>
  <c r="B605" i="1"/>
  <c r="B606" i="1"/>
  <c r="B607" i="1"/>
  <c r="B608" i="1"/>
  <c r="B609" i="1"/>
  <c r="B610" i="1"/>
  <c r="B611" i="1"/>
  <c r="B612" i="1"/>
  <c r="B613" i="1"/>
  <c r="B614" i="1"/>
  <c r="B615" i="1"/>
  <c r="B616" i="1"/>
  <c r="B617" i="1"/>
  <c r="B618" i="1"/>
  <c r="B619" i="1"/>
  <c r="B620" i="1"/>
  <c r="B621" i="1"/>
  <c r="B622" i="1"/>
  <c r="B623" i="1"/>
  <c r="B624" i="1"/>
  <c r="B625" i="1"/>
  <c r="B626" i="1"/>
  <c r="B627" i="1"/>
  <c r="B628" i="1"/>
  <c r="B629" i="1"/>
  <c r="B630" i="1"/>
  <c r="B631" i="1"/>
  <c r="B632" i="1"/>
  <c r="B633" i="1"/>
  <c r="B634" i="1"/>
  <c r="B635" i="1"/>
  <c r="B636" i="1"/>
  <c r="B637" i="1"/>
  <c r="B638" i="1"/>
  <c r="B639" i="1"/>
  <c r="B640" i="1"/>
  <c r="B641" i="1"/>
  <c r="B642" i="1"/>
  <c r="B643" i="1"/>
  <c r="B644" i="1"/>
  <c r="B645" i="1"/>
  <c r="B646" i="1"/>
  <c r="B647" i="1"/>
  <c r="B648" i="1"/>
  <c r="B649" i="1"/>
  <c r="B650" i="1"/>
  <c r="B651" i="1"/>
  <c r="B652" i="1"/>
  <c r="B653" i="1"/>
  <c r="B654" i="1"/>
  <c r="B655" i="1"/>
  <c r="B656" i="1"/>
  <c r="B657" i="1"/>
  <c r="B658" i="1"/>
  <c r="B659" i="1"/>
  <c r="B660" i="1"/>
  <c r="B661" i="1"/>
  <c r="B662" i="1"/>
  <c r="B663" i="1"/>
  <c r="B664" i="1"/>
  <c r="B665" i="1"/>
  <c r="B666" i="1"/>
  <c r="B667" i="1"/>
  <c r="B668" i="1"/>
  <c r="B669" i="1"/>
  <c r="B670" i="1"/>
  <c r="B671" i="1"/>
  <c r="B672" i="1"/>
  <c r="B673" i="1"/>
  <c r="B674" i="1"/>
  <c r="B675" i="1"/>
  <c r="B676" i="1"/>
  <c r="B677" i="1"/>
  <c r="B678" i="1"/>
  <c r="B679" i="1"/>
  <c r="B680" i="1"/>
  <c r="B681" i="1"/>
  <c r="B682" i="1"/>
  <c r="B683" i="1"/>
  <c r="B684" i="1"/>
  <c r="B685" i="1"/>
  <c r="B686" i="1"/>
  <c r="B687" i="1"/>
  <c r="B688" i="1"/>
  <c r="B689" i="1"/>
  <c r="B690" i="1"/>
  <c r="B691" i="1"/>
  <c r="B692" i="1"/>
  <c r="B693" i="1"/>
  <c r="B694" i="1"/>
  <c r="B695" i="1"/>
  <c r="B696" i="1"/>
  <c r="B697" i="1"/>
  <c r="B698" i="1"/>
  <c r="B699" i="1"/>
  <c r="B700" i="1"/>
  <c r="B701" i="1"/>
  <c r="B702" i="1"/>
  <c r="B703" i="1"/>
  <c r="B704" i="1"/>
  <c r="B705" i="1"/>
  <c r="B706" i="1"/>
  <c r="B707" i="1"/>
  <c r="B708" i="1"/>
  <c r="B709" i="1"/>
  <c r="B710" i="1"/>
  <c r="B711" i="1"/>
  <c r="B712" i="1"/>
  <c r="B713" i="1"/>
  <c r="B714" i="1"/>
  <c r="B715" i="1"/>
  <c r="B716" i="1"/>
  <c r="B717" i="1"/>
  <c r="B718" i="1"/>
  <c r="B719" i="1"/>
  <c r="B720" i="1"/>
  <c r="B721" i="1"/>
  <c r="B722" i="1"/>
  <c r="B723" i="1"/>
  <c r="B724" i="1"/>
  <c r="B725" i="1"/>
  <c r="B726" i="1"/>
  <c r="B727" i="1"/>
  <c r="B728" i="1"/>
  <c r="B729" i="1"/>
  <c r="B730" i="1"/>
  <c r="B731" i="1"/>
  <c r="B732" i="1"/>
  <c r="B733" i="1"/>
  <c r="B734" i="1"/>
  <c r="B735" i="1"/>
  <c r="B736" i="1"/>
  <c r="B737" i="1"/>
  <c r="B738" i="1"/>
  <c r="B739" i="1"/>
  <c r="B740" i="1"/>
  <c r="B741" i="1"/>
  <c r="B742" i="1"/>
  <c r="B743" i="1"/>
  <c r="B744" i="1"/>
  <c r="B745" i="1"/>
  <c r="B746" i="1"/>
  <c r="B747" i="1"/>
  <c r="B748" i="1"/>
  <c r="B749" i="1"/>
  <c r="B750" i="1"/>
  <c r="B751" i="1"/>
  <c r="B752" i="1"/>
  <c r="B753" i="1"/>
  <c r="B754" i="1"/>
  <c r="B755" i="1"/>
  <c r="B756" i="1"/>
  <c r="B757" i="1"/>
  <c r="B758" i="1"/>
  <c r="B759" i="1"/>
  <c r="B760" i="1"/>
  <c r="B761" i="1"/>
  <c r="B762" i="1"/>
  <c r="B763" i="1"/>
  <c r="B764" i="1"/>
  <c r="B765" i="1"/>
  <c r="B766" i="1"/>
  <c r="B767" i="1"/>
  <c r="B768" i="1"/>
  <c r="B769" i="1"/>
  <c r="B770" i="1"/>
  <c r="B771" i="1"/>
  <c r="B772" i="1"/>
  <c r="B773" i="1"/>
  <c r="B774" i="1"/>
  <c r="B775" i="1"/>
  <c r="B776" i="1"/>
  <c r="B777" i="1"/>
  <c r="B778" i="1"/>
  <c r="B779" i="1"/>
  <c r="B780" i="1"/>
  <c r="B781" i="1"/>
  <c r="B782" i="1"/>
  <c r="B783" i="1"/>
  <c r="B784" i="1"/>
  <c r="B785" i="1"/>
  <c r="B786" i="1"/>
  <c r="B787" i="1"/>
  <c r="B788" i="1"/>
  <c r="B789" i="1"/>
  <c r="B790" i="1"/>
  <c r="B791" i="1"/>
  <c r="B792" i="1"/>
  <c r="B793" i="1"/>
  <c r="B794" i="1"/>
  <c r="B795" i="1"/>
  <c r="B796" i="1"/>
  <c r="B797" i="1"/>
  <c r="B798" i="1"/>
  <c r="B799" i="1"/>
  <c r="B800" i="1"/>
  <c r="B801" i="1"/>
  <c r="B802" i="1"/>
  <c r="B803" i="1"/>
  <c r="B804" i="1"/>
  <c r="B805" i="1"/>
  <c r="B806" i="1"/>
  <c r="B807" i="1"/>
  <c r="B808" i="1"/>
  <c r="B809" i="1"/>
  <c r="B810" i="1"/>
  <c r="B811" i="1"/>
  <c r="B812" i="1"/>
  <c r="B813" i="1"/>
  <c r="B814" i="1"/>
  <c r="B815" i="1"/>
  <c r="B816" i="1"/>
  <c r="B817" i="1"/>
  <c r="B818" i="1"/>
  <c r="B819" i="1"/>
  <c r="B820" i="1"/>
  <c r="B821" i="1"/>
  <c r="B822" i="1"/>
  <c r="B823" i="1"/>
  <c r="B824" i="1"/>
  <c r="B825" i="1"/>
  <c r="B826" i="1"/>
  <c r="B827" i="1"/>
  <c r="B828" i="1"/>
  <c r="B829" i="1"/>
  <c r="B830" i="1"/>
  <c r="B831" i="1"/>
  <c r="B832" i="1"/>
  <c r="B833" i="1"/>
  <c r="B834" i="1"/>
  <c r="B835" i="1"/>
  <c r="B836" i="1"/>
  <c r="B837" i="1"/>
  <c r="B838" i="1"/>
  <c r="B839" i="1"/>
  <c r="B840" i="1"/>
  <c r="B841" i="1"/>
  <c r="B842" i="1"/>
  <c r="B843" i="1"/>
  <c r="B844" i="1"/>
  <c r="B845" i="1"/>
  <c r="B846" i="1"/>
  <c r="B847" i="1"/>
  <c r="B848" i="1"/>
  <c r="B849" i="1"/>
  <c r="B850" i="1"/>
  <c r="B851" i="1"/>
  <c r="B852" i="1"/>
  <c r="B853" i="1"/>
  <c r="B854" i="1"/>
  <c r="B855" i="1"/>
  <c r="B856" i="1"/>
  <c r="B857" i="1"/>
  <c r="B858" i="1"/>
  <c r="B859" i="1"/>
  <c r="B860" i="1"/>
  <c r="B861" i="1"/>
  <c r="B862" i="1"/>
  <c r="B863" i="1"/>
  <c r="B864" i="1"/>
  <c r="B865" i="1"/>
  <c r="B866" i="1"/>
  <c r="B867" i="1"/>
  <c r="B868" i="1"/>
  <c r="B869" i="1"/>
  <c r="B870" i="1"/>
  <c r="B871" i="1"/>
  <c r="B872" i="1"/>
  <c r="B873" i="1"/>
  <c r="B874" i="1"/>
  <c r="B875" i="1"/>
  <c r="B876" i="1"/>
  <c r="B877" i="1"/>
  <c r="B878" i="1"/>
  <c r="B879" i="1"/>
  <c r="B880" i="1"/>
  <c r="B881" i="1"/>
  <c r="B882" i="1"/>
  <c r="B883" i="1"/>
  <c r="B884" i="1"/>
  <c r="B885" i="1"/>
  <c r="B886" i="1"/>
  <c r="B887" i="1"/>
  <c r="B888" i="1"/>
  <c r="B889" i="1"/>
  <c r="B890" i="1"/>
  <c r="B891" i="1"/>
  <c r="B892" i="1"/>
  <c r="B893" i="1"/>
  <c r="B894" i="1"/>
  <c r="B895" i="1"/>
  <c r="B896" i="1"/>
  <c r="B897" i="1"/>
  <c r="B898" i="1"/>
  <c r="B899" i="1"/>
  <c r="B900" i="1"/>
  <c r="B901" i="1"/>
  <c r="B902" i="1"/>
  <c r="B903" i="1"/>
  <c r="B904" i="1"/>
  <c r="B905" i="1"/>
  <c r="B906" i="1"/>
  <c r="B907" i="1"/>
  <c r="B908" i="1"/>
  <c r="B909" i="1"/>
  <c r="B910" i="1"/>
  <c r="B911" i="1"/>
  <c r="B912" i="1"/>
  <c r="B913" i="1"/>
  <c r="B914" i="1"/>
  <c r="B915" i="1"/>
  <c r="B916" i="1"/>
  <c r="B917" i="1"/>
  <c r="B918" i="1"/>
  <c r="B919" i="1"/>
  <c r="B920" i="1"/>
  <c r="B921" i="1"/>
  <c r="B922" i="1"/>
  <c r="B923" i="1"/>
  <c r="B924" i="1"/>
  <c r="B925" i="1"/>
  <c r="B926" i="1"/>
  <c r="B927" i="1"/>
  <c r="B928" i="1"/>
  <c r="B929" i="1"/>
  <c r="B930" i="1"/>
  <c r="B931" i="1"/>
  <c r="B932" i="1"/>
  <c r="B933" i="1"/>
  <c r="B934" i="1"/>
  <c r="B935" i="1"/>
  <c r="B936" i="1"/>
  <c r="B937" i="1"/>
  <c r="B938" i="1"/>
  <c r="B939" i="1"/>
  <c r="B940" i="1"/>
  <c r="B941" i="1"/>
  <c r="B942" i="1"/>
  <c r="B943" i="1"/>
  <c r="B944" i="1"/>
  <c r="B945" i="1"/>
  <c r="B946" i="1"/>
  <c r="B947" i="1"/>
  <c r="B948" i="1"/>
  <c r="B949" i="1"/>
  <c r="B950" i="1"/>
  <c r="B951" i="1"/>
  <c r="B952" i="1"/>
  <c r="B953" i="1"/>
  <c r="B954" i="1"/>
  <c r="B955" i="1"/>
  <c r="B956" i="1"/>
  <c r="B957" i="1"/>
  <c r="B958" i="1"/>
  <c r="B959" i="1"/>
  <c r="B960" i="1"/>
  <c r="B961" i="1"/>
  <c r="B962" i="1"/>
  <c r="B963" i="1"/>
  <c r="B964" i="1"/>
  <c r="B965" i="1"/>
  <c r="B966" i="1"/>
  <c r="B967" i="1"/>
  <c r="B968" i="1"/>
  <c r="B969" i="1"/>
  <c r="B970" i="1"/>
  <c r="B971" i="1"/>
  <c r="B972" i="1"/>
  <c r="B973" i="1"/>
  <c r="B974" i="1"/>
  <c r="B975" i="1"/>
  <c r="B976" i="1"/>
  <c r="B977" i="1"/>
  <c r="B978" i="1"/>
  <c r="B979" i="1"/>
  <c r="B980" i="1"/>
  <c r="B981" i="1"/>
  <c r="B982" i="1"/>
  <c r="B983" i="1"/>
  <c r="B984" i="1"/>
  <c r="B985" i="1"/>
  <c r="B986" i="1"/>
  <c r="B987" i="1"/>
  <c r="B988" i="1"/>
  <c r="B989" i="1"/>
  <c r="B990" i="1"/>
  <c r="B991" i="1"/>
  <c r="B992" i="1"/>
  <c r="B993" i="1"/>
  <c r="B994" i="1"/>
  <c r="B995" i="1"/>
  <c r="B996" i="1"/>
  <c r="B997" i="1"/>
  <c r="B998" i="1"/>
  <c r="B999" i="1"/>
  <c r="B1000" i="1"/>
  <c r="B1001" i="1"/>
  <c r="B1002" i="1"/>
  <c r="B1003" i="1"/>
  <c r="B1004" i="1"/>
  <c r="B1005" i="1"/>
  <c r="B1006" i="1"/>
  <c r="B1007" i="1"/>
  <c r="B1008" i="1"/>
  <c r="B1009" i="1"/>
  <c r="B1010" i="1"/>
  <c r="B1011" i="1"/>
  <c r="B1012" i="1"/>
  <c r="B1013" i="1"/>
  <c r="B1014" i="1"/>
  <c r="B1015" i="1"/>
  <c r="B1016" i="1"/>
  <c r="B1017" i="1"/>
  <c r="B1018" i="1"/>
  <c r="B1019" i="1"/>
  <c r="B1020" i="1"/>
  <c r="B1021" i="1"/>
  <c r="B1022" i="1"/>
  <c r="B1023" i="1"/>
  <c r="B1024" i="1"/>
  <c r="B1025" i="1"/>
  <c r="B1026" i="1"/>
  <c r="B1027" i="1"/>
  <c r="B1028" i="1"/>
  <c r="B1029" i="1"/>
  <c r="B1030" i="1"/>
  <c r="B1031" i="1"/>
  <c r="B1032" i="1"/>
  <c r="B1033" i="1"/>
  <c r="B1034" i="1"/>
  <c r="B1035" i="1"/>
  <c r="B1036" i="1"/>
  <c r="B1037" i="1"/>
  <c r="B1038" i="1"/>
  <c r="B1039" i="1"/>
  <c r="B1040" i="1"/>
  <c r="B1041" i="1"/>
  <c r="B1042" i="1"/>
  <c r="B1043" i="1"/>
  <c r="B1044" i="1"/>
  <c r="B1045" i="1"/>
  <c r="B1046" i="1"/>
  <c r="B1047" i="1"/>
  <c r="B1048" i="1"/>
  <c r="B1049" i="1"/>
  <c r="B1050" i="1"/>
  <c r="B1051" i="1"/>
  <c r="B1052" i="1"/>
  <c r="B1053" i="1"/>
  <c r="B1054" i="1"/>
  <c r="B1055" i="1"/>
  <c r="B1056" i="1"/>
  <c r="B1057" i="1"/>
  <c r="B1058" i="1"/>
  <c r="B1059" i="1"/>
  <c r="B1060" i="1"/>
  <c r="B1061" i="1"/>
  <c r="B1062" i="1"/>
  <c r="B1063" i="1"/>
  <c r="B1064" i="1"/>
  <c r="B1065" i="1"/>
  <c r="B1066" i="1"/>
  <c r="B1067" i="1"/>
  <c r="B1068" i="1"/>
  <c r="B1069" i="1"/>
  <c r="B1070" i="1"/>
  <c r="B1071" i="1"/>
  <c r="B1072" i="1"/>
  <c r="B1073" i="1"/>
  <c r="B1074" i="1"/>
  <c r="B1075" i="1"/>
  <c r="B1076" i="1"/>
  <c r="B1077" i="1"/>
  <c r="B1078" i="1"/>
  <c r="B1079" i="1"/>
  <c r="B1080" i="1"/>
  <c r="B1081" i="1"/>
  <c r="B1082" i="1"/>
  <c r="B1083" i="1"/>
  <c r="B1084" i="1"/>
  <c r="B1085" i="1"/>
  <c r="B1086" i="1"/>
  <c r="B1087" i="1"/>
  <c r="B1088" i="1"/>
  <c r="B1089" i="1"/>
  <c r="B1090" i="1"/>
  <c r="B1091" i="1"/>
  <c r="B1092" i="1"/>
  <c r="B1093" i="1"/>
  <c r="B1094" i="1"/>
  <c r="B1095" i="1"/>
  <c r="B1096" i="1"/>
  <c r="B1097" i="1"/>
  <c r="B1098" i="1"/>
  <c r="B1099" i="1"/>
  <c r="B1100" i="1"/>
  <c r="B1101" i="1"/>
  <c r="B1102" i="1"/>
  <c r="B1103" i="1"/>
  <c r="B1104" i="1"/>
  <c r="B1105" i="1"/>
  <c r="B1106" i="1"/>
  <c r="B1107" i="1"/>
  <c r="B1108" i="1"/>
  <c r="B1109" i="1"/>
  <c r="B1110" i="1"/>
  <c r="B1111" i="1"/>
  <c r="B1112" i="1"/>
  <c r="B1113" i="1"/>
  <c r="B1114" i="1"/>
  <c r="B1115" i="1"/>
  <c r="B1116" i="1"/>
  <c r="B1117" i="1"/>
  <c r="B1118" i="1"/>
  <c r="B1119" i="1"/>
  <c r="B1120" i="1"/>
  <c r="B1121" i="1"/>
  <c r="B1122" i="1"/>
  <c r="B1123" i="1"/>
  <c r="B1124" i="1"/>
  <c r="B1125" i="1"/>
  <c r="B1126" i="1"/>
  <c r="B1127" i="1"/>
  <c r="B1128" i="1"/>
  <c r="B1129" i="1"/>
  <c r="B1130" i="1"/>
  <c r="B1131" i="1"/>
  <c r="B1132" i="1"/>
  <c r="B1133" i="1"/>
  <c r="B1134" i="1"/>
  <c r="B1135" i="1"/>
  <c r="B1136" i="1"/>
  <c r="B1137" i="1"/>
  <c r="B1138" i="1"/>
  <c r="B1139" i="1"/>
  <c r="B1140" i="1"/>
  <c r="B1141" i="1"/>
  <c r="B1142" i="1"/>
  <c r="B1143" i="1"/>
  <c r="B1144" i="1"/>
  <c r="B1145" i="1"/>
  <c r="B1146" i="1"/>
  <c r="B1147" i="1"/>
  <c r="B1148" i="1"/>
  <c r="B1149" i="1"/>
  <c r="B1150" i="1"/>
  <c r="B1151" i="1"/>
  <c r="B1152" i="1"/>
  <c r="B1153" i="1"/>
  <c r="B1154" i="1"/>
  <c r="B1155" i="1"/>
  <c r="B1156" i="1"/>
  <c r="B1157" i="1"/>
  <c r="B1158" i="1"/>
  <c r="B1159" i="1"/>
  <c r="B1160" i="1"/>
  <c r="B1161" i="1"/>
  <c r="B1162" i="1"/>
  <c r="B1163" i="1"/>
  <c r="B1164" i="1"/>
  <c r="B1165" i="1"/>
  <c r="B1166" i="1"/>
  <c r="B1167" i="1"/>
  <c r="B1168" i="1"/>
  <c r="B1169" i="1"/>
  <c r="B1170" i="1"/>
  <c r="B1171" i="1"/>
  <c r="B1172" i="1"/>
  <c r="B1173" i="1"/>
  <c r="B1174" i="1"/>
  <c r="B1175" i="1"/>
  <c r="B1176" i="1"/>
  <c r="B1177" i="1"/>
  <c r="B1178" i="1"/>
  <c r="B1179" i="1"/>
  <c r="B1180" i="1"/>
  <c r="B1181" i="1"/>
  <c r="B1182" i="1"/>
  <c r="B1183" i="1"/>
  <c r="B1184" i="1"/>
  <c r="B1185" i="1"/>
  <c r="B1186" i="1"/>
  <c r="B1187" i="1"/>
  <c r="B1188" i="1"/>
  <c r="B1189" i="1"/>
  <c r="B1190" i="1"/>
  <c r="B1191" i="1"/>
  <c r="B1192" i="1"/>
  <c r="B1193" i="1"/>
  <c r="B1194" i="1"/>
  <c r="B1195" i="1"/>
  <c r="B1196" i="1"/>
  <c r="B1197" i="1"/>
  <c r="B1198" i="1"/>
  <c r="B1199" i="1"/>
  <c r="B1200" i="1"/>
  <c r="B1201" i="1"/>
  <c r="B1202" i="1"/>
  <c r="B1203" i="1"/>
  <c r="B1204" i="1"/>
  <c r="B1205" i="1"/>
  <c r="B1206" i="1"/>
  <c r="B1207" i="1"/>
  <c r="B1208" i="1"/>
  <c r="B1209" i="1"/>
  <c r="B1210" i="1"/>
  <c r="B1211" i="1"/>
  <c r="B1212" i="1"/>
  <c r="B1213" i="1"/>
  <c r="B1214" i="1"/>
  <c r="B1215" i="1"/>
  <c r="B1216" i="1"/>
  <c r="B1217" i="1"/>
  <c r="B1218" i="1"/>
  <c r="B1219" i="1"/>
  <c r="B1220" i="1"/>
  <c r="B1221" i="1"/>
  <c r="B1222" i="1"/>
  <c r="B1223" i="1"/>
  <c r="B1224" i="1"/>
  <c r="B1225" i="1"/>
  <c r="B1226" i="1"/>
  <c r="B1227" i="1"/>
  <c r="B1228" i="1"/>
  <c r="B1229" i="1"/>
  <c r="B1230" i="1"/>
  <c r="B1231" i="1"/>
  <c r="B1232" i="1"/>
  <c r="B1233" i="1"/>
  <c r="B1234" i="1"/>
  <c r="B1235" i="1"/>
  <c r="B1236" i="1"/>
  <c r="B1237" i="1"/>
  <c r="B1238" i="1"/>
  <c r="B1239" i="1"/>
  <c r="B1240" i="1"/>
  <c r="B1241" i="1"/>
  <c r="B1242" i="1"/>
  <c r="B1243" i="1"/>
  <c r="B1244" i="1"/>
  <c r="B1245" i="1"/>
  <c r="B1246" i="1"/>
  <c r="B1247" i="1"/>
  <c r="B1248" i="1"/>
  <c r="B1249" i="1"/>
  <c r="B1250" i="1"/>
  <c r="B1251" i="1"/>
  <c r="B1252" i="1"/>
  <c r="B1253" i="1"/>
  <c r="B1254" i="1"/>
  <c r="B1255" i="1"/>
  <c r="B1256" i="1"/>
  <c r="B1257" i="1"/>
  <c r="B1258" i="1"/>
  <c r="B1259" i="1"/>
  <c r="B1260" i="1"/>
  <c r="B1261" i="1"/>
  <c r="B1262" i="1"/>
  <c r="B1263" i="1"/>
  <c r="B1264" i="1"/>
  <c r="B1265" i="1"/>
  <c r="B1266" i="1"/>
  <c r="B1267" i="1"/>
  <c r="B1268" i="1"/>
  <c r="B1269" i="1"/>
  <c r="B1270" i="1"/>
  <c r="B1271" i="1"/>
  <c r="B1272" i="1"/>
  <c r="B1273" i="1"/>
  <c r="B1274" i="1"/>
  <c r="B1275" i="1"/>
  <c r="B1276" i="1"/>
  <c r="B1277" i="1"/>
  <c r="B1278" i="1"/>
  <c r="B1279" i="1"/>
  <c r="B1280" i="1"/>
  <c r="B1281" i="1"/>
  <c r="B1282" i="1"/>
  <c r="B1283" i="1"/>
  <c r="B1284" i="1"/>
  <c r="B1285" i="1"/>
  <c r="B1286" i="1"/>
  <c r="B1287" i="1"/>
  <c r="B1288" i="1"/>
  <c r="B1289" i="1"/>
  <c r="B1290" i="1"/>
  <c r="B1291" i="1"/>
  <c r="B1292" i="1"/>
  <c r="B1293" i="1"/>
  <c r="B1294" i="1"/>
  <c r="B1295" i="1"/>
  <c r="B1296" i="1"/>
  <c r="B1297" i="1"/>
  <c r="B1298" i="1"/>
  <c r="B1299" i="1"/>
  <c r="B1300" i="1"/>
  <c r="B1301" i="1"/>
  <c r="B1302" i="1"/>
  <c r="B1303" i="1"/>
  <c r="B1304" i="1"/>
  <c r="B1305" i="1"/>
  <c r="B1306" i="1"/>
  <c r="B1307" i="1"/>
  <c r="B1308" i="1"/>
  <c r="B1309" i="1"/>
  <c r="B1310" i="1"/>
  <c r="B1311" i="1"/>
  <c r="B1312" i="1"/>
  <c r="B1313" i="1"/>
  <c r="B1314" i="1"/>
  <c r="B1315" i="1"/>
  <c r="B1316" i="1"/>
  <c r="B1317" i="1"/>
  <c r="B1318" i="1"/>
  <c r="B1319" i="1"/>
  <c r="B1320" i="1"/>
  <c r="B1321" i="1"/>
  <c r="B1322" i="1"/>
  <c r="B1323" i="1"/>
  <c r="B1324" i="1"/>
  <c r="B1325" i="1"/>
  <c r="B1326" i="1"/>
  <c r="B1327" i="1"/>
  <c r="B1328" i="1"/>
  <c r="B1329" i="1"/>
  <c r="B1330" i="1"/>
  <c r="B1331" i="1"/>
  <c r="B1332" i="1"/>
  <c r="B1333" i="1"/>
  <c r="B1334" i="1"/>
  <c r="B1335" i="1"/>
  <c r="B1336" i="1"/>
  <c r="B1337" i="1"/>
  <c r="B1338" i="1"/>
  <c r="B1339" i="1"/>
  <c r="B1340" i="1"/>
  <c r="B1341" i="1"/>
  <c r="B1342" i="1"/>
  <c r="B1343" i="1"/>
  <c r="B1344" i="1"/>
  <c r="B1345" i="1"/>
  <c r="B1346" i="1"/>
  <c r="B1347" i="1"/>
  <c r="B1348" i="1"/>
  <c r="B1349" i="1"/>
  <c r="B1350" i="1"/>
  <c r="B1351" i="1"/>
  <c r="B1352" i="1"/>
  <c r="B1353" i="1"/>
  <c r="B1354" i="1"/>
  <c r="B1355" i="1"/>
  <c r="B1356" i="1"/>
  <c r="B1357" i="1"/>
  <c r="B1358" i="1"/>
  <c r="B1359" i="1"/>
  <c r="B1360" i="1"/>
  <c r="B1361" i="1"/>
  <c r="B1362" i="1"/>
  <c r="B1363" i="1"/>
  <c r="B1364" i="1"/>
  <c r="B1365" i="1"/>
  <c r="B1366" i="1"/>
  <c r="B1367" i="1"/>
  <c r="B1368" i="1"/>
  <c r="B1369" i="1"/>
  <c r="B1370" i="1"/>
  <c r="B1371" i="1"/>
  <c r="B1372" i="1"/>
  <c r="B1373" i="1"/>
  <c r="B1374" i="1"/>
  <c r="B1375" i="1"/>
  <c r="B1376" i="1"/>
  <c r="B1377" i="1"/>
  <c r="B1378" i="1"/>
  <c r="B1379" i="1"/>
  <c r="B1380" i="1"/>
  <c r="B1381" i="1"/>
  <c r="B1382" i="1"/>
  <c r="B1383" i="1"/>
  <c r="B1384" i="1"/>
  <c r="B1385" i="1"/>
  <c r="B1386" i="1"/>
  <c r="B1387" i="1"/>
  <c r="B1388" i="1"/>
  <c r="B1389" i="1"/>
  <c r="B1390" i="1"/>
  <c r="B1391" i="1"/>
  <c r="B1392" i="1"/>
  <c r="B1393" i="1"/>
  <c r="B1394" i="1"/>
  <c r="B1395" i="1"/>
  <c r="B1396" i="1"/>
  <c r="B1397" i="1"/>
  <c r="B1398" i="1"/>
  <c r="B1399" i="1"/>
  <c r="B1400" i="1"/>
  <c r="B1401" i="1"/>
  <c r="B1402" i="1"/>
  <c r="B1403" i="1"/>
  <c r="B1404" i="1"/>
  <c r="B1405" i="1"/>
  <c r="B1406" i="1"/>
  <c r="B1407" i="1"/>
  <c r="B1408" i="1"/>
  <c r="B1409" i="1"/>
  <c r="B1410" i="1"/>
  <c r="B1411" i="1"/>
  <c r="B1412" i="1"/>
  <c r="B1413" i="1"/>
  <c r="B1414" i="1"/>
  <c r="B1415" i="1"/>
  <c r="B1416" i="1"/>
  <c r="B1417" i="1"/>
  <c r="B1418" i="1"/>
  <c r="B1419" i="1"/>
  <c r="B1420" i="1"/>
  <c r="B1421" i="1"/>
  <c r="B1422" i="1"/>
  <c r="B1423" i="1"/>
  <c r="B1424" i="1"/>
  <c r="B1425" i="1"/>
  <c r="B1426" i="1"/>
  <c r="B1427" i="1"/>
  <c r="B1428" i="1"/>
  <c r="B1429" i="1"/>
  <c r="B1430" i="1"/>
  <c r="B1431" i="1"/>
  <c r="B1432" i="1"/>
  <c r="B1433" i="1"/>
  <c r="B1434" i="1"/>
  <c r="B1435" i="1"/>
  <c r="B1436" i="1"/>
  <c r="B1437" i="1"/>
  <c r="B1438" i="1"/>
  <c r="B1439" i="1"/>
  <c r="B1440" i="1"/>
  <c r="B1441" i="1"/>
  <c r="B1442" i="1"/>
  <c r="B1443" i="1"/>
  <c r="B1444" i="1"/>
  <c r="B1445" i="1"/>
  <c r="B1446" i="1"/>
  <c r="B1447" i="1"/>
  <c r="B1448" i="1"/>
  <c r="B1449" i="1"/>
  <c r="B1450" i="1"/>
  <c r="B1451" i="1"/>
  <c r="B1452" i="1"/>
  <c r="B1453" i="1"/>
  <c r="B1454" i="1"/>
  <c r="B1455" i="1"/>
  <c r="B1456" i="1"/>
  <c r="B1457" i="1"/>
  <c r="B1458" i="1"/>
  <c r="B1459" i="1"/>
  <c r="B1460" i="1"/>
  <c r="B1461" i="1"/>
  <c r="B1462" i="1"/>
  <c r="B1463" i="1"/>
  <c r="B1464" i="1"/>
  <c r="B1465" i="1"/>
  <c r="B1466" i="1"/>
  <c r="B1467" i="1"/>
  <c r="B1468" i="1"/>
  <c r="B1469" i="1"/>
  <c r="B1470" i="1"/>
  <c r="B1471" i="1"/>
  <c r="B1472" i="1"/>
  <c r="B1473" i="1"/>
  <c r="B1474" i="1"/>
  <c r="B1475" i="1"/>
  <c r="B1476" i="1"/>
  <c r="B1477" i="1"/>
  <c r="B1478" i="1"/>
  <c r="B1479" i="1"/>
  <c r="B1480" i="1"/>
  <c r="B1481" i="1"/>
  <c r="B1482" i="1"/>
  <c r="B1483" i="1"/>
  <c r="B1484" i="1"/>
  <c r="B1485" i="1"/>
  <c r="B1486" i="1"/>
  <c r="B1487" i="1"/>
  <c r="B1488" i="1"/>
  <c r="B1489" i="1"/>
  <c r="B1490" i="1"/>
  <c r="B1491" i="1"/>
  <c r="B1492" i="1"/>
  <c r="B1493" i="1"/>
  <c r="B1494" i="1"/>
  <c r="B1495" i="1"/>
  <c r="B1496" i="1"/>
  <c r="B1497" i="1"/>
  <c r="B1498" i="1"/>
  <c r="B1499" i="1"/>
  <c r="B1500" i="1"/>
  <c r="B1501" i="1"/>
  <c r="B1502" i="1"/>
  <c r="B1503" i="1"/>
  <c r="B1504" i="1"/>
  <c r="B1505" i="1"/>
  <c r="B1506" i="1"/>
  <c r="B1507" i="1"/>
  <c r="B1508" i="1"/>
  <c r="B1509" i="1"/>
  <c r="B1510" i="1"/>
  <c r="B1511" i="1"/>
  <c r="B1512" i="1"/>
  <c r="B1513" i="1"/>
  <c r="B1514" i="1"/>
  <c r="B1515" i="1"/>
  <c r="B1516" i="1"/>
  <c r="B1517" i="1"/>
  <c r="B1518" i="1"/>
  <c r="B1519" i="1"/>
  <c r="B1520" i="1"/>
  <c r="B1521" i="1"/>
  <c r="B1522" i="1"/>
  <c r="B1523" i="1"/>
  <c r="B1524" i="1"/>
  <c r="B1525" i="1"/>
  <c r="B1526" i="1"/>
  <c r="B1527" i="1"/>
  <c r="B1528" i="1"/>
  <c r="B1529" i="1"/>
  <c r="B1530" i="1"/>
  <c r="B1531" i="1"/>
  <c r="B1532" i="1"/>
  <c r="B1533" i="1"/>
  <c r="B1534" i="1"/>
  <c r="B1535" i="1"/>
  <c r="B1536" i="1"/>
  <c r="B1537" i="1"/>
  <c r="B1538" i="1"/>
  <c r="B1539" i="1"/>
  <c r="B1540" i="1"/>
  <c r="B1541" i="1"/>
  <c r="B1542" i="1"/>
  <c r="B1543" i="1"/>
  <c r="B1544" i="1"/>
  <c r="B1545" i="1"/>
  <c r="B1546" i="1"/>
  <c r="B1547" i="1"/>
  <c r="B1548" i="1"/>
  <c r="B1549" i="1"/>
  <c r="B1550" i="1"/>
  <c r="B1551" i="1"/>
  <c r="B1552" i="1"/>
  <c r="B1553" i="1"/>
  <c r="B1554" i="1"/>
  <c r="B1555" i="1"/>
  <c r="B1556" i="1"/>
  <c r="B1557" i="1"/>
  <c r="B1558" i="1"/>
  <c r="B1559" i="1"/>
  <c r="B1560" i="1"/>
  <c r="B1561" i="1"/>
  <c r="B1562" i="1"/>
  <c r="B1563" i="1"/>
  <c r="B1564" i="1"/>
  <c r="B1565" i="1"/>
  <c r="B1566" i="1"/>
  <c r="B1567" i="1"/>
  <c r="B1568" i="1"/>
  <c r="B1569" i="1"/>
  <c r="B1570" i="1"/>
  <c r="B1571" i="1"/>
  <c r="B1572" i="1"/>
  <c r="B1573" i="1"/>
  <c r="B1574" i="1"/>
  <c r="B1575" i="1"/>
  <c r="B1576" i="1"/>
  <c r="B1577" i="1"/>
  <c r="B1578" i="1"/>
  <c r="B1579" i="1"/>
  <c r="B1580" i="1"/>
  <c r="B1581" i="1"/>
  <c r="B1582" i="1"/>
  <c r="B1583" i="1"/>
  <c r="B1584" i="1"/>
  <c r="B1585" i="1"/>
  <c r="B1586" i="1"/>
  <c r="B1587" i="1"/>
  <c r="B1588" i="1"/>
  <c r="B1589" i="1"/>
  <c r="B1590" i="1"/>
  <c r="B1591" i="1"/>
  <c r="B1592" i="1"/>
  <c r="B1593" i="1"/>
  <c r="B1594" i="1"/>
  <c r="B1595" i="1"/>
  <c r="B1596" i="1"/>
  <c r="B1597" i="1"/>
  <c r="B1598" i="1"/>
  <c r="B1599" i="1"/>
  <c r="B1600" i="1"/>
  <c r="B1601" i="1"/>
  <c r="B1602" i="1"/>
  <c r="B1603" i="1"/>
  <c r="B1604" i="1"/>
  <c r="B1605" i="1"/>
  <c r="B1606" i="1"/>
  <c r="B1607" i="1"/>
  <c r="B1608" i="1"/>
  <c r="B1609" i="1"/>
  <c r="B1610" i="1"/>
  <c r="B1611" i="1"/>
  <c r="B1612" i="1"/>
  <c r="B1613" i="1"/>
  <c r="B1614" i="1"/>
  <c r="B1615" i="1"/>
  <c r="B1616" i="1"/>
  <c r="B1617" i="1"/>
  <c r="B1618" i="1"/>
  <c r="B1619" i="1"/>
  <c r="B1620" i="1"/>
  <c r="B1621" i="1"/>
  <c r="B1622" i="1"/>
  <c r="B1623" i="1"/>
  <c r="B1624" i="1"/>
  <c r="B1625" i="1"/>
  <c r="B1626" i="1"/>
  <c r="B1627" i="1"/>
  <c r="B1628" i="1"/>
  <c r="B1629" i="1"/>
  <c r="B1630" i="1"/>
  <c r="B1631" i="1"/>
  <c r="B1632" i="1"/>
  <c r="B1633" i="1"/>
  <c r="B1634" i="1"/>
  <c r="B1635" i="1"/>
  <c r="B1636" i="1"/>
  <c r="B1637" i="1"/>
  <c r="B1638" i="1"/>
  <c r="B1639" i="1"/>
  <c r="B1640" i="1"/>
  <c r="B1641" i="1"/>
  <c r="B1642" i="1"/>
  <c r="B1643" i="1"/>
  <c r="B1644" i="1"/>
  <c r="B1645" i="1"/>
  <c r="B1646" i="1"/>
  <c r="B1647" i="1"/>
  <c r="B1648" i="1"/>
  <c r="B1649" i="1"/>
  <c r="B1650" i="1"/>
  <c r="B1651" i="1"/>
  <c r="B1652" i="1"/>
  <c r="B1653" i="1"/>
  <c r="B1654" i="1"/>
  <c r="B1655" i="1"/>
  <c r="B1656" i="1"/>
  <c r="B1657" i="1"/>
  <c r="B1658" i="1"/>
  <c r="B1659" i="1"/>
  <c r="B1660" i="1"/>
  <c r="B1661" i="1"/>
  <c r="B1662" i="1"/>
  <c r="B1663" i="1"/>
  <c r="B1664" i="1"/>
  <c r="B1665" i="1"/>
  <c r="B1666" i="1"/>
  <c r="B1667" i="1"/>
  <c r="B1668" i="1"/>
  <c r="B1669" i="1"/>
  <c r="B1670" i="1"/>
  <c r="B1671" i="1"/>
  <c r="B1672" i="1"/>
  <c r="B1673" i="1"/>
  <c r="B1674" i="1"/>
  <c r="B1675" i="1"/>
  <c r="B1676" i="1"/>
  <c r="B1677" i="1"/>
  <c r="B1678" i="1"/>
  <c r="B1679" i="1"/>
  <c r="B1680" i="1"/>
  <c r="B1681" i="1"/>
  <c r="B1682" i="1"/>
  <c r="B1683" i="1"/>
  <c r="B1684" i="1"/>
  <c r="B1685" i="1"/>
  <c r="B1686" i="1"/>
  <c r="B1687" i="1"/>
  <c r="B1688" i="1"/>
  <c r="B1689" i="1"/>
  <c r="B1690" i="1"/>
  <c r="B1691" i="1"/>
  <c r="B1692" i="1"/>
  <c r="B1693" i="1"/>
  <c r="B1694" i="1"/>
  <c r="B1695" i="1"/>
  <c r="B1696" i="1"/>
  <c r="B1697" i="1"/>
  <c r="B1698" i="1"/>
  <c r="B1699" i="1"/>
  <c r="B1700" i="1"/>
  <c r="B1701" i="1"/>
  <c r="B1702" i="1"/>
  <c r="B1703" i="1"/>
  <c r="B1704" i="1"/>
  <c r="B1705" i="1"/>
  <c r="B1706" i="1"/>
  <c r="B1707" i="1"/>
  <c r="B1708" i="1"/>
  <c r="B1709" i="1"/>
  <c r="B1710" i="1"/>
  <c r="B1711" i="1"/>
  <c r="B1712" i="1"/>
  <c r="B1713" i="1"/>
  <c r="B1714" i="1"/>
  <c r="B1715" i="1"/>
  <c r="B1716" i="1"/>
  <c r="B1717" i="1"/>
  <c r="B1718" i="1"/>
  <c r="B1719" i="1"/>
  <c r="B1720" i="1"/>
  <c r="B1721" i="1"/>
  <c r="B1722" i="1"/>
  <c r="B1723" i="1"/>
  <c r="B1724" i="1"/>
  <c r="B1725" i="1"/>
  <c r="B1726" i="1"/>
  <c r="B1727" i="1"/>
  <c r="B1728" i="1"/>
  <c r="B1729" i="1"/>
  <c r="B1730" i="1"/>
  <c r="B1731" i="1"/>
  <c r="B1732" i="1"/>
  <c r="B1733" i="1"/>
  <c r="B1734" i="1"/>
  <c r="B1735" i="1"/>
  <c r="B1736" i="1"/>
  <c r="B1737" i="1"/>
  <c r="B1738" i="1"/>
  <c r="B1739" i="1"/>
  <c r="B1740" i="1"/>
  <c r="B1741" i="1"/>
  <c r="B1742" i="1"/>
  <c r="B1743" i="1"/>
  <c r="B1744" i="1"/>
  <c r="B1745" i="1"/>
  <c r="B1746" i="1"/>
  <c r="B1747" i="1"/>
  <c r="B1748" i="1"/>
  <c r="B1749" i="1"/>
  <c r="B1750" i="1"/>
  <c r="B1751" i="1"/>
  <c r="B1752" i="1"/>
  <c r="B1753" i="1"/>
  <c r="B1754" i="1"/>
  <c r="B1755" i="1"/>
  <c r="B1756" i="1"/>
  <c r="B1757" i="1"/>
  <c r="B1758" i="1"/>
  <c r="B1759" i="1"/>
  <c r="B1760" i="1"/>
  <c r="B1761" i="1"/>
  <c r="B1762" i="1"/>
  <c r="B1763" i="1"/>
  <c r="B1764" i="1"/>
  <c r="B1765" i="1"/>
  <c r="B1766" i="1"/>
  <c r="B1767" i="1"/>
  <c r="B1768" i="1"/>
  <c r="B1769" i="1"/>
  <c r="B1770" i="1"/>
  <c r="B1771" i="1"/>
  <c r="B1772" i="1"/>
  <c r="B1773" i="1"/>
  <c r="B1774" i="1"/>
  <c r="B1775" i="1"/>
  <c r="B1776" i="1"/>
  <c r="B1777" i="1"/>
  <c r="B1778" i="1"/>
  <c r="B1779" i="1"/>
  <c r="B1780" i="1"/>
  <c r="B1781" i="1"/>
  <c r="B1782" i="1"/>
  <c r="B1783" i="1"/>
  <c r="B1784" i="1"/>
  <c r="B1785" i="1"/>
  <c r="B1786" i="1"/>
  <c r="B1787" i="1"/>
  <c r="B1788" i="1"/>
  <c r="B1789" i="1"/>
  <c r="B1790" i="1"/>
  <c r="B1791" i="1"/>
  <c r="B1792" i="1"/>
  <c r="B1793" i="1"/>
  <c r="B1794" i="1"/>
  <c r="B1795" i="1"/>
  <c r="B1796" i="1"/>
  <c r="B1797" i="1"/>
  <c r="B1798" i="1"/>
  <c r="B1799" i="1"/>
  <c r="B1800" i="1"/>
  <c r="B1801" i="1"/>
  <c r="B1802" i="1"/>
  <c r="B1803" i="1"/>
  <c r="B1804" i="1"/>
  <c r="B1805" i="1"/>
  <c r="B1806" i="1"/>
  <c r="B1807" i="1"/>
  <c r="B1808" i="1"/>
  <c r="B1809" i="1"/>
  <c r="B1810" i="1"/>
  <c r="B1811" i="1"/>
  <c r="B1812" i="1"/>
  <c r="B1813" i="1"/>
  <c r="B1814" i="1"/>
  <c r="B1815" i="1"/>
  <c r="B1816" i="1"/>
  <c r="B1817" i="1"/>
  <c r="B1818" i="1"/>
  <c r="B1819" i="1"/>
  <c r="B1820" i="1"/>
  <c r="B1821" i="1"/>
  <c r="B1822" i="1"/>
  <c r="B1823" i="1"/>
  <c r="B1824" i="1"/>
  <c r="B1825" i="1"/>
  <c r="B1826" i="1"/>
  <c r="B1827" i="1"/>
  <c r="B1828" i="1"/>
  <c r="B1829" i="1"/>
  <c r="B1830" i="1"/>
  <c r="B1831" i="1"/>
  <c r="B1832" i="1"/>
  <c r="B1833" i="1"/>
  <c r="B1834" i="1"/>
  <c r="B1835" i="1"/>
  <c r="B1836" i="1"/>
  <c r="B1837" i="1"/>
  <c r="B1838" i="1"/>
  <c r="B1839" i="1"/>
  <c r="B1840" i="1"/>
  <c r="B1841" i="1"/>
  <c r="B1842" i="1"/>
  <c r="B1843" i="1"/>
  <c r="B1844" i="1"/>
  <c r="B1845" i="1"/>
  <c r="B1846" i="1"/>
  <c r="B1847" i="1"/>
  <c r="B1848" i="1"/>
  <c r="B1849" i="1"/>
  <c r="B1850" i="1"/>
  <c r="B1851" i="1"/>
  <c r="B1852" i="1"/>
  <c r="B1853" i="1"/>
  <c r="B1854" i="1"/>
  <c r="B1855" i="1"/>
  <c r="B1856" i="1"/>
  <c r="B1857" i="1"/>
  <c r="B1858" i="1"/>
  <c r="B1859" i="1"/>
  <c r="B1860" i="1"/>
  <c r="B1861" i="1"/>
  <c r="B1862" i="1"/>
  <c r="B1863" i="1"/>
  <c r="B1864" i="1"/>
  <c r="B1865" i="1"/>
  <c r="B1866" i="1"/>
  <c r="B1867" i="1"/>
  <c r="B1868" i="1"/>
  <c r="B1869" i="1"/>
  <c r="B1870" i="1"/>
  <c r="B1871" i="1"/>
  <c r="B1872" i="1"/>
  <c r="B1873" i="1"/>
  <c r="B1874" i="1"/>
  <c r="B1875" i="1"/>
  <c r="B1876" i="1"/>
  <c r="B1877" i="1"/>
  <c r="B1878" i="1"/>
  <c r="B1879" i="1"/>
  <c r="B1880" i="1"/>
  <c r="B1881" i="1"/>
  <c r="B1882" i="1"/>
  <c r="B1883" i="1"/>
  <c r="B1884" i="1"/>
  <c r="B1885" i="1"/>
  <c r="B1886" i="1"/>
  <c r="B1887" i="1"/>
  <c r="B1888" i="1"/>
  <c r="B1889" i="1"/>
  <c r="B1890" i="1"/>
  <c r="B1891" i="1"/>
  <c r="B1892" i="1"/>
  <c r="B1893" i="1"/>
  <c r="B1894" i="1"/>
  <c r="B1895" i="1"/>
  <c r="B1896" i="1"/>
  <c r="B1897" i="1"/>
  <c r="B1898" i="1"/>
  <c r="B1899" i="1"/>
  <c r="B1900" i="1"/>
  <c r="B1901" i="1"/>
  <c r="B1902" i="1"/>
  <c r="B1903" i="1"/>
  <c r="B1904" i="1"/>
  <c r="B1905" i="1"/>
  <c r="B1906" i="1"/>
  <c r="B1907" i="1"/>
  <c r="B1908" i="1"/>
  <c r="B1909" i="1"/>
  <c r="B1910" i="1"/>
  <c r="B1911" i="1"/>
  <c r="B1912" i="1"/>
  <c r="B1913" i="1"/>
  <c r="B1914" i="1"/>
  <c r="B1915" i="1"/>
  <c r="B1916" i="1"/>
  <c r="B1917" i="1"/>
  <c r="B1918" i="1"/>
  <c r="B1919" i="1"/>
  <c r="B1920" i="1"/>
  <c r="B1921" i="1"/>
  <c r="B1922" i="1"/>
  <c r="B1923" i="1"/>
  <c r="B1924" i="1"/>
  <c r="B1925" i="1"/>
  <c r="B1926" i="1"/>
  <c r="B1927" i="1"/>
  <c r="B1928" i="1"/>
  <c r="B1929" i="1"/>
  <c r="B1930" i="1"/>
  <c r="B1931" i="1"/>
  <c r="B1932" i="1"/>
  <c r="B1933" i="1"/>
  <c r="B1934" i="1"/>
  <c r="B1935" i="1"/>
  <c r="B1936" i="1"/>
  <c r="B1937" i="1"/>
  <c r="B1938" i="1"/>
  <c r="B1939" i="1"/>
  <c r="B1940" i="1"/>
  <c r="B1941" i="1"/>
  <c r="B1942" i="1"/>
  <c r="B1943" i="1"/>
  <c r="B1944" i="1"/>
  <c r="B1945" i="1"/>
  <c r="B1946" i="1"/>
  <c r="B1947" i="1"/>
  <c r="B1948" i="1"/>
  <c r="B1949" i="1"/>
  <c r="B1950" i="1"/>
  <c r="B1951" i="1"/>
  <c r="B1952" i="1"/>
  <c r="B1953" i="1"/>
  <c r="B1954" i="1"/>
  <c r="B1955" i="1"/>
  <c r="B1956" i="1"/>
  <c r="B1957" i="1"/>
  <c r="B1958" i="1"/>
  <c r="B1959" i="1"/>
  <c r="B1960" i="1"/>
  <c r="B1961" i="1"/>
  <c r="B1962" i="1"/>
  <c r="B1963" i="1"/>
  <c r="B1964" i="1"/>
  <c r="B1965" i="1"/>
  <c r="B1966" i="1"/>
  <c r="B1967" i="1"/>
  <c r="B1968" i="1"/>
  <c r="B1969" i="1"/>
  <c r="B1970" i="1"/>
  <c r="B1971" i="1"/>
  <c r="B1972" i="1"/>
  <c r="B1973" i="1"/>
  <c r="B1974" i="1"/>
  <c r="B1975" i="1"/>
  <c r="B1976" i="1"/>
  <c r="B1977" i="1"/>
  <c r="B1978" i="1"/>
  <c r="B1979" i="1"/>
  <c r="B1980" i="1"/>
  <c r="B1981" i="1"/>
  <c r="B1982" i="1"/>
  <c r="B1983" i="1"/>
  <c r="B1984" i="1"/>
  <c r="B1985" i="1"/>
  <c r="B1986" i="1"/>
  <c r="B1987" i="1"/>
  <c r="B1988" i="1"/>
  <c r="B1989" i="1"/>
  <c r="B1990" i="1"/>
  <c r="B1991" i="1"/>
  <c r="B1992" i="1"/>
  <c r="B1993" i="1"/>
  <c r="B1994" i="1"/>
  <c r="B1995" i="1"/>
  <c r="B1996" i="1"/>
  <c r="B1997" i="1"/>
  <c r="B1998" i="1"/>
  <c r="B1999" i="1"/>
  <c r="B2000" i="1"/>
  <c r="B2001" i="1"/>
  <c r="B2002" i="1"/>
  <c r="B2003" i="1"/>
  <c r="B2004" i="1"/>
  <c r="B2005" i="1"/>
  <c r="B2006" i="1"/>
  <c r="B2007" i="1"/>
  <c r="B2008" i="1"/>
  <c r="B2009" i="1"/>
  <c r="B2010" i="1"/>
  <c r="B2011" i="1"/>
  <c r="B2012" i="1"/>
  <c r="B2013" i="1"/>
  <c r="B2014" i="1"/>
  <c r="B2015" i="1"/>
  <c r="B2016" i="1"/>
  <c r="B2017" i="1"/>
  <c r="B2018" i="1"/>
  <c r="B2019" i="1"/>
  <c r="B2020" i="1"/>
  <c r="B2021" i="1"/>
  <c r="B2022" i="1"/>
  <c r="B2023" i="1"/>
  <c r="B2024" i="1"/>
  <c r="B2025" i="1"/>
  <c r="B2026" i="1"/>
  <c r="B2027" i="1"/>
  <c r="B2028" i="1"/>
  <c r="B2029" i="1"/>
  <c r="B2030" i="1"/>
  <c r="B2031" i="1"/>
  <c r="B2032" i="1"/>
  <c r="B2033" i="1"/>
  <c r="B2034" i="1"/>
  <c r="B2035" i="1"/>
  <c r="B2036" i="1"/>
  <c r="B2037" i="1"/>
  <c r="B2038" i="1"/>
  <c r="B2039" i="1"/>
  <c r="B2040" i="1"/>
  <c r="B2041" i="1"/>
  <c r="B2042" i="1"/>
  <c r="B2043" i="1"/>
  <c r="B2044" i="1"/>
  <c r="B2045" i="1"/>
  <c r="B2046" i="1"/>
  <c r="B2047" i="1"/>
  <c r="B2048" i="1"/>
  <c r="B2049" i="1"/>
  <c r="B2050" i="1"/>
  <c r="B2051" i="1"/>
  <c r="B2052" i="1"/>
  <c r="B2053" i="1"/>
  <c r="B2054" i="1"/>
  <c r="B2055" i="1"/>
  <c r="B2056" i="1"/>
  <c r="B2057" i="1"/>
  <c r="B2058" i="1"/>
  <c r="B2059" i="1"/>
  <c r="B2060" i="1"/>
  <c r="B2061" i="1"/>
  <c r="B2062" i="1"/>
  <c r="B2063" i="1"/>
  <c r="B2064" i="1"/>
  <c r="B2065" i="1"/>
  <c r="B2066" i="1"/>
  <c r="B2067" i="1"/>
  <c r="B2068" i="1"/>
  <c r="B2069" i="1"/>
  <c r="B2070" i="1"/>
  <c r="B2071" i="1"/>
  <c r="B2072" i="1"/>
  <c r="B2073" i="1"/>
  <c r="B2074" i="1"/>
  <c r="B2075" i="1"/>
  <c r="B2076" i="1"/>
  <c r="B2077" i="1"/>
  <c r="B2078" i="1"/>
  <c r="B2079" i="1"/>
  <c r="B2080" i="1"/>
  <c r="B2081" i="1"/>
  <c r="B2082" i="1"/>
  <c r="B2083" i="1"/>
  <c r="B2084" i="1"/>
  <c r="B2085" i="1"/>
  <c r="B2086" i="1"/>
  <c r="B2087" i="1"/>
  <c r="B2088" i="1"/>
  <c r="B2089" i="1"/>
  <c r="B2090" i="1"/>
  <c r="B2091" i="1"/>
  <c r="B2092" i="1"/>
  <c r="B2093" i="1"/>
  <c r="B2094" i="1"/>
  <c r="B2095" i="1"/>
  <c r="B2096" i="1"/>
  <c r="B2097" i="1"/>
  <c r="B2098" i="1"/>
  <c r="B2099" i="1"/>
  <c r="B2100" i="1"/>
  <c r="B2101" i="1"/>
  <c r="B2102" i="1"/>
  <c r="B2103" i="1"/>
  <c r="B2104" i="1"/>
  <c r="B2105" i="1"/>
  <c r="B2106" i="1"/>
  <c r="B2107" i="1"/>
  <c r="B2108" i="1"/>
  <c r="B2109" i="1"/>
  <c r="B2110" i="1"/>
  <c r="B2111" i="1"/>
  <c r="B2112" i="1"/>
  <c r="B2113" i="1"/>
  <c r="B2114" i="1"/>
  <c r="B2115" i="1"/>
  <c r="B2116" i="1"/>
  <c r="B2117" i="1"/>
  <c r="B2118" i="1"/>
  <c r="B2119" i="1"/>
  <c r="B2120" i="1"/>
  <c r="B2121" i="1"/>
  <c r="B2122" i="1"/>
  <c r="B2123" i="1"/>
  <c r="B2124" i="1"/>
  <c r="B2125" i="1"/>
  <c r="B2126" i="1"/>
  <c r="B2127" i="1"/>
  <c r="B2128" i="1"/>
  <c r="B2129" i="1"/>
  <c r="B2130" i="1"/>
  <c r="B2131" i="1"/>
  <c r="B2132" i="1"/>
  <c r="B2133" i="1"/>
  <c r="B2134" i="1"/>
  <c r="B2135" i="1"/>
  <c r="B2136" i="1"/>
  <c r="B2137" i="1"/>
  <c r="B2138" i="1"/>
  <c r="B2139" i="1"/>
  <c r="B2140" i="1"/>
  <c r="B2141" i="1"/>
  <c r="B2142" i="1"/>
  <c r="B2143" i="1"/>
  <c r="B2144" i="1"/>
  <c r="B2145" i="1"/>
  <c r="B2146" i="1"/>
  <c r="B2147" i="1"/>
  <c r="B2148" i="1"/>
  <c r="B2149" i="1"/>
  <c r="B2150" i="1"/>
  <c r="B2151" i="1"/>
  <c r="B2152" i="1"/>
  <c r="B2153" i="1"/>
  <c r="B2154" i="1"/>
  <c r="B2155" i="1"/>
  <c r="B2156" i="1"/>
  <c r="B2157" i="1"/>
  <c r="B2158" i="1"/>
  <c r="B2159" i="1"/>
  <c r="B2160" i="1"/>
  <c r="B2161" i="1"/>
  <c r="B2162" i="1"/>
  <c r="B2163" i="1"/>
  <c r="B2164" i="1"/>
  <c r="B2165" i="1"/>
  <c r="B2166" i="1"/>
  <c r="B2167" i="1"/>
  <c r="B2168" i="1"/>
  <c r="B2169" i="1"/>
  <c r="B2170" i="1"/>
  <c r="B2171" i="1"/>
  <c r="B2172" i="1"/>
  <c r="B2173" i="1"/>
  <c r="B2174" i="1"/>
  <c r="B2175" i="1"/>
  <c r="B2176" i="1"/>
  <c r="B2177" i="1"/>
  <c r="B2178" i="1"/>
  <c r="B2179" i="1"/>
  <c r="B2180" i="1"/>
  <c r="B2181" i="1"/>
  <c r="B2182" i="1"/>
  <c r="B2183" i="1"/>
  <c r="B2184" i="1"/>
  <c r="B2185" i="1"/>
  <c r="B2186" i="1"/>
  <c r="B2187" i="1"/>
  <c r="B2188" i="1"/>
  <c r="B2189" i="1"/>
  <c r="B2190" i="1"/>
  <c r="B2191" i="1"/>
  <c r="B2192" i="1"/>
  <c r="B2193" i="1"/>
  <c r="B2194" i="1"/>
  <c r="B2195" i="1"/>
  <c r="B2196" i="1"/>
  <c r="B2197" i="1"/>
  <c r="B2198" i="1"/>
  <c r="B2199" i="1"/>
  <c r="B2200" i="1"/>
  <c r="B2201" i="1"/>
  <c r="B2202" i="1"/>
  <c r="B2203" i="1"/>
  <c r="B2204" i="1"/>
  <c r="B2205" i="1"/>
  <c r="B2206" i="1"/>
  <c r="B2207" i="1"/>
  <c r="B2208" i="1"/>
  <c r="B2209" i="1"/>
  <c r="B2210" i="1"/>
  <c r="B2211" i="1"/>
  <c r="B2212" i="1"/>
  <c r="B2213" i="1"/>
  <c r="B2214" i="1"/>
  <c r="B2215" i="1"/>
  <c r="B2216" i="1"/>
  <c r="B2217" i="1"/>
  <c r="B2218" i="1"/>
  <c r="B2219" i="1"/>
  <c r="B2220" i="1"/>
  <c r="B2221" i="1"/>
  <c r="B2222" i="1"/>
  <c r="B2223" i="1"/>
  <c r="B2224" i="1"/>
  <c r="B2225" i="1"/>
  <c r="B2226" i="1"/>
  <c r="B2227" i="1"/>
  <c r="B2228" i="1"/>
  <c r="B2229" i="1"/>
  <c r="B2230" i="1"/>
  <c r="B2231" i="1"/>
  <c r="B2232" i="1"/>
  <c r="B2233" i="1"/>
  <c r="B2234" i="1"/>
  <c r="B2235" i="1"/>
  <c r="B2236" i="1"/>
  <c r="B2237" i="1"/>
  <c r="B2238" i="1"/>
  <c r="B2239" i="1"/>
  <c r="B2240" i="1"/>
  <c r="B2241" i="1"/>
  <c r="B2242" i="1"/>
  <c r="B2243" i="1"/>
  <c r="B2244" i="1"/>
  <c r="B2245" i="1"/>
  <c r="B2246" i="1"/>
  <c r="B2247" i="1"/>
  <c r="B2248" i="1"/>
  <c r="B2249" i="1"/>
  <c r="B2250" i="1"/>
  <c r="B2251" i="1"/>
  <c r="B2252" i="1"/>
  <c r="B2253" i="1"/>
  <c r="B2254" i="1"/>
  <c r="B2255" i="1"/>
  <c r="B2256" i="1"/>
  <c r="B2257" i="1"/>
  <c r="B2258" i="1"/>
  <c r="B2259" i="1"/>
  <c r="B2260" i="1"/>
  <c r="B2261" i="1"/>
  <c r="B2262" i="1"/>
  <c r="B2263" i="1"/>
  <c r="B2264" i="1"/>
  <c r="B2265" i="1"/>
  <c r="B2266" i="1"/>
  <c r="B2267" i="1"/>
  <c r="B2268" i="1"/>
  <c r="B2269" i="1"/>
  <c r="B2270" i="1"/>
  <c r="B2271" i="1"/>
  <c r="B2272" i="1"/>
  <c r="B2273" i="1"/>
  <c r="B2274" i="1"/>
  <c r="B2275" i="1"/>
  <c r="B2276" i="1"/>
  <c r="B2277" i="1"/>
  <c r="B2278" i="1"/>
  <c r="B2279" i="1"/>
  <c r="B2280" i="1"/>
  <c r="B2281" i="1"/>
  <c r="B2282" i="1"/>
  <c r="B2283" i="1"/>
  <c r="B2284" i="1"/>
  <c r="B2285" i="1"/>
  <c r="B2286" i="1"/>
  <c r="B2287" i="1"/>
  <c r="B2288" i="1"/>
  <c r="B2289" i="1"/>
  <c r="B2290" i="1"/>
  <c r="B2291" i="1"/>
  <c r="B2292" i="1"/>
  <c r="B2293" i="1"/>
  <c r="B2294" i="1"/>
  <c r="B2295" i="1"/>
  <c r="B2296" i="1"/>
  <c r="B2297" i="1"/>
  <c r="B2298" i="1"/>
  <c r="B2299" i="1"/>
  <c r="B2300" i="1"/>
  <c r="B2301" i="1"/>
  <c r="B2302" i="1"/>
  <c r="B2303" i="1"/>
  <c r="B2304" i="1"/>
  <c r="B2305" i="1"/>
  <c r="B2306" i="1"/>
  <c r="B2307" i="1"/>
  <c r="B2308" i="1"/>
  <c r="B2309" i="1"/>
  <c r="B2310" i="1"/>
  <c r="B2311" i="1"/>
  <c r="B2312" i="1"/>
  <c r="B2313" i="1"/>
  <c r="B2314" i="1"/>
  <c r="B2315" i="1"/>
  <c r="B2316" i="1"/>
  <c r="B2317" i="1"/>
  <c r="B2318" i="1"/>
  <c r="B2319" i="1"/>
  <c r="B2320" i="1"/>
  <c r="B2321" i="1"/>
  <c r="B2322" i="1"/>
  <c r="B2323" i="1"/>
  <c r="B2324" i="1"/>
  <c r="B2325" i="1"/>
  <c r="B2326" i="1"/>
  <c r="B2327" i="1"/>
  <c r="B2328" i="1"/>
  <c r="B2329" i="1"/>
  <c r="B2330" i="1"/>
  <c r="B2331" i="1"/>
  <c r="B2332" i="1"/>
  <c r="B2333" i="1"/>
  <c r="B2334" i="1"/>
  <c r="B2335" i="1"/>
  <c r="B2336" i="1"/>
  <c r="B2337" i="1"/>
  <c r="B2338" i="1"/>
  <c r="B2339" i="1"/>
  <c r="B2340" i="1"/>
  <c r="B2341" i="1"/>
  <c r="B2342" i="1"/>
  <c r="B2343" i="1"/>
  <c r="B2344" i="1"/>
  <c r="B2345" i="1"/>
  <c r="B2346" i="1"/>
  <c r="B2347" i="1"/>
  <c r="B2348" i="1"/>
  <c r="B2349" i="1"/>
  <c r="B2350" i="1"/>
  <c r="B2351" i="1"/>
  <c r="B2352" i="1"/>
  <c r="B2353" i="1"/>
  <c r="B2354" i="1"/>
  <c r="B2355" i="1"/>
  <c r="B2356" i="1"/>
  <c r="B2357" i="1"/>
  <c r="B2358" i="1"/>
  <c r="B2359" i="1"/>
  <c r="B2360" i="1"/>
  <c r="B2361" i="1"/>
  <c r="B2362" i="1"/>
  <c r="B2363" i="1"/>
  <c r="B2364" i="1"/>
  <c r="B2365" i="1"/>
  <c r="B2366" i="1"/>
  <c r="B2367" i="1"/>
  <c r="B2368" i="1"/>
  <c r="B2369" i="1"/>
  <c r="B2370" i="1"/>
  <c r="B2371" i="1"/>
  <c r="B2372" i="1"/>
  <c r="B2373" i="1"/>
  <c r="B2374" i="1"/>
  <c r="B2375" i="1"/>
  <c r="B2376" i="1"/>
  <c r="B2377" i="1"/>
  <c r="B2378" i="1"/>
  <c r="B2379" i="1"/>
  <c r="B2380" i="1"/>
  <c r="B2381" i="1"/>
  <c r="B2382" i="1"/>
  <c r="B2383" i="1"/>
  <c r="B2384" i="1"/>
  <c r="B2385" i="1"/>
  <c r="B2386" i="1"/>
  <c r="B2387" i="1"/>
  <c r="B2388" i="1"/>
  <c r="B2389" i="1"/>
  <c r="B2390" i="1"/>
  <c r="B2391" i="1"/>
  <c r="B2392" i="1"/>
  <c r="B2393" i="1"/>
  <c r="B2394" i="1"/>
  <c r="B2395" i="1"/>
  <c r="B2396" i="1"/>
  <c r="B2397" i="1"/>
  <c r="B2398" i="1"/>
  <c r="B2399" i="1"/>
  <c r="B2400" i="1"/>
  <c r="B2401" i="1"/>
  <c r="B2402" i="1"/>
  <c r="B2403" i="1"/>
  <c r="B2404" i="1"/>
  <c r="B2405" i="1"/>
  <c r="B2406" i="1"/>
  <c r="B2407" i="1"/>
  <c r="B2408" i="1"/>
  <c r="B2409" i="1"/>
  <c r="B2410" i="1"/>
  <c r="B2411" i="1"/>
  <c r="B2412" i="1"/>
  <c r="B2413" i="1"/>
  <c r="B2414" i="1"/>
  <c r="B2415" i="1"/>
  <c r="B2416" i="1"/>
  <c r="B2417" i="1"/>
  <c r="B2418" i="1"/>
  <c r="B2419" i="1"/>
  <c r="B2420" i="1"/>
  <c r="B2421" i="1"/>
  <c r="B2422" i="1"/>
  <c r="B2423" i="1"/>
  <c r="B2424" i="1"/>
  <c r="B2425" i="1"/>
  <c r="B2426" i="1"/>
  <c r="B2427" i="1"/>
  <c r="B2428" i="1"/>
  <c r="B2429" i="1"/>
  <c r="B2430" i="1"/>
  <c r="B2431" i="1"/>
  <c r="B2432" i="1"/>
  <c r="B2433" i="1"/>
  <c r="B2434" i="1"/>
  <c r="B2435" i="1"/>
  <c r="B2436" i="1"/>
  <c r="B2437" i="1"/>
  <c r="B2438" i="1"/>
  <c r="B2439" i="1"/>
  <c r="B2440" i="1"/>
  <c r="B2441" i="1"/>
  <c r="B2442" i="1"/>
  <c r="B2443" i="1"/>
  <c r="B2444" i="1"/>
  <c r="B2445" i="1"/>
  <c r="B2446" i="1"/>
  <c r="B2447" i="1"/>
  <c r="B2448" i="1"/>
  <c r="B2449" i="1"/>
  <c r="B2450" i="1"/>
  <c r="B2451" i="1"/>
  <c r="B2452" i="1"/>
  <c r="B2453" i="1"/>
  <c r="B2454" i="1"/>
  <c r="B2455" i="1"/>
  <c r="B2456" i="1"/>
  <c r="B2457" i="1"/>
  <c r="B2458" i="1"/>
  <c r="B2459" i="1"/>
  <c r="B2460" i="1"/>
  <c r="B2461" i="1"/>
  <c r="B2462" i="1"/>
  <c r="B2463" i="1"/>
  <c r="B2464" i="1"/>
  <c r="B2465" i="1"/>
  <c r="B2466" i="1"/>
  <c r="B2467" i="1"/>
  <c r="B2468" i="1"/>
  <c r="B2469" i="1"/>
  <c r="B2470" i="1"/>
  <c r="B2471" i="1"/>
  <c r="B2472" i="1"/>
  <c r="B2473" i="1"/>
  <c r="B2474" i="1"/>
  <c r="B2475" i="1"/>
  <c r="B2476" i="1"/>
  <c r="B2477" i="1"/>
  <c r="B2478" i="1"/>
  <c r="B2479" i="1"/>
  <c r="B2480" i="1"/>
  <c r="B2481" i="1"/>
  <c r="B2482" i="1"/>
  <c r="B2483" i="1"/>
  <c r="B2484" i="1"/>
  <c r="B2485" i="1"/>
  <c r="B2486" i="1"/>
  <c r="B2487" i="1"/>
  <c r="B2488" i="1"/>
  <c r="B2489" i="1"/>
  <c r="B2490" i="1"/>
  <c r="B2491" i="1"/>
  <c r="B2492" i="1"/>
  <c r="B2493" i="1"/>
  <c r="B2494" i="1"/>
  <c r="B2495" i="1"/>
  <c r="B2496" i="1"/>
  <c r="B2497" i="1"/>
  <c r="B2498" i="1"/>
  <c r="B2499" i="1"/>
  <c r="B2500" i="1"/>
  <c r="B2501" i="1"/>
  <c r="B2502" i="1"/>
  <c r="B2503" i="1"/>
  <c r="B2504" i="1"/>
  <c r="B2505" i="1"/>
  <c r="B2506" i="1"/>
  <c r="B2507" i="1"/>
  <c r="B2508" i="1"/>
  <c r="B2509" i="1"/>
  <c r="B2510" i="1"/>
  <c r="B2511" i="1"/>
  <c r="B2512" i="1"/>
  <c r="B2513" i="1"/>
  <c r="B2514" i="1"/>
  <c r="B2515" i="1"/>
  <c r="B2516" i="1"/>
  <c r="B2517" i="1"/>
  <c r="B2518" i="1"/>
  <c r="B2519" i="1"/>
  <c r="B2520" i="1"/>
  <c r="B2521" i="1"/>
  <c r="B2522" i="1"/>
  <c r="B2523" i="1"/>
  <c r="B2524" i="1"/>
  <c r="B2525" i="1"/>
  <c r="B2526" i="1"/>
  <c r="B2527" i="1"/>
  <c r="B2528" i="1"/>
  <c r="B2529" i="1"/>
  <c r="B2530" i="1"/>
  <c r="B2531" i="1"/>
  <c r="B2532" i="1"/>
  <c r="B2533" i="1"/>
  <c r="B2534" i="1"/>
  <c r="B2535" i="1"/>
  <c r="B2536" i="1"/>
  <c r="B2537" i="1"/>
  <c r="B2538" i="1"/>
  <c r="B2539" i="1"/>
  <c r="B2540" i="1"/>
  <c r="B2541" i="1"/>
  <c r="B2542" i="1"/>
  <c r="B2543" i="1"/>
  <c r="B2544" i="1"/>
  <c r="B2545" i="1"/>
  <c r="B2546" i="1"/>
  <c r="B2547" i="1"/>
  <c r="B2548" i="1"/>
  <c r="B2549" i="1"/>
  <c r="B2550" i="1"/>
  <c r="B2551" i="1"/>
  <c r="B2552" i="1"/>
  <c r="B2553" i="1"/>
  <c r="B2554" i="1"/>
  <c r="B2555" i="1"/>
  <c r="B2556" i="1"/>
  <c r="B2557" i="1"/>
  <c r="B2558" i="1"/>
  <c r="B2559" i="1"/>
  <c r="B2560" i="1"/>
  <c r="B2561" i="1"/>
  <c r="B2562" i="1"/>
  <c r="B2563" i="1"/>
  <c r="B2564" i="1"/>
  <c r="B2565" i="1"/>
  <c r="B2566" i="1"/>
  <c r="B2567" i="1"/>
  <c r="B2568" i="1"/>
  <c r="B2569" i="1"/>
  <c r="B2570" i="1"/>
  <c r="B2571" i="1"/>
  <c r="B2572" i="1"/>
  <c r="B2573" i="1"/>
  <c r="B2574" i="1"/>
  <c r="B2575" i="1"/>
  <c r="B2576" i="1"/>
  <c r="B2577" i="1"/>
  <c r="B2578" i="1"/>
  <c r="B2579" i="1"/>
  <c r="B2580" i="1"/>
  <c r="B2581" i="1"/>
  <c r="B2582" i="1"/>
  <c r="B2583" i="1"/>
  <c r="B2584" i="1"/>
  <c r="B2585" i="1"/>
  <c r="B2586" i="1"/>
  <c r="B2587" i="1"/>
  <c r="B2588" i="1"/>
  <c r="B2589" i="1"/>
  <c r="B2590" i="1"/>
  <c r="B2591" i="1"/>
  <c r="B2592" i="1"/>
  <c r="B2593" i="1"/>
  <c r="B2594" i="1"/>
  <c r="B2595" i="1"/>
  <c r="B2596" i="1"/>
  <c r="B2597" i="1"/>
  <c r="B2598" i="1"/>
  <c r="B2599" i="1"/>
  <c r="B2600" i="1"/>
  <c r="B2601" i="1"/>
  <c r="B2602" i="1"/>
  <c r="B2603" i="1"/>
  <c r="B2604" i="1"/>
  <c r="B2605" i="1"/>
  <c r="B2606" i="1"/>
  <c r="B2607" i="1"/>
  <c r="B2608" i="1"/>
  <c r="B2609" i="1"/>
  <c r="B2610" i="1"/>
  <c r="B2611" i="1"/>
  <c r="B2612" i="1"/>
  <c r="B2613" i="1"/>
  <c r="B2614" i="1"/>
  <c r="B2615" i="1"/>
  <c r="B2616" i="1"/>
  <c r="B2617" i="1"/>
  <c r="B2618" i="1"/>
  <c r="B2619" i="1"/>
  <c r="B2620" i="1"/>
  <c r="B2621" i="1"/>
  <c r="B2622" i="1"/>
  <c r="B2623" i="1"/>
  <c r="B2624" i="1"/>
  <c r="B2625" i="1"/>
  <c r="B2626" i="1"/>
  <c r="B2627" i="1"/>
  <c r="B2628" i="1"/>
  <c r="B2629" i="1"/>
  <c r="B2630" i="1"/>
  <c r="B2631" i="1"/>
  <c r="B2632" i="1"/>
  <c r="B2633" i="1"/>
  <c r="B2634" i="1"/>
  <c r="B2635" i="1"/>
  <c r="B2636" i="1"/>
  <c r="B2637" i="1"/>
  <c r="B2638" i="1"/>
  <c r="B2639" i="1"/>
  <c r="B2640" i="1"/>
  <c r="B2641" i="1"/>
  <c r="B2642" i="1"/>
  <c r="B2643" i="1"/>
  <c r="B2644" i="1"/>
  <c r="B2645" i="1"/>
  <c r="B2646" i="1"/>
  <c r="B2647" i="1"/>
  <c r="B2648" i="1"/>
  <c r="B2649" i="1"/>
  <c r="B2650" i="1"/>
  <c r="B2651" i="1"/>
  <c r="B2652" i="1"/>
  <c r="B2653" i="1"/>
  <c r="B2654" i="1"/>
  <c r="B2655" i="1"/>
  <c r="B2656" i="1"/>
  <c r="B2657" i="1"/>
  <c r="B2658" i="1"/>
  <c r="B2659" i="1"/>
  <c r="B2660" i="1"/>
  <c r="B2661" i="1"/>
  <c r="B2662" i="1"/>
  <c r="B2663" i="1"/>
  <c r="B2664" i="1"/>
  <c r="B2665" i="1"/>
  <c r="B2666" i="1"/>
  <c r="B2667" i="1"/>
  <c r="B2668" i="1"/>
  <c r="B2669" i="1"/>
  <c r="B2670" i="1"/>
  <c r="B2671" i="1"/>
  <c r="B2672" i="1"/>
  <c r="B2673" i="1"/>
  <c r="B2674" i="1"/>
  <c r="B2675" i="1"/>
  <c r="B2676" i="1"/>
  <c r="B2677" i="1"/>
  <c r="B2678" i="1"/>
  <c r="B2679" i="1"/>
  <c r="B2680" i="1"/>
  <c r="B2681" i="1"/>
  <c r="B2682" i="1"/>
  <c r="B2683" i="1"/>
  <c r="B2684" i="1"/>
  <c r="B2685" i="1"/>
  <c r="B2686" i="1"/>
  <c r="B2687" i="1"/>
  <c r="B2688" i="1"/>
  <c r="B2689" i="1"/>
  <c r="B2690" i="1"/>
  <c r="B2691" i="1"/>
  <c r="B2692" i="1"/>
  <c r="B2693" i="1"/>
  <c r="B2694" i="1"/>
  <c r="B2695" i="1"/>
  <c r="B2696" i="1"/>
  <c r="B2697" i="1"/>
  <c r="B2698" i="1"/>
  <c r="B2699" i="1"/>
  <c r="B2700" i="1"/>
  <c r="B2701" i="1"/>
  <c r="B2702" i="1"/>
  <c r="B2703" i="1"/>
  <c r="B2704" i="1"/>
  <c r="B2705" i="1"/>
  <c r="B2706" i="1"/>
  <c r="B2707" i="1"/>
  <c r="B2708" i="1"/>
  <c r="B2709" i="1"/>
  <c r="B2710" i="1"/>
  <c r="B2711" i="1"/>
  <c r="B2712" i="1"/>
  <c r="B2713" i="1"/>
  <c r="B2714" i="1"/>
  <c r="B2715" i="1"/>
  <c r="B2716" i="1"/>
  <c r="B2717" i="1"/>
  <c r="B2718" i="1"/>
  <c r="B2719" i="1"/>
  <c r="B2720" i="1"/>
  <c r="B2721" i="1"/>
  <c r="B2722" i="1"/>
  <c r="B2723" i="1"/>
  <c r="B2724" i="1"/>
  <c r="B2725" i="1"/>
  <c r="B2726" i="1"/>
  <c r="B2727" i="1"/>
  <c r="B2728" i="1"/>
  <c r="B2729" i="1"/>
  <c r="B2730" i="1"/>
  <c r="B2731" i="1"/>
  <c r="B2732" i="1"/>
  <c r="B2733" i="1"/>
  <c r="B2734" i="1"/>
  <c r="B2735" i="1"/>
  <c r="B2736" i="1"/>
  <c r="B2737" i="1"/>
  <c r="B2738" i="1"/>
  <c r="B2739" i="1"/>
  <c r="B2740" i="1"/>
  <c r="B2741" i="1"/>
  <c r="B2742" i="1"/>
  <c r="B2743" i="1"/>
  <c r="B2744" i="1"/>
  <c r="B2745" i="1"/>
  <c r="B2746" i="1"/>
  <c r="B2747" i="1"/>
  <c r="B2748" i="1"/>
  <c r="B2749" i="1"/>
  <c r="B2750" i="1"/>
  <c r="B2751" i="1"/>
  <c r="B2752" i="1"/>
  <c r="B2753" i="1"/>
  <c r="B2754" i="1"/>
  <c r="B2755" i="1"/>
  <c r="B2756" i="1"/>
  <c r="B2757" i="1"/>
  <c r="B2758" i="1"/>
  <c r="B2759" i="1"/>
  <c r="B2760" i="1"/>
  <c r="B2761" i="1"/>
  <c r="B2762" i="1"/>
  <c r="B2763" i="1"/>
  <c r="B2764" i="1"/>
  <c r="B2765" i="1"/>
  <c r="B2766" i="1"/>
  <c r="B2767" i="1"/>
  <c r="B2768" i="1"/>
  <c r="B2769" i="1"/>
  <c r="B2770" i="1"/>
  <c r="B2771" i="1"/>
  <c r="B2772" i="1"/>
  <c r="B2773" i="1"/>
  <c r="B2774" i="1"/>
  <c r="B2775" i="1"/>
  <c r="B2776" i="1"/>
  <c r="B2777" i="1"/>
  <c r="B2778" i="1"/>
  <c r="B2779" i="1"/>
  <c r="B2780" i="1"/>
  <c r="B2781" i="1"/>
  <c r="B2782" i="1"/>
  <c r="B2783" i="1"/>
  <c r="B2784" i="1"/>
  <c r="B2785" i="1"/>
  <c r="B2786" i="1"/>
  <c r="B2787" i="1"/>
  <c r="B2788" i="1"/>
  <c r="B2789" i="1"/>
  <c r="B2790" i="1"/>
  <c r="B2791" i="1"/>
  <c r="B2792" i="1"/>
  <c r="B2793" i="1"/>
  <c r="B2794" i="1"/>
  <c r="B2795" i="1"/>
  <c r="B2796" i="1"/>
  <c r="B2797" i="1"/>
  <c r="B2798" i="1"/>
  <c r="B2799" i="1"/>
  <c r="B2800" i="1"/>
  <c r="B2801" i="1"/>
  <c r="B2802" i="1"/>
  <c r="B2803" i="1"/>
  <c r="B2804" i="1"/>
  <c r="B2805" i="1"/>
  <c r="B2806" i="1"/>
  <c r="B2807" i="1"/>
  <c r="B2808" i="1"/>
  <c r="B2809" i="1"/>
  <c r="B2810" i="1"/>
  <c r="B2811" i="1"/>
  <c r="B2812" i="1"/>
  <c r="B2813" i="1"/>
  <c r="B2814" i="1"/>
  <c r="B2815" i="1"/>
  <c r="B2816" i="1"/>
  <c r="B2817" i="1"/>
  <c r="B2818" i="1"/>
  <c r="B2819" i="1"/>
  <c r="B2820" i="1"/>
  <c r="B2821" i="1"/>
  <c r="B2822" i="1"/>
  <c r="B2823" i="1"/>
  <c r="B2824" i="1"/>
  <c r="B2825" i="1"/>
  <c r="B2826" i="1"/>
  <c r="B2827" i="1"/>
  <c r="B2828" i="1"/>
  <c r="B2829" i="1"/>
  <c r="B2830" i="1"/>
  <c r="B2831" i="1"/>
  <c r="B2832" i="1"/>
  <c r="B2833" i="1"/>
  <c r="B2834" i="1"/>
  <c r="B2835" i="1"/>
  <c r="B2836" i="1"/>
  <c r="B2837" i="1"/>
  <c r="B2838" i="1"/>
  <c r="B2839" i="1"/>
  <c r="B2840" i="1"/>
  <c r="B2841" i="1"/>
  <c r="B2842" i="1"/>
  <c r="B2843" i="1"/>
  <c r="B2844" i="1"/>
  <c r="B2845" i="1"/>
  <c r="B2846" i="1"/>
  <c r="B2847" i="1"/>
  <c r="B2848" i="1"/>
  <c r="B2849" i="1"/>
  <c r="B2850" i="1"/>
  <c r="B2851" i="1"/>
  <c r="B2852" i="1"/>
  <c r="B2853" i="1"/>
  <c r="B2854" i="1"/>
  <c r="B2855" i="1"/>
  <c r="B2856" i="1"/>
  <c r="B2857" i="1"/>
  <c r="B2858" i="1"/>
  <c r="B2859" i="1"/>
  <c r="B2860" i="1"/>
  <c r="B2861" i="1"/>
  <c r="B2862" i="1"/>
  <c r="B2863" i="1"/>
  <c r="B2864" i="1"/>
  <c r="B2865" i="1"/>
  <c r="B2866" i="1"/>
  <c r="B2867" i="1"/>
  <c r="B2868" i="1"/>
  <c r="B2869" i="1"/>
  <c r="B2870" i="1"/>
  <c r="B2871" i="1"/>
  <c r="B2872" i="1"/>
  <c r="B2873" i="1"/>
  <c r="B2874" i="1"/>
  <c r="B2875" i="1"/>
  <c r="B2876" i="1"/>
  <c r="B2877" i="1"/>
  <c r="B2878" i="1"/>
  <c r="B2879" i="1"/>
  <c r="B2880" i="1"/>
  <c r="B2881" i="1"/>
  <c r="B2882" i="1"/>
  <c r="B2883" i="1"/>
  <c r="B2884" i="1"/>
  <c r="B2885" i="1"/>
  <c r="B2886" i="1"/>
  <c r="B2887" i="1"/>
  <c r="B2888" i="1"/>
  <c r="B2889" i="1"/>
  <c r="B2890" i="1"/>
  <c r="B2891" i="1"/>
  <c r="B2892" i="1"/>
  <c r="B2893" i="1"/>
  <c r="B2894" i="1"/>
  <c r="B2895" i="1"/>
  <c r="B2896" i="1"/>
  <c r="B2897" i="1"/>
  <c r="B2898" i="1"/>
  <c r="B2899" i="1"/>
  <c r="B2900" i="1"/>
  <c r="B2901" i="1"/>
  <c r="B2902" i="1"/>
  <c r="B2903" i="1"/>
  <c r="B2904" i="1"/>
  <c r="B2905" i="1"/>
  <c r="B2906" i="1"/>
  <c r="B2907" i="1"/>
  <c r="B2908" i="1"/>
  <c r="B2909" i="1"/>
  <c r="B2910" i="1"/>
  <c r="B2911" i="1"/>
  <c r="B2912" i="1"/>
  <c r="B2913" i="1"/>
  <c r="B2914" i="1"/>
  <c r="B2915" i="1"/>
  <c r="B2916" i="1"/>
  <c r="B2917" i="1"/>
  <c r="B2918" i="1"/>
  <c r="B2919" i="1"/>
  <c r="B2920" i="1"/>
  <c r="B2921" i="1"/>
  <c r="B2922" i="1"/>
  <c r="B2923" i="1"/>
  <c r="B2924" i="1"/>
  <c r="B2925" i="1"/>
  <c r="B2926" i="1"/>
  <c r="B2927" i="1"/>
  <c r="B2928" i="1"/>
  <c r="B2929" i="1"/>
  <c r="B2930" i="1"/>
  <c r="B2931" i="1"/>
  <c r="B2932" i="1"/>
  <c r="B2933" i="1"/>
  <c r="B2934" i="1"/>
  <c r="B2935" i="1"/>
  <c r="B2936" i="1"/>
  <c r="B2937" i="1"/>
  <c r="B2938" i="1"/>
  <c r="B2939" i="1"/>
  <c r="B2940" i="1"/>
  <c r="B2941" i="1"/>
  <c r="B2942" i="1"/>
  <c r="B2943" i="1"/>
  <c r="B2944" i="1"/>
  <c r="B2945" i="1"/>
  <c r="B2946" i="1"/>
  <c r="B2947" i="1"/>
  <c r="B2948" i="1"/>
  <c r="B2949" i="1"/>
  <c r="B2950" i="1"/>
  <c r="B2951" i="1"/>
  <c r="B2952" i="1"/>
  <c r="B2953" i="1"/>
  <c r="B2954" i="1"/>
  <c r="B2955" i="1"/>
  <c r="B2956" i="1"/>
  <c r="B2957" i="1"/>
  <c r="B2958" i="1"/>
  <c r="B2959" i="1"/>
  <c r="B2960" i="1"/>
  <c r="B2961" i="1"/>
  <c r="B2962" i="1"/>
  <c r="B2963" i="1"/>
  <c r="B2964" i="1"/>
  <c r="B2965" i="1"/>
  <c r="B2966" i="1"/>
  <c r="B2967" i="1"/>
  <c r="B2968" i="1"/>
  <c r="B2969" i="1"/>
  <c r="B2970" i="1"/>
  <c r="B2971" i="1"/>
  <c r="B2972" i="1"/>
  <c r="B2973" i="1"/>
  <c r="B2974" i="1"/>
  <c r="B2975" i="1"/>
  <c r="B2976" i="1"/>
  <c r="B2977" i="1"/>
  <c r="B2978" i="1"/>
  <c r="B2979" i="1"/>
  <c r="B2980" i="1"/>
  <c r="B2981" i="1"/>
  <c r="B2982" i="1"/>
  <c r="B2983" i="1"/>
  <c r="B2984" i="1"/>
  <c r="B2985" i="1"/>
  <c r="B2986" i="1"/>
  <c r="B2987" i="1"/>
  <c r="B2988" i="1"/>
  <c r="B2989" i="1"/>
  <c r="B2990" i="1"/>
  <c r="B2991" i="1"/>
  <c r="B2992" i="1"/>
  <c r="B2993" i="1"/>
  <c r="B2994" i="1"/>
  <c r="B2995" i="1"/>
  <c r="B2996" i="1"/>
  <c r="B2997" i="1"/>
  <c r="B2998" i="1"/>
  <c r="B2999" i="1"/>
  <c r="B3000" i="1"/>
  <c r="B3001" i="1"/>
  <c r="B3002" i="1"/>
  <c r="B3003" i="1"/>
  <c r="B3004" i="1"/>
  <c r="B3005" i="1"/>
  <c r="B3006" i="1"/>
  <c r="B3007" i="1"/>
  <c r="B3008" i="1"/>
  <c r="B3009" i="1"/>
  <c r="B3010" i="1"/>
  <c r="B3011" i="1"/>
  <c r="B3012" i="1"/>
  <c r="B3013" i="1"/>
  <c r="B3014" i="1"/>
  <c r="B3015" i="1"/>
  <c r="B3016" i="1"/>
  <c r="B3017" i="1"/>
  <c r="B3018" i="1"/>
  <c r="B3019" i="1"/>
  <c r="B3020" i="1"/>
  <c r="B3021" i="1"/>
  <c r="B3022" i="1"/>
  <c r="B3023" i="1"/>
  <c r="B3024" i="1"/>
  <c r="B3025" i="1"/>
  <c r="B3026" i="1"/>
  <c r="B3027" i="1"/>
  <c r="B3028" i="1"/>
  <c r="B3029" i="1"/>
  <c r="B3030" i="1"/>
  <c r="B3031" i="1"/>
  <c r="B3032" i="1"/>
  <c r="B3033" i="1"/>
  <c r="B3034" i="1"/>
  <c r="B3035" i="1"/>
  <c r="B3036" i="1"/>
  <c r="B3037" i="1"/>
  <c r="B3038" i="1"/>
  <c r="B3039" i="1"/>
  <c r="B3040" i="1"/>
  <c r="B3041" i="1"/>
  <c r="B3042" i="1"/>
  <c r="B3043" i="1"/>
  <c r="B3044" i="1"/>
  <c r="B3045" i="1"/>
  <c r="B3046" i="1"/>
  <c r="B3047" i="1"/>
  <c r="B3048" i="1"/>
  <c r="B3049" i="1"/>
  <c r="B3050" i="1"/>
  <c r="B3051" i="1"/>
  <c r="B3052" i="1"/>
  <c r="B3053" i="1"/>
  <c r="B3054" i="1"/>
  <c r="B3055" i="1"/>
  <c r="B3056" i="1"/>
  <c r="B3057" i="1"/>
  <c r="B3058" i="1"/>
  <c r="B3059" i="1"/>
  <c r="B3060" i="1"/>
  <c r="B3061" i="1"/>
  <c r="B3062" i="1"/>
  <c r="B3063" i="1"/>
  <c r="B3064" i="1"/>
  <c r="B3065" i="1"/>
  <c r="B3066" i="1"/>
  <c r="B3067" i="1"/>
  <c r="B3068" i="1"/>
  <c r="B3069" i="1"/>
  <c r="B3070" i="1"/>
  <c r="B3071" i="1"/>
  <c r="B3072" i="1"/>
  <c r="B3073" i="1"/>
  <c r="B3074" i="1"/>
  <c r="B3075" i="1"/>
  <c r="B3076" i="1"/>
  <c r="B3077" i="1"/>
  <c r="B3078" i="1"/>
  <c r="B3079" i="1"/>
  <c r="B3080" i="1"/>
  <c r="B3081" i="1"/>
  <c r="B3082" i="1"/>
  <c r="B3083" i="1"/>
  <c r="B3084" i="1"/>
  <c r="B3085" i="1"/>
  <c r="B3086" i="1"/>
  <c r="B3087" i="1"/>
  <c r="B3088" i="1"/>
  <c r="B3089" i="1"/>
  <c r="B3090" i="1"/>
  <c r="B3091" i="1"/>
  <c r="B3092" i="1"/>
  <c r="B3093" i="1"/>
  <c r="B3094" i="1"/>
  <c r="B3095" i="1"/>
  <c r="B3096" i="1"/>
  <c r="B3097" i="1"/>
  <c r="B3098" i="1"/>
  <c r="B3099" i="1"/>
  <c r="B3100" i="1"/>
  <c r="B3101" i="1"/>
  <c r="B3102" i="1"/>
  <c r="B3103" i="1"/>
  <c r="B3104" i="1"/>
  <c r="B3105" i="1"/>
  <c r="B3106" i="1"/>
  <c r="B3107" i="1"/>
  <c r="B3108" i="1"/>
  <c r="B3109" i="1"/>
  <c r="B3110" i="1"/>
  <c r="B3111" i="1"/>
  <c r="B3112" i="1"/>
  <c r="B3113" i="1"/>
  <c r="B3114" i="1"/>
  <c r="B3115" i="1"/>
  <c r="B3116" i="1"/>
  <c r="B3117" i="1"/>
  <c r="B3118" i="1"/>
  <c r="B3119" i="1"/>
  <c r="B3120" i="1"/>
  <c r="B3121" i="1"/>
  <c r="B3122" i="1"/>
  <c r="B3123" i="1"/>
  <c r="B3124" i="1"/>
  <c r="B3125" i="1"/>
  <c r="B3126" i="1"/>
  <c r="B3127" i="1"/>
  <c r="B3128" i="1"/>
  <c r="B3129" i="1"/>
  <c r="B3130" i="1"/>
  <c r="B3131" i="1"/>
  <c r="B3132" i="1"/>
  <c r="B3133" i="1"/>
  <c r="B3134" i="1"/>
  <c r="B3135" i="1"/>
  <c r="B3136" i="1"/>
  <c r="B3137" i="1"/>
  <c r="B3138" i="1"/>
  <c r="B3139" i="1"/>
  <c r="B3140" i="1"/>
  <c r="B3141" i="1"/>
  <c r="B3142" i="1"/>
  <c r="B3143" i="1"/>
  <c r="B3144" i="1"/>
  <c r="B3145" i="1"/>
  <c r="B3146" i="1"/>
  <c r="B3147" i="1"/>
  <c r="B3148" i="1"/>
  <c r="B3149" i="1"/>
  <c r="B3150" i="1"/>
  <c r="B3151" i="1"/>
  <c r="B3152" i="1"/>
  <c r="B3153" i="1"/>
  <c r="B3154" i="1"/>
  <c r="B3155" i="1"/>
  <c r="B3156" i="1"/>
  <c r="B3157" i="1"/>
  <c r="B3158" i="1"/>
  <c r="B3159" i="1"/>
  <c r="B3160" i="1"/>
  <c r="B3161" i="1"/>
  <c r="B3162" i="1"/>
  <c r="B3163" i="1"/>
  <c r="B3164" i="1"/>
  <c r="B3165" i="1"/>
  <c r="B3166" i="1"/>
  <c r="B3167" i="1"/>
  <c r="B3168" i="1"/>
  <c r="B3169" i="1"/>
  <c r="B3170" i="1"/>
  <c r="B3171" i="1"/>
  <c r="B3172" i="1"/>
  <c r="B3173" i="1"/>
  <c r="B3174" i="1"/>
  <c r="B3175" i="1"/>
  <c r="B3176" i="1"/>
  <c r="B3177" i="1"/>
  <c r="B3178" i="1"/>
  <c r="B3179" i="1"/>
  <c r="B3180" i="1"/>
  <c r="B3181" i="1"/>
  <c r="B3182" i="1"/>
  <c r="B3183" i="1"/>
  <c r="B3184" i="1"/>
  <c r="B3185" i="1"/>
  <c r="B3186" i="1"/>
  <c r="B3187" i="1"/>
  <c r="B3188" i="1"/>
  <c r="B3189" i="1"/>
  <c r="B3190" i="1"/>
  <c r="B3191" i="1"/>
  <c r="B3192" i="1"/>
  <c r="B3193" i="1"/>
  <c r="B3194" i="1"/>
  <c r="B3195" i="1"/>
  <c r="B3196" i="1"/>
  <c r="B3197" i="1"/>
  <c r="B3198" i="1"/>
  <c r="B3199" i="1"/>
  <c r="B3200" i="1"/>
  <c r="B3201" i="1"/>
  <c r="B3202" i="1"/>
  <c r="B3203" i="1"/>
  <c r="B3204" i="1"/>
  <c r="B3205" i="1"/>
  <c r="B3206" i="1"/>
  <c r="B3207" i="1"/>
  <c r="B3208" i="1"/>
  <c r="B3209" i="1"/>
  <c r="B3210" i="1"/>
  <c r="B3211" i="1"/>
  <c r="B3212" i="1"/>
  <c r="B3213" i="1"/>
  <c r="B3214" i="1"/>
  <c r="B3215" i="1"/>
  <c r="B3216" i="1"/>
  <c r="B3217" i="1"/>
  <c r="B3218" i="1"/>
  <c r="B3219" i="1"/>
  <c r="B3220" i="1"/>
  <c r="B3221" i="1"/>
  <c r="B3222" i="1"/>
  <c r="B3223" i="1"/>
  <c r="B3224" i="1"/>
  <c r="B3225" i="1"/>
  <c r="B3226" i="1"/>
  <c r="B3227" i="1"/>
  <c r="B3228" i="1"/>
  <c r="B3229" i="1"/>
  <c r="B3230" i="1"/>
  <c r="B3231" i="1"/>
  <c r="B3232" i="1"/>
  <c r="B3233" i="1"/>
  <c r="B3234" i="1"/>
  <c r="B3235" i="1"/>
  <c r="B3236" i="1"/>
  <c r="B3237" i="1"/>
  <c r="B3238" i="1"/>
  <c r="B3239" i="1"/>
  <c r="B3240" i="1"/>
  <c r="B3241" i="1"/>
  <c r="B3242" i="1"/>
  <c r="B3243" i="1"/>
  <c r="B3244" i="1"/>
  <c r="B3245" i="1"/>
  <c r="B3246" i="1"/>
  <c r="B3247" i="1"/>
  <c r="B3248" i="1"/>
  <c r="B3249" i="1"/>
  <c r="B3250" i="1"/>
  <c r="B3251" i="1"/>
  <c r="B3252" i="1"/>
  <c r="B3253" i="1"/>
  <c r="B3254" i="1"/>
  <c r="B3255" i="1"/>
  <c r="B3256" i="1"/>
  <c r="B3257" i="1"/>
  <c r="B3258" i="1"/>
  <c r="B3259" i="1"/>
  <c r="B3260" i="1"/>
  <c r="B3261" i="1"/>
  <c r="B3262" i="1"/>
  <c r="B3263" i="1"/>
  <c r="B3264" i="1"/>
  <c r="B3265" i="1"/>
  <c r="B3266" i="1"/>
  <c r="B3267" i="1"/>
  <c r="B3268" i="1"/>
  <c r="B3269" i="1"/>
  <c r="B3270" i="1"/>
  <c r="B3271" i="1"/>
  <c r="B3272" i="1"/>
  <c r="B3273" i="1"/>
  <c r="B3274" i="1"/>
  <c r="B3275" i="1"/>
  <c r="B3276" i="1"/>
  <c r="B3277" i="1"/>
  <c r="B3278" i="1"/>
  <c r="B3279" i="1"/>
  <c r="B3280" i="1"/>
  <c r="B3281" i="1"/>
  <c r="B3282" i="1"/>
  <c r="B3283" i="1"/>
  <c r="B3284" i="1"/>
  <c r="B3285" i="1"/>
  <c r="B3286" i="1"/>
  <c r="B3287" i="1"/>
  <c r="B3288" i="1"/>
  <c r="B3289" i="1"/>
  <c r="B3290" i="1"/>
  <c r="B3291" i="1"/>
  <c r="B3292" i="1"/>
  <c r="B3293" i="1"/>
  <c r="B3294" i="1"/>
  <c r="B3295" i="1"/>
  <c r="B3296" i="1"/>
  <c r="B3297" i="1"/>
  <c r="B3298" i="1"/>
  <c r="B3299" i="1"/>
  <c r="B3300" i="1"/>
  <c r="B3301" i="1"/>
  <c r="B3302" i="1"/>
  <c r="B3303" i="1"/>
  <c r="B3304" i="1"/>
  <c r="B3305" i="1"/>
  <c r="B3306" i="1"/>
  <c r="B3307" i="1"/>
  <c r="B3308" i="1"/>
  <c r="B3309" i="1"/>
  <c r="B3310" i="1"/>
  <c r="B3311" i="1"/>
  <c r="B3312" i="1"/>
  <c r="B3313" i="1"/>
  <c r="B3314" i="1"/>
  <c r="B3315" i="1"/>
  <c r="B3316" i="1"/>
  <c r="B3317" i="1"/>
  <c r="B3318" i="1"/>
  <c r="B3319" i="1"/>
  <c r="B3320" i="1"/>
  <c r="B3321" i="1"/>
  <c r="B3322" i="1"/>
  <c r="B3323" i="1"/>
  <c r="B3324" i="1"/>
  <c r="B3325" i="1"/>
  <c r="B3326" i="1"/>
  <c r="B3327" i="1"/>
  <c r="B3328" i="1"/>
  <c r="B3329" i="1"/>
  <c r="B3330" i="1"/>
  <c r="B3331" i="1"/>
  <c r="B3332" i="1"/>
  <c r="B3333" i="1"/>
  <c r="B3334" i="1"/>
  <c r="B3335" i="1"/>
  <c r="B3336" i="1"/>
  <c r="B3337" i="1"/>
  <c r="B3338" i="1"/>
  <c r="B3339" i="1"/>
  <c r="B3340" i="1"/>
  <c r="B3341" i="1"/>
  <c r="B3342" i="1"/>
  <c r="B3343" i="1"/>
  <c r="B3344" i="1"/>
  <c r="B3345" i="1"/>
  <c r="B3346" i="1"/>
  <c r="B3347" i="1"/>
  <c r="B3348" i="1"/>
  <c r="B3349" i="1"/>
  <c r="B3350" i="1"/>
  <c r="B3351" i="1"/>
  <c r="B3352" i="1"/>
  <c r="B3353" i="1"/>
  <c r="B3354" i="1"/>
  <c r="B3355" i="1"/>
  <c r="B3356" i="1"/>
  <c r="B3357" i="1"/>
  <c r="B3358" i="1"/>
  <c r="B3359" i="1"/>
  <c r="B3360" i="1"/>
  <c r="B3361" i="1"/>
  <c r="B3362" i="1"/>
  <c r="B3363" i="1"/>
  <c r="B3364" i="1"/>
  <c r="B3365" i="1"/>
  <c r="B3366" i="1"/>
  <c r="B3367" i="1"/>
  <c r="B3368" i="1"/>
  <c r="B3369" i="1"/>
  <c r="B3370" i="1"/>
  <c r="B3371" i="1"/>
  <c r="B3372" i="1"/>
  <c r="B3373" i="1"/>
  <c r="B3374" i="1"/>
  <c r="B3375" i="1"/>
  <c r="B3376" i="1"/>
  <c r="B3377" i="1"/>
  <c r="B3378" i="1"/>
  <c r="B3379" i="1"/>
  <c r="B3380" i="1"/>
  <c r="B3381" i="1"/>
  <c r="B3382" i="1"/>
  <c r="B3383" i="1"/>
  <c r="B3384" i="1"/>
  <c r="B3385" i="1"/>
  <c r="B3386" i="1"/>
  <c r="B3387" i="1"/>
  <c r="B3388" i="1"/>
  <c r="B3389" i="1"/>
  <c r="B3390" i="1"/>
  <c r="B3391" i="1"/>
  <c r="B3392" i="1"/>
  <c r="B3393" i="1"/>
  <c r="B3394" i="1"/>
  <c r="B3395" i="1"/>
  <c r="B3396" i="1"/>
  <c r="B3397" i="1"/>
  <c r="B3398" i="1"/>
  <c r="B3399" i="1"/>
  <c r="B3400" i="1"/>
  <c r="B3401" i="1"/>
  <c r="B3402" i="1"/>
  <c r="B3403" i="1"/>
  <c r="B3404" i="1"/>
  <c r="B3405" i="1"/>
  <c r="B3406" i="1"/>
  <c r="B3407" i="1"/>
  <c r="B3408" i="1"/>
  <c r="B3409" i="1"/>
  <c r="B3410" i="1"/>
  <c r="B3411" i="1"/>
  <c r="B3412" i="1"/>
  <c r="B3413" i="1"/>
  <c r="B3414" i="1"/>
  <c r="B3415" i="1"/>
  <c r="B3416" i="1"/>
  <c r="B3417" i="1"/>
  <c r="B3418" i="1"/>
  <c r="B3419" i="1"/>
  <c r="B3420" i="1"/>
  <c r="B3421" i="1"/>
  <c r="B3422" i="1"/>
  <c r="B3423" i="1"/>
  <c r="B3424" i="1"/>
  <c r="B3425" i="1"/>
  <c r="B3426" i="1"/>
  <c r="B3427" i="1"/>
  <c r="B3428" i="1"/>
  <c r="B3429" i="1"/>
  <c r="B3430" i="1"/>
  <c r="B3431" i="1"/>
  <c r="B3432" i="1"/>
  <c r="B3433" i="1"/>
  <c r="B3434" i="1"/>
  <c r="B3435" i="1"/>
  <c r="B3436" i="1"/>
  <c r="B3437" i="1"/>
  <c r="B3438" i="1"/>
  <c r="B3439" i="1"/>
  <c r="B3440" i="1"/>
  <c r="B3441" i="1"/>
  <c r="B3442" i="1"/>
  <c r="B3443" i="1"/>
  <c r="B3444" i="1"/>
  <c r="B3445" i="1"/>
  <c r="B3446" i="1"/>
  <c r="B3447" i="1"/>
  <c r="B3448" i="1"/>
  <c r="B3449" i="1"/>
  <c r="B3450" i="1"/>
  <c r="B3451" i="1"/>
  <c r="B3452" i="1"/>
  <c r="B3453" i="1"/>
  <c r="B3454" i="1"/>
  <c r="B3455" i="1"/>
  <c r="B3456" i="1"/>
  <c r="B3457" i="1"/>
  <c r="B3458" i="1"/>
  <c r="B3459" i="1"/>
  <c r="B3460" i="1"/>
  <c r="B3461" i="1"/>
  <c r="B3462" i="1"/>
  <c r="B3463" i="1"/>
  <c r="B3464" i="1"/>
  <c r="B3465" i="1"/>
  <c r="B3466" i="1"/>
  <c r="B3467" i="1"/>
  <c r="B3468" i="1"/>
  <c r="B3469" i="1"/>
  <c r="B3470" i="1"/>
  <c r="B3471" i="1"/>
  <c r="B3472" i="1"/>
  <c r="B3473" i="1"/>
  <c r="B3474" i="1"/>
  <c r="B3475" i="1"/>
  <c r="B3476" i="1"/>
  <c r="B3477" i="1"/>
  <c r="B3478" i="1"/>
  <c r="B3479" i="1"/>
  <c r="B3480" i="1"/>
  <c r="B3481" i="1"/>
  <c r="B3482" i="1"/>
  <c r="B3483" i="1"/>
  <c r="B3484" i="1"/>
  <c r="B3485" i="1"/>
  <c r="B3486" i="1"/>
  <c r="B3487" i="1"/>
  <c r="B3488" i="1"/>
  <c r="B3489" i="1"/>
  <c r="B3490" i="1"/>
  <c r="B3491" i="1"/>
  <c r="B3492" i="1"/>
  <c r="B3493" i="1"/>
  <c r="B3494" i="1"/>
  <c r="B3495" i="1"/>
  <c r="B3496" i="1"/>
  <c r="B3497" i="1"/>
  <c r="B3498" i="1"/>
  <c r="B3499" i="1"/>
  <c r="B3500" i="1"/>
  <c r="B3501" i="1"/>
  <c r="B3502" i="1"/>
  <c r="B3503" i="1"/>
  <c r="B3504" i="1"/>
  <c r="B3505" i="1"/>
  <c r="B3506" i="1"/>
  <c r="B3507" i="1"/>
  <c r="B3508" i="1"/>
  <c r="B3509" i="1"/>
  <c r="B3510" i="1"/>
  <c r="B3511" i="1"/>
  <c r="B3512" i="1"/>
  <c r="B3513" i="1"/>
  <c r="B3514" i="1"/>
  <c r="B3515" i="1"/>
  <c r="B3516" i="1"/>
  <c r="B3517" i="1"/>
  <c r="B3518" i="1"/>
  <c r="B3519" i="1"/>
  <c r="B3520" i="1"/>
  <c r="B3521" i="1"/>
  <c r="B3522" i="1"/>
  <c r="B3523" i="1"/>
  <c r="B3524" i="1"/>
  <c r="B3525" i="1"/>
  <c r="B3526" i="1"/>
  <c r="B3527" i="1"/>
  <c r="B3528" i="1"/>
  <c r="B3529" i="1"/>
  <c r="B3530" i="1"/>
  <c r="B3531" i="1"/>
  <c r="B3532" i="1"/>
  <c r="B3533" i="1"/>
  <c r="B3534" i="1"/>
  <c r="B3535" i="1"/>
  <c r="B3536" i="1"/>
  <c r="B3537" i="1"/>
  <c r="B3538" i="1"/>
  <c r="B3539" i="1"/>
  <c r="B3540" i="1"/>
  <c r="B3541" i="1"/>
  <c r="B3542" i="1"/>
  <c r="B3543" i="1"/>
  <c r="B3544" i="1"/>
  <c r="B3545" i="1"/>
  <c r="B3546" i="1"/>
  <c r="B3547" i="1"/>
  <c r="B3548" i="1"/>
  <c r="B3549" i="1"/>
  <c r="B3550" i="1"/>
  <c r="B3551" i="1"/>
  <c r="B3552" i="1"/>
  <c r="B3553" i="1"/>
  <c r="B3554" i="1"/>
  <c r="B3555" i="1"/>
  <c r="B3556" i="1"/>
  <c r="B3557" i="1"/>
  <c r="B3558" i="1"/>
  <c r="B3559" i="1"/>
  <c r="B3560" i="1"/>
  <c r="B3561" i="1"/>
  <c r="B3562" i="1"/>
  <c r="B3563" i="1"/>
  <c r="B3564" i="1"/>
  <c r="B3565" i="1"/>
  <c r="B3566" i="1"/>
  <c r="B3567" i="1"/>
  <c r="B3568" i="1"/>
  <c r="B3569" i="1"/>
  <c r="B3570" i="1"/>
  <c r="B3571" i="1"/>
  <c r="B3572" i="1"/>
  <c r="B3573" i="1"/>
  <c r="B3574" i="1"/>
  <c r="B3575" i="1"/>
  <c r="B3576" i="1"/>
  <c r="B3577" i="1"/>
  <c r="B3578" i="1"/>
  <c r="B3579" i="1"/>
  <c r="B3580" i="1"/>
  <c r="B3581" i="1"/>
  <c r="B3582" i="1"/>
  <c r="B3583" i="1"/>
  <c r="B3584" i="1"/>
  <c r="B3585" i="1"/>
  <c r="B3586" i="1"/>
  <c r="B3587" i="1"/>
  <c r="B3588" i="1"/>
  <c r="B3589" i="1"/>
  <c r="B3590" i="1"/>
  <c r="B3591" i="1"/>
  <c r="B3592" i="1"/>
  <c r="B3593" i="1"/>
  <c r="B3594" i="1"/>
  <c r="B3595" i="1"/>
  <c r="B3596" i="1"/>
  <c r="B3597" i="1"/>
  <c r="B3598" i="1"/>
  <c r="B3599" i="1"/>
  <c r="B3600" i="1"/>
  <c r="B3601" i="1"/>
  <c r="B3602" i="1"/>
  <c r="B3603" i="1"/>
  <c r="B3604" i="1"/>
  <c r="B3605" i="1"/>
  <c r="B3606" i="1"/>
  <c r="B3607" i="1"/>
  <c r="B3608" i="1"/>
  <c r="B3609" i="1"/>
  <c r="B3610" i="1"/>
  <c r="B3611" i="1"/>
  <c r="B3612" i="1"/>
  <c r="B3613" i="1"/>
  <c r="B3614" i="1"/>
  <c r="B3615" i="1"/>
  <c r="B3616" i="1"/>
  <c r="B3617" i="1"/>
  <c r="B3618" i="1"/>
  <c r="B3619" i="1"/>
  <c r="B3620" i="1"/>
  <c r="B3621" i="1"/>
  <c r="B3622" i="1"/>
  <c r="B3623" i="1"/>
  <c r="B3624" i="1"/>
  <c r="B3625" i="1"/>
  <c r="B3626" i="1"/>
  <c r="B3627" i="1"/>
  <c r="B3628" i="1"/>
  <c r="B3629" i="1"/>
  <c r="B3630" i="1"/>
  <c r="B3631" i="1"/>
  <c r="B3632" i="1"/>
  <c r="B3633" i="1"/>
  <c r="B3634" i="1"/>
  <c r="B3635" i="1"/>
  <c r="B3636" i="1"/>
  <c r="B3637" i="1"/>
  <c r="B3638" i="1"/>
  <c r="B3639" i="1"/>
  <c r="B3640" i="1"/>
  <c r="B3641" i="1"/>
  <c r="B3642" i="1"/>
  <c r="B3643" i="1"/>
  <c r="B3644" i="1"/>
  <c r="B3645" i="1"/>
  <c r="B3646" i="1"/>
  <c r="B3647" i="1"/>
  <c r="B3648" i="1"/>
  <c r="B3649" i="1"/>
  <c r="B3650" i="1"/>
  <c r="B3651" i="1"/>
  <c r="B3652" i="1"/>
  <c r="B3653" i="1"/>
  <c r="B3654" i="1"/>
  <c r="B3655" i="1"/>
  <c r="B3656" i="1"/>
  <c r="B3657" i="1"/>
  <c r="B3658" i="1"/>
  <c r="B3659" i="1"/>
  <c r="B3660" i="1"/>
  <c r="B3661" i="1"/>
  <c r="B3662" i="1"/>
  <c r="B3663" i="1"/>
  <c r="B3664" i="1"/>
  <c r="B3665" i="1"/>
  <c r="B3666" i="1"/>
  <c r="B3667" i="1"/>
  <c r="B3668" i="1"/>
  <c r="B3669" i="1"/>
  <c r="B3670" i="1"/>
  <c r="B3671" i="1"/>
  <c r="B3672" i="1"/>
  <c r="B3673" i="1"/>
  <c r="B3674" i="1"/>
  <c r="B3675" i="1"/>
  <c r="B3676" i="1"/>
  <c r="B3677" i="1"/>
  <c r="B3678" i="1"/>
  <c r="B3679" i="1"/>
  <c r="B3680" i="1"/>
  <c r="B3681" i="1"/>
  <c r="B3682" i="1"/>
  <c r="B3683" i="1"/>
  <c r="B3684" i="1"/>
  <c r="B3685" i="1"/>
  <c r="B3686" i="1"/>
  <c r="B3687" i="1"/>
  <c r="B3688" i="1"/>
  <c r="B3689" i="1"/>
  <c r="B3690" i="1"/>
  <c r="B3691" i="1"/>
  <c r="B3692" i="1"/>
  <c r="B3693" i="1"/>
  <c r="B3694" i="1"/>
  <c r="B3695" i="1"/>
  <c r="B3696" i="1"/>
  <c r="B3697" i="1"/>
  <c r="B3698" i="1"/>
  <c r="B3699" i="1"/>
  <c r="B3700" i="1"/>
  <c r="B3701" i="1"/>
  <c r="B3702" i="1"/>
  <c r="B3703" i="1"/>
  <c r="B3704" i="1"/>
  <c r="B3705" i="1"/>
  <c r="B3706" i="1"/>
  <c r="B3707" i="1"/>
  <c r="B3708" i="1"/>
  <c r="B3709" i="1"/>
  <c r="B3710" i="1"/>
  <c r="B3711" i="1"/>
  <c r="B3712" i="1"/>
  <c r="B3713" i="1"/>
  <c r="B3714" i="1"/>
  <c r="B3715" i="1"/>
  <c r="B3716" i="1"/>
  <c r="B3717" i="1"/>
  <c r="B3718" i="1"/>
  <c r="B3719" i="1"/>
  <c r="B3720" i="1"/>
  <c r="B3721" i="1"/>
  <c r="B3722" i="1"/>
  <c r="B3723" i="1"/>
  <c r="B3724" i="1"/>
  <c r="B3725" i="1"/>
  <c r="B3726" i="1"/>
  <c r="B3727" i="1"/>
  <c r="B3728" i="1"/>
  <c r="B3729" i="1"/>
  <c r="B3730" i="1"/>
  <c r="B3731" i="1"/>
  <c r="B3732" i="1"/>
  <c r="B3733" i="1"/>
  <c r="B3734" i="1"/>
  <c r="B3735" i="1"/>
  <c r="B3736" i="1"/>
  <c r="B3737" i="1"/>
  <c r="B3738" i="1"/>
  <c r="B3739" i="1"/>
  <c r="B3740" i="1"/>
  <c r="B3741" i="1"/>
  <c r="B3742" i="1"/>
  <c r="B3743" i="1"/>
  <c r="B3744" i="1"/>
  <c r="B3745" i="1"/>
  <c r="B3746" i="1"/>
  <c r="B3747" i="1"/>
  <c r="B3748" i="1"/>
  <c r="B3749" i="1"/>
  <c r="B3750" i="1"/>
  <c r="B3751" i="1"/>
  <c r="B3752" i="1"/>
  <c r="B3753" i="1"/>
  <c r="B3754" i="1"/>
  <c r="B3755" i="1"/>
  <c r="B3756" i="1"/>
  <c r="B3757" i="1"/>
  <c r="B3758" i="1"/>
  <c r="B3759" i="1"/>
  <c r="B3760" i="1"/>
  <c r="B3761" i="1"/>
  <c r="B3762" i="1"/>
  <c r="B3763" i="1"/>
  <c r="B3764" i="1"/>
  <c r="B3765" i="1"/>
  <c r="B3766" i="1"/>
  <c r="B3767" i="1"/>
  <c r="B3768" i="1"/>
  <c r="B3769" i="1"/>
  <c r="B3770" i="1"/>
  <c r="B3771" i="1"/>
  <c r="B3772" i="1"/>
  <c r="B3773" i="1"/>
  <c r="B3774" i="1"/>
  <c r="B3775" i="1"/>
  <c r="B3776" i="1"/>
  <c r="B3777" i="1"/>
  <c r="B3778" i="1"/>
  <c r="B3779" i="1"/>
  <c r="B3780" i="1"/>
  <c r="B3781" i="1"/>
  <c r="B3782" i="1"/>
  <c r="B3783" i="1"/>
  <c r="B3784" i="1"/>
  <c r="B3785" i="1"/>
  <c r="B3786" i="1"/>
  <c r="B3787" i="1"/>
  <c r="B3788" i="1"/>
  <c r="B3789" i="1"/>
  <c r="B3790" i="1"/>
  <c r="B3791" i="1"/>
  <c r="B3792" i="1"/>
  <c r="B3793" i="1"/>
  <c r="B3794" i="1"/>
  <c r="B3795" i="1"/>
  <c r="B3796" i="1"/>
  <c r="B3797" i="1"/>
  <c r="B3798" i="1"/>
  <c r="B3799" i="1"/>
  <c r="B3800" i="1"/>
  <c r="B3801" i="1"/>
  <c r="B3802" i="1"/>
  <c r="B3803" i="1"/>
  <c r="B3804" i="1"/>
  <c r="B3805" i="1"/>
  <c r="B3806" i="1"/>
  <c r="B3807" i="1"/>
  <c r="B3808" i="1"/>
  <c r="B3809" i="1"/>
  <c r="B3810" i="1"/>
  <c r="B3811" i="1"/>
  <c r="B3812" i="1"/>
  <c r="B3813" i="1"/>
  <c r="B3814" i="1"/>
  <c r="B3815" i="1"/>
  <c r="B3816" i="1"/>
  <c r="B3817" i="1"/>
  <c r="B3818" i="1"/>
  <c r="B3819" i="1"/>
  <c r="B3820" i="1"/>
  <c r="B3821" i="1"/>
  <c r="B3822" i="1"/>
  <c r="B3823" i="1"/>
  <c r="B3824" i="1"/>
  <c r="B3825" i="1"/>
  <c r="B3826" i="1"/>
  <c r="B3827" i="1"/>
  <c r="B3828" i="1"/>
  <c r="B3829" i="1"/>
  <c r="B3830" i="1"/>
  <c r="B3831" i="1"/>
  <c r="B3832" i="1"/>
  <c r="B3833" i="1"/>
  <c r="B3834" i="1"/>
  <c r="B3835" i="1"/>
  <c r="B3836" i="1"/>
  <c r="B3837" i="1"/>
  <c r="B3838" i="1"/>
  <c r="B3839" i="1"/>
  <c r="B3840" i="1"/>
  <c r="B3841" i="1"/>
  <c r="B3842" i="1"/>
  <c r="B3843" i="1"/>
  <c r="B3844" i="1"/>
  <c r="B3845" i="1"/>
  <c r="B3846" i="1"/>
  <c r="B3847" i="1"/>
  <c r="B3848" i="1"/>
  <c r="B3849" i="1"/>
  <c r="B3850" i="1"/>
  <c r="B3851" i="1"/>
  <c r="B3852" i="1"/>
  <c r="B3853" i="1"/>
  <c r="B3854" i="1"/>
  <c r="B3855" i="1"/>
  <c r="B3856" i="1"/>
  <c r="B3857" i="1"/>
  <c r="B3858" i="1"/>
  <c r="B3859" i="1"/>
  <c r="B3860" i="1"/>
  <c r="B3861" i="1"/>
  <c r="B3862" i="1"/>
  <c r="B3863" i="1"/>
  <c r="B3864" i="1"/>
  <c r="B3865" i="1"/>
  <c r="B3866" i="1"/>
  <c r="B3867" i="1"/>
  <c r="B3868" i="1"/>
  <c r="B3869" i="1"/>
  <c r="B3870" i="1"/>
  <c r="B3871" i="1"/>
  <c r="B3872" i="1"/>
  <c r="B3873" i="1"/>
  <c r="B3874" i="1"/>
  <c r="B3875" i="1"/>
  <c r="B3876" i="1"/>
  <c r="B3877" i="1"/>
  <c r="B3878" i="1"/>
  <c r="B3879" i="1"/>
  <c r="B3880" i="1"/>
  <c r="B3881" i="1"/>
  <c r="B3882" i="1"/>
  <c r="B3883" i="1"/>
  <c r="B3884" i="1"/>
  <c r="B3885" i="1"/>
  <c r="B3886" i="1"/>
  <c r="B3887" i="1"/>
  <c r="B3888" i="1"/>
  <c r="B3889" i="1"/>
  <c r="B3890" i="1"/>
  <c r="B3891" i="1"/>
  <c r="B3892" i="1"/>
  <c r="B3893" i="1"/>
  <c r="B3894" i="1"/>
  <c r="B3895" i="1"/>
  <c r="B3896" i="1"/>
  <c r="B3897" i="1"/>
  <c r="B3898" i="1"/>
  <c r="B3899" i="1"/>
  <c r="B3900" i="1"/>
  <c r="B3901" i="1"/>
  <c r="B3902" i="1"/>
  <c r="B3903" i="1"/>
  <c r="B3904" i="1"/>
  <c r="B3905" i="1"/>
  <c r="B3906" i="1"/>
  <c r="B3907" i="1"/>
  <c r="B3908" i="1"/>
  <c r="B3909" i="1"/>
  <c r="B3910" i="1"/>
  <c r="B3911" i="1"/>
  <c r="B3912" i="1"/>
  <c r="B3913" i="1"/>
  <c r="B3914" i="1"/>
  <c r="B3915" i="1"/>
  <c r="B3916" i="1"/>
  <c r="B3917" i="1"/>
  <c r="B3918" i="1"/>
  <c r="B3919" i="1"/>
  <c r="B3920" i="1"/>
  <c r="B3921" i="1"/>
  <c r="B3922" i="1"/>
  <c r="B3923" i="1"/>
  <c r="B3924" i="1"/>
  <c r="B3925" i="1"/>
  <c r="B3926" i="1"/>
  <c r="B3927" i="1"/>
  <c r="B3928" i="1"/>
  <c r="B3929" i="1"/>
  <c r="B3930" i="1"/>
  <c r="B3931" i="1"/>
  <c r="B3932" i="1"/>
  <c r="B3933" i="1"/>
  <c r="B3934" i="1"/>
  <c r="B3935" i="1"/>
  <c r="B3936" i="1"/>
  <c r="B3937" i="1"/>
  <c r="B3938" i="1"/>
  <c r="B3939" i="1"/>
  <c r="B3940" i="1"/>
  <c r="B3941" i="1"/>
  <c r="B3942" i="1"/>
  <c r="B3943" i="1"/>
  <c r="B3944" i="1"/>
  <c r="B3945" i="1"/>
  <c r="B3946" i="1"/>
  <c r="B3947" i="1"/>
  <c r="B3948" i="1"/>
  <c r="B3949" i="1"/>
  <c r="B3950" i="1"/>
  <c r="B3951" i="1"/>
  <c r="B3952" i="1"/>
  <c r="B3953" i="1"/>
  <c r="B3954" i="1"/>
  <c r="B3955" i="1"/>
  <c r="B3956" i="1"/>
  <c r="B3957" i="1"/>
  <c r="B3958" i="1"/>
  <c r="B3959" i="1"/>
  <c r="B3960" i="1"/>
  <c r="B3961" i="1"/>
  <c r="B3962" i="1"/>
  <c r="B3963" i="1"/>
  <c r="B3964" i="1"/>
  <c r="B3965" i="1"/>
  <c r="B3966" i="1"/>
  <c r="B3967" i="1"/>
  <c r="B3968" i="1"/>
  <c r="B3969" i="1"/>
  <c r="B3970" i="1"/>
  <c r="B3971" i="1"/>
  <c r="B3972" i="1"/>
  <c r="B3973" i="1"/>
  <c r="B3974" i="1"/>
  <c r="B3975" i="1"/>
  <c r="B3976" i="1"/>
  <c r="B3977" i="1"/>
  <c r="B3978" i="1"/>
  <c r="B3979" i="1"/>
  <c r="B3980" i="1"/>
  <c r="B3981" i="1"/>
  <c r="B3982" i="1"/>
  <c r="B3983" i="1"/>
  <c r="B3984" i="1"/>
  <c r="B3985" i="1"/>
  <c r="B3986" i="1"/>
  <c r="B3987" i="1"/>
  <c r="B3988" i="1"/>
  <c r="B3989" i="1"/>
  <c r="B3990" i="1"/>
  <c r="B3991" i="1"/>
  <c r="B3992" i="1"/>
  <c r="B3993" i="1"/>
  <c r="B3994" i="1"/>
  <c r="B3995" i="1"/>
  <c r="B3996" i="1"/>
  <c r="B3997" i="1"/>
  <c r="B3998" i="1"/>
  <c r="B3999" i="1"/>
  <c r="B4000" i="1"/>
  <c r="B4001" i="1"/>
  <c r="B4002" i="1"/>
  <c r="B4003" i="1"/>
  <c r="B4004" i="1"/>
  <c r="B4005" i="1"/>
  <c r="B4006" i="1"/>
  <c r="B4007" i="1"/>
  <c r="B4008" i="1"/>
  <c r="B4009" i="1"/>
  <c r="B4010" i="1"/>
  <c r="B4011" i="1"/>
  <c r="B4012" i="1"/>
  <c r="B4013" i="1"/>
  <c r="B4014" i="1"/>
  <c r="B4015" i="1"/>
  <c r="B4016" i="1"/>
  <c r="B4017" i="1"/>
  <c r="B4018" i="1"/>
  <c r="B4019" i="1"/>
  <c r="B4020" i="1"/>
  <c r="B4021" i="1"/>
  <c r="B4022" i="1"/>
  <c r="B4023" i="1"/>
  <c r="B4024" i="1"/>
  <c r="B4025" i="1"/>
  <c r="B4026" i="1"/>
  <c r="B4027" i="1"/>
  <c r="B4028" i="1"/>
  <c r="B4029" i="1"/>
  <c r="B4030" i="1"/>
  <c r="B4031" i="1"/>
  <c r="B4032" i="1"/>
  <c r="B4033" i="1"/>
  <c r="B4034" i="1"/>
  <c r="B4035" i="1"/>
  <c r="B4036" i="1"/>
  <c r="B4037" i="1"/>
  <c r="B4038" i="1"/>
  <c r="B4039" i="1"/>
  <c r="B4040" i="1"/>
  <c r="B4041" i="1"/>
  <c r="B4042" i="1"/>
  <c r="B4043" i="1"/>
  <c r="B4044" i="1"/>
  <c r="B4045" i="1"/>
  <c r="B4046" i="1"/>
  <c r="B4047" i="1"/>
  <c r="B4048" i="1"/>
  <c r="B4049" i="1"/>
  <c r="B4050" i="1"/>
  <c r="B4051" i="1"/>
  <c r="B4052" i="1"/>
  <c r="B4053" i="1"/>
  <c r="B4054" i="1"/>
  <c r="B4055" i="1"/>
  <c r="B4056" i="1"/>
  <c r="B4057" i="1"/>
  <c r="B4058" i="1"/>
  <c r="B4059" i="1"/>
  <c r="B4060" i="1"/>
  <c r="B4061" i="1"/>
  <c r="B4062" i="1"/>
  <c r="B4063" i="1"/>
  <c r="B4064" i="1"/>
  <c r="B4065" i="1"/>
  <c r="B4066" i="1"/>
  <c r="B4067" i="1"/>
  <c r="B4068" i="1"/>
  <c r="B4069" i="1"/>
  <c r="B4070" i="1"/>
  <c r="B4071" i="1"/>
  <c r="B4072" i="1"/>
  <c r="B4073" i="1"/>
  <c r="B4074" i="1"/>
  <c r="B4075" i="1"/>
  <c r="B4076" i="1"/>
  <c r="B4077" i="1"/>
  <c r="B4078" i="1"/>
  <c r="B4079" i="1"/>
  <c r="B4080" i="1"/>
  <c r="B4081" i="1"/>
  <c r="B4082" i="1"/>
  <c r="B4083" i="1"/>
  <c r="B4084" i="1"/>
  <c r="B4085" i="1"/>
  <c r="B4086" i="1"/>
  <c r="B4087" i="1"/>
  <c r="B4088" i="1"/>
  <c r="B4089" i="1"/>
  <c r="B4090" i="1"/>
  <c r="B4091" i="1"/>
  <c r="B4092" i="1"/>
  <c r="B4093" i="1"/>
  <c r="B4094" i="1"/>
  <c r="B4095" i="1"/>
  <c r="B4096" i="1"/>
  <c r="B4097" i="1"/>
  <c r="B4098" i="1"/>
  <c r="B4099" i="1"/>
  <c r="B4100" i="1"/>
  <c r="B4101" i="1"/>
  <c r="B4102" i="1"/>
  <c r="B4103" i="1"/>
  <c r="B4104" i="1"/>
  <c r="B4105" i="1"/>
  <c r="B4106" i="1"/>
  <c r="B4107" i="1"/>
  <c r="B4108" i="1"/>
  <c r="B4109" i="1"/>
  <c r="B4110" i="1"/>
  <c r="B4111" i="1"/>
  <c r="B4112" i="1"/>
  <c r="B4113" i="1"/>
  <c r="B4114" i="1"/>
  <c r="B4115" i="1"/>
  <c r="B4116" i="1"/>
  <c r="B4117" i="1"/>
  <c r="B4118" i="1"/>
  <c r="B4119" i="1"/>
  <c r="B4120" i="1"/>
  <c r="B4121" i="1"/>
  <c r="B4122" i="1"/>
  <c r="B4123" i="1"/>
  <c r="B4124" i="1"/>
  <c r="B4125" i="1"/>
  <c r="B4126" i="1"/>
  <c r="B4127" i="1"/>
  <c r="B4128" i="1"/>
  <c r="B4129" i="1"/>
  <c r="B4130" i="1"/>
  <c r="B4131" i="1"/>
  <c r="B4132" i="1"/>
  <c r="B4133" i="1"/>
  <c r="B4134" i="1"/>
  <c r="B4135" i="1"/>
  <c r="B4136" i="1"/>
  <c r="B4137" i="1"/>
  <c r="B4138" i="1"/>
  <c r="B4139" i="1"/>
  <c r="B4140" i="1"/>
  <c r="B4141" i="1"/>
  <c r="B4142" i="1"/>
  <c r="B4143" i="1"/>
  <c r="B4144" i="1"/>
  <c r="B4145" i="1"/>
  <c r="B4146" i="1"/>
  <c r="B4147" i="1"/>
  <c r="B4148" i="1"/>
  <c r="B4149" i="1"/>
  <c r="B4150" i="1"/>
  <c r="B4151" i="1"/>
  <c r="B4152" i="1"/>
  <c r="B4153" i="1"/>
  <c r="B4154" i="1"/>
  <c r="B4155" i="1"/>
  <c r="B4156" i="1"/>
  <c r="B4157" i="1"/>
  <c r="B4158" i="1"/>
  <c r="B4159" i="1"/>
  <c r="B4160" i="1"/>
  <c r="B4161" i="1"/>
  <c r="B4162" i="1"/>
  <c r="B4163" i="1"/>
  <c r="B4164" i="1"/>
  <c r="B4165" i="1"/>
  <c r="B4166" i="1"/>
  <c r="B4167" i="1"/>
  <c r="B4168" i="1"/>
  <c r="B4169" i="1"/>
  <c r="B4170" i="1"/>
  <c r="B4171" i="1"/>
  <c r="B4172" i="1"/>
  <c r="B4173" i="1"/>
  <c r="B4174" i="1"/>
  <c r="B4175" i="1"/>
  <c r="B4176" i="1"/>
  <c r="B4177" i="1"/>
  <c r="B4178" i="1"/>
  <c r="B4179" i="1"/>
  <c r="B4180" i="1"/>
  <c r="B4181" i="1"/>
  <c r="B4182" i="1"/>
  <c r="B4183" i="1"/>
  <c r="B4184" i="1"/>
  <c r="B4185" i="1"/>
  <c r="B4186" i="1"/>
  <c r="B4187" i="1"/>
  <c r="B4188" i="1"/>
  <c r="B4189" i="1"/>
  <c r="B4190" i="1"/>
  <c r="B4191" i="1"/>
  <c r="B4192" i="1"/>
  <c r="B4193" i="1"/>
  <c r="B4194" i="1"/>
  <c r="B4195" i="1"/>
  <c r="B4196" i="1"/>
  <c r="B4197" i="1"/>
  <c r="B4198" i="1"/>
  <c r="B4199" i="1"/>
  <c r="B4200" i="1"/>
  <c r="B4201" i="1"/>
  <c r="B4202" i="1"/>
  <c r="B4203" i="1"/>
  <c r="B4204" i="1"/>
  <c r="B4205" i="1"/>
  <c r="B4206" i="1"/>
  <c r="B4207" i="1"/>
  <c r="B4208" i="1"/>
  <c r="B4209" i="1"/>
  <c r="B4210" i="1"/>
  <c r="B4211" i="1"/>
  <c r="B4212" i="1"/>
  <c r="B4213" i="1"/>
  <c r="B4214" i="1"/>
  <c r="B4215" i="1"/>
  <c r="B4216" i="1"/>
  <c r="B4217" i="1"/>
  <c r="B4218" i="1"/>
  <c r="B4219" i="1"/>
  <c r="B4220" i="1"/>
  <c r="B4221" i="1"/>
  <c r="B4222" i="1"/>
  <c r="B4223" i="1"/>
  <c r="B4224" i="1"/>
  <c r="B4225" i="1"/>
  <c r="B4226" i="1"/>
  <c r="B4227" i="1"/>
  <c r="B4228" i="1"/>
  <c r="B4229" i="1"/>
  <c r="B4230" i="1"/>
  <c r="B4231" i="1"/>
  <c r="B4232" i="1"/>
  <c r="B4233" i="1"/>
  <c r="B4234" i="1"/>
  <c r="B4235" i="1"/>
  <c r="B4236" i="1"/>
  <c r="B4237" i="1"/>
  <c r="B4238" i="1"/>
  <c r="B4239" i="1"/>
  <c r="B4240" i="1"/>
  <c r="B4241" i="1"/>
  <c r="B4242" i="1"/>
  <c r="B4243" i="1"/>
  <c r="B4244" i="1"/>
  <c r="B4245" i="1"/>
  <c r="B4246" i="1"/>
  <c r="B4247" i="1"/>
  <c r="B4248" i="1"/>
  <c r="B4249" i="1"/>
  <c r="B4250" i="1"/>
  <c r="B4251" i="1"/>
  <c r="B4252" i="1"/>
  <c r="B4253" i="1"/>
  <c r="B4254" i="1"/>
  <c r="B4255" i="1"/>
  <c r="B4256" i="1"/>
  <c r="B4257" i="1"/>
  <c r="B4258" i="1"/>
  <c r="B4259" i="1"/>
  <c r="B4260" i="1"/>
  <c r="B4261" i="1"/>
  <c r="B4262" i="1"/>
  <c r="B4263" i="1"/>
  <c r="B4264" i="1"/>
  <c r="B4265" i="1"/>
  <c r="B4266" i="1"/>
  <c r="B4267" i="1"/>
  <c r="B4268" i="1"/>
  <c r="B4269" i="1"/>
  <c r="B4270" i="1"/>
  <c r="B4271" i="1"/>
  <c r="B4272" i="1"/>
  <c r="B4273" i="1"/>
  <c r="B4274" i="1"/>
  <c r="B4275" i="1"/>
  <c r="B4276" i="1"/>
  <c r="B4277" i="1"/>
  <c r="B4278" i="1"/>
  <c r="B4279" i="1"/>
  <c r="B4280" i="1"/>
  <c r="B4281" i="1"/>
  <c r="B4282" i="1"/>
  <c r="B4283" i="1"/>
  <c r="B4284" i="1"/>
  <c r="B4285" i="1"/>
  <c r="B4286" i="1"/>
  <c r="B4287" i="1"/>
  <c r="B4288" i="1"/>
  <c r="B4289" i="1"/>
  <c r="B4290" i="1"/>
  <c r="B4291" i="1"/>
  <c r="B4292" i="1"/>
  <c r="B4293" i="1"/>
  <c r="B4294" i="1"/>
  <c r="B4295" i="1"/>
  <c r="B4296" i="1"/>
  <c r="B4297" i="1"/>
  <c r="B4298" i="1"/>
  <c r="B4299" i="1"/>
  <c r="B4300" i="1"/>
  <c r="B4301" i="1"/>
  <c r="B4302" i="1"/>
  <c r="B4303" i="1"/>
  <c r="B4304" i="1"/>
  <c r="B4305" i="1"/>
  <c r="B4306" i="1"/>
  <c r="B4307" i="1"/>
  <c r="B4308" i="1"/>
  <c r="B4309" i="1"/>
  <c r="B4310" i="1"/>
  <c r="B4311" i="1"/>
  <c r="B4312" i="1"/>
  <c r="B4313" i="1"/>
  <c r="B4314" i="1"/>
  <c r="B4315" i="1"/>
  <c r="B4316" i="1"/>
  <c r="B4317" i="1"/>
  <c r="B4318" i="1"/>
  <c r="B4319" i="1"/>
  <c r="B4320" i="1"/>
  <c r="B4321" i="1"/>
  <c r="B4322" i="1"/>
  <c r="B4323" i="1"/>
  <c r="B4324" i="1"/>
  <c r="B4325" i="1"/>
  <c r="B4326" i="1"/>
  <c r="B4327" i="1"/>
  <c r="B4328" i="1"/>
  <c r="B4329" i="1"/>
  <c r="B4330" i="1"/>
  <c r="B4331" i="1"/>
  <c r="B4332" i="1"/>
  <c r="B4333" i="1"/>
  <c r="B4334" i="1"/>
  <c r="B4335" i="1"/>
  <c r="B4336" i="1"/>
  <c r="B4337" i="1"/>
  <c r="B4338" i="1"/>
  <c r="B4339" i="1"/>
  <c r="B4340" i="1"/>
  <c r="B4341" i="1"/>
  <c r="B4342" i="1"/>
  <c r="B4343" i="1"/>
  <c r="B4344" i="1"/>
  <c r="B4345" i="1"/>
  <c r="B4346" i="1"/>
  <c r="B4347" i="1"/>
  <c r="B4348" i="1"/>
  <c r="B4349" i="1"/>
  <c r="B4350" i="1"/>
  <c r="B4351" i="1"/>
  <c r="B4352" i="1"/>
  <c r="B4353" i="1"/>
  <c r="B4354" i="1"/>
  <c r="B4355" i="1"/>
  <c r="B4356" i="1"/>
  <c r="B4357" i="1"/>
  <c r="B4358" i="1"/>
  <c r="B4359" i="1"/>
  <c r="B4360" i="1"/>
  <c r="B4361" i="1"/>
  <c r="B4362" i="1"/>
  <c r="B4363" i="1"/>
  <c r="B4364" i="1"/>
  <c r="B4365" i="1"/>
  <c r="B4366" i="1"/>
  <c r="B4367" i="1"/>
  <c r="B4368" i="1"/>
  <c r="B4369" i="1"/>
  <c r="B4370" i="1"/>
  <c r="B4371" i="1"/>
  <c r="B4372" i="1"/>
  <c r="B4373" i="1"/>
  <c r="B4374" i="1"/>
  <c r="B4375" i="1"/>
  <c r="B4376" i="1"/>
  <c r="B4377" i="1"/>
  <c r="B4378" i="1"/>
  <c r="B4379" i="1"/>
  <c r="B4380" i="1"/>
  <c r="B4381" i="1"/>
  <c r="B4382" i="1"/>
  <c r="B4383" i="1"/>
  <c r="B4384" i="1"/>
  <c r="B4385" i="1"/>
  <c r="B4386" i="1"/>
  <c r="B4387" i="1"/>
  <c r="B4388" i="1"/>
  <c r="B4389" i="1"/>
  <c r="B4390" i="1"/>
  <c r="B4391" i="1"/>
  <c r="B4392" i="1"/>
  <c r="B4393" i="1"/>
  <c r="B4394" i="1"/>
  <c r="B4395" i="1"/>
  <c r="B4396" i="1"/>
  <c r="B4397" i="1"/>
  <c r="B4398" i="1"/>
  <c r="B4399" i="1"/>
  <c r="B4400" i="1"/>
  <c r="B4401" i="1"/>
  <c r="B4402" i="1"/>
  <c r="B4403" i="1"/>
  <c r="B4404" i="1"/>
  <c r="B4405" i="1"/>
  <c r="B4406" i="1"/>
  <c r="B4407" i="1"/>
  <c r="B4408" i="1"/>
  <c r="B4409" i="1"/>
  <c r="B4410" i="1"/>
  <c r="B4411" i="1"/>
  <c r="B4412" i="1"/>
  <c r="B4413" i="1"/>
  <c r="B4414" i="1"/>
  <c r="B4415" i="1"/>
  <c r="B4416" i="1"/>
  <c r="B4417" i="1"/>
  <c r="B4418" i="1"/>
  <c r="B4419" i="1"/>
  <c r="B4420" i="1"/>
  <c r="B4421" i="1"/>
  <c r="B4422" i="1"/>
  <c r="B4423" i="1"/>
  <c r="B4424" i="1"/>
  <c r="B4425" i="1"/>
  <c r="B4426" i="1"/>
  <c r="B4427" i="1"/>
  <c r="B4428" i="1"/>
  <c r="B4429" i="1"/>
  <c r="B4430" i="1"/>
  <c r="B4431" i="1"/>
  <c r="B4432" i="1"/>
  <c r="B4433" i="1"/>
  <c r="B4434" i="1"/>
  <c r="B4435" i="1"/>
  <c r="B4436" i="1"/>
  <c r="B4437" i="1"/>
  <c r="B4438" i="1"/>
  <c r="B4439" i="1"/>
  <c r="B4440" i="1"/>
  <c r="B4441" i="1"/>
  <c r="B4442" i="1"/>
  <c r="B4443" i="1"/>
  <c r="B4444" i="1"/>
  <c r="B4445" i="1"/>
  <c r="B4446" i="1"/>
  <c r="B4447" i="1"/>
  <c r="B4448" i="1"/>
  <c r="B4449" i="1"/>
  <c r="B4450" i="1"/>
  <c r="B4451" i="1"/>
  <c r="B4452" i="1"/>
  <c r="B4453" i="1"/>
  <c r="B4454" i="1"/>
  <c r="B4455" i="1"/>
  <c r="B4456" i="1"/>
  <c r="B4457" i="1"/>
  <c r="B4458" i="1"/>
  <c r="B4459" i="1"/>
  <c r="B4460" i="1"/>
  <c r="B4461" i="1"/>
  <c r="B4462" i="1"/>
  <c r="B4463" i="1"/>
  <c r="B4464" i="1"/>
  <c r="B4465" i="1"/>
  <c r="B4466" i="1"/>
  <c r="B4467" i="1"/>
  <c r="B4468" i="1"/>
  <c r="B4469" i="1"/>
  <c r="B4470" i="1"/>
  <c r="B4471" i="1"/>
  <c r="B4472" i="1"/>
  <c r="B4473" i="1"/>
  <c r="B4474" i="1"/>
  <c r="B4475" i="1"/>
  <c r="B4476" i="1"/>
  <c r="B4477" i="1"/>
  <c r="B4478" i="1"/>
  <c r="B4479" i="1"/>
  <c r="B4480" i="1"/>
  <c r="B4481" i="1"/>
  <c r="B4482" i="1"/>
  <c r="B4483" i="1"/>
  <c r="B4484" i="1"/>
  <c r="B4485" i="1"/>
  <c r="B4486" i="1"/>
  <c r="B4487" i="1"/>
  <c r="B4488" i="1"/>
  <c r="B4489" i="1"/>
  <c r="B4490" i="1"/>
  <c r="B4491" i="1"/>
  <c r="B4492" i="1"/>
  <c r="B4493" i="1"/>
  <c r="B4494" i="1"/>
  <c r="B4495" i="1"/>
  <c r="B4496" i="1"/>
  <c r="B4497" i="1"/>
  <c r="B4498" i="1"/>
  <c r="B4499" i="1"/>
  <c r="B4500" i="1"/>
  <c r="B4501" i="1"/>
  <c r="B4502" i="1"/>
  <c r="B4503" i="1"/>
  <c r="B4504" i="1"/>
  <c r="B4505" i="1"/>
  <c r="B4506" i="1"/>
  <c r="B4507" i="1"/>
  <c r="B4508" i="1"/>
  <c r="B4509" i="1"/>
  <c r="B4510" i="1"/>
  <c r="B4511" i="1"/>
  <c r="B4512" i="1"/>
  <c r="B4513" i="1"/>
  <c r="B4514" i="1"/>
  <c r="B4515" i="1"/>
  <c r="B4516" i="1"/>
  <c r="B4517" i="1"/>
  <c r="B4518" i="1"/>
  <c r="B4519" i="1"/>
  <c r="B4520" i="1"/>
  <c r="B4521" i="1"/>
  <c r="B4522" i="1"/>
  <c r="B4523" i="1"/>
  <c r="B4524" i="1"/>
  <c r="B4525" i="1"/>
  <c r="B4526" i="1"/>
  <c r="B4527" i="1"/>
  <c r="B4528" i="1"/>
  <c r="B4529" i="1"/>
  <c r="B4530" i="1"/>
  <c r="B4531" i="1"/>
  <c r="B4532" i="1"/>
  <c r="B4533" i="1"/>
  <c r="B4534" i="1"/>
  <c r="B4535" i="1"/>
  <c r="B4536" i="1"/>
  <c r="B4537" i="1"/>
  <c r="B4538" i="1"/>
  <c r="B4539" i="1"/>
  <c r="B4540" i="1"/>
  <c r="B4541" i="1"/>
  <c r="B4542" i="1"/>
  <c r="B4543" i="1"/>
  <c r="B4544" i="1"/>
  <c r="B4545" i="1"/>
  <c r="B4546" i="1"/>
  <c r="B4547" i="1"/>
  <c r="B4548" i="1"/>
  <c r="B4549" i="1"/>
  <c r="B4550" i="1"/>
  <c r="B4551" i="1"/>
  <c r="B4552" i="1"/>
  <c r="B4553" i="1"/>
  <c r="B4554" i="1"/>
  <c r="B4555" i="1"/>
  <c r="B4556" i="1"/>
  <c r="B4557" i="1"/>
  <c r="B4558" i="1"/>
  <c r="B4559" i="1"/>
  <c r="B4560" i="1"/>
  <c r="B4561" i="1"/>
  <c r="B4562" i="1"/>
  <c r="B4563" i="1"/>
  <c r="B4564" i="1"/>
  <c r="B4565" i="1"/>
  <c r="B4566" i="1"/>
  <c r="B4567" i="1"/>
  <c r="B4568" i="1"/>
  <c r="B4569" i="1"/>
  <c r="B4570" i="1"/>
  <c r="B4571" i="1"/>
  <c r="B4572" i="1"/>
  <c r="B4573" i="1"/>
  <c r="B4574" i="1"/>
  <c r="B4575" i="1"/>
  <c r="B4576" i="1"/>
  <c r="B4577" i="1"/>
  <c r="B4578" i="1"/>
  <c r="B4579" i="1"/>
  <c r="B4580" i="1"/>
  <c r="B4581" i="1"/>
  <c r="B4582" i="1"/>
  <c r="B4583" i="1"/>
  <c r="B4584" i="1"/>
  <c r="B4585" i="1"/>
  <c r="B4586" i="1"/>
  <c r="B4587" i="1"/>
  <c r="B4588" i="1"/>
  <c r="B4589" i="1"/>
  <c r="B4590" i="1"/>
  <c r="B4591" i="1"/>
  <c r="B4592" i="1"/>
  <c r="B4593" i="1"/>
  <c r="B4594" i="1"/>
  <c r="B4595" i="1"/>
  <c r="B4596" i="1"/>
  <c r="B4597" i="1"/>
  <c r="B4598" i="1"/>
  <c r="B4599" i="1"/>
  <c r="B4600" i="1"/>
  <c r="B4601" i="1"/>
  <c r="B4602" i="1"/>
  <c r="B4603" i="1"/>
  <c r="B4604" i="1"/>
  <c r="B4605" i="1"/>
  <c r="B4606" i="1"/>
  <c r="B4607" i="1"/>
  <c r="B4608" i="1"/>
  <c r="B4609" i="1"/>
  <c r="B4610" i="1"/>
  <c r="B4611" i="1"/>
  <c r="B4612" i="1"/>
  <c r="B4613" i="1"/>
  <c r="B4614" i="1"/>
  <c r="B4615" i="1"/>
  <c r="B4616" i="1"/>
  <c r="B4617" i="1"/>
  <c r="B4618" i="1"/>
  <c r="B4619" i="1"/>
  <c r="B4620" i="1"/>
  <c r="B4621" i="1"/>
  <c r="B4622" i="1"/>
  <c r="B4623" i="1"/>
  <c r="B4624" i="1"/>
  <c r="B4625" i="1"/>
  <c r="B4626" i="1"/>
  <c r="B4627" i="1"/>
  <c r="B4628" i="1"/>
  <c r="B4629" i="1"/>
  <c r="B4630" i="1"/>
  <c r="B4631" i="1"/>
  <c r="B4632" i="1"/>
  <c r="B4633" i="1"/>
  <c r="B4634" i="1"/>
  <c r="B4635" i="1"/>
  <c r="B4636" i="1"/>
  <c r="B4637" i="1"/>
  <c r="B4638" i="1"/>
  <c r="B4639" i="1"/>
  <c r="B4640" i="1"/>
  <c r="B4641" i="1"/>
  <c r="B4642" i="1"/>
  <c r="B4643" i="1"/>
  <c r="B4644" i="1"/>
  <c r="B4645" i="1"/>
  <c r="B4646" i="1"/>
  <c r="B4647" i="1"/>
  <c r="B4648" i="1"/>
  <c r="B4649" i="1"/>
  <c r="B4650" i="1"/>
  <c r="B4651" i="1"/>
  <c r="B4652" i="1"/>
  <c r="B4653" i="1"/>
  <c r="B4654" i="1"/>
  <c r="B4655" i="1"/>
  <c r="B4656" i="1"/>
  <c r="B4657" i="1"/>
  <c r="B4658" i="1"/>
  <c r="B4659" i="1"/>
  <c r="B4660" i="1"/>
  <c r="B4661" i="1"/>
  <c r="B4662" i="1"/>
  <c r="B4663" i="1"/>
  <c r="B4664" i="1"/>
  <c r="B4665" i="1"/>
  <c r="B4666" i="1"/>
  <c r="B4667" i="1"/>
  <c r="B4668" i="1"/>
  <c r="B4669" i="1"/>
  <c r="B4670" i="1"/>
  <c r="B4671" i="1"/>
  <c r="B4672" i="1"/>
  <c r="B4673" i="1"/>
  <c r="B4674" i="1"/>
  <c r="B4675" i="1"/>
  <c r="B4676" i="1"/>
  <c r="B4677" i="1"/>
  <c r="B4678" i="1"/>
  <c r="B4679" i="1"/>
  <c r="B4680" i="1"/>
  <c r="B4681" i="1"/>
  <c r="B4682" i="1"/>
  <c r="B4683" i="1"/>
  <c r="B4684" i="1"/>
  <c r="B4685" i="1"/>
  <c r="B4686" i="1"/>
  <c r="B4687" i="1"/>
  <c r="B4688" i="1"/>
  <c r="B4689" i="1"/>
  <c r="B4690" i="1"/>
  <c r="B4691" i="1"/>
  <c r="B4692" i="1"/>
  <c r="B4693" i="1"/>
  <c r="B4694" i="1"/>
  <c r="B4695" i="1"/>
  <c r="B4696" i="1"/>
  <c r="B4697" i="1"/>
  <c r="B4698" i="1"/>
  <c r="B4699" i="1"/>
  <c r="B4700" i="1"/>
  <c r="B4701" i="1"/>
  <c r="B4702" i="1"/>
  <c r="B4703" i="1"/>
  <c r="B4704" i="1"/>
  <c r="B4705" i="1"/>
  <c r="B4706" i="1"/>
  <c r="B4707" i="1"/>
  <c r="B4708" i="1"/>
  <c r="B4709" i="1"/>
  <c r="B4710" i="1"/>
  <c r="B4711" i="1"/>
  <c r="B4712" i="1"/>
  <c r="B4713" i="1"/>
  <c r="B4714" i="1"/>
  <c r="B4715" i="1"/>
  <c r="B4716" i="1"/>
  <c r="B4717" i="1"/>
  <c r="B4718" i="1"/>
  <c r="B4719" i="1"/>
  <c r="B4720" i="1"/>
  <c r="B4721" i="1"/>
  <c r="B4722" i="1"/>
  <c r="B4723" i="1"/>
  <c r="B4724" i="1"/>
  <c r="B4725" i="1"/>
  <c r="B4726" i="1"/>
  <c r="B4727" i="1"/>
  <c r="B4728" i="1"/>
  <c r="B4729" i="1"/>
  <c r="B4730" i="1"/>
  <c r="B4731" i="1"/>
  <c r="B4732" i="1"/>
  <c r="B4733" i="1"/>
  <c r="B4734" i="1"/>
  <c r="B4735" i="1"/>
  <c r="B4736" i="1"/>
  <c r="B4737" i="1"/>
  <c r="B4738" i="1"/>
  <c r="B4739" i="1"/>
  <c r="B4740" i="1"/>
  <c r="B4741" i="1"/>
  <c r="B4742" i="1"/>
  <c r="B4743" i="1"/>
  <c r="B4744" i="1"/>
  <c r="B4745" i="1"/>
  <c r="B4746" i="1"/>
  <c r="B4747" i="1"/>
  <c r="B4748" i="1"/>
  <c r="B4749" i="1"/>
  <c r="B4750" i="1"/>
  <c r="B4751" i="1"/>
  <c r="B4752" i="1"/>
  <c r="B4753" i="1"/>
  <c r="B4754" i="1"/>
  <c r="B4755" i="1"/>
  <c r="B4756" i="1"/>
  <c r="B4757" i="1"/>
  <c r="B4758" i="1"/>
  <c r="B4759" i="1"/>
  <c r="B4760" i="1"/>
  <c r="B4761" i="1"/>
  <c r="B4762" i="1"/>
  <c r="B4763" i="1"/>
  <c r="B4764" i="1"/>
  <c r="B4765" i="1"/>
  <c r="B4766" i="1"/>
  <c r="B4767" i="1"/>
  <c r="B4768" i="1"/>
  <c r="B4769" i="1"/>
  <c r="B4770" i="1"/>
  <c r="B4771" i="1"/>
  <c r="B4772" i="1"/>
  <c r="B4773" i="1"/>
  <c r="B4774" i="1"/>
  <c r="B4775" i="1"/>
  <c r="B4776" i="1"/>
  <c r="B4777" i="1"/>
  <c r="B4778" i="1"/>
  <c r="B4779" i="1"/>
  <c r="B4780" i="1"/>
  <c r="B4781" i="1"/>
  <c r="B4782" i="1"/>
  <c r="B4783" i="1"/>
  <c r="B4784" i="1"/>
  <c r="B4785" i="1"/>
  <c r="B4786" i="1"/>
  <c r="B4787" i="1"/>
  <c r="B4788" i="1"/>
  <c r="B4789" i="1"/>
  <c r="B4790" i="1"/>
  <c r="B4791" i="1"/>
  <c r="B4792" i="1"/>
  <c r="B4793" i="1"/>
  <c r="B4794" i="1"/>
  <c r="B4795" i="1"/>
  <c r="B4796" i="1"/>
  <c r="B4797" i="1"/>
  <c r="B4798" i="1"/>
  <c r="B4799" i="1"/>
  <c r="B4800" i="1"/>
  <c r="B4801" i="1"/>
  <c r="B4802" i="1"/>
  <c r="B4803" i="1"/>
  <c r="B4804" i="1"/>
  <c r="B4805" i="1"/>
  <c r="B4806" i="1"/>
  <c r="B4807" i="1"/>
  <c r="B4808" i="1"/>
  <c r="B4809" i="1"/>
  <c r="B4810" i="1"/>
  <c r="B4811" i="1"/>
  <c r="B4812" i="1"/>
  <c r="B4813" i="1"/>
  <c r="B4814" i="1"/>
  <c r="B4815" i="1"/>
  <c r="B4816" i="1"/>
  <c r="B4817" i="1"/>
  <c r="B4818" i="1"/>
  <c r="B4819" i="1"/>
  <c r="B4820" i="1"/>
  <c r="B4821" i="1"/>
  <c r="B4822" i="1"/>
  <c r="B4823" i="1"/>
  <c r="B4824" i="1"/>
  <c r="B4825" i="1"/>
  <c r="B4826" i="1"/>
  <c r="B4827" i="1"/>
  <c r="B4828" i="1"/>
  <c r="B4829" i="1"/>
  <c r="B4830" i="1"/>
  <c r="B4831" i="1"/>
  <c r="B4832" i="1"/>
  <c r="B4833" i="1"/>
  <c r="B4834" i="1"/>
  <c r="B4835" i="1"/>
  <c r="B4836" i="1"/>
  <c r="B4837" i="1"/>
  <c r="B4838" i="1"/>
  <c r="B4839" i="1"/>
  <c r="B4840" i="1"/>
  <c r="B4841" i="1"/>
  <c r="B4842" i="1"/>
  <c r="B4843" i="1"/>
  <c r="B4844" i="1"/>
  <c r="B4845" i="1"/>
  <c r="B4846" i="1"/>
  <c r="B4847" i="1"/>
  <c r="B4848" i="1"/>
  <c r="B4849" i="1"/>
  <c r="B4850" i="1"/>
  <c r="B4851" i="1"/>
  <c r="B4852" i="1"/>
  <c r="B4853" i="1"/>
  <c r="B4854" i="1"/>
  <c r="B4855" i="1"/>
  <c r="B4856" i="1"/>
  <c r="B4857" i="1"/>
  <c r="B4858" i="1"/>
  <c r="B4859" i="1"/>
  <c r="B4860" i="1"/>
  <c r="B4861" i="1"/>
  <c r="B4862" i="1"/>
  <c r="B4863" i="1"/>
  <c r="B4864" i="1"/>
  <c r="B4865" i="1"/>
  <c r="B4866" i="1"/>
  <c r="B4867" i="1"/>
  <c r="B4868" i="1"/>
  <c r="B4869" i="1"/>
  <c r="B4870" i="1"/>
  <c r="B4871" i="1"/>
  <c r="B4872" i="1"/>
  <c r="B4873" i="1"/>
  <c r="B4874" i="1"/>
  <c r="B4875" i="1"/>
  <c r="B4876" i="1"/>
  <c r="B4877" i="1"/>
  <c r="B4878" i="1"/>
  <c r="B4879" i="1"/>
  <c r="B4880" i="1"/>
  <c r="B4881" i="1"/>
  <c r="B4882" i="1"/>
  <c r="B4883" i="1"/>
  <c r="B4884" i="1"/>
  <c r="B4885" i="1"/>
  <c r="B4886" i="1"/>
  <c r="B4887" i="1"/>
  <c r="B4888" i="1"/>
  <c r="B4889" i="1"/>
  <c r="B4890" i="1"/>
  <c r="B4891" i="1"/>
  <c r="B4892" i="1"/>
  <c r="B4893" i="1"/>
  <c r="B4894" i="1"/>
  <c r="B4895" i="1"/>
  <c r="B4896" i="1"/>
  <c r="B4897" i="1"/>
  <c r="B4898" i="1"/>
  <c r="B4899" i="1"/>
  <c r="B4900" i="1"/>
  <c r="B4901" i="1"/>
  <c r="B4902" i="1"/>
  <c r="B4903" i="1"/>
  <c r="B4904" i="1"/>
  <c r="B4905" i="1"/>
  <c r="B4906" i="1"/>
  <c r="B4907" i="1"/>
  <c r="B4908" i="1"/>
  <c r="B4909" i="1"/>
  <c r="B4910" i="1"/>
  <c r="B4911" i="1"/>
  <c r="B4912" i="1"/>
  <c r="B4913" i="1"/>
  <c r="B4914" i="1"/>
  <c r="B4915" i="1"/>
  <c r="B4916" i="1"/>
  <c r="B4917" i="1"/>
  <c r="B4918" i="1"/>
  <c r="B4919" i="1"/>
  <c r="B4920" i="1"/>
  <c r="B4921" i="1"/>
  <c r="B4922" i="1"/>
  <c r="B4923" i="1"/>
  <c r="B4924" i="1"/>
  <c r="B4925" i="1"/>
  <c r="B4926" i="1"/>
  <c r="B4927" i="1"/>
  <c r="B4928" i="1"/>
  <c r="B4929" i="1"/>
  <c r="B4930" i="1"/>
  <c r="B4931" i="1"/>
  <c r="B4932" i="1"/>
  <c r="B4933" i="1"/>
  <c r="B4934" i="1"/>
  <c r="B4935" i="1"/>
  <c r="B4936" i="1"/>
  <c r="B4937" i="1"/>
  <c r="B4938" i="1"/>
  <c r="B4939" i="1"/>
  <c r="B4940" i="1"/>
  <c r="B4941" i="1"/>
  <c r="B4942" i="1"/>
  <c r="B4943" i="1"/>
  <c r="B4944" i="1"/>
  <c r="B4945" i="1"/>
  <c r="B4946" i="1"/>
  <c r="B4947" i="1"/>
  <c r="B4948" i="1"/>
  <c r="B4949" i="1"/>
  <c r="B4950" i="1"/>
  <c r="B4951" i="1"/>
  <c r="B4952" i="1"/>
  <c r="B4953" i="1"/>
  <c r="B4954" i="1"/>
  <c r="B4955" i="1"/>
  <c r="B4956" i="1"/>
  <c r="B4957" i="1"/>
  <c r="B4958" i="1"/>
  <c r="B4959" i="1"/>
  <c r="B4960" i="1"/>
  <c r="B4961" i="1"/>
  <c r="B4962" i="1"/>
  <c r="B4963" i="1"/>
  <c r="B4964" i="1"/>
  <c r="B4965" i="1"/>
  <c r="B4966" i="1"/>
  <c r="B4967" i="1"/>
  <c r="B4968" i="1"/>
  <c r="B4969" i="1"/>
  <c r="B4970" i="1"/>
  <c r="B4971" i="1"/>
  <c r="B4972" i="1"/>
  <c r="B4973" i="1"/>
  <c r="B4974" i="1"/>
  <c r="B4975" i="1"/>
  <c r="B4976" i="1"/>
  <c r="B4977" i="1"/>
  <c r="B4978" i="1"/>
  <c r="B4979" i="1"/>
  <c r="B4980" i="1"/>
  <c r="B4981" i="1"/>
  <c r="B4982" i="1"/>
  <c r="B4983" i="1"/>
  <c r="B4984" i="1"/>
  <c r="B4985" i="1"/>
  <c r="B4986" i="1"/>
  <c r="B4987" i="1"/>
  <c r="B4988" i="1"/>
  <c r="B4989" i="1"/>
  <c r="B4990" i="1"/>
  <c r="B4991" i="1"/>
  <c r="B4992" i="1"/>
  <c r="B4993" i="1"/>
  <c r="B4994" i="1"/>
  <c r="B4995" i="1"/>
  <c r="B4996" i="1"/>
  <c r="B4997" i="1"/>
  <c r="B4998" i="1"/>
  <c r="B4999" i="1"/>
  <c r="B5000" i="1"/>
  <c r="B5001" i="1"/>
  <c r="B5002" i="1"/>
  <c r="B5003" i="1"/>
  <c r="B5004" i="1"/>
  <c r="B5005" i="1"/>
  <c r="B5006" i="1"/>
  <c r="B5007" i="1"/>
  <c r="B5008" i="1"/>
  <c r="B5009" i="1"/>
  <c r="B5010" i="1"/>
  <c r="B5011" i="1"/>
  <c r="B5012" i="1"/>
  <c r="B5013" i="1"/>
  <c r="B5014" i="1"/>
  <c r="B5015" i="1"/>
  <c r="B5016" i="1"/>
  <c r="B5017" i="1"/>
  <c r="B5018" i="1"/>
  <c r="B5019" i="1"/>
  <c r="B5020" i="1"/>
  <c r="B5021" i="1"/>
  <c r="B5022" i="1"/>
  <c r="B5023" i="1"/>
  <c r="B5024" i="1"/>
  <c r="B5025" i="1"/>
  <c r="B5026" i="1"/>
  <c r="B5027" i="1"/>
  <c r="B5028" i="1"/>
  <c r="B5029" i="1"/>
  <c r="B5030" i="1"/>
  <c r="B5031" i="1"/>
  <c r="B5032" i="1"/>
  <c r="B5033" i="1"/>
  <c r="B5034" i="1"/>
  <c r="B5035" i="1"/>
  <c r="B5036" i="1"/>
  <c r="B5037" i="1"/>
  <c r="B5038" i="1"/>
  <c r="B5039" i="1"/>
  <c r="B5040" i="1"/>
  <c r="B5041" i="1"/>
  <c r="B5042" i="1"/>
  <c r="B5043" i="1"/>
  <c r="B5044" i="1"/>
  <c r="B5045" i="1"/>
  <c r="B5046" i="1"/>
  <c r="B5047" i="1"/>
  <c r="B5048" i="1"/>
  <c r="B5049" i="1"/>
  <c r="B5050" i="1"/>
  <c r="B5051" i="1"/>
  <c r="B5052" i="1"/>
  <c r="B5053" i="1"/>
  <c r="B5054" i="1"/>
  <c r="B5055" i="1"/>
  <c r="B5056" i="1"/>
  <c r="B5057" i="1"/>
  <c r="B5058" i="1"/>
  <c r="B5059" i="1"/>
  <c r="B5060" i="1"/>
  <c r="B5061" i="1"/>
  <c r="B5062" i="1"/>
  <c r="B5063" i="1"/>
  <c r="B5064" i="1"/>
  <c r="B5065" i="1"/>
  <c r="B5066" i="1"/>
  <c r="B5067" i="1"/>
  <c r="B5068" i="1"/>
  <c r="B5069" i="1"/>
  <c r="B5070" i="1"/>
  <c r="B5071" i="1"/>
  <c r="B5072" i="1"/>
  <c r="B5073" i="1"/>
  <c r="B5074" i="1"/>
  <c r="B5075" i="1"/>
  <c r="B5076" i="1"/>
  <c r="B5077" i="1"/>
  <c r="B5078" i="1"/>
  <c r="B5079" i="1"/>
  <c r="B5080" i="1"/>
  <c r="B5081" i="1"/>
  <c r="B5082" i="1"/>
  <c r="B5083" i="1"/>
  <c r="B5084" i="1"/>
  <c r="B5085" i="1"/>
  <c r="B5086" i="1"/>
  <c r="B5087" i="1"/>
  <c r="B5088" i="1"/>
  <c r="B5089" i="1"/>
  <c r="B5090" i="1"/>
  <c r="B5091" i="1"/>
  <c r="B5092" i="1"/>
  <c r="B5093" i="1"/>
  <c r="B5094" i="1"/>
  <c r="B5095" i="1"/>
  <c r="B5096" i="1"/>
  <c r="B5097" i="1"/>
  <c r="B5098" i="1"/>
  <c r="B5099" i="1"/>
  <c r="B5100" i="1"/>
  <c r="B5101" i="1"/>
  <c r="B5102" i="1"/>
  <c r="B5103" i="1"/>
  <c r="B5104" i="1"/>
  <c r="B5105" i="1"/>
  <c r="B5106" i="1"/>
  <c r="B5107" i="1"/>
  <c r="B5108" i="1"/>
  <c r="B5109" i="1"/>
  <c r="B5110" i="1"/>
  <c r="B5111" i="1"/>
  <c r="B5112" i="1"/>
  <c r="B5113" i="1"/>
  <c r="B5114" i="1"/>
  <c r="B5115" i="1"/>
  <c r="B5116" i="1"/>
  <c r="B5117" i="1"/>
  <c r="B5118" i="1"/>
  <c r="B5119" i="1"/>
  <c r="B5120" i="1"/>
  <c r="B5121" i="1"/>
  <c r="B5122" i="1"/>
  <c r="B5123" i="1"/>
  <c r="B5124" i="1"/>
  <c r="B5125" i="1"/>
  <c r="B5126" i="1"/>
  <c r="B5127" i="1"/>
  <c r="B5128" i="1"/>
  <c r="B5129" i="1"/>
  <c r="B5130" i="1"/>
  <c r="B5131" i="1"/>
  <c r="B5132" i="1"/>
  <c r="B5133" i="1"/>
  <c r="B5134" i="1"/>
  <c r="B5135" i="1"/>
  <c r="B5136" i="1"/>
  <c r="B5137" i="1"/>
  <c r="B5138" i="1"/>
  <c r="B5139" i="1"/>
  <c r="B5140" i="1"/>
  <c r="B5141" i="1"/>
  <c r="B5142" i="1"/>
  <c r="B5143" i="1"/>
  <c r="B5144" i="1"/>
  <c r="B5145" i="1"/>
  <c r="B5146" i="1"/>
  <c r="B5147" i="1"/>
  <c r="B5148" i="1"/>
  <c r="B5149" i="1"/>
  <c r="B5150" i="1"/>
  <c r="B5151" i="1"/>
  <c r="B5152" i="1"/>
  <c r="B5153" i="1"/>
  <c r="B5154" i="1"/>
  <c r="B5155" i="1"/>
  <c r="B5156" i="1"/>
  <c r="B5157" i="1"/>
  <c r="B5158" i="1"/>
  <c r="B5159" i="1"/>
  <c r="B5160" i="1"/>
  <c r="B5161" i="1"/>
  <c r="B5162" i="1"/>
  <c r="B5163" i="1"/>
  <c r="B5164" i="1"/>
  <c r="B5165" i="1"/>
  <c r="B5166" i="1"/>
  <c r="B5167" i="1"/>
  <c r="B5168" i="1"/>
  <c r="B5169" i="1"/>
  <c r="B5170" i="1"/>
  <c r="B5171" i="1"/>
  <c r="B5172" i="1"/>
  <c r="B5173" i="1"/>
  <c r="B5174" i="1"/>
  <c r="B5175" i="1"/>
  <c r="B5176" i="1"/>
  <c r="B5177" i="1"/>
  <c r="B5178" i="1"/>
  <c r="B5179" i="1"/>
  <c r="B5180" i="1"/>
  <c r="B5181" i="1"/>
  <c r="B5182" i="1"/>
  <c r="B5183" i="1"/>
  <c r="B5184" i="1"/>
  <c r="B5185" i="1"/>
  <c r="B5186" i="1"/>
  <c r="B5187" i="1"/>
  <c r="B5188" i="1"/>
  <c r="B5189" i="1"/>
  <c r="B5190" i="1"/>
  <c r="B5191" i="1"/>
  <c r="B5192" i="1"/>
  <c r="B5193" i="1"/>
  <c r="B5194" i="1"/>
  <c r="B5195" i="1"/>
  <c r="B5196" i="1"/>
  <c r="B5197" i="1"/>
  <c r="B5198" i="1"/>
  <c r="B5199" i="1"/>
  <c r="B5200" i="1"/>
  <c r="B5201" i="1"/>
  <c r="B5202" i="1"/>
  <c r="B5203" i="1"/>
  <c r="B5204" i="1"/>
  <c r="B5205" i="1"/>
  <c r="B5206" i="1"/>
  <c r="B5207" i="1"/>
  <c r="B5208" i="1"/>
  <c r="B5209" i="1"/>
  <c r="B5210" i="1"/>
  <c r="B5211" i="1"/>
  <c r="B5212" i="1"/>
  <c r="B5213" i="1"/>
  <c r="B5214" i="1"/>
  <c r="B5215" i="1"/>
  <c r="B5216" i="1"/>
  <c r="B5217" i="1"/>
  <c r="B5218" i="1"/>
  <c r="B5219" i="1"/>
  <c r="B5220" i="1"/>
  <c r="B5221" i="1"/>
  <c r="B5222" i="1"/>
  <c r="B5223" i="1"/>
  <c r="B5224" i="1"/>
  <c r="B5225" i="1"/>
  <c r="B5226" i="1"/>
  <c r="B5227" i="1"/>
  <c r="B5228" i="1"/>
  <c r="B5229" i="1"/>
  <c r="B5230" i="1"/>
  <c r="B5231" i="1"/>
  <c r="B5232" i="1"/>
  <c r="B5233" i="1"/>
  <c r="B5234" i="1"/>
  <c r="B5235" i="1"/>
  <c r="B5236" i="1"/>
  <c r="B5237" i="1"/>
  <c r="B5238" i="1"/>
  <c r="B5239" i="1"/>
  <c r="B5240" i="1"/>
  <c r="B5241" i="1"/>
  <c r="B5242" i="1"/>
  <c r="B5243" i="1"/>
  <c r="B5244" i="1"/>
  <c r="B5245" i="1"/>
  <c r="B5246" i="1"/>
  <c r="B5247" i="1"/>
  <c r="B5248" i="1"/>
  <c r="B5249" i="1"/>
  <c r="B5250" i="1"/>
  <c r="B5251" i="1"/>
  <c r="B5252" i="1"/>
  <c r="B5253" i="1"/>
  <c r="B5254" i="1"/>
  <c r="B5255" i="1"/>
  <c r="B5256" i="1"/>
  <c r="B5257" i="1"/>
  <c r="B5258" i="1"/>
  <c r="B5259" i="1"/>
  <c r="B5260" i="1"/>
  <c r="B5261" i="1"/>
  <c r="B5262" i="1"/>
  <c r="B5263" i="1"/>
  <c r="B5264" i="1"/>
  <c r="B5265" i="1"/>
  <c r="B5266" i="1"/>
  <c r="B5267" i="1"/>
  <c r="B5268" i="1"/>
  <c r="B5269" i="1"/>
  <c r="B5270" i="1"/>
  <c r="B5271" i="1"/>
  <c r="B5272" i="1"/>
  <c r="B5273" i="1"/>
  <c r="B5274" i="1"/>
  <c r="B5275" i="1"/>
  <c r="B5276" i="1"/>
  <c r="B5277" i="1"/>
  <c r="B5278" i="1"/>
  <c r="B5279" i="1"/>
  <c r="B5280" i="1"/>
  <c r="B5281" i="1"/>
  <c r="B5282" i="1"/>
  <c r="B5283" i="1"/>
  <c r="B5284" i="1"/>
  <c r="B5285" i="1"/>
  <c r="B5286" i="1"/>
  <c r="B5287" i="1"/>
  <c r="B5288" i="1"/>
  <c r="B5289" i="1"/>
  <c r="B5290" i="1"/>
  <c r="B5291" i="1"/>
  <c r="B5292" i="1"/>
  <c r="B5293" i="1"/>
  <c r="B5294" i="1"/>
  <c r="B5295" i="1"/>
  <c r="B5296" i="1"/>
  <c r="B5297" i="1"/>
  <c r="B5298" i="1"/>
  <c r="B5299" i="1"/>
  <c r="B5300" i="1"/>
  <c r="B5301" i="1"/>
  <c r="B5302" i="1"/>
  <c r="B5303" i="1"/>
  <c r="B5304" i="1"/>
  <c r="B5305" i="1"/>
  <c r="B5306" i="1"/>
  <c r="B5307" i="1"/>
  <c r="B5308" i="1"/>
  <c r="B5309" i="1"/>
  <c r="B5310" i="1"/>
  <c r="B5311" i="1"/>
  <c r="B5312" i="1"/>
  <c r="B5313" i="1"/>
  <c r="B5314" i="1"/>
  <c r="B5315" i="1"/>
  <c r="B5316" i="1"/>
  <c r="B5317" i="1"/>
  <c r="B5318" i="1"/>
  <c r="B5319" i="1"/>
  <c r="B5320" i="1"/>
  <c r="B5321" i="1"/>
  <c r="B5322" i="1"/>
  <c r="B5323" i="1"/>
  <c r="B5324" i="1"/>
  <c r="B5325" i="1"/>
  <c r="B5326" i="1"/>
  <c r="B5327" i="1"/>
  <c r="B5328" i="1"/>
  <c r="B5329" i="1"/>
  <c r="B5330" i="1"/>
  <c r="B5331" i="1"/>
  <c r="B5332" i="1"/>
  <c r="B5333" i="1"/>
  <c r="B5334" i="1"/>
  <c r="B5335" i="1"/>
  <c r="B5336" i="1"/>
  <c r="B5337" i="1"/>
  <c r="B5338" i="1"/>
  <c r="B5339" i="1"/>
  <c r="B5340" i="1"/>
  <c r="B5341" i="1"/>
  <c r="B5342" i="1"/>
  <c r="B5343" i="1"/>
  <c r="B5344" i="1"/>
  <c r="B5345" i="1"/>
  <c r="B5346" i="1"/>
  <c r="B5347" i="1"/>
  <c r="B5348" i="1"/>
  <c r="B5349" i="1"/>
  <c r="B5350" i="1"/>
  <c r="B5351" i="1"/>
  <c r="B5352" i="1"/>
  <c r="B5353" i="1"/>
  <c r="B5354" i="1"/>
  <c r="B5355" i="1"/>
  <c r="B5356" i="1"/>
  <c r="B5357" i="1"/>
  <c r="B5358" i="1"/>
  <c r="B5359" i="1"/>
  <c r="B5360" i="1"/>
  <c r="B5361" i="1"/>
  <c r="B5362" i="1"/>
  <c r="B5363" i="1"/>
  <c r="B5364" i="1"/>
  <c r="B5365" i="1"/>
  <c r="B5366" i="1"/>
  <c r="B5367" i="1"/>
  <c r="B5368" i="1"/>
  <c r="B5369" i="1"/>
  <c r="B5370" i="1"/>
  <c r="B5371" i="1"/>
  <c r="B5372" i="1"/>
  <c r="B5373" i="1"/>
  <c r="B5374" i="1"/>
  <c r="B5375" i="1"/>
  <c r="B5376" i="1"/>
  <c r="B5377" i="1"/>
  <c r="B5378" i="1"/>
  <c r="B5379" i="1"/>
  <c r="B5380" i="1"/>
  <c r="B5381" i="1"/>
  <c r="B5382" i="1"/>
  <c r="B5383" i="1"/>
  <c r="B5384" i="1"/>
  <c r="B5385" i="1"/>
  <c r="B5386" i="1"/>
  <c r="B5387" i="1"/>
  <c r="B5388" i="1"/>
  <c r="B5389" i="1"/>
  <c r="B5390" i="1"/>
  <c r="B5391" i="1"/>
  <c r="B5392" i="1"/>
  <c r="B5393" i="1"/>
  <c r="B5394" i="1"/>
  <c r="B5395" i="1"/>
  <c r="B5396" i="1"/>
  <c r="B5397" i="1"/>
  <c r="B5398" i="1"/>
  <c r="B5399" i="1"/>
  <c r="B5400" i="1"/>
  <c r="B5401" i="1"/>
  <c r="B5402" i="1"/>
  <c r="B5403" i="1"/>
  <c r="B5404" i="1"/>
  <c r="B5405" i="1"/>
  <c r="B5406" i="1"/>
  <c r="B5407" i="1"/>
  <c r="B5408" i="1"/>
  <c r="B5409" i="1"/>
  <c r="B5410" i="1"/>
  <c r="B5411" i="1"/>
  <c r="B5412" i="1"/>
  <c r="B5413" i="1"/>
  <c r="B5414" i="1"/>
  <c r="B5415" i="1"/>
  <c r="B5416" i="1"/>
  <c r="B5417" i="1"/>
  <c r="B5418" i="1"/>
  <c r="B5419" i="1"/>
  <c r="B5420" i="1"/>
  <c r="B5421" i="1"/>
  <c r="B5422" i="1"/>
  <c r="B5423" i="1"/>
  <c r="B5424" i="1"/>
  <c r="B5425" i="1"/>
  <c r="B5426" i="1"/>
  <c r="B5427" i="1"/>
  <c r="B5428" i="1"/>
  <c r="B5429" i="1"/>
  <c r="B5430" i="1"/>
  <c r="B5431" i="1"/>
  <c r="B5432" i="1"/>
  <c r="B5433" i="1"/>
  <c r="B5434" i="1"/>
  <c r="B5435" i="1"/>
  <c r="B5436" i="1"/>
  <c r="B5437" i="1"/>
  <c r="B5438" i="1"/>
  <c r="B5439" i="1"/>
  <c r="B5440" i="1"/>
  <c r="B5441" i="1"/>
  <c r="B5442" i="1"/>
  <c r="B5443" i="1"/>
  <c r="B5444" i="1"/>
  <c r="B5445" i="1"/>
  <c r="B5446" i="1"/>
  <c r="B5447" i="1"/>
  <c r="B5448" i="1"/>
  <c r="B5449" i="1"/>
  <c r="B5450" i="1"/>
  <c r="B5451" i="1"/>
  <c r="B5452" i="1"/>
  <c r="B5453" i="1"/>
  <c r="B5454" i="1"/>
  <c r="B5455" i="1"/>
  <c r="B5456" i="1"/>
  <c r="B5457" i="1"/>
  <c r="B5458" i="1"/>
  <c r="B5459" i="1"/>
  <c r="B5460" i="1"/>
  <c r="B5461" i="1"/>
  <c r="B5462" i="1"/>
  <c r="B5463" i="1"/>
  <c r="B5464" i="1"/>
  <c r="B5465" i="1"/>
  <c r="B5466" i="1"/>
  <c r="B5467" i="1"/>
  <c r="B5468" i="1"/>
  <c r="B5469" i="1"/>
  <c r="B5470" i="1"/>
  <c r="B5471" i="1"/>
  <c r="B5472" i="1"/>
  <c r="B5473" i="1"/>
  <c r="B5474" i="1"/>
  <c r="B5475" i="1"/>
  <c r="B5476" i="1"/>
  <c r="B5477" i="1"/>
  <c r="B5478" i="1"/>
  <c r="B5479" i="1"/>
  <c r="B5480" i="1"/>
  <c r="B5481" i="1"/>
  <c r="B5482" i="1"/>
  <c r="B5483" i="1"/>
  <c r="B5484" i="1"/>
  <c r="B5485" i="1"/>
  <c r="B5486" i="1"/>
  <c r="B5487" i="1"/>
  <c r="B5488" i="1"/>
  <c r="B5489" i="1"/>
  <c r="B5490" i="1"/>
  <c r="B5491" i="1"/>
  <c r="B5492" i="1"/>
  <c r="B5493" i="1"/>
  <c r="B5494" i="1"/>
  <c r="B5495" i="1"/>
  <c r="B5496" i="1"/>
  <c r="B5497" i="1"/>
  <c r="B5498" i="1"/>
  <c r="B5499" i="1"/>
  <c r="B5500" i="1"/>
  <c r="B5501" i="1"/>
  <c r="B5502" i="1"/>
  <c r="B5503" i="1"/>
  <c r="B5504" i="1"/>
  <c r="B5505" i="1"/>
  <c r="B5506" i="1"/>
  <c r="B5507" i="1"/>
  <c r="B5508" i="1"/>
  <c r="B5509" i="1"/>
  <c r="B5510" i="1"/>
  <c r="B5511" i="1"/>
  <c r="B5512" i="1"/>
  <c r="B5513" i="1"/>
  <c r="B5514" i="1"/>
  <c r="B5515" i="1"/>
  <c r="B5516" i="1"/>
  <c r="B5517" i="1"/>
  <c r="B5518" i="1"/>
  <c r="B5519" i="1"/>
  <c r="B5520" i="1"/>
  <c r="B5521" i="1"/>
  <c r="B5522" i="1"/>
  <c r="B5523" i="1"/>
  <c r="B5524" i="1"/>
  <c r="B5525" i="1"/>
  <c r="B5526" i="1"/>
  <c r="B5527" i="1"/>
  <c r="B5528" i="1"/>
  <c r="B5529" i="1"/>
  <c r="B5530" i="1"/>
  <c r="B5531" i="1"/>
  <c r="B5532" i="1"/>
  <c r="B5533" i="1"/>
  <c r="B5534" i="1"/>
  <c r="B5535" i="1"/>
  <c r="B5536" i="1"/>
  <c r="B5537" i="1"/>
  <c r="B5538" i="1"/>
  <c r="B5539" i="1"/>
  <c r="B5540" i="1"/>
  <c r="B5541" i="1"/>
  <c r="B5542" i="1"/>
  <c r="B5543" i="1"/>
  <c r="B5544" i="1"/>
  <c r="B5545" i="1"/>
  <c r="B5546" i="1"/>
  <c r="B5547" i="1"/>
  <c r="B5548" i="1"/>
  <c r="B5549" i="1"/>
  <c r="B5550" i="1"/>
  <c r="B5551" i="1"/>
  <c r="B5552" i="1"/>
  <c r="B5553" i="1"/>
  <c r="B5554" i="1"/>
  <c r="B5555" i="1"/>
  <c r="B5556" i="1"/>
  <c r="B5557" i="1"/>
  <c r="B5558" i="1"/>
  <c r="B5559" i="1"/>
  <c r="B5560" i="1"/>
  <c r="B5561" i="1"/>
  <c r="B5562" i="1"/>
  <c r="B5563" i="1"/>
  <c r="B5564" i="1"/>
  <c r="B5565" i="1"/>
  <c r="B5566" i="1"/>
  <c r="B5567" i="1"/>
  <c r="B5568" i="1"/>
  <c r="B5569" i="1"/>
  <c r="B5570" i="1"/>
  <c r="B5571" i="1"/>
  <c r="B5572" i="1"/>
  <c r="B5573" i="1"/>
  <c r="B5574" i="1"/>
  <c r="B5575" i="1"/>
  <c r="B5576" i="1"/>
  <c r="B5577" i="1"/>
  <c r="B5578" i="1"/>
  <c r="B5579" i="1"/>
  <c r="B5580" i="1"/>
  <c r="B5581" i="1"/>
  <c r="B5582" i="1"/>
  <c r="B5583" i="1"/>
  <c r="B5584" i="1"/>
  <c r="B5585" i="1"/>
  <c r="B5586" i="1"/>
  <c r="B5587" i="1"/>
  <c r="B5588" i="1"/>
  <c r="B5589" i="1"/>
  <c r="B5590" i="1"/>
  <c r="B5591" i="1"/>
  <c r="B5592" i="1"/>
  <c r="B5593" i="1"/>
  <c r="B5594" i="1"/>
  <c r="B5595" i="1"/>
  <c r="B5596" i="1"/>
  <c r="B5597" i="1"/>
  <c r="B5598" i="1"/>
  <c r="B5599" i="1"/>
  <c r="B5600" i="1"/>
  <c r="B5601" i="1"/>
  <c r="B5602" i="1"/>
  <c r="B5603" i="1"/>
  <c r="B5604" i="1"/>
  <c r="B5605" i="1"/>
  <c r="B5606" i="1"/>
  <c r="B5607" i="1"/>
  <c r="B5608" i="1"/>
  <c r="B5609" i="1"/>
  <c r="B5610" i="1"/>
  <c r="B5611" i="1"/>
  <c r="B5612" i="1"/>
  <c r="B5613" i="1"/>
  <c r="B5614" i="1"/>
  <c r="B5615" i="1"/>
  <c r="B5616" i="1"/>
  <c r="B5617" i="1"/>
  <c r="B5618" i="1"/>
  <c r="B5619" i="1"/>
  <c r="B5620" i="1"/>
  <c r="B5621" i="1"/>
  <c r="B5622" i="1"/>
  <c r="B5623" i="1"/>
  <c r="B5624" i="1"/>
  <c r="B5625" i="1"/>
  <c r="B5626" i="1"/>
  <c r="B5627" i="1"/>
  <c r="B5628" i="1"/>
  <c r="B5629" i="1"/>
  <c r="B5630" i="1"/>
  <c r="B5631" i="1"/>
  <c r="B5632" i="1"/>
  <c r="B5633" i="1"/>
  <c r="B5634" i="1"/>
  <c r="B5635" i="1"/>
  <c r="B5636" i="1"/>
  <c r="B5637" i="1"/>
  <c r="B5638" i="1"/>
  <c r="B5639" i="1"/>
  <c r="B5640" i="1"/>
  <c r="B5641" i="1"/>
  <c r="B5642" i="1"/>
  <c r="B5643" i="1"/>
  <c r="B5644" i="1"/>
  <c r="B5645" i="1"/>
  <c r="B5646" i="1"/>
  <c r="B5647" i="1"/>
  <c r="B5648" i="1"/>
  <c r="B5649" i="1"/>
  <c r="B5650" i="1"/>
  <c r="B5651" i="1"/>
  <c r="B5652" i="1"/>
  <c r="B5653" i="1"/>
  <c r="B5654" i="1"/>
  <c r="B5655" i="1"/>
  <c r="B5656" i="1"/>
  <c r="B5657" i="1"/>
  <c r="B5658" i="1"/>
  <c r="B5659" i="1"/>
  <c r="B5660" i="1"/>
  <c r="B5661" i="1"/>
  <c r="B5662" i="1"/>
  <c r="B5663" i="1"/>
  <c r="B5664" i="1"/>
  <c r="B5665" i="1"/>
  <c r="B5666" i="1"/>
  <c r="B5667" i="1"/>
  <c r="B5668" i="1"/>
  <c r="B5669" i="1"/>
  <c r="B5670" i="1"/>
  <c r="B5671" i="1"/>
  <c r="B5672" i="1"/>
  <c r="B5673" i="1"/>
  <c r="B5674" i="1"/>
  <c r="B5675" i="1"/>
  <c r="B5676" i="1"/>
  <c r="B5677" i="1"/>
  <c r="B5678" i="1"/>
  <c r="B5679" i="1"/>
  <c r="B5680" i="1"/>
  <c r="B5681" i="1"/>
  <c r="B5682" i="1"/>
  <c r="B5683" i="1"/>
  <c r="B5684" i="1"/>
  <c r="B5685" i="1"/>
  <c r="B5686" i="1"/>
  <c r="B5687" i="1"/>
  <c r="B5688" i="1"/>
  <c r="B5689" i="1"/>
  <c r="B5690" i="1"/>
  <c r="B5691" i="1"/>
  <c r="B5692" i="1"/>
  <c r="B5693" i="1"/>
  <c r="B5694" i="1"/>
  <c r="B5695" i="1"/>
  <c r="B5696" i="1"/>
  <c r="B5697" i="1"/>
  <c r="B5698" i="1"/>
  <c r="B5699" i="1"/>
  <c r="B5700" i="1"/>
  <c r="B5701" i="1"/>
  <c r="B5702" i="1"/>
  <c r="B5703" i="1"/>
  <c r="B5704" i="1"/>
  <c r="B5705" i="1"/>
  <c r="B5706" i="1"/>
  <c r="B5707" i="1"/>
  <c r="B5708" i="1"/>
  <c r="B5709" i="1"/>
  <c r="B5710" i="1"/>
  <c r="B5711" i="1"/>
  <c r="B5712" i="1"/>
  <c r="B5713" i="1"/>
  <c r="B5714" i="1"/>
  <c r="B5715" i="1"/>
  <c r="B5716" i="1"/>
  <c r="B5717" i="1"/>
  <c r="B5718" i="1"/>
  <c r="B5719" i="1"/>
  <c r="B5720" i="1"/>
  <c r="B5721" i="1"/>
  <c r="B5722" i="1"/>
  <c r="B5723" i="1"/>
  <c r="B5724" i="1"/>
  <c r="B5725" i="1"/>
  <c r="B5726" i="1"/>
  <c r="B5727" i="1"/>
  <c r="B5728" i="1"/>
  <c r="B5729" i="1"/>
  <c r="B5730" i="1"/>
  <c r="B5731" i="1"/>
  <c r="B5732" i="1"/>
  <c r="B5733" i="1"/>
  <c r="B5734" i="1"/>
  <c r="B5735" i="1"/>
  <c r="B5736" i="1"/>
  <c r="B5737" i="1"/>
  <c r="B5738" i="1"/>
  <c r="B5739" i="1"/>
  <c r="B5740" i="1"/>
  <c r="B5741" i="1"/>
  <c r="B5742" i="1"/>
  <c r="B5743" i="1"/>
  <c r="B5744" i="1"/>
  <c r="B5745" i="1"/>
  <c r="B5746" i="1"/>
  <c r="B5747" i="1"/>
  <c r="B5748" i="1"/>
  <c r="B5749" i="1"/>
  <c r="B5750" i="1"/>
  <c r="B5751" i="1"/>
  <c r="B5752" i="1"/>
  <c r="B5753" i="1"/>
  <c r="B5754" i="1"/>
  <c r="B5755" i="1"/>
  <c r="B5756" i="1"/>
  <c r="B5757" i="1"/>
  <c r="B5758" i="1"/>
  <c r="B5759" i="1"/>
  <c r="B5760" i="1"/>
  <c r="B5761" i="1"/>
  <c r="B5762" i="1"/>
  <c r="B5763" i="1"/>
  <c r="B5764" i="1"/>
  <c r="B5765" i="1"/>
  <c r="B5766" i="1"/>
  <c r="B5767" i="1"/>
  <c r="B5768" i="1"/>
  <c r="B5769" i="1"/>
  <c r="B5770" i="1"/>
  <c r="B5771" i="1"/>
  <c r="B5772" i="1"/>
  <c r="B5773" i="1"/>
  <c r="B5774" i="1"/>
  <c r="B5775" i="1"/>
  <c r="B5776" i="1"/>
  <c r="B5777" i="1"/>
  <c r="B5778" i="1"/>
  <c r="B5779" i="1"/>
  <c r="B5780" i="1"/>
  <c r="B5781" i="1"/>
  <c r="B5782" i="1"/>
  <c r="B5783" i="1"/>
  <c r="B5784" i="1"/>
  <c r="B5785" i="1"/>
  <c r="B5786" i="1"/>
  <c r="B5787" i="1"/>
  <c r="B5788" i="1"/>
  <c r="B5789" i="1"/>
  <c r="B5790" i="1"/>
  <c r="B5791" i="1"/>
  <c r="B5792" i="1"/>
  <c r="B5793" i="1"/>
  <c r="B5794" i="1"/>
  <c r="B5795" i="1"/>
  <c r="B5796" i="1"/>
  <c r="B5797" i="1"/>
  <c r="B5798" i="1"/>
  <c r="B5799" i="1"/>
  <c r="B5800" i="1"/>
  <c r="B5801" i="1"/>
  <c r="B5802" i="1"/>
  <c r="B5803" i="1"/>
  <c r="B5804" i="1"/>
  <c r="B5805" i="1"/>
  <c r="B5806" i="1"/>
  <c r="B5807" i="1"/>
  <c r="B5808" i="1"/>
  <c r="B5809" i="1"/>
  <c r="B5810" i="1"/>
  <c r="B5811" i="1"/>
  <c r="B5812" i="1"/>
  <c r="B5813" i="1"/>
  <c r="B5814" i="1"/>
  <c r="B5815" i="1"/>
  <c r="B5816" i="1"/>
  <c r="B5817" i="1"/>
  <c r="B5818" i="1"/>
  <c r="B5819" i="1"/>
  <c r="B5820" i="1"/>
  <c r="B5821" i="1"/>
  <c r="B5822" i="1"/>
  <c r="B5823" i="1"/>
  <c r="B5824" i="1"/>
  <c r="B5825" i="1"/>
  <c r="B5826" i="1"/>
  <c r="B5827" i="1"/>
  <c r="B5828" i="1"/>
  <c r="B5829" i="1"/>
  <c r="B5830" i="1"/>
  <c r="B5831" i="1"/>
  <c r="B5832" i="1"/>
  <c r="B5833" i="1"/>
  <c r="B5834" i="1"/>
  <c r="B5835" i="1"/>
  <c r="B5836" i="1"/>
  <c r="B5837" i="1"/>
  <c r="B5838" i="1"/>
  <c r="B5839" i="1"/>
  <c r="B5840" i="1"/>
  <c r="B5841" i="1"/>
  <c r="B5842" i="1"/>
  <c r="B5843" i="1"/>
  <c r="B5844" i="1"/>
  <c r="B5845" i="1"/>
  <c r="B5846" i="1"/>
  <c r="B5847" i="1"/>
  <c r="B5848" i="1"/>
  <c r="B5849" i="1"/>
  <c r="B5850" i="1"/>
  <c r="B5851" i="1"/>
  <c r="B5852" i="1"/>
  <c r="B5853" i="1"/>
  <c r="B5854" i="1"/>
  <c r="B5855" i="1"/>
  <c r="B5856" i="1"/>
  <c r="B5857" i="1"/>
  <c r="B5858" i="1"/>
  <c r="B5859" i="1"/>
  <c r="B5860" i="1"/>
  <c r="B5861" i="1"/>
  <c r="B5862" i="1"/>
  <c r="B5863" i="1"/>
  <c r="B5864" i="1"/>
  <c r="B5865" i="1"/>
  <c r="B5866" i="1"/>
  <c r="B5867" i="1"/>
  <c r="B5868" i="1"/>
  <c r="B5869" i="1"/>
  <c r="B5870" i="1"/>
  <c r="B5871" i="1"/>
  <c r="B5872" i="1"/>
  <c r="B5873" i="1"/>
  <c r="B5874" i="1"/>
  <c r="B5875" i="1"/>
  <c r="B5876" i="1"/>
  <c r="B5877" i="1"/>
  <c r="B5878" i="1"/>
  <c r="B5879" i="1"/>
  <c r="B5880" i="1"/>
  <c r="B5881" i="1"/>
  <c r="B5882" i="1"/>
  <c r="B5883" i="1"/>
  <c r="B5884" i="1"/>
  <c r="B5885" i="1"/>
  <c r="B5886" i="1"/>
  <c r="B5887" i="1"/>
  <c r="B5888" i="1"/>
  <c r="B5889" i="1"/>
  <c r="B5890" i="1"/>
  <c r="B5891" i="1"/>
  <c r="B5892" i="1"/>
  <c r="B5893" i="1"/>
  <c r="B5894" i="1"/>
  <c r="B5895" i="1"/>
  <c r="B5896" i="1"/>
  <c r="B5897" i="1"/>
  <c r="B5898" i="1"/>
  <c r="B5899" i="1"/>
  <c r="B5900" i="1"/>
  <c r="B5901" i="1"/>
  <c r="B5902" i="1"/>
  <c r="B5903" i="1"/>
  <c r="B5904" i="1"/>
  <c r="B5905" i="1"/>
  <c r="B5906" i="1"/>
  <c r="B5907" i="1"/>
  <c r="B5908" i="1"/>
  <c r="B5909" i="1"/>
  <c r="B5910" i="1"/>
  <c r="B5911" i="1"/>
  <c r="B5912" i="1"/>
  <c r="B5913" i="1"/>
  <c r="B5914" i="1"/>
  <c r="B5915" i="1"/>
  <c r="B5916" i="1"/>
  <c r="B5917" i="1"/>
  <c r="B5918" i="1"/>
  <c r="B5919" i="1"/>
  <c r="B5920" i="1"/>
  <c r="B5921" i="1"/>
  <c r="B5922" i="1"/>
  <c r="B5923" i="1"/>
  <c r="B5924" i="1"/>
  <c r="B5925" i="1"/>
  <c r="B5926" i="1"/>
  <c r="B5927" i="1"/>
  <c r="B5928" i="1"/>
  <c r="B5929" i="1"/>
  <c r="B5930" i="1"/>
  <c r="B5931" i="1"/>
  <c r="B5932" i="1"/>
  <c r="B5933" i="1"/>
  <c r="B5934" i="1"/>
  <c r="B5935" i="1"/>
  <c r="B5936" i="1"/>
  <c r="B5937" i="1"/>
  <c r="B5938" i="1"/>
  <c r="B5939" i="1"/>
  <c r="B5940" i="1"/>
  <c r="B5941" i="1"/>
  <c r="B5942" i="1"/>
  <c r="B5943" i="1"/>
  <c r="B5944" i="1"/>
  <c r="B5945" i="1"/>
  <c r="B5946" i="1"/>
  <c r="B5947" i="1"/>
  <c r="B5948" i="1"/>
  <c r="B5949" i="1"/>
  <c r="B5950" i="1"/>
  <c r="B5951" i="1"/>
  <c r="B5952" i="1"/>
  <c r="B5953" i="1"/>
  <c r="B5954" i="1"/>
  <c r="B5955" i="1"/>
  <c r="B5956" i="1"/>
  <c r="B5957" i="1"/>
  <c r="B5958" i="1"/>
  <c r="B5959" i="1"/>
  <c r="B5960" i="1"/>
  <c r="B5961" i="1"/>
  <c r="B5962" i="1"/>
  <c r="B5963" i="1"/>
  <c r="B5964" i="1"/>
  <c r="B5965" i="1"/>
  <c r="B5966" i="1"/>
  <c r="B5967" i="1"/>
  <c r="B5968" i="1"/>
  <c r="B5969" i="1"/>
  <c r="B5970" i="1"/>
  <c r="B5971" i="1"/>
  <c r="B5972" i="1"/>
  <c r="B5973" i="1"/>
  <c r="B5974" i="1"/>
  <c r="B5975" i="1"/>
  <c r="B5976" i="1"/>
  <c r="B5977" i="1"/>
  <c r="B5978" i="1"/>
  <c r="B5979" i="1"/>
  <c r="B5980" i="1"/>
  <c r="B5981" i="1"/>
  <c r="B5982" i="1"/>
  <c r="B5983" i="1"/>
  <c r="B5984" i="1"/>
  <c r="B5985" i="1"/>
  <c r="B5986" i="1"/>
  <c r="B5987" i="1"/>
  <c r="B5988" i="1"/>
  <c r="B5989" i="1"/>
  <c r="B5990" i="1"/>
  <c r="B5991" i="1"/>
  <c r="B5992" i="1"/>
  <c r="B5993" i="1"/>
  <c r="B5994" i="1"/>
  <c r="B5995" i="1"/>
  <c r="B5996" i="1"/>
  <c r="B5997" i="1"/>
  <c r="B5998" i="1"/>
  <c r="B5999" i="1"/>
  <c r="B6000" i="1"/>
  <c r="B6001" i="1"/>
  <c r="B6002" i="1"/>
  <c r="B6003" i="1"/>
  <c r="B6004" i="1"/>
  <c r="B6005" i="1"/>
  <c r="B6006" i="1"/>
  <c r="B6007" i="1"/>
  <c r="B6008" i="1"/>
  <c r="B6009" i="1"/>
  <c r="B6010" i="1"/>
  <c r="B6011" i="1"/>
  <c r="B6012" i="1"/>
  <c r="B6013" i="1"/>
  <c r="B6014" i="1"/>
  <c r="B6015" i="1"/>
  <c r="B6016" i="1"/>
  <c r="B6017" i="1"/>
  <c r="B6018" i="1"/>
  <c r="B6019" i="1"/>
  <c r="B6020" i="1"/>
  <c r="B6021" i="1"/>
  <c r="B6022" i="1"/>
  <c r="B6023" i="1"/>
  <c r="B6024" i="1"/>
  <c r="B6025" i="1"/>
  <c r="B6026" i="1"/>
  <c r="B6027" i="1"/>
  <c r="B6028" i="1"/>
  <c r="B6029" i="1"/>
  <c r="B6030" i="1"/>
  <c r="B6031" i="1"/>
  <c r="B6032" i="1"/>
  <c r="B6033" i="1"/>
  <c r="B6034" i="1"/>
  <c r="B6035" i="1"/>
  <c r="B6036" i="1"/>
  <c r="B6037" i="1"/>
  <c r="B6038" i="1"/>
  <c r="B6039" i="1"/>
  <c r="B6040" i="1"/>
  <c r="B6041" i="1"/>
  <c r="B6042" i="1"/>
  <c r="B6043" i="1"/>
  <c r="B6044" i="1"/>
  <c r="B6045" i="1"/>
  <c r="B6046" i="1"/>
  <c r="B6047" i="1"/>
  <c r="B6048" i="1"/>
  <c r="B6049" i="1"/>
  <c r="B6050" i="1"/>
  <c r="B6051" i="1"/>
  <c r="B6052" i="1"/>
  <c r="B6053" i="1"/>
  <c r="B6054" i="1"/>
  <c r="B6055" i="1"/>
  <c r="B6056" i="1"/>
  <c r="B6057" i="1"/>
  <c r="B6058" i="1"/>
  <c r="B6059" i="1"/>
  <c r="B6060" i="1"/>
  <c r="B6061" i="1"/>
  <c r="B6062" i="1"/>
  <c r="B6063" i="1"/>
  <c r="B6064" i="1"/>
  <c r="B6065" i="1"/>
  <c r="B6066" i="1"/>
  <c r="B6067" i="1"/>
  <c r="B6068" i="1"/>
  <c r="B6069" i="1"/>
  <c r="B6070" i="1"/>
  <c r="B6071" i="1"/>
  <c r="B6072" i="1"/>
  <c r="B6073" i="1"/>
  <c r="B6074" i="1"/>
  <c r="B6075" i="1"/>
  <c r="B6076" i="1"/>
  <c r="B6077" i="1"/>
  <c r="B6078" i="1"/>
  <c r="B6079" i="1"/>
  <c r="B6080" i="1"/>
  <c r="B6081" i="1"/>
  <c r="B6082" i="1"/>
  <c r="B6083" i="1"/>
  <c r="B6084" i="1"/>
  <c r="B6085" i="1"/>
  <c r="B6086" i="1"/>
  <c r="B6087" i="1"/>
  <c r="B6088" i="1"/>
  <c r="B6089" i="1"/>
  <c r="B6090" i="1"/>
  <c r="B6091" i="1"/>
  <c r="B6092" i="1"/>
  <c r="B6093" i="1"/>
  <c r="B6094" i="1"/>
  <c r="B6095" i="1"/>
  <c r="B6096" i="1"/>
  <c r="B6097" i="1"/>
  <c r="B6098" i="1"/>
  <c r="B6099" i="1"/>
  <c r="B6100" i="1"/>
  <c r="B6101" i="1"/>
  <c r="B6102" i="1"/>
  <c r="B6103" i="1"/>
  <c r="B6104" i="1"/>
  <c r="B6105" i="1"/>
  <c r="B6106" i="1"/>
  <c r="B6107" i="1"/>
  <c r="B6108" i="1"/>
  <c r="B6109" i="1"/>
  <c r="B6110" i="1"/>
  <c r="B6111" i="1"/>
  <c r="B6112" i="1"/>
  <c r="B6113" i="1"/>
  <c r="B6114" i="1"/>
  <c r="B6115" i="1"/>
  <c r="B6116" i="1"/>
  <c r="B6117" i="1"/>
  <c r="B6118" i="1"/>
  <c r="B6119" i="1"/>
  <c r="B6120" i="1"/>
  <c r="B6121" i="1"/>
  <c r="B6122" i="1"/>
  <c r="B6123" i="1"/>
  <c r="B6124" i="1"/>
  <c r="B6125" i="1"/>
  <c r="B6126" i="1"/>
  <c r="B6127" i="1"/>
  <c r="B6128" i="1"/>
  <c r="B6129" i="1"/>
  <c r="B6130" i="1"/>
  <c r="B6131" i="1"/>
  <c r="B6132" i="1"/>
  <c r="B6133" i="1"/>
  <c r="B6134" i="1"/>
  <c r="B6135" i="1"/>
  <c r="B6136" i="1"/>
  <c r="B6137" i="1"/>
  <c r="B6138" i="1"/>
  <c r="B6139" i="1"/>
  <c r="B6140" i="1"/>
  <c r="B6141" i="1"/>
  <c r="B6142" i="1"/>
  <c r="B6143" i="1"/>
  <c r="B6144" i="1"/>
  <c r="B6145" i="1"/>
  <c r="B6146" i="1"/>
  <c r="B6147" i="1"/>
  <c r="B6148" i="1"/>
  <c r="B6149" i="1"/>
  <c r="B6150" i="1"/>
  <c r="B6151" i="1"/>
  <c r="B6152" i="1"/>
  <c r="B6153" i="1"/>
  <c r="B6154" i="1"/>
  <c r="B6155" i="1"/>
  <c r="B6156" i="1"/>
  <c r="B6157" i="1"/>
  <c r="B6158" i="1"/>
  <c r="B6159" i="1"/>
  <c r="B6160" i="1"/>
  <c r="B6161" i="1"/>
  <c r="B6162" i="1"/>
  <c r="B6163" i="1"/>
  <c r="B6164" i="1"/>
  <c r="B6165" i="1"/>
  <c r="B6166" i="1"/>
  <c r="B6167" i="1"/>
  <c r="B6168" i="1"/>
  <c r="B6169" i="1"/>
  <c r="B6170" i="1"/>
  <c r="B6171" i="1"/>
  <c r="B6172" i="1"/>
  <c r="B6173" i="1"/>
  <c r="B6174" i="1"/>
  <c r="B6175" i="1"/>
  <c r="B6176" i="1"/>
  <c r="B6177" i="1"/>
  <c r="B6178" i="1"/>
  <c r="B6179" i="1"/>
  <c r="B6180" i="1"/>
  <c r="B6181" i="1"/>
  <c r="B6182" i="1"/>
  <c r="B6183" i="1"/>
  <c r="B6184" i="1"/>
  <c r="B6185" i="1"/>
  <c r="B6186" i="1"/>
  <c r="B6187" i="1"/>
  <c r="B6188" i="1"/>
  <c r="B6189" i="1"/>
  <c r="B6190" i="1"/>
  <c r="B6191" i="1"/>
  <c r="B6192" i="1"/>
  <c r="B6193" i="1"/>
  <c r="B6194" i="1"/>
  <c r="B6195" i="1"/>
  <c r="B6196" i="1"/>
  <c r="B6197" i="1"/>
  <c r="B6198" i="1"/>
  <c r="B6199" i="1"/>
  <c r="B6200" i="1"/>
  <c r="B6201" i="1"/>
  <c r="B6202" i="1"/>
  <c r="B6203" i="1"/>
  <c r="B6204" i="1"/>
  <c r="B6205" i="1"/>
  <c r="B6206" i="1"/>
  <c r="B6207" i="1"/>
  <c r="B6208" i="1"/>
  <c r="B6209" i="1"/>
  <c r="B6210" i="1"/>
  <c r="B6211" i="1"/>
  <c r="B6212" i="1"/>
  <c r="B6213" i="1"/>
  <c r="B6214" i="1"/>
  <c r="B6215" i="1"/>
  <c r="B6216" i="1"/>
  <c r="B6217" i="1"/>
  <c r="B6218" i="1"/>
  <c r="B6219" i="1"/>
  <c r="B6220" i="1"/>
  <c r="B6221" i="1"/>
  <c r="B6222" i="1"/>
  <c r="B6223" i="1"/>
  <c r="B6224" i="1"/>
  <c r="B6225" i="1"/>
  <c r="B6226" i="1"/>
  <c r="B6227" i="1"/>
  <c r="B6228" i="1"/>
  <c r="B6229" i="1"/>
  <c r="B6230" i="1"/>
  <c r="B6231" i="1"/>
  <c r="B6232" i="1"/>
  <c r="B6233" i="1"/>
  <c r="B6234" i="1"/>
  <c r="B6235" i="1"/>
  <c r="B6236" i="1"/>
  <c r="B6237" i="1"/>
  <c r="B6238" i="1"/>
  <c r="B6239" i="1"/>
  <c r="B6240" i="1"/>
  <c r="B6241" i="1"/>
  <c r="B6242" i="1"/>
  <c r="B6243" i="1"/>
  <c r="B6244" i="1"/>
  <c r="B6245" i="1"/>
  <c r="B6246" i="1"/>
  <c r="B6247" i="1"/>
  <c r="B6248" i="1"/>
  <c r="B6249" i="1"/>
  <c r="B6250" i="1"/>
  <c r="B6251" i="1"/>
  <c r="B6252" i="1"/>
  <c r="B6253" i="1"/>
  <c r="B6254" i="1"/>
  <c r="B6255" i="1"/>
  <c r="B6256" i="1"/>
  <c r="B6257" i="1"/>
  <c r="B6258" i="1"/>
  <c r="B6259" i="1"/>
  <c r="B6260" i="1"/>
  <c r="B6261" i="1"/>
  <c r="B6262" i="1"/>
  <c r="B6263" i="1"/>
  <c r="B6264" i="1"/>
  <c r="B6265" i="1"/>
  <c r="B6266" i="1"/>
  <c r="B6267" i="1"/>
  <c r="B6268" i="1"/>
  <c r="B6269" i="1"/>
  <c r="B6270" i="1"/>
  <c r="B6271" i="1"/>
  <c r="B6272" i="1"/>
  <c r="B6273" i="1"/>
  <c r="B6274" i="1"/>
  <c r="B6275" i="1"/>
  <c r="B6276" i="1"/>
  <c r="B6277" i="1"/>
  <c r="B6278" i="1"/>
  <c r="B6279" i="1"/>
  <c r="B6280" i="1"/>
  <c r="B6281" i="1"/>
  <c r="B6282" i="1"/>
  <c r="B6283" i="1"/>
  <c r="B6284" i="1"/>
  <c r="B6285" i="1"/>
  <c r="B6286" i="1"/>
  <c r="B6287" i="1"/>
  <c r="B6288" i="1"/>
  <c r="B6289" i="1"/>
  <c r="B6290" i="1"/>
  <c r="B6291" i="1"/>
  <c r="B6292" i="1"/>
  <c r="B6293" i="1"/>
  <c r="B6294" i="1"/>
  <c r="B6295" i="1"/>
  <c r="B6296" i="1"/>
  <c r="B6297" i="1"/>
  <c r="B6298" i="1"/>
  <c r="B6299" i="1"/>
  <c r="B6300" i="1"/>
  <c r="B6301" i="1"/>
  <c r="B6302" i="1"/>
  <c r="B6303" i="1"/>
  <c r="B6304" i="1"/>
  <c r="B6305" i="1"/>
  <c r="B6306" i="1"/>
  <c r="B6307" i="1"/>
  <c r="B6308" i="1"/>
  <c r="B6309" i="1"/>
  <c r="B6310" i="1"/>
  <c r="B6311" i="1"/>
  <c r="B6312" i="1"/>
  <c r="B6313" i="1"/>
  <c r="B6314" i="1"/>
  <c r="B6315" i="1"/>
  <c r="B6316" i="1"/>
  <c r="B6317" i="1"/>
  <c r="B6318" i="1"/>
  <c r="B6319" i="1"/>
  <c r="B6320" i="1"/>
  <c r="B6321" i="1"/>
  <c r="B6322" i="1"/>
  <c r="B6323" i="1"/>
  <c r="B6324" i="1"/>
  <c r="B6325" i="1"/>
  <c r="B6326" i="1"/>
  <c r="B6327" i="1"/>
  <c r="B6328" i="1"/>
  <c r="B6329" i="1"/>
  <c r="B6330" i="1"/>
  <c r="B6331" i="1"/>
  <c r="B6332" i="1"/>
  <c r="B6333" i="1"/>
  <c r="B6334" i="1"/>
  <c r="B6335" i="1"/>
  <c r="B6336" i="1"/>
  <c r="B6337" i="1"/>
  <c r="B6338" i="1"/>
  <c r="B6339" i="1"/>
  <c r="B6340" i="1"/>
  <c r="B6341" i="1"/>
  <c r="B6342" i="1"/>
  <c r="B6343" i="1"/>
  <c r="B6344" i="1"/>
  <c r="B6345" i="1"/>
  <c r="B6346" i="1"/>
  <c r="B6347" i="1"/>
  <c r="B6348" i="1"/>
  <c r="B6349" i="1"/>
  <c r="B6350" i="1"/>
  <c r="B6351" i="1"/>
  <c r="B6352" i="1"/>
  <c r="B6353" i="1"/>
  <c r="B6354" i="1"/>
  <c r="B6355" i="1"/>
  <c r="B6356" i="1"/>
  <c r="B6357" i="1"/>
  <c r="B6358" i="1"/>
  <c r="B6359" i="1"/>
  <c r="B6360" i="1"/>
  <c r="B6361" i="1"/>
  <c r="B6362" i="1"/>
  <c r="B6363" i="1"/>
  <c r="B6364" i="1"/>
  <c r="B6365" i="1"/>
  <c r="B6366" i="1"/>
  <c r="B6367" i="1"/>
  <c r="B6368" i="1"/>
  <c r="B6369" i="1"/>
  <c r="B6370" i="1"/>
  <c r="B6371" i="1"/>
  <c r="B6372" i="1"/>
  <c r="B6373" i="1"/>
  <c r="B6374" i="1"/>
  <c r="B6375" i="1"/>
  <c r="B6376" i="1"/>
  <c r="B6377" i="1"/>
  <c r="B6378" i="1"/>
  <c r="B6379" i="1"/>
  <c r="B6380" i="1"/>
  <c r="B6381" i="1"/>
  <c r="B6382" i="1"/>
  <c r="B6383" i="1"/>
  <c r="B6384" i="1"/>
  <c r="B6385" i="1"/>
  <c r="B6386" i="1"/>
  <c r="B6387" i="1"/>
  <c r="B6388" i="1"/>
  <c r="B6389" i="1"/>
  <c r="B6390" i="1"/>
  <c r="B6391" i="1"/>
  <c r="B6392" i="1"/>
  <c r="B6393" i="1"/>
  <c r="B6394" i="1"/>
  <c r="B6395" i="1"/>
  <c r="B6396" i="1"/>
  <c r="B6397" i="1"/>
  <c r="B6398" i="1"/>
  <c r="B6399" i="1"/>
  <c r="B6400" i="1"/>
  <c r="B6401" i="1"/>
  <c r="B6402" i="1"/>
  <c r="B6403" i="1"/>
  <c r="B6404" i="1"/>
  <c r="B6405" i="1"/>
  <c r="B6406" i="1"/>
  <c r="B6407" i="1"/>
  <c r="B6408" i="1"/>
  <c r="B6409" i="1"/>
  <c r="B6410" i="1"/>
  <c r="B6411" i="1"/>
  <c r="B6412" i="1"/>
  <c r="B6413" i="1"/>
  <c r="B6414" i="1"/>
  <c r="B6415" i="1"/>
  <c r="B6416" i="1"/>
  <c r="B6417" i="1"/>
  <c r="B6418" i="1"/>
  <c r="B6419" i="1"/>
  <c r="B6420" i="1"/>
  <c r="B6421" i="1"/>
  <c r="B6422" i="1"/>
  <c r="B6423" i="1"/>
  <c r="B6424" i="1"/>
  <c r="B6425" i="1"/>
  <c r="B6426" i="1"/>
  <c r="B6427" i="1"/>
  <c r="B6428" i="1"/>
  <c r="B6429" i="1"/>
  <c r="B6430" i="1"/>
  <c r="B6431" i="1"/>
  <c r="B6432" i="1"/>
  <c r="B6433" i="1"/>
  <c r="B6434" i="1"/>
  <c r="B6435" i="1"/>
  <c r="B6436" i="1"/>
  <c r="B6437" i="1"/>
  <c r="B6438" i="1"/>
  <c r="B6439" i="1"/>
  <c r="B6440" i="1"/>
  <c r="B6441" i="1"/>
  <c r="B6442" i="1"/>
  <c r="B6443" i="1"/>
  <c r="B6444" i="1"/>
  <c r="B6445" i="1"/>
  <c r="B6446" i="1"/>
  <c r="B6447" i="1"/>
  <c r="B6448" i="1"/>
  <c r="B6449" i="1"/>
  <c r="B6450" i="1"/>
  <c r="B6451" i="1"/>
  <c r="B6452" i="1"/>
  <c r="B6453" i="1"/>
  <c r="B6454" i="1"/>
  <c r="B6455" i="1"/>
  <c r="B6456" i="1"/>
  <c r="B6457" i="1"/>
  <c r="B6458" i="1"/>
  <c r="B6459" i="1"/>
  <c r="B6460" i="1"/>
  <c r="B6461" i="1"/>
  <c r="B6462" i="1"/>
  <c r="B6463" i="1"/>
  <c r="B6464" i="1"/>
  <c r="B6465" i="1"/>
  <c r="B6466" i="1"/>
  <c r="B6467" i="1"/>
  <c r="B6468" i="1"/>
  <c r="B6469" i="1"/>
  <c r="B6470" i="1"/>
  <c r="B6471" i="1"/>
  <c r="B6472" i="1"/>
  <c r="B6473" i="1"/>
  <c r="B6474" i="1"/>
  <c r="B6475" i="1"/>
  <c r="B6476" i="1"/>
  <c r="B6477" i="1"/>
  <c r="B6478" i="1"/>
  <c r="B6479" i="1"/>
  <c r="B6480" i="1"/>
  <c r="B6481" i="1"/>
  <c r="B6482" i="1"/>
  <c r="B6483" i="1"/>
  <c r="B6484" i="1"/>
  <c r="B6485" i="1"/>
  <c r="B6486" i="1"/>
  <c r="B6487" i="1"/>
  <c r="B6488" i="1"/>
  <c r="B6489" i="1"/>
  <c r="B6490" i="1"/>
  <c r="B6491" i="1"/>
  <c r="B6492" i="1"/>
  <c r="B6493" i="1"/>
  <c r="B6494" i="1"/>
  <c r="B6495" i="1"/>
  <c r="B6496" i="1"/>
  <c r="B6497" i="1"/>
  <c r="B6498" i="1"/>
  <c r="B6499" i="1"/>
  <c r="B6500" i="1"/>
  <c r="B6501" i="1"/>
  <c r="B6502" i="1"/>
  <c r="B6503" i="1"/>
  <c r="B6504" i="1"/>
  <c r="B6505" i="1"/>
  <c r="B6506" i="1"/>
  <c r="B6507" i="1"/>
  <c r="B6508" i="1"/>
  <c r="B6509" i="1"/>
  <c r="B6510" i="1"/>
  <c r="B6511" i="1"/>
  <c r="B6512" i="1"/>
  <c r="B6513" i="1"/>
  <c r="B6514" i="1"/>
  <c r="B6515" i="1"/>
  <c r="B6516" i="1"/>
  <c r="B6517" i="1"/>
  <c r="B6518" i="1"/>
  <c r="B6519" i="1"/>
  <c r="B6520" i="1"/>
  <c r="B6521" i="1"/>
  <c r="B6522" i="1"/>
  <c r="B6523" i="1"/>
  <c r="B6524" i="1"/>
  <c r="B6525" i="1"/>
  <c r="B6526" i="1"/>
  <c r="B6527" i="1"/>
  <c r="B6528" i="1"/>
  <c r="B6529" i="1"/>
  <c r="B6530" i="1"/>
  <c r="B6531" i="1"/>
  <c r="B6532" i="1"/>
  <c r="B6533" i="1"/>
  <c r="B6534" i="1"/>
  <c r="B6535" i="1"/>
  <c r="B6536" i="1"/>
  <c r="B6537" i="1"/>
  <c r="B6538" i="1"/>
  <c r="B6539" i="1"/>
  <c r="B6540" i="1"/>
  <c r="B6541" i="1"/>
  <c r="B6542" i="1"/>
  <c r="B6543" i="1"/>
  <c r="B6544" i="1"/>
  <c r="B6545" i="1"/>
  <c r="B6546" i="1"/>
  <c r="B6547" i="1"/>
  <c r="B6548" i="1"/>
  <c r="B6549" i="1"/>
  <c r="B6550" i="1"/>
  <c r="B6551" i="1"/>
  <c r="B6552" i="1"/>
  <c r="B6553" i="1"/>
  <c r="B6554" i="1"/>
  <c r="B6555" i="1"/>
  <c r="B6556" i="1"/>
  <c r="B6557" i="1"/>
  <c r="B6558" i="1"/>
  <c r="B6559" i="1"/>
  <c r="B6560" i="1"/>
  <c r="B6561" i="1"/>
  <c r="B6562" i="1"/>
  <c r="B6563" i="1"/>
  <c r="B6564" i="1"/>
  <c r="B6565" i="1"/>
  <c r="B6566" i="1"/>
  <c r="B6567" i="1"/>
  <c r="B6568" i="1"/>
  <c r="B6569" i="1"/>
  <c r="B6570" i="1"/>
  <c r="B6571" i="1"/>
  <c r="B6572" i="1"/>
  <c r="B6573" i="1"/>
  <c r="B6574" i="1"/>
  <c r="B6575" i="1"/>
  <c r="B6576" i="1"/>
  <c r="B6577" i="1"/>
  <c r="B6578" i="1"/>
  <c r="B6579" i="1"/>
  <c r="B6580" i="1"/>
  <c r="B6581" i="1"/>
  <c r="B6582" i="1"/>
  <c r="B6583" i="1"/>
  <c r="B6584" i="1"/>
  <c r="B6585" i="1"/>
  <c r="B6586" i="1"/>
  <c r="B6587" i="1"/>
  <c r="B6588" i="1"/>
  <c r="B6589" i="1"/>
  <c r="B6590" i="1"/>
  <c r="B6591" i="1"/>
  <c r="B6592" i="1"/>
  <c r="B6593" i="1"/>
  <c r="B6594" i="1"/>
  <c r="B6595" i="1"/>
  <c r="B6596" i="1"/>
  <c r="B6597" i="1"/>
  <c r="B6598" i="1"/>
  <c r="B6599" i="1"/>
  <c r="B6600" i="1"/>
  <c r="B6601" i="1"/>
  <c r="B6602" i="1"/>
  <c r="B6603" i="1"/>
  <c r="B6604" i="1"/>
  <c r="B6605" i="1"/>
  <c r="B6606" i="1"/>
  <c r="B6607" i="1"/>
  <c r="B6608" i="1"/>
  <c r="B6609" i="1"/>
  <c r="B6610" i="1"/>
  <c r="B6611" i="1"/>
  <c r="B6612" i="1"/>
  <c r="B6613" i="1"/>
  <c r="B6614" i="1"/>
  <c r="B6615" i="1"/>
  <c r="B6616" i="1"/>
  <c r="B6617" i="1"/>
  <c r="B6618" i="1"/>
  <c r="B6619" i="1"/>
  <c r="B6620" i="1"/>
  <c r="B6621" i="1"/>
  <c r="B6622" i="1"/>
  <c r="B6623" i="1"/>
  <c r="B6624" i="1"/>
  <c r="B6625" i="1"/>
  <c r="B6626" i="1"/>
  <c r="B6627" i="1"/>
  <c r="B6628" i="1"/>
  <c r="B6629" i="1"/>
  <c r="B6630" i="1"/>
  <c r="B6631" i="1"/>
  <c r="B6632" i="1"/>
  <c r="B6633" i="1"/>
  <c r="B6634" i="1"/>
  <c r="B6635" i="1"/>
  <c r="B6636" i="1"/>
  <c r="B6637" i="1"/>
  <c r="B6638" i="1"/>
  <c r="B6639" i="1"/>
  <c r="B6640" i="1"/>
  <c r="B6641" i="1"/>
  <c r="B6642" i="1"/>
  <c r="B6643" i="1"/>
  <c r="B6644" i="1"/>
  <c r="B6645" i="1"/>
  <c r="B6646" i="1"/>
  <c r="B6647" i="1"/>
  <c r="B6648" i="1"/>
  <c r="B6649" i="1"/>
  <c r="B6650" i="1"/>
  <c r="B6651" i="1"/>
  <c r="B6652" i="1"/>
  <c r="B6653" i="1"/>
  <c r="B6654" i="1"/>
  <c r="B6655" i="1"/>
  <c r="B6656" i="1"/>
  <c r="B6657" i="1"/>
  <c r="B6658" i="1"/>
  <c r="B6659" i="1"/>
  <c r="B6660" i="1"/>
  <c r="B6661" i="1"/>
  <c r="B6662" i="1"/>
  <c r="B6663" i="1"/>
  <c r="B6664" i="1"/>
  <c r="B6665" i="1"/>
  <c r="B6666" i="1"/>
  <c r="B6667" i="1"/>
  <c r="B6668" i="1"/>
  <c r="B6669" i="1"/>
  <c r="B6670" i="1"/>
  <c r="B6671" i="1"/>
  <c r="B6672" i="1"/>
  <c r="B6673" i="1"/>
  <c r="B6674" i="1"/>
  <c r="B6675" i="1"/>
  <c r="B6676" i="1"/>
  <c r="B6677" i="1"/>
  <c r="B6678" i="1"/>
  <c r="B6679" i="1"/>
  <c r="B6680" i="1"/>
  <c r="B6681" i="1"/>
  <c r="B6682" i="1"/>
  <c r="B6683" i="1"/>
  <c r="B6684" i="1"/>
  <c r="B6685" i="1"/>
  <c r="B6686" i="1"/>
  <c r="B6687" i="1"/>
  <c r="B6688" i="1"/>
  <c r="B6689" i="1"/>
  <c r="B6690" i="1"/>
  <c r="B6691" i="1"/>
  <c r="B6692" i="1"/>
  <c r="B6693" i="1"/>
  <c r="B6694" i="1"/>
  <c r="B6695" i="1"/>
  <c r="B6696" i="1"/>
  <c r="B6697" i="1"/>
  <c r="B6698" i="1"/>
  <c r="B6699" i="1"/>
  <c r="B6700" i="1"/>
  <c r="B6701" i="1"/>
  <c r="B6702" i="1"/>
  <c r="B6703" i="1"/>
  <c r="B6704" i="1"/>
  <c r="B6705" i="1"/>
  <c r="B6706" i="1"/>
  <c r="B6707" i="1"/>
  <c r="B6708" i="1"/>
  <c r="B6709" i="1"/>
  <c r="B6710" i="1"/>
  <c r="B6711" i="1"/>
  <c r="B6712" i="1"/>
  <c r="B6713" i="1"/>
  <c r="B6714" i="1"/>
  <c r="B6715" i="1"/>
  <c r="B6716" i="1"/>
  <c r="B6717" i="1"/>
  <c r="B6718" i="1"/>
  <c r="B6719" i="1"/>
  <c r="B6720" i="1"/>
  <c r="B6721" i="1"/>
  <c r="B6722" i="1"/>
  <c r="B6723" i="1"/>
  <c r="B6724" i="1"/>
  <c r="B6725" i="1"/>
  <c r="B6726" i="1"/>
  <c r="B6727" i="1"/>
  <c r="B6728" i="1"/>
  <c r="B6729" i="1"/>
  <c r="B6730" i="1"/>
  <c r="B6731" i="1"/>
  <c r="B6732" i="1"/>
  <c r="B6733" i="1"/>
  <c r="B6734" i="1"/>
  <c r="B6735" i="1"/>
  <c r="B6736" i="1"/>
  <c r="B6737" i="1"/>
  <c r="B6738" i="1"/>
  <c r="B6739" i="1"/>
  <c r="B6740" i="1"/>
  <c r="B6741" i="1"/>
  <c r="B6742" i="1"/>
  <c r="B6743" i="1"/>
  <c r="B6744" i="1"/>
  <c r="B6745" i="1"/>
  <c r="B6746" i="1"/>
  <c r="B6747" i="1"/>
  <c r="B6748" i="1"/>
  <c r="B6749" i="1"/>
  <c r="B6750" i="1"/>
  <c r="B6751" i="1"/>
  <c r="B6752" i="1"/>
  <c r="B6753" i="1"/>
  <c r="B6754" i="1"/>
  <c r="B6755" i="1"/>
  <c r="B6756" i="1"/>
  <c r="B6757" i="1"/>
  <c r="B6758" i="1"/>
  <c r="B6759" i="1"/>
  <c r="B6760" i="1"/>
  <c r="B6761" i="1"/>
  <c r="B6762" i="1"/>
  <c r="B6763" i="1"/>
  <c r="B6764" i="1"/>
  <c r="B6765" i="1"/>
  <c r="B6766" i="1"/>
  <c r="B6767" i="1"/>
  <c r="B6768" i="1"/>
  <c r="B6769" i="1"/>
  <c r="B6770" i="1"/>
  <c r="B6771" i="1"/>
  <c r="B6772" i="1"/>
  <c r="B6773" i="1"/>
  <c r="B6774" i="1"/>
  <c r="B6775" i="1"/>
  <c r="B6776" i="1"/>
  <c r="B6777" i="1"/>
  <c r="B6778" i="1"/>
  <c r="B6779" i="1"/>
  <c r="B6780" i="1"/>
  <c r="B6781" i="1"/>
  <c r="B6782" i="1"/>
  <c r="B6783" i="1"/>
  <c r="B6784" i="1"/>
  <c r="B6785" i="1"/>
  <c r="B6786" i="1"/>
  <c r="B6787" i="1"/>
  <c r="B6788" i="1"/>
  <c r="B6789" i="1"/>
  <c r="B6790" i="1"/>
  <c r="B6791" i="1"/>
  <c r="B6792" i="1"/>
  <c r="B6793" i="1"/>
  <c r="B6794" i="1"/>
  <c r="B6795" i="1"/>
  <c r="B6796" i="1"/>
  <c r="B6797" i="1"/>
  <c r="B6798" i="1"/>
  <c r="B6799" i="1"/>
  <c r="B6800" i="1"/>
  <c r="B6801" i="1"/>
  <c r="B6802" i="1"/>
  <c r="B6803" i="1"/>
  <c r="B6804" i="1"/>
  <c r="B6805" i="1"/>
  <c r="B6806" i="1"/>
  <c r="B6807" i="1"/>
  <c r="B6808" i="1"/>
  <c r="B6809" i="1"/>
  <c r="B6810" i="1"/>
  <c r="B6811" i="1"/>
  <c r="B6812" i="1"/>
  <c r="B6813" i="1"/>
  <c r="B6814" i="1"/>
  <c r="B6815" i="1"/>
  <c r="B6816" i="1"/>
  <c r="B6817" i="1"/>
  <c r="B6818" i="1"/>
  <c r="B6819" i="1"/>
  <c r="B6820" i="1"/>
  <c r="B6821" i="1"/>
  <c r="B6822" i="1"/>
  <c r="B6823" i="1"/>
  <c r="B6824" i="1"/>
  <c r="B6825" i="1"/>
  <c r="B6826" i="1"/>
  <c r="B6827" i="1"/>
  <c r="B6828" i="1"/>
  <c r="B6829" i="1"/>
  <c r="B6830" i="1"/>
  <c r="B6831" i="1"/>
  <c r="B6832" i="1"/>
  <c r="B6833" i="1"/>
  <c r="B6834" i="1"/>
  <c r="B6835" i="1"/>
  <c r="B6836" i="1"/>
  <c r="B6837" i="1"/>
  <c r="B6838" i="1"/>
  <c r="B6839" i="1"/>
  <c r="B6840" i="1"/>
  <c r="B6841" i="1"/>
  <c r="B6842" i="1"/>
  <c r="B6843" i="1"/>
  <c r="B6844" i="1"/>
  <c r="B6845" i="1"/>
  <c r="B6846" i="1"/>
  <c r="B6847" i="1"/>
  <c r="B6848" i="1"/>
  <c r="B6849" i="1"/>
  <c r="B6850" i="1"/>
  <c r="B6851" i="1"/>
  <c r="B6852" i="1"/>
  <c r="B6853" i="1"/>
  <c r="B6854" i="1"/>
  <c r="B6855" i="1"/>
  <c r="B6856" i="1"/>
  <c r="B6857" i="1"/>
  <c r="B6858" i="1"/>
  <c r="B6859" i="1"/>
  <c r="B6860" i="1"/>
  <c r="B6861" i="1"/>
  <c r="B6862" i="1"/>
  <c r="B6863" i="1"/>
  <c r="B6864" i="1"/>
  <c r="B6865" i="1"/>
  <c r="B6866" i="1"/>
  <c r="B6867" i="1"/>
  <c r="B6868" i="1"/>
  <c r="B6869" i="1"/>
  <c r="B6870" i="1"/>
  <c r="B6871" i="1"/>
  <c r="B6872" i="1"/>
  <c r="B6873" i="1"/>
  <c r="B6874" i="1"/>
  <c r="B6875" i="1"/>
  <c r="B6876" i="1"/>
  <c r="B6877" i="1"/>
  <c r="B6878" i="1"/>
  <c r="B6879" i="1"/>
  <c r="B6880" i="1"/>
  <c r="B6881" i="1"/>
  <c r="B6882" i="1"/>
  <c r="B6883" i="1"/>
  <c r="B6884" i="1"/>
  <c r="B6885" i="1"/>
  <c r="B6886" i="1"/>
  <c r="B6887" i="1"/>
  <c r="B6888" i="1"/>
  <c r="B6889" i="1"/>
  <c r="B6890" i="1"/>
  <c r="B6891" i="1"/>
  <c r="B6892" i="1"/>
  <c r="B6893" i="1"/>
  <c r="B6894" i="1"/>
  <c r="B6895" i="1"/>
  <c r="B6896" i="1"/>
  <c r="B6897" i="1"/>
  <c r="B6898" i="1"/>
  <c r="B6899" i="1"/>
  <c r="B6900" i="1"/>
  <c r="B6901" i="1"/>
  <c r="B6902" i="1"/>
  <c r="B6903" i="1"/>
  <c r="B6904" i="1"/>
  <c r="B6905" i="1"/>
  <c r="B6906" i="1"/>
  <c r="B6907" i="1"/>
  <c r="B6908" i="1"/>
  <c r="B6909" i="1"/>
  <c r="B6910" i="1"/>
  <c r="B6911" i="1"/>
  <c r="B6912" i="1"/>
  <c r="B6913" i="1"/>
  <c r="B6914" i="1"/>
  <c r="B6915" i="1"/>
  <c r="B6916" i="1"/>
  <c r="B6917" i="1"/>
  <c r="B6918" i="1"/>
  <c r="B6919" i="1"/>
  <c r="B6920" i="1"/>
  <c r="B6921" i="1"/>
  <c r="B6922" i="1"/>
  <c r="B6923" i="1"/>
  <c r="B6924" i="1"/>
  <c r="B6925" i="1"/>
  <c r="B6926" i="1"/>
  <c r="B6927" i="1"/>
  <c r="B6928" i="1"/>
  <c r="B6929" i="1"/>
  <c r="B6930" i="1"/>
  <c r="B6931" i="1"/>
  <c r="B6932" i="1"/>
  <c r="B6933" i="1"/>
  <c r="B6934" i="1"/>
  <c r="B6935" i="1"/>
  <c r="B6936" i="1"/>
  <c r="B6937" i="1"/>
  <c r="B6938" i="1"/>
  <c r="B6939" i="1"/>
  <c r="B6940" i="1"/>
  <c r="B6941" i="1"/>
  <c r="B6942" i="1"/>
  <c r="B6943" i="1"/>
  <c r="B6944" i="1"/>
  <c r="B6945" i="1"/>
  <c r="B6946" i="1"/>
  <c r="B6947" i="1"/>
  <c r="B6948" i="1"/>
  <c r="B6949" i="1"/>
  <c r="B6950" i="1"/>
  <c r="B6951" i="1"/>
  <c r="B6952" i="1"/>
  <c r="B6953" i="1"/>
  <c r="B6954" i="1"/>
  <c r="B6955" i="1"/>
  <c r="B6956" i="1"/>
  <c r="B6957" i="1"/>
  <c r="B6958" i="1"/>
  <c r="B6959" i="1"/>
  <c r="B6960" i="1"/>
  <c r="B6961" i="1"/>
  <c r="B6962" i="1"/>
  <c r="B6963" i="1"/>
  <c r="B6964" i="1"/>
  <c r="B6965" i="1"/>
  <c r="B6966" i="1"/>
  <c r="B6967" i="1"/>
  <c r="B6968" i="1"/>
  <c r="B6969" i="1"/>
  <c r="B6970" i="1"/>
  <c r="B6971" i="1"/>
  <c r="B6972" i="1"/>
  <c r="B6973" i="1"/>
  <c r="B6974" i="1"/>
  <c r="B6975" i="1"/>
  <c r="B6976" i="1"/>
  <c r="B6977" i="1"/>
  <c r="B6978" i="1"/>
  <c r="B6979" i="1"/>
  <c r="B6980" i="1"/>
  <c r="B6981" i="1"/>
  <c r="B6982" i="1"/>
  <c r="B6983" i="1"/>
  <c r="B6984" i="1"/>
  <c r="B6985" i="1"/>
  <c r="B6986" i="1"/>
  <c r="B6987" i="1"/>
  <c r="B6988" i="1"/>
  <c r="B6989" i="1"/>
  <c r="B6990" i="1"/>
  <c r="B6991" i="1"/>
  <c r="B6992" i="1"/>
  <c r="B6993" i="1"/>
  <c r="B6994" i="1"/>
  <c r="B6995" i="1"/>
  <c r="B6996" i="1"/>
  <c r="B6997" i="1"/>
  <c r="B6998" i="1"/>
  <c r="B6999" i="1"/>
  <c r="B7000" i="1"/>
  <c r="B7001" i="1"/>
  <c r="B7002" i="1"/>
  <c r="B7003" i="1"/>
  <c r="B7004" i="1"/>
  <c r="B7005" i="1"/>
  <c r="B7006" i="1"/>
  <c r="B7007" i="1"/>
  <c r="B7008" i="1"/>
  <c r="B7009" i="1"/>
  <c r="B7010" i="1"/>
  <c r="B7011" i="1"/>
  <c r="B7012" i="1"/>
  <c r="B7013" i="1"/>
  <c r="B7014" i="1"/>
  <c r="B7015" i="1"/>
  <c r="B7016" i="1"/>
  <c r="B7017" i="1"/>
  <c r="B7018" i="1"/>
  <c r="B7019" i="1"/>
  <c r="B7020" i="1"/>
  <c r="B7021" i="1"/>
  <c r="B7022" i="1"/>
  <c r="B7023" i="1"/>
  <c r="B7024" i="1"/>
  <c r="B7025" i="1"/>
  <c r="B7026" i="1"/>
  <c r="B7027" i="1"/>
  <c r="B7028" i="1"/>
  <c r="B7029" i="1"/>
  <c r="B7030" i="1"/>
  <c r="B7031" i="1"/>
  <c r="B7032" i="1"/>
  <c r="B7033" i="1"/>
  <c r="B7034" i="1"/>
  <c r="B7035" i="1"/>
  <c r="B7036" i="1"/>
  <c r="B7037" i="1"/>
  <c r="B7038" i="1"/>
  <c r="B7039" i="1"/>
  <c r="B7040" i="1"/>
  <c r="B7041" i="1"/>
  <c r="B7042" i="1"/>
  <c r="B7043" i="1"/>
  <c r="B7044" i="1"/>
  <c r="B7045" i="1"/>
  <c r="B7046" i="1"/>
  <c r="B7047" i="1"/>
  <c r="B7048" i="1"/>
  <c r="B7049" i="1"/>
  <c r="B7050" i="1"/>
  <c r="B7051" i="1"/>
  <c r="B7052" i="1"/>
  <c r="B7053" i="1"/>
  <c r="B7054" i="1"/>
  <c r="B7055" i="1"/>
  <c r="B7056" i="1"/>
  <c r="B7057" i="1"/>
  <c r="B7058" i="1"/>
  <c r="B7059" i="1"/>
  <c r="B7060" i="1"/>
  <c r="B7061" i="1"/>
  <c r="B7062" i="1"/>
  <c r="B7063" i="1"/>
  <c r="B7064" i="1"/>
  <c r="B7065" i="1"/>
  <c r="B7066" i="1"/>
  <c r="B7067" i="1"/>
  <c r="B7068" i="1"/>
  <c r="B7069" i="1"/>
  <c r="B7070" i="1"/>
  <c r="B7071" i="1"/>
  <c r="B7072" i="1"/>
  <c r="B7073" i="1"/>
  <c r="B7074" i="1"/>
  <c r="B7075" i="1"/>
  <c r="B7076" i="1"/>
  <c r="B7077" i="1"/>
  <c r="B7078" i="1"/>
  <c r="B7079" i="1"/>
  <c r="B7080" i="1"/>
  <c r="B7081" i="1"/>
  <c r="B7082" i="1"/>
  <c r="B7083" i="1"/>
  <c r="B7084" i="1"/>
  <c r="B7085" i="1"/>
  <c r="B7086" i="1"/>
  <c r="B7087" i="1"/>
  <c r="B7088" i="1"/>
  <c r="B7089" i="1"/>
  <c r="B7090" i="1"/>
  <c r="B7091" i="1"/>
  <c r="B7092" i="1"/>
  <c r="B7093" i="1"/>
  <c r="B7094" i="1"/>
  <c r="B7095" i="1"/>
  <c r="B7096" i="1"/>
  <c r="B7097" i="1"/>
  <c r="B7098" i="1"/>
  <c r="B7099" i="1"/>
  <c r="B7100" i="1"/>
  <c r="B7101" i="1"/>
  <c r="B7102" i="1"/>
  <c r="B7103" i="1"/>
  <c r="B7104" i="1"/>
  <c r="B7105" i="1"/>
  <c r="B7106" i="1"/>
  <c r="B7107" i="1"/>
  <c r="B7108" i="1"/>
  <c r="B7109" i="1"/>
  <c r="B7110" i="1"/>
  <c r="B7111" i="1"/>
  <c r="B7112" i="1"/>
  <c r="B7113" i="1"/>
  <c r="B7114" i="1"/>
  <c r="B7115" i="1"/>
  <c r="B7116" i="1"/>
  <c r="B7117" i="1"/>
  <c r="B7118" i="1"/>
  <c r="B7119" i="1"/>
  <c r="B7120" i="1"/>
  <c r="B7121" i="1"/>
  <c r="B7122" i="1"/>
  <c r="B7123" i="1"/>
  <c r="B7124" i="1"/>
  <c r="B7125" i="1"/>
  <c r="B7126" i="1"/>
  <c r="B7127" i="1"/>
  <c r="B7128" i="1"/>
  <c r="B7129" i="1"/>
  <c r="B7130" i="1"/>
  <c r="B7131" i="1"/>
  <c r="B7132" i="1"/>
  <c r="B7133" i="1"/>
  <c r="B7134" i="1"/>
  <c r="B7135" i="1"/>
  <c r="B7136" i="1"/>
  <c r="B7137" i="1"/>
  <c r="B7138" i="1"/>
  <c r="B7139" i="1"/>
  <c r="B7140" i="1"/>
  <c r="B7141" i="1"/>
  <c r="B7142" i="1"/>
  <c r="B7143" i="1"/>
  <c r="B7144" i="1"/>
  <c r="B7145" i="1"/>
  <c r="B7146" i="1"/>
  <c r="B7147" i="1"/>
  <c r="B7148" i="1"/>
  <c r="B7149" i="1"/>
  <c r="B7150" i="1"/>
  <c r="B7151" i="1"/>
  <c r="B7152" i="1"/>
  <c r="B7153" i="1"/>
  <c r="B7154" i="1"/>
  <c r="B7155" i="1"/>
  <c r="B7156" i="1"/>
  <c r="B7157" i="1"/>
  <c r="B7158" i="1"/>
  <c r="B7159" i="1"/>
  <c r="B7160" i="1"/>
  <c r="B7161" i="1"/>
  <c r="B7162" i="1"/>
  <c r="B7163" i="1"/>
  <c r="B7164" i="1"/>
  <c r="B7165" i="1"/>
  <c r="B7166" i="1"/>
  <c r="B7167" i="1"/>
  <c r="B7168" i="1"/>
  <c r="B7169" i="1"/>
  <c r="B7170" i="1"/>
  <c r="B7171" i="1"/>
  <c r="B7172" i="1"/>
  <c r="B7173" i="1"/>
  <c r="B7174" i="1"/>
  <c r="B7175" i="1"/>
  <c r="B7176" i="1"/>
  <c r="B7177" i="1"/>
  <c r="B7178" i="1"/>
  <c r="B7179" i="1"/>
  <c r="B7180" i="1"/>
  <c r="B7181" i="1"/>
  <c r="B7182" i="1"/>
  <c r="B7183" i="1"/>
  <c r="B7184" i="1"/>
  <c r="B7185" i="1"/>
  <c r="B7186" i="1"/>
  <c r="B7187" i="1"/>
  <c r="B7188" i="1"/>
  <c r="B7189" i="1"/>
  <c r="B7190" i="1"/>
  <c r="B7191" i="1"/>
  <c r="B7192" i="1"/>
  <c r="B7193" i="1"/>
  <c r="B7194" i="1"/>
  <c r="B7195" i="1"/>
  <c r="B7196" i="1"/>
  <c r="B7197" i="1"/>
  <c r="B7198" i="1"/>
  <c r="B7199" i="1"/>
  <c r="B7200" i="1"/>
  <c r="B7201" i="1"/>
  <c r="B7202" i="1"/>
  <c r="B7203" i="1"/>
  <c r="B7204" i="1"/>
  <c r="B7205" i="1"/>
  <c r="B7206" i="1"/>
  <c r="B7207" i="1"/>
  <c r="B7208" i="1"/>
  <c r="B7209" i="1"/>
  <c r="B7210" i="1"/>
  <c r="B7211" i="1"/>
  <c r="B7212" i="1"/>
  <c r="B7213" i="1"/>
  <c r="B7214" i="1"/>
  <c r="B7215" i="1"/>
  <c r="B7216" i="1"/>
  <c r="B7217" i="1"/>
  <c r="B7218" i="1"/>
  <c r="B7219" i="1"/>
  <c r="B7220" i="1"/>
  <c r="B7221" i="1"/>
  <c r="B7222" i="1"/>
  <c r="B7223" i="1"/>
  <c r="B7224" i="1"/>
  <c r="B7225" i="1"/>
  <c r="B7226" i="1"/>
  <c r="B7227" i="1"/>
  <c r="B7228" i="1"/>
  <c r="B7229" i="1"/>
  <c r="B7230" i="1"/>
  <c r="B7231" i="1"/>
  <c r="B7232" i="1"/>
  <c r="B7233" i="1"/>
  <c r="B7234" i="1"/>
  <c r="B7235" i="1"/>
  <c r="B7236" i="1"/>
  <c r="B7237" i="1"/>
  <c r="B7238" i="1"/>
  <c r="B7239" i="1"/>
  <c r="B7240" i="1"/>
  <c r="B7241" i="1"/>
  <c r="B7242" i="1"/>
  <c r="B7243" i="1"/>
  <c r="B7244" i="1"/>
  <c r="B7245" i="1"/>
  <c r="B7246" i="1"/>
  <c r="B7247" i="1"/>
  <c r="B7248" i="1"/>
  <c r="B7249" i="1"/>
  <c r="B7250" i="1"/>
  <c r="B7251" i="1"/>
  <c r="B7252" i="1"/>
  <c r="B7253" i="1"/>
  <c r="B7254" i="1"/>
  <c r="B7255" i="1"/>
  <c r="B7256" i="1"/>
  <c r="B7257" i="1"/>
  <c r="B7258" i="1"/>
  <c r="B7259" i="1"/>
  <c r="B7260" i="1"/>
  <c r="B7261" i="1"/>
  <c r="B7262" i="1"/>
  <c r="B7263" i="1"/>
  <c r="B7264" i="1"/>
  <c r="B7265" i="1"/>
  <c r="B7266" i="1"/>
  <c r="B7267" i="1"/>
  <c r="B7268" i="1"/>
  <c r="B7269" i="1"/>
  <c r="B7270" i="1"/>
  <c r="B7271" i="1"/>
  <c r="B7272" i="1"/>
  <c r="B7273" i="1"/>
  <c r="B7274" i="1"/>
  <c r="B7275" i="1"/>
  <c r="B7276" i="1"/>
  <c r="B7277" i="1"/>
  <c r="B7278" i="1"/>
  <c r="B7279" i="1"/>
  <c r="B7280" i="1"/>
  <c r="B7281" i="1"/>
  <c r="B7282" i="1"/>
  <c r="B7283" i="1"/>
  <c r="B7284" i="1"/>
  <c r="B7285" i="1"/>
  <c r="B7286" i="1"/>
  <c r="B7287" i="1"/>
  <c r="B7288" i="1"/>
  <c r="B7289" i="1"/>
  <c r="B7290" i="1"/>
  <c r="B7291" i="1"/>
  <c r="B7292" i="1"/>
  <c r="B7293" i="1"/>
  <c r="B7294" i="1"/>
  <c r="B7295" i="1"/>
  <c r="B7296" i="1"/>
  <c r="B7297" i="1"/>
  <c r="B7298" i="1"/>
  <c r="B7299" i="1"/>
  <c r="B7300" i="1"/>
  <c r="B7301" i="1"/>
  <c r="B7302" i="1"/>
  <c r="B7303" i="1"/>
  <c r="B7304" i="1"/>
  <c r="B7305" i="1"/>
  <c r="B7306" i="1"/>
  <c r="B7307" i="1"/>
  <c r="B7308" i="1"/>
  <c r="B7309" i="1"/>
  <c r="B7310" i="1"/>
  <c r="B7311" i="1"/>
  <c r="B7312" i="1"/>
  <c r="B7313" i="1"/>
  <c r="B7314" i="1"/>
  <c r="B7315" i="1"/>
  <c r="B7316" i="1"/>
  <c r="B7317" i="1"/>
  <c r="B7318" i="1"/>
  <c r="B7319" i="1"/>
  <c r="B7320" i="1"/>
  <c r="B7321" i="1"/>
  <c r="B7322" i="1"/>
  <c r="B7323" i="1"/>
  <c r="B7324" i="1"/>
  <c r="B7325" i="1"/>
  <c r="B7326" i="1"/>
  <c r="B7327" i="1"/>
  <c r="B7328" i="1"/>
  <c r="B7329" i="1"/>
  <c r="B7330" i="1"/>
  <c r="B7331" i="1"/>
  <c r="B7332" i="1"/>
  <c r="B7333" i="1"/>
  <c r="B7334" i="1"/>
  <c r="B7335" i="1"/>
  <c r="B7336" i="1"/>
  <c r="B7337" i="1"/>
  <c r="B7338" i="1"/>
  <c r="B7339" i="1"/>
  <c r="B7340" i="1"/>
  <c r="B7341" i="1"/>
  <c r="B7342" i="1"/>
  <c r="B7343" i="1"/>
  <c r="B7344" i="1"/>
  <c r="B7345" i="1"/>
  <c r="B7346" i="1"/>
  <c r="B7347" i="1"/>
  <c r="B7348" i="1"/>
  <c r="B7349" i="1"/>
  <c r="B7350" i="1"/>
  <c r="B7351" i="1"/>
  <c r="B7352" i="1"/>
  <c r="B7353" i="1"/>
  <c r="B7354" i="1"/>
  <c r="B7355" i="1"/>
  <c r="B7356" i="1"/>
  <c r="B7357" i="1"/>
  <c r="B7358" i="1"/>
  <c r="B7359" i="1"/>
  <c r="B7360" i="1"/>
  <c r="B7361" i="1"/>
  <c r="B7362" i="1"/>
  <c r="B7363" i="1"/>
  <c r="B7364" i="1"/>
  <c r="B7365" i="1"/>
  <c r="B7366" i="1"/>
  <c r="B7367" i="1"/>
  <c r="B7368" i="1"/>
  <c r="B7369" i="1"/>
  <c r="B7370" i="1"/>
  <c r="B7371" i="1"/>
  <c r="B7372" i="1"/>
  <c r="B7373" i="1"/>
  <c r="B7374" i="1"/>
  <c r="B7375" i="1"/>
  <c r="B7376" i="1"/>
  <c r="B7377" i="1"/>
  <c r="B7378" i="1"/>
  <c r="B7379" i="1"/>
  <c r="B7380" i="1"/>
  <c r="B7381" i="1"/>
  <c r="B7382" i="1"/>
  <c r="B7383" i="1"/>
  <c r="B7384" i="1"/>
  <c r="B7385" i="1"/>
  <c r="B7386" i="1"/>
  <c r="B7387" i="1"/>
  <c r="B7388" i="1"/>
  <c r="B7389" i="1"/>
  <c r="B7390" i="1"/>
  <c r="B7391" i="1"/>
  <c r="B7392" i="1"/>
  <c r="B7393" i="1"/>
  <c r="B7394" i="1"/>
  <c r="B7395" i="1"/>
  <c r="B7396" i="1"/>
  <c r="B7397" i="1"/>
  <c r="B7398" i="1"/>
  <c r="B7399" i="1"/>
  <c r="B7400" i="1"/>
  <c r="B7401" i="1"/>
  <c r="B7402" i="1"/>
  <c r="B7403" i="1"/>
  <c r="B7404" i="1"/>
  <c r="B7405" i="1"/>
  <c r="B7406" i="1"/>
  <c r="B7407" i="1"/>
  <c r="B7408" i="1"/>
  <c r="B7409" i="1"/>
  <c r="B7410" i="1"/>
  <c r="B7411" i="1"/>
  <c r="B7412" i="1"/>
  <c r="B7413" i="1"/>
  <c r="B7414" i="1"/>
  <c r="B7415" i="1"/>
  <c r="B7416" i="1"/>
  <c r="B7417" i="1"/>
  <c r="B7418" i="1"/>
  <c r="B7419" i="1"/>
  <c r="B7420" i="1"/>
  <c r="B7421" i="1"/>
  <c r="B7422" i="1"/>
  <c r="B7423" i="1"/>
  <c r="B7424" i="1"/>
  <c r="B7425" i="1"/>
  <c r="B7426" i="1"/>
  <c r="B7427" i="1"/>
  <c r="B7428" i="1"/>
  <c r="B7429" i="1"/>
  <c r="B7430" i="1"/>
  <c r="B7431" i="1"/>
  <c r="B7432" i="1"/>
  <c r="B7433" i="1"/>
  <c r="B7434" i="1"/>
  <c r="B7435" i="1"/>
  <c r="B7436" i="1"/>
  <c r="B7437" i="1"/>
  <c r="B7438" i="1"/>
  <c r="B7439" i="1"/>
  <c r="B7440" i="1"/>
  <c r="B7441" i="1"/>
  <c r="B7442" i="1"/>
  <c r="B7443" i="1"/>
  <c r="B7444" i="1"/>
  <c r="B7445" i="1"/>
  <c r="B7446" i="1"/>
  <c r="B7447" i="1"/>
  <c r="B7448" i="1"/>
  <c r="B7449" i="1"/>
  <c r="B7450" i="1"/>
  <c r="B7451" i="1"/>
  <c r="B7452" i="1"/>
  <c r="B7453" i="1"/>
  <c r="B7454" i="1"/>
  <c r="B7455" i="1"/>
  <c r="B7456" i="1"/>
  <c r="B7457" i="1"/>
  <c r="B7458" i="1"/>
  <c r="B7459" i="1"/>
  <c r="B7460" i="1"/>
  <c r="B7461" i="1"/>
  <c r="B7462" i="1"/>
  <c r="B7463" i="1"/>
  <c r="B7464" i="1"/>
  <c r="B7465" i="1"/>
  <c r="B7466" i="1"/>
  <c r="B7467" i="1"/>
  <c r="B7468" i="1"/>
  <c r="B7469" i="1"/>
  <c r="B7470" i="1"/>
  <c r="B7471" i="1"/>
  <c r="B7472" i="1"/>
  <c r="B7473" i="1"/>
  <c r="B7474" i="1"/>
  <c r="B7475" i="1"/>
  <c r="B7476" i="1"/>
  <c r="B7477" i="1"/>
  <c r="B7478" i="1"/>
  <c r="B7479" i="1"/>
  <c r="B7480" i="1"/>
  <c r="B7481" i="1"/>
  <c r="B7482" i="1"/>
  <c r="B7483" i="1"/>
  <c r="B7484" i="1"/>
  <c r="B7485" i="1"/>
  <c r="B7486" i="1"/>
  <c r="B7487" i="1"/>
  <c r="B7488" i="1"/>
  <c r="B7489" i="1"/>
  <c r="B7490" i="1"/>
  <c r="B7491" i="1"/>
  <c r="B7492" i="1"/>
  <c r="B7493" i="1"/>
  <c r="B7494" i="1"/>
  <c r="B7495" i="1"/>
  <c r="B7496" i="1"/>
  <c r="B7497" i="1"/>
  <c r="B7498" i="1"/>
  <c r="B7499" i="1"/>
  <c r="B7500" i="1"/>
  <c r="B7501" i="1"/>
  <c r="B7502" i="1"/>
  <c r="B7503" i="1"/>
  <c r="B7504" i="1"/>
  <c r="B7505" i="1"/>
  <c r="B7506" i="1"/>
  <c r="B7507" i="1"/>
  <c r="B7508" i="1"/>
  <c r="B7509" i="1"/>
  <c r="B7510" i="1"/>
  <c r="B7511" i="1"/>
  <c r="B7512" i="1"/>
  <c r="B7513" i="1"/>
  <c r="B7514" i="1"/>
  <c r="B7515" i="1"/>
  <c r="B7516" i="1"/>
  <c r="B7517" i="1"/>
  <c r="B7518" i="1"/>
  <c r="B7519" i="1"/>
  <c r="B7520" i="1"/>
  <c r="B7521" i="1"/>
  <c r="B7522" i="1"/>
  <c r="B7523" i="1"/>
  <c r="B7524" i="1"/>
  <c r="B7525" i="1"/>
  <c r="B7526" i="1"/>
  <c r="B7527" i="1"/>
  <c r="B7528" i="1"/>
  <c r="B7529" i="1"/>
  <c r="B7530" i="1"/>
  <c r="B7531" i="1"/>
  <c r="B7532" i="1"/>
  <c r="B7533" i="1"/>
  <c r="B7534" i="1"/>
  <c r="B7535" i="1"/>
  <c r="B7536" i="1"/>
  <c r="B7537" i="1"/>
  <c r="B7538" i="1"/>
  <c r="B7539" i="1"/>
  <c r="B7540" i="1"/>
  <c r="B7541" i="1"/>
  <c r="B7542" i="1"/>
  <c r="B7543" i="1"/>
  <c r="B7544" i="1"/>
  <c r="B7545" i="1"/>
  <c r="B7546" i="1"/>
  <c r="B7547" i="1"/>
  <c r="B7548" i="1"/>
  <c r="B7549" i="1"/>
  <c r="B7550" i="1"/>
  <c r="B7551" i="1"/>
  <c r="B7552" i="1"/>
  <c r="B7553" i="1"/>
  <c r="B7554" i="1"/>
  <c r="B7555" i="1"/>
  <c r="B7556" i="1"/>
  <c r="B7557" i="1"/>
  <c r="B7558" i="1"/>
  <c r="B7559" i="1"/>
  <c r="B7560" i="1"/>
  <c r="B7561" i="1"/>
  <c r="B7562" i="1"/>
  <c r="B7563" i="1"/>
  <c r="B7564" i="1"/>
  <c r="B7565" i="1"/>
  <c r="B7566" i="1"/>
  <c r="B7567" i="1"/>
  <c r="B7568" i="1"/>
  <c r="B7569" i="1"/>
  <c r="B7570" i="1"/>
  <c r="B7571" i="1"/>
  <c r="B7572" i="1"/>
  <c r="B7573" i="1"/>
  <c r="B7574" i="1"/>
  <c r="B7575" i="1"/>
  <c r="B7576" i="1"/>
  <c r="B7577" i="1"/>
  <c r="B7578" i="1"/>
  <c r="B7579" i="1"/>
  <c r="B7580" i="1"/>
  <c r="B7581" i="1"/>
  <c r="B7582" i="1"/>
  <c r="B7583" i="1"/>
  <c r="B7584" i="1"/>
  <c r="B7585" i="1"/>
  <c r="B7586" i="1"/>
  <c r="B7587" i="1"/>
  <c r="B7588" i="1"/>
  <c r="B7589" i="1"/>
  <c r="B7590" i="1"/>
  <c r="B7591" i="1"/>
  <c r="B7592" i="1"/>
  <c r="B7593" i="1"/>
  <c r="B7594" i="1"/>
  <c r="B7595" i="1"/>
  <c r="B7596" i="1"/>
  <c r="B7597" i="1"/>
  <c r="B7598" i="1"/>
  <c r="B7599" i="1"/>
  <c r="B7600" i="1"/>
  <c r="B7601" i="1"/>
  <c r="B7602" i="1"/>
  <c r="B7603" i="1"/>
  <c r="B7604" i="1"/>
  <c r="B7605" i="1"/>
  <c r="B7606" i="1"/>
  <c r="B7607" i="1"/>
  <c r="B7608" i="1"/>
  <c r="B7609" i="1"/>
  <c r="B7610" i="1"/>
  <c r="B7611" i="1"/>
  <c r="B7612" i="1"/>
  <c r="B7613" i="1"/>
  <c r="B7614" i="1"/>
  <c r="B7615" i="1"/>
  <c r="B7616" i="1"/>
  <c r="B7617" i="1"/>
  <c r="B7618" i="1"/>
  <c r="B7619" i="1"/>
  <c r="B7620" i="1"/>
  <c r="B7621" i="1"/>
  <c r="B7622" i="1"/>
  <c r="B7623" i="1"/>
  <c r="B7624" i="1"/>
  <c r="B7625" i="1"/>
  <c r="B7626" i="1"/>
  <c r="B7627" i="1"/>
  <c r="B7628" i="1"/>
  <c r="B7629" i="1"/>
  <c r="B7630" i="1"/>
  <c r="B7631" i="1"/>
  <c r="B7632" i="1"/>
  <c r="B7633" i="1"/>
  <c r="B7634" i="1"/>
  <c r="B7635" i="1"/>
  <c r="B7636" i="1"/>
  <c r="B7637" i="1"/>
  <c r="B7638" i="1"/>
  <c r="B7639" i="1"/>
  <c r="B7640" i="1"/>
  <c r="B7641" i="1"/>
  <c r="B7642" i="1"/>
  <c r="B7643" i="1"/>
  <c r="B7644" i="1"/>
  <c r="B7645" i="1"/>
  <c r="B7646" i="1"/>
  <c r="B7647" i="1"/>
  <c r="B7648" i="1"/>
  <c r="B7649" i="1"/>
  <c r="B7650" i="1"/>
  <c r="B7651" i="1"/>
  <c r="B7652" i="1"/>
  <c r="B7653" i="1"/>
  <c r="B7654" i="1"/>
  <c r="B7655" i="1"/>
  <c r="B7656" i="1"/>
  <c r="B7657" i="1"/>
  <c r="B7658" i="1"/>
  <c r="B7659" i="1"/>
  <c r="B7660" i="1"/>
  <c r="B7661" i="1"/>
  <c r="B7662" i="1"/>
  <c r="B7663" i="1"/>
  <c r="B7664" i="1"/>
  <c r="B7665" i="1"/>
  <c r="B7666" i="1"/>
  <c r="B7667" i="1"/>
  <c r="B7668" i="1"/>
  <c r="B7669" i="1"/>
  <c r="B7670" i="1"/>
  <c r="B7671" i="1"/>
  <c r="B7672" i="1"/>
  <c r="B7673" i="1"/>
  <c r="B7674" i="1"/>
  <c r="B7675" i="1"/>
  <c r="B7676" i="1"/>
  <c r="B7677" i="1"/>
  <c r="B7678" i="1"/>
  <c r="B7679" i="1"/>
  <c r="B7680" i="1"/>
  <c r="B7681" i="1"/>
  <c r="B7682" i="1"/>
  <c r="B7683" i="1"/>
  <c r="B7684" i="1"/>
  <c r="B7685" i="1"/>
  <c r="B7686" i="1"/>
  <c r="B7687" i="1"/>
  <c r="B7688" i="1"/>
  <c r="B7689" i="1"/>
  <c r="B7690" i="1"/>
  <c r="B7691" i="1"/>
  <c r="B7692" i="1"/>
  <c r="B7693" i="1"/>
  <c r="B7694" i="1"/>
  <c r="B7695" i="1"/>
  <c r="B7696" i="1"/>
  <c r="B7697" i="1"/>
  <c r="B7698" i="1"/>
  <c r="B7699" i="1"/>
  <c r="B7700" i="1"/>
  <c r="B7701" i="1"/>
  <c r="B7702" i="1"/>
  <c r="B7703" i="1"/>
  <c r="B7704" i="1"/>
  <c r="B7705" i="1"/>
  <c r="B7706" i="1"/>
  <c r="B7707" i="1"/>
  <c r="B7708" i="1"/>
  <c r="B7709" i="1"/>
  <c r="B7710" i="1"/>
  <c r="B7711" i="1"/>
  <c r="B7712" i="1"/>
  <c r="B7713" i="1"/>
  <c r="B7714" i="1"/>
  <c r="B7715" i="1"/>
  <c r="B7716" i="1"/>
  <c r="B7717" i="1"/>
  <c r="B7718" i="1"/>
  <c r="B7719" i="1"/>
  <c r="B7720" i="1"/>
  <c r="B7721" i="1"/>
  <c r="B7722" i="1"/>
  <c r="B7723" i="1"/>
  <c r="B7724" i="1"/>
  <c r="B7725" i="1"/>
  <c r="B7726" i="1"/>
  <c r="B7727" i="1"/>
  <c r="B7728" i="1"/>
  <c r="B7729" i="1"/>
  <c r="B7730" i="1"/>
  <c r="B7731" i="1"/>
  <c r="B7732" i="1"/>
  <c r="B7733" i="1"/>
  <c r="B7734" i="1"/>
  <c r="B7735" i="1"/>
  <c r="B7736" i="1"/>
  <c r="B7737" i="1"/>
  <c r="B7738" i="1"/>
  <c r="B7739" i="1"/>
  <c r="B7740" i="1"/>
  <c r="B7741" i="1"/>
  <c r="B7742" i="1"/>
  <c r="B7743" i="1"/>
  <c r="B7744" i="1"/>
  <c r="B7745" i="1"/>
  <c r="B7746" i="1"/>
  <c r="B7747" i="1"/>
  <c r="B7748" i="1"/>
  <c r="B7749" i="1"/>
  <c r="B7750" i="1"/>
  <c r="B7751" i="1"/>
  <c r="B7752" i="1"/>
  <c r="B7753" i="1"/>
  <c r="B7754" i="1"/>
  <c r="B7755" i="1"/>
  <c r="B7756" i="1"/>
  <c r="B7757" i="1"/>
  <c r="B7758" i="1"/>
  <c r="B7759" i="1"/>
  <c r="B7760" i="1"/>
  <c r="B7761" i="1"/>
  <c r="B7762" i="1"/>
  <c r="B7763" i="1"/>
  <c r="B7764" i="1"/>
  <c r="B7765" i="1"/>
  <c r="B7766" i="1"/>
  <c r="B7767" i="1"/>
  <c r="B7768" i="1"/>
  <c r="B7769" i="1"/>
  <c r="B7770" i="1"/>
  <c r="B7771" i="1"/>
  <c r="B7772" i="1"/>
  <c r="B7773" i="1"/>
  <c r="B7774" i="1"/>
  <c r="B7775" i="1"/>
  <c r="B7776" i="1"/>
  <c r="B7777" i="1"/>
  <c r="B7778" i="1"/>
  <c r="B7779" i="1"/>
  <c r="B7780" i="1"/>
  <c r="B7781" i="1"/>
  <c r="B7782" i="1"/>
  <c r="B7783" i="1"/>
  <c r="B7784" i="1"/>
  <c r="B7785" i="1"/>
  <c r="B7786" i="1"/>
  <c r="B7787" i="1"/>
  <c r="B7788" i="1"/>
  <c r="B7789" i="1"/>
  <c r="B7790" i="1"/>
  <c r="B7791" i="1"/>
  <c r="B7792" i="1"/>
  <c r="B7793" i="1"/>
  <c r="B7794" i="1"/>
  <c r="B7795" i="1"/>
  <c r="B7796" i="1"/>
  <c r="B7797" i="1"/>
  <c r="B7798" i="1"/>
  <c r="B7799" i="1"/>
  <c r="B7800" i="1"/>
  <c r="B7801" i="1"/>
  <c r="B7802" i="1"/>
  <c r="B7803" i="1"/>
  <c r="B7804" i="1"/>
  <c r="B7805" i="1"/>
  <c r="B7806" i="1"/>
  <c r="B7807" i="1"/>
  <c r="B7808" i="1"/>
  <c r="B7809" i="1"/>
  <c r="B7810" i="1"/>
  <c r="B7811" i="1"/>
  <c r="B7812" i="1"/>
  <c r="B7813" i="1"/>
  <c r="B7814" i="1"/>
  <c r="B7815" i="1"/>
  <c r="B7816" i="1"/>
  <c r="B7817" i="1"/>
  <c r="B7818" i="1"/>
  <c r="B7819" i="1"/>
  <c r="B7820" i="1"/>
  <c r="B7821" i="1"/>
  <c r="B7822" i="1"/>
  <c r="B7823" i="1"/>
  <c r="B7824" i="1"/>
  <c r="B7825" i="1"/>
  <c r="B7826" i="1"/>
  <c r="B7827" i="1"/>
  <c r="B7828" i="1"/>
  <c r="B7829" i="1"/>
  <c r="B7830" i="1"/>
  <c r="B7831" i="1"/>
  <c r="B7832" i="1"/>
  <c r="B7833" i="1"/>
  <c r="B7834" i="1"/>
  <c r="B7835" i="1"/>
  <c r="B7836" i="1"/>
  <c r="B7837" i="1"/>
  <c r="B7838" i="1"/>
  <c r="B7839" i="1"/>
  <c r="B7840" i="1"/>
  <c r="B7841" i="1"/>
  <c r="B7842" i="1"/>
  <c r="B7843" i="1"/>
  <c r="B7844" i="1"/>
  <c r="B7845" i="1"/>
  <c r="B7846" i="1"/>
  <c r="B7847" i="1"/>
  <c r="B7848" i="1"/>
  <c r="B7849" i="1"/>
  <c r="B7850" i="1"/>
  <c r="B7851" i="1"/>
  <c r="B7852" i="1"/>
  <c r="B7853" i="1"/>
  <c r="B7854" i="1"/>
  <c r="B7855" i="1"/>
  <c r="B7856" i="1"/>
  <c r="B7857" i="1"/>
  <c r="B7858" i="1"/>
  <c r="B7859" i="1"/>
  <c r="B7860" i="1"/>
  <c r="B7861" i="1"/>
  <c r="B7862" i="1"/>
  <c r="B7863" i="1"/>
  <c r="B7864" i="1"/>
  <c r="B7865" i="1"/>
  <c r="B7866" i="1"/>
  <c r="B7867" i="1"/>
  <c r="B7868" i="1"/>
  <c r="B7869" i="1"/>
  <c r="B7870" i="1"/>
  <c r="B7871" i="1"/>
  <c r="B7872" i="1"/>
  <c r="B7873" i="1"/>
  <c r="B7874" i="1"/>
  <c r="B7875" i="1"/>
  <c r="B7876" i="1"/>
  <c r="B7877" i="1"/>
  <c r="B7878" i="1"/>
  <c r="B7879" i="1"/>
  <c r="B7880" i="1"/>
  <c r="B7881" i="1"/>
  <c r="B7882" i="1"/>
  <c r="B7883" i="1"/>
  <c r="B7884" i="1"/>
  <c r="B7885" i="1"/>
  <c r="B7886" i="1"/>
  <c r="B7887" i="1"/>
  <c r="B7888" i="1"/>
  <c r="B7889" i="1"/>
  <c r="B7890" i="1"/>
  <c r="B7891" i="1"/>
  <c r="B7892" i="1"/>
  <c r="B7893" i="1"/>
  <c r="B7894" i="1"/>
  <c r="B7895" i="1"/>
  <c r="B7896" i="1"/>
  <c r="B7897" i="1"/>
  <c r="B7898" i="1"/>
  <c r="B7899" i="1"/>
  <c r="B7900" i="1"/>
  <c r="B7901" i="1"/>
  <c r="B7902" i="1"/>
  <c r="B7903" i="1"/>
  <c r="B7904" i="1"/>
  <c r="B7905" i="1"/>
  <c r="B7906" i="1"/>
  <c r="B7907" i="1"/>
  <c r="B7908" i="1"/>
  <c r="B7909" i="1"/>
  <c r="B7910" i="1"/>
  <c r="B7911" i="1"/>
  <c r="B7912" i="1"/>
  <c r="B7913" i="1"/>
  <c r="B7914" i="1"/>
  <c r="B7915" i="1"/>
  <c r="B7916" i="1"/>
  <c r="B7917" i="1"/>
  <c r="B7918" i="1"/>
  <c r="B7919" i="1"/>
  <c r="B7920" i="1"/>
  <c r="B7921" i="1"/>
  <c r="B7922" i="1"/>
  <c r="B7923" i="1"/>
  <c r="B7924" i="1"/>
  <c r="B7925" i="1"/>
  <c r="B7926" i="1"/>
  <c r="B7927" i="1"/>
  <c r="B7928" i="1"/>
  <c r="B7929" i="1"/>
  <c r="B7930" i="1"/>
  <c r="B7931" i="1"/>
  <c r="B7932" i="1"/>
  <c r="B7933" i="1"/>
  <c r="B7934" i="1"/>
  <c r="B7935" i="1"/>
  <c r="B7936" i="1"/>
  <c r="B7937" i="1"/>
  <c r="B7938" i="1"/>
  <c r="B7939" i="1"/>
  <c r="B7940" i="1"/>
  <c r="B7941" i="1"/>
  <c r="B7942" i="1"/>
  <c r="B7943" i="1"/>
  <c r="B7944" i="1"/>
  <c r="B7945" i="1"/>
  <c r="B7946" i="1"/>
  <c r="B7947" i="1"/>
  <c r="B7948" i="1"/>
  <c r="B7949" i="1"/>
  <c r="B7950" i="1"/>
  <c r="B7951" i="1"/>
  <c r="B7952" i="1"/>
  <c r="B7953" i="1"/>
  <c r="B7954" i="1"/>
  <c r="B7955" i="1"/>
  <c r="B7956" i="1"/>
  <c r="B7957" i="1"/>
  <c r="B7958" i="1"/>
  <c r="B7959" i="1"/>
  <c r="B7960" i="1"/>
  <c r="B7961" i="1"/>
  <c r="B7962" i="1"/>
  <c r="B7963" i="1"/>
  <c r="B7964" i="1"/>
  <c r="B7965" i="1"/>
  <c r="B7966" i="1"/>
  <c r="B7967" i="1"/>
  <c r="B7968" i="1"/>
  <c r="B7969" i="1"/>
  <c r="B7970" i="1"/>
  <c r="B7971" i="1"/>
  <c r="B7972" i="1"/>
  <c r="B7973" i="1"/>
  <c r="B7974" i="1"/>
  <c r="B7975" i="1"/>
  <c r="B7976" i="1"/>
  <c r="B7977" i="1"/>
  <c r="B7978" i="1"/>
  <c r="B7979" i="1"/>
  <c r="B7980" i="1"/>
  <c r="B7981" i="1"/>
  <c r="B7982" i="1"/>
  <c r="B7983" i="1"/>
  <c r="B7984" i="1"/>
  <c r="B7985" i="1"/>
  <c r="B7986" i="1"/>
  <c r="B7987" i="1"/>
  <c r="B7988" i="1"/>
  <c r="B7989" i="1"/>
  <c r="B7990" i="1"/>
  <c r="B7991" i="1"/>
  <c r="B7992" i="1"/>
  <c r="B7993" i="1"/>
  <c r="B7994" i="1"/>
  <c r="B7995" i="1"/>
  <c r="B7996" i="1"/>
  <c r="B7997" i="1"/>
  <c r="B7998" i="1"/>
  <c r="B7999" i="1"/>
  <c r="B8000" i="1"/>
  <c r="B8001" i="1"/>
  <c r="B8002" i="1"/>
  <c r="B8003" i="1"/>
  <c r="B8004" i="1"/>
  <c r="B8005" i="1"/>
  <c r="B8006" i="1"/>
  <c r="B8007" i="1"/>
  <c r="B8008" i="1"/>
  <c r="B8009" i="1"/>
  <c r="B8010" i="1"/>
  <c r="B8011" i="1"/>
  <c r="B8012" i="1"/>
  <c r="B8013" i="1"/>
  <c r="B8014" i="1"/>
  <c r="B8015" i="1"/>
  <c r="B8016" i="1"/>
  <c r="B8017" i="1"/>
  <c r="B8018" i="1"/>
  <c r="B8019" i="1"/>
  <c r="B8020" i="1"/>
  <c r="B8021" i="1"/>
  <c r="B8022" i="1"/>
  <c r="B8023" i="1"/>
  <c r="B8024" i="1"/>
  <c r="B8025" i="1"/>
  <c r="B8026" i="1"/>
  <c r="B8027" i="1"/>
  <c r="B8028" i="1"/>
  <c r="B8029" i="1"/>
  <c r="B8030" i="1"/>
  <c r="B8031" i="1"/>
  <c r="B8032" i="1"/>
  <c r="B8033" i="1"/>
  <c r="B8034" i="1"/>
  <c r="B8035" i="1"/>
  <c r="B8036" i="1"/>
  <c r="B8037" i="1"/>
  <c r="B8038" i="1"/>
  <c r="B8039" i="1"/>
  <c r="B8040" i="1"/>
  <c r="B8041" i="1"/>
  <c r="B8042" i="1"/>
  <c r="B8043" i="1"/>
  <c r="B8044" i="1"/>
  <c r="B8045" i="1"/>
  <c r="B8046" i="1"/>
  <c r="B8047" i="1"/>
  <c r="B8048" i="1"/>
  <c r="B8049" i="1"/>
  <c r="B8050" i="1"/>
  <c r="B8051" i="1"/>
  <c r="B8052" i="1"/>
  <c r="B8053" i="1"/>
  <c r="B8054" i="1"/>
  <c r="B8055" i="1"/>
  <c r="B8056" i="1"/>
  <c r="B8057" i="1"/>
  <c r="B8058" i="1"/>
  <c r="B8059" i="1"/>
  <c r="B8060" i="1"/>
  <c r="B8061" i="1"/>
  <c r="B8062" i="1"/>
  <c r="B8063" i="1"/>
  <c r="B8064" i="1"/>
  <c r="B8065" i="1"/>
  <c r="B8066" i="1"/>
  <c r="B8067" i="1"/>
  <c r="B8068" i="1"/>
  <c r="B8069" i="1"/>
  <c r="B8070" i="1"/>
  <c r="B8071" i="1"/>
  <c r="B8072" i="1"/>
  <c r="B8073" i="1"/>
  <c r="B8074" i="1"/>
  <c r="B8075" i="1"/>
  <c r="B8076" i="1"/>
  <c r="B8077" i="1"/>
  <c r="B8078" i="1"/>
  <c r="B8079" i="1"/>
  <c r="B8080" i="1"/>
  <c r="B8081" i="1"/>
  <c r="B8082" i="1"/>
  <c r="B8083" i="1"/>
  <c r="B8084" i="1"/>
  <c r="B8085" i="1"/>
  <c r="B8086" i="1"/>
  <c r="B8087" i="1"/>
  <c r="B8088" i="1"/>
  <c r="B8089" i="1"/>
  <c r="B8090" i="1"/>
  <c r="B8091" i="1"/>
  <c r="B8092" i="1"/>
  <c r="B8093" i="1"/>
  <c r="B8094" i="1"/>
  <c r="B8095" i="1"/>
  <c r="B8096" i="1"/>
  <c r="B8097" i="1"/>
  <c r="B8098" i="1"/>
  <c r="B8099" i="1"/>
  <c r="B8100" i="1"/>
  <c r="B8101" i="1"/>
  <c r="B8102" i="1"/>
  <c r="B8103" i="1"/>
  <c r="B8104" i="1"/>
  <c r="B8105" i="1"/>
  <c r="B8106" i="1"/>
  <c r="B8107" i="1"/>
  <c r="B8108" i="1"/>
  <c r="B8109" i="1"/>
  <c r="B8110" i="1"/>
  <c r="B8111" i="1"/>
  <c r="B8112" i="1"/>
  <c r="B8113" i="1"/>
  <c r="B8114" i="1"/>
  <c r="B8115" i="1"/>
  <c r="B8116" i="1"/>
  <c r="B8117" i="1"/>
  <c r="B8118" i="1"/>
  <c r="B8119" i="1"/>
  <c r="B8120" i="1"/>
  <c r="B8121" i="1"/>
  <c r="B8122" i="1"/>
  <c r="B8123" i="1"/>
  <c r="B8124" i="1"/>
  <c r="B8125" i="1"/>
  <c r="B8126" i="1"/>
  <c r="B8127" i="1"/>
  <c r="B8128" i="1"/>
  <c r="B8129" i="1"/>
  <c r="B8130" i="1"/>
  <c r="B8131" i="1"/>
  <c r="B8132" i="1"/>
  <c r="B8133" i="1"/>
  <c r="B8134" i="1"/>
  <c r="B8135" i="1"/>
  <c r="B8136" i="1"/>
  <c r="B8137" i="1"/>
  <c r="B8138" i="1"/>
  <c r="B8139" i="1"/>
  <c r="B8140" i="1"/>
  <c r="B8141" i="1"/>
  <c r="B8142" i="1"/>
  <c r="B8143" i="1"/>
  <c r="B8144" i="1"/>
  <c r="B8145" i="1"/>
  <c r="B8146" i="1"/>
  <c r="B8147" i="1"/>
  <c r="B8148" i="1"/>
  <c r="B8149" i="1"/>
  <c r="B8150" i="1"/>
  <c r="B8151" i="1"/>
  <c r="B8152" i="1"/>
  <c r="B8153" i="1"/>
  <c r="B8154" i="1"/>
  <c r="B8155" i="1"/>
  <c r="B8156" i="1"/>
  <c r="B8157" i="1"/>
  <c r="B8158" i="1"/>
  <c r="B8159" i="1"/>
  <c r="B8160" i="1"/>
  <c r="B8161" i="1"/>
  <c r="B8162" i="1"/>
  <c r="B8163" i="1"/>
  <c r="B8164" i="1"/>
  <c r="B8165" i="1"/>
  <c r="B8166" i="1"/>
  <c r="B8167" i="1"/>
  <c r="B8168" i="1"/>
  <c r="B8169" i="1"/>
  <c r="B8170" i="1"/>
  <c r="B8171" i="1"/>
  <c r="B8172" i="1"/>
  <c r="B8173" i="1"/>
  <c r="B8174" i="1"/>
  <c r="B8175" i="1"/>
  <c r="B8176" i="1"/>
  <c r="B8177" i="1"/>
  <c r="B8178" i="1"/>
  <c r="B8179" i="1"/>
  <c r="B8180" i="1"/>
  <c r="B8181" i="1"/>
  <c r="B8182" i="1"/>
  <c r="B8183" i="1"/>
  <c r="B8184" i="1"/>
  <c r="B8185" i="1"/>
  <c r="B8186" i="1"/>
  <c r="B8187" i="1"/>
  <c r="B8188" i="1"/>
  <c r="B8189" i="1"/>
  <c r="B8190" i="1"/>
  <c r="B8191" i="1"/>
  <c r="B8192" i="1"/>
  <c r="B8193" i="1"/>
  <c r="B8194" i="1"/>
  <c r="B8195" i="1"/>
  <c r="B8196" i="1"/>
  <c r="B8197" i="1"/>
  <c r="B8198" i="1"/>
  <c r="B8199" i="1"/>
  <c r="B8200" i="1"/>
  <c r="B8201" i="1"/>
  <c r="B8202" i="1"/>
  <c r="B8203" i="1"/>
  <c r="B8204" i="1"/>
  <c r="B8205" i="1"/>
  <c r="B8206" i="1"/>
  <c r="B8207" i="1"/>
  <c r="B8208" i="1"/>
  <c r="B8209" i="1"/>
  <c r="B8210" i="1"/>
  <c r="B8211" i="1"/>
  <c r="B8212" i="1"/>
  <c r="B8213" i="1"/>
  <c r="B8214" i="1"/>
  <c r="B8215" i="1"/>
  <c r="B8216" i="1"/>
  <c r="B8217" i="1"/>
  <c r="B8218" i="1"/>
  <c r="B8219" i="1"/>
  <c r="B8220" i="1"/>
  <c r="B8221" i="1"/>
  <c r="B8222" i="1"/>
  <c r="B8223" i="1"/>
  <c r="B8224" i="1"/>
  <c r="B8225" i="1"/>
  <c r="B8226" i="1"/>
  <c r="B8227" i="1"/>
  <c r="B8228" i="1"/>
  <c r="B8229" i="1"/>
  <c r="B8230" i="1"/>
  <c r="B8231" i="1"/>
  <c r="B8232" i="1"/>
  <c r="B8233" i="1"/>
  <c r="B8234" i="1"/>
  <c r="B8235" i="1"/>
  <c r="B8236" i="1"/>
  <c r="B8237" i="1"/>
  <c r="B8238" i="1"/>
  <c r="B8239" i="1"/>
  <c r="B8240" i="1"/>
  <c r="B8241" i="1"/>
  <c r="B8242" i="1"/>
  <c r="B8243" i="1"/>
  <c r="B8244" i="1"/>
  <c r="B8245" i="1"/>
  <c r="B8246" i="1"/>
  <c r="B8247" i="1"/>
  <c r="B8248" i="1"/>
  <c r="B8249" i="1"/>
  <c r="B8250" i="1"/>
  <c r="B8251" i="1"/>
  <c r="B8252" i="1"/>
  <c r="B8253" i="1"/>
  <c r="B8254" i="1"/>
  <c r="B8255" i="1"/>
  <c r="B8256" i="1"/>
  <c r="B8257" i="1"/>
  <c r="B8258" i="1"/>
  <c r="B8259" i="1"/>
  <c r="B8260" i="1"/>
  <c r="B8261" i="1"/>
  <c r="B8262" i="1"/>
  <c r="B8263" i="1"/>
  <c r="B8264" i="1"/>
  <c r="B8265" i="1"/>
  <c r="B8266" i="1"/>
  <c r="B8267" i="1"/>
  <c r="B8268" i="1"/>
  <c r="B8269" i="1"/>
  <c r="B8270" i="1"/>
  <c r="B8271" i="1"/>
  <c r="B8272" i="1"/>
  <c r="B8273" i="1"/>
  <c r="B8274" i="1"/>
  <c r="B8275" i="1"/>
  <c r="B8276" i="1"/>
  <c r="B8277" i="1"/>
  <c r="B8278" i="1"/>
  <c r="B8279" i="1"/>
  <c r="B8280" i="1"/>
  <c r="B8281" i="1"/>
  <c r="B8282" i="1"/>
  <c r="B8283" i="1"/>
  <c r="B8284" i="1"/>
  <c r="B8285" i="1"/>
  <c r="B8286" i="1"/>
  <c r="B8287" i="1"/>
  <c r="B8288" i="1"/>
  <c r="B8289" i="1"/>
  <c r="B8290" i="1"/>
  <c r="B8291" i="1"/>
  <c r="B8292" i="1"/>
  <c r="B8293" i="1"/>
  <c r="B8294" i="1"/>
  <c r="B8295" i="1"/>
  <c r="B8296" i="1"/>
  <c r="B8297" i="1"/>
  <c r="B8298" i="1"/>
  <c r="B8299" i="1"/>
  <c r="B8300" i="1"/>
  <c r="B8301" i="1"/>
  <c r="B8302" i="1"/>
  <c r="B8303" i="1"/>
  <c r="B8304" i="1"/>
  <c r="B8305" i="1"/>
  <c r="B8306" i="1"/>
  <c r="B8307" i="1"/>
  <c r="B8308" i="1"/>
  <c r="B8309" i="1"/>
  <c r="B8310" i="1"/>
  <c r="B8311" i="1"/>
  <c r="B8312" i="1"/>
  <c r="B8313" i="1"/>
  <c r="B8314" i="1"/>
  <c r="B8315" i="1"/>
  <c r="B8316" i="1"/>
  <c r="B8317" i="1"/>
  <c r="B8318" i="1"/>
  <c r="B8319" i="1"/>
  <c r="B8320" i="1"/>
  <c r="B8321" i="1"/>
  <c r="B8322" i="1"/>
  <c r="B8323" i="1"/>
  <c r="B8324" i="1"/>
  <c r="B8325" i="1"/>
  <c r="B8326" i="1"/>
  <c r="B8327" i="1"/>
  <c r="B8328" i="1"/>
  <c r="B8329" i="1"/>
  <c r="B8330" i="1"/>
  <c r="B8331" i="1"/>
  <c r="B8332" i="1"/>
  <c r="B8333" i="1"/>
  <c r="B8334" i="1"/>
  <c r="B8335" i="1"/>
  <c r="B8336" i="1"/>
  <c r="B8337" i="1"/>
  <c r="B8338" i="1"/>
  <c r="B8339" i="1"/>
  <c r="B8340" i="1"/>
  <c r="B8341" i="1"/>
  <c r="B8342" i="1"/>
  <c r="B8343" i="1"/>
  <c r="B8344" i="1"/>
  <c r="B8345" i="1"/>
  <c r="B8346" i="1"/>
  <c r="B8347" i="1"/>
  <c r="B8348" i="1"/>
  <c r="B8349" i="1"/>
  <c r="B8350" i="1"/>
  <c r="B8351" i="1"/>
  <c r="B8352" i="1"/>
  <c r="B8353" i="1"/>
  <c r="B8354" i="1"/>
  <c r="B8355" i="1"/>
  <c r="B8356" i="1"/>
  <c r="B8357" i="1"/>
  <c r="B8358" i="1"/>
  <c r="B8359" i="1"/>
  <c r="B8360" i="1"/>
  <c r="B8361" i="1"/>
  <c r="B8362" i="1"/>
  <c r="B8363" i="1"/>
  <c r="B8364" i="1"/>
  <c r="B8365" i="1"/>
  <c r="B8366" i="1"/>
  <c r="B8367" i="1"/>
  <c r="B8368" i="1"/>
  <c r="B8369" i="1"/>
  <c r="B8370" i="1"/>
  <c r="B8371" i="1"/>
  <c r="B8372" i="1"/>
  <c r="B8373" i="1"/>
  <c r="B8374" i="1"/>
  <c r="B8375" i="1"/>
  <c r="B8376" i="1"/>
  <c r="B8377" i="1"/>
  <c r="B8378" i="1"/>
  <c r="B8379" i="1"/>
  <c r="B8380" i="1"/>
  <c r="B8381" i="1"/>
  <c r="B8382" i="1"/>
  <c r="B8383" i="1"/>
  <c r="B8384" i="1"/>
  <c r="B8385" i="1"/>
  <c r="B8386" i="1"/>
  <c r="B8387" i="1"/>
  <c r="B8388" i="1"/>
  <c r="B8389" i="1"/>
  <c r="B8390" i="1"/>
  <c r="B8391" i="1"/>
  <c r="B8392" i="1"/>
  <c r="B8393" i="1"/>
  <c r="B8394" i="1"/>
  <c r="B8395" i="1"/>
  <c r="B8396" i="1"/>
  <c r="B8397" i="1"/>
  <c r="B8398" i="1"/>
  <c r="B8399" i="1"/>
  <c r="B8400" i="1"/>
  <c r="B8401" i="1"/>
  <c r="B8402" i="1"/>
  <c r="B8403" i="1"/>
  <c r="B8404" i="1"/>
  <c r="B8405" i="1"/>
  <c r="B8406" i="1"/>
  <c r="B8407" i="1"/>
  <c r="B8408" i="1"/>
  <c r="B8409" i="1"/>
  <c r="B8410" i="1"/>
  <c r="B8411" i="1"/>
  <c r="B8412" i="1"/>
  <c r="B8413" i="1"/>
  <c r="B8414" i="1"/>
  <c r="B8415" i="1"/>
  <c r="B8416" i="1"/>
  <c r="B8417" i="1"/>
  <c r="B8418" i="1"/>
  <c r="B8419" i="1"/>
  <c r="B8420" i="1"/>
  <c r="B8421" i="1"/>
  <c r="B8422" i="1"/>
  <c r="B8423" i="1"/>
  <c r="B8424" i="1"/>
  <c r="B8425" i="1"/>
  <c r="B8426" i="1"/>
  <c r="B8427" i="1"/>
  <c r="B8428" i="1"/>
  <c r="B8429" i="1"/>
  <c r="B8430" i="1"/>
  <c r="B8431" i="1"/>
  <c r="B8432" i="1"/>
  <c r="B8433" i="1"/>
  <c r="B8434" i="1"/>
  <c r="B8435" i="1"/>
  <c r="B8436" i="1"/>
  <c r="B8437" i="1"/>
  <c r="B8438" i="1"/>
  <c r="B8439" i="1"/>
  <c r="B8440" i="1"/>
  <c r="B8441" i="1"/>
  <c r="B8442" i="1"/>
  <c r="B8443" i="1"/>
  <c r="B8444" i="1"/>
  <c r="B8445" i="1"/>
  <c r="B8446" i="1"/>
  <c r="B8447" i="1"/>
  <c r="B8448" i="1"/>
  <c r="B8449" i="1"/>
  <c r="B8450" i="1"/>
  <c r="B8451" i="1"/>
  <c r="B8452" i="1"/>
  <c r="B8453" i="1"/>
  <c r="B8454" i="1"/>
  <c r="B8455" i="1"/>
  <c r="B8456" i="1"/>
  <c r="B8457" i="1"/>
  <c r="B8458" i="1"/>
  <c r="B8459" i="1"/>
  <c r="B8460" i="1"/>
  <c r="B8461" i="1"/>
  <c r="B8462" i="1"/>
  <c r="B8463" i="1"/>
  <c r="B8464" i="1"/>
  <c r="B8465" i="1"/>
  <c r="B8466" i="1"/>
  <c r="B8467" i="1"/>
  <c r="B8468" i="1"/>
  <c r="B8469" i="1"/>
  <c r="B8470" i="1"/>
  <c r="B8471" i="1"/>
  <c r="B8472" i="1"/>
  <c r="B8473" i="1"/>
  <c r="B8474" i="1"/>
  <c r="B8475" i="1"/>
  <c r="B8476" i="1"/>
  <c r="B8477" i="1"/>
  <c r="B8478" i="1"/>
  <c r="B8479" i="1"/>
  <c r="B8480" i="1"/>
  <c r="B8481" i="1"/>
  <c r="B8482" i="1"/>
  <c r="B8483" i="1"/>
  <c r="B8484" i="1"/>
  <c r="B8485" i="1"/>
  <c r="B8486" i="1"/>
  <c r="B8487" i="1"/>
  <c r="B8488" i="1"/>
  <c r="B8489" i="1"/>
  <c r="B8490" i="1"/>
  <c r="B8491" i="1"/>
  <c r="B8492" i="1"/>
  <c r="B8493" i="1"/>
  <c r="B8494" i="1"/>
  <c r="B8495" i="1"/>
  <c r="B8496" i="1"/>
  <c r="B8497" i="1"/>
  <c r="B8498" i="1"/>
  <c r="B8499" i="1"/>
  <c r="B8500" i="1"/>
  <c r="B8501" i="1"/>
  <c r="B8502" i="1"/>
  <c r="B8503" i="1"/>
  <c r="B8504" i="1"/>
  <c r="B8505" i="1"/>
  <c r="B8506" i="1"/>
  <c r="B8507" i="1"/>
  <c r="B8508" i="1"/>
  <c r="B8509" i="1"/>
  <c r="B8510" i="1"/>
  <c r="B8511" i="1"/>
  <c r="B8512" i="1"/>
  <c r="B8513" i="1"/>
  <c r="B8514" i="1"/>
  <c r="B8515" i="1"/>
  <c r="B8516" i="1"/>
  <c r="B8517" i="1"/>
  <c r="B8518" i="1"/>
  <c r="B8519" i="1"/>
  <c r="B8520" i="1"/>
  <c r="B8521" i="1"/>
  <c r="B8522" i="1"/>
  <c r="B8523" i="1"/>
  <c r="B8524" i="1"/>
  <c r="B8525" i="1"/>
  <c r="B8526" i="1"/>
  <c r="B8527" i="1"/>
  <c r="B8528" i="1"/>
  <c r="B8529" i="1"/>
  <c r="B8530" i="1"/>
  <c r="B8531" i="1"/>
  <c r="B8532" i="1"/>
  <c r="B8533" i="1"/>
  <c r="B8534" i="1"/>
  <c r="B8535" i="1"/>
  <c r="B8536" i="1"/>
  <c r="B8537" i="1"/>
  <c r="B8538" i="1"/>
  <c r="B8539" i="1"/>
  <c r="B8540" i="1"/>
  <c r="B8541" i="1"/>
  <c r="B8542" i="1"/>
  <c r="B8543" i="1"/>
  <c r="B8544" i="1"/>
  <c r="B8545" i="1"/>
  <c r="B8546" i="1"/>
  <c r="B8547" i="1"/>
  <c r="B8548" i="1"/>
  <c r="B8549" i="1"/>
  <c r="B8550" i="1"/>
  <c r="B8551" i="1"/>
  <c r="B8552" i="1"/>
  <c r="B8553" i="1"/>
  <c r="B8554" i="1"/>
  <c r="B8555" i="1"/>
  <c r="B8556" i="1"/>
  <c r="B8557" i="1"/>
  <c r="B8558" i="1"/>
  <c r="B8559" i="1"/>
  <c r="B8560" i="1"/>
  <c r="B8561" i="1"/>
  <c r="B8562" i="1"/>
  <c r="B8563" i="1"/>
  <c r="B8564" i="1"/>
  <c r="B8565" i="1"/>
  <c r="B8566" i="1"/>
  <c r="B8567" i="1"/>
  <c r="B8568" i="1"/>
  <c r="B8569" i="1"/>
  <c r="B8570" i="1"/>
  <c r="B8571" i="1"/>
  <c r="B8572" i="1"/>
  <c r="B8573" i="1"/>
  <c r="B8574" i="1"/>
  <c r="B8575" i="1"/>
  <c r="B8576" i="1"/>
  <c r="B8577" i="1"/>
  <c r="B8578" i="1"/>
  <c r="B8579" i="1"/>
  <c r="B8580" i="1"/>
  <c r="B8581" i="1"/>
  <c r="B8582" i="1"/>
  <c r="B8583" i="1"/>
  <c r="B8584" i="1"/>
  <c r="B8585" i="1"/>
  <c r="B8586" i="1"/>
  <c r="B8587" i="1"/>
  <c r="B8588" i="1"/>
  <c r="B8589" i="1"/>
  <c r="B8590" i="1"/>
  <c r="B8591" i="1"/>
  <c r="B8592" i="1"/>
  <c r="B8593" i="1"/>
  <c r="B8594" i="1"/>
  <c r="B8595" i="1"/>
  <c r="B8596" i="1"/>
  <c r="B8597" i="1"/>
  <c r="B8598" i="1"/>
  <c r="B8599" i="1"/>
  <c r="B8600" i="1"/>
  <c r="B8601" i="1"/>
  <c r="B8602" i="1"/>
  <c r="B8603" i="1"/>
  <c r="B8604" i="1"/>
  <c r="B8605" i="1"/>
  <c r="B8606" i="1"/>
  <c r="B8607" i="1"/>
  <c r="B8608" i="1"/>
  <c r="B8609" i="1"/>
  <c r="B8610" i="1"/>
  <c r="B8611" i="1"/>
  <c r="B8612" i="1"/>
  <c r="B8613" i="1"/>
  <c r="B8614" i="1"/>
  <c r="B8615" i="1"/>
  <c r="B8616" i="1"/>
  <c r="B8617" i="1"/>
  <c r="B8618" i="1"/>
  <c r="B8619" i="1"/>
  <c r="B8620" i="1"/>
  <c r="B8621" i="1"/>
  <c r="B8622" i="1"/>
  <c r="B8623" i="1"/>
  <c r="B8624" i="1"/>
  <c r="B8625" i="1"/>
  <c r="B8626" i="1"/>
  <c r="B8627" i="1"/>
  <c r="B8628" i="1"/>
  <c r="B8629" i="1"/>
  <c r="B8630" i="1"/>
  <c r="B8631" i="1"/>
  <c r="B8632" i="1"/>
  <c r="B8633" i="1"/>
  <c r="B8634" i="1"/>
  <c r="B8635" i="1"/>
  <c r="B8636" i="1"/>
  <c r="B8637" i="1"/>
  <c r="B8638" i="1"/>
  <c r="B8639" i="1"/>
  <c r="B8640" i="1"/>
  <c r="B8641" i="1"/>
  <c r="B8642" i="1"/>
  <c r="B8643" i="1"/>
  <c r="B8644" i="1"/>
  <c r="B8645" i="1"/>
  <c r="B8646" i="1"/>
  <c r="B8647" i="1"/>
  <c r="B8648" i="1"/>
  <c r="B8649" i="1"/>
  <c r="B8650" i="1"/>
  <c r="B8651" i="1"/>
  <c r="B8652" i="1"/>
  <c r="B8653" i="1"/>
  <c r="B8654" i="1"/>
  <c r="B8655" i="1"/>
  <c r="B8656" i="1"/>
  <c r="B8657" i="1"/>
  <c r="B8658" i="1"/>
  <c r="B8659" i="1"/>
  <c r="B8660" i="1"/>
  <c r="B8661" i="1"/>
  <c r="B8662" i="1"/>
  <c r="B8663" i="1"/>
  <c r="B8664" i="1"/>
  <c r="B8665" i="1"/>
  <c r="B8666" i="1"/>
  <c r="B8667" i="1"/>
  <c r="B8668" i="1"/>
  <c r="B8669" i="1"/>
  <c r="B8670" i="1"/>
  <c r="B8671" i="1"/>
  <c r="B8672" i="1"/>
  <c r="B8673" i="1"/>
  <c r="B8674" i="1"/>
  <c r="B8675" i="1"/>
  <c r="B8676" i="1"/>
  <c r="B8677" i="1"/>
  <c r="B8678" i="1"/>
  <c r="B8679" i="1"/>
  <c r="B8680" i="1"/>
  <c r="B8681" i="1"/>
  <c r="B8682" i="1"/>
  <c r="B8683" i="1"/>
  <c r="B8684" i="1"/>
  <c r="B8685" i="1"/>
  <c r="B8686" i="1"/>
  <c r="B8687" i="1"/>
  <c r="B8688" i="1"/>
  <c r="B8689" i="1"/>
  <c r="B8690" i="1"/>
  <c r="B8691" i="1"/>
  <c r="B8692" i="1"/>
  <c r="B8693" i="1"/>
  <c r="B8694" i="1"/>
  <c r="B8695" i="1"/>
  <c r="B8696" i="1"/>
  <c r="B8697" i="1"/>
  <c r="B8698" i="1"/>
  <c r="B8699" i="1"/>
  <c r="B8700" i="1"/>
  <c r="B8701" i="1"/>
  <c r="B8702" i="1"/>
  <c r="B8703" i="1"/>
  <c r="B8704" i="1"/>
  <c r="B8705" i="1"/>
  <c r="B8706" i="1"/>
  <c r="B8707" i="1"/>
  <c r="B8708" i="1"/>
  <c r="B8709" i="1"/>
  <c r="B8710" i="1"/>
  <c r="B8711" i="1"/>
  <c r="B8712" i="1"/>
  <c r="B8713" i="1"/>
  <c r="B8714" i="1"/>
  <c r="B8715" i="1"/>
  <c r="B8716" i="1"/>
  <c r="B8717" i="1"/>
  <c r="B8718" i="1"/>
  <c r="B8719" i="1"/>
  <c r="B8720" i="1"/>
  <c r="B8721" i="1"/>
  <c r="B8722" i="1"/>
  <c r="B8723" i="1"/>
  <c r="B8724" i="1"/>
  <c r="B8725" i="1"/>
  <c r="B8726" i="1"/>
  <c r="B8727" i="1"/>
  <c r="B8728" i="1"/>
  <c r="B8729" i="1"/>
  <c r="B8730" i="1"/>
  <c r="B8731" i="1"/>
  <c r="B8732" i="1"/>
  <c r="B8733" i="1"/>
  <c r="B8734" i="1"/>
  <c r="B8735" i="1"/>
  <c r="B8736" i="1"/>
  <c r="B8737" i="1"/>
  <c r="B8738" i="1"/>
  <c r="B8739" i="1"/>
  <c r="B8740" i="1"/>
  <c r="B8741" i="1"/>
  <c r="B8742" i="1"/>
  <c r="B8743" i="1"/>
  <c r="B8744" i="1"/>
  <c r="B8745" i="1"/>
  <c r="B8746" i="1"/>
  <c r="B8747" i="1"/>
  <c r="B8748" i="1"/>
  <c r="B8749" i="1"/>
  <c r="B8750" i="1"/>
  <c r="B8751" i="1"/>
  <c r="B8752" i="1"/>
  <c r="B8753" i="1"/>
  <c r="B8754" i="1"/>
  <c r="B8755" i="1"/>
  <c r="B8756" i="1"/>
  <c r="B8757" i="1"/>
  <c r="B8758" i="1"/>
  <c r="B8759" i="1"/>
  <c r="B8760" i="1"/>
  <c r="B8761" i="1"/>
  <c r="B8762" i="1"/>
  <c r="B8763" i="1"/>
  <c r="B8764" i="1"/>
  <c r="B8765" i="1"/>
  <c r="B8766" i="1"/>
  <c r="B8767" i="1"/>
  <c r="B8768" i="1"/>
  <c r="B8769" i="1"/>
  <c r="B8770" i="1"/>
  <c r="B8771" i="1"/>
  <c r="B8772" i="1"/>
  <c r="B8773" i="1"/>
  <c r="B8774" i="1"/>
  <c r="B8775" i="1"/>
  <c r="B8776" i="1"/>
  <c r="B8777" i="1"/>
  <c r="B8778" i="1"/>
  <c r="B8779" i="1"/>
  <c r="B8780" i="1"/>
  <c r="B8781" i="1"/>
  <c r="B8782" i="1"/>
  <c r="B8783" i="1"/>
  <c r="B8784" i="1"/>
  <c r="B8785" i="1"/>
  <c r="B8786" i="1"/>
  <c r="B8787" i="1"/>
  <c r="B8788" i="1"/>
  <c r="B8789" i="1"/>
  <c r="B8790" i="1"/>
  <c r="B8791" i="1"/>
  <c r="B8792" i="1"/>
  <c r="B8793" i="1"/>
  <c r="B8794" i="1"/>
  <c r="B8795" i="1"/>
  <c r="B8796" i="1"/>
  <c r="B8797" i="1"/>
  <c r="B8798" i="1"/>
  <c r="B8799" i="1"/>
  <c r="B8800" i="1"/>
  <c r="B8801" i="1"/>
  <c r="B8802" i="1"/>
  <c r="B8803" i="1"/>
  <c r="B8804" i="1"/>
  <c r="B8805" i="1"/>
  <c r="B8806" i="1"/>
  <c r="B8807" i="1"/>
  <c r="B8808" i="1"/>
  <c r="B8809" i="1"/>
  <c r="B8810" i="1"/>
  <c r="B8811" i="1"/>
  <c r="B8812" i="1"/>
  <c r="B8813" i="1"/>
  <c r="B8814" i="1"/>
  <c r="B8815" i="1"/>
  <c r="B8816" i="1"/>
  <c r="B8817" i="1"/>
  <c r="B8818" i="1"/>
  <c r="B8819" i="1"/>
  <c r="B8820" i="1"/>
  <c r="B8821" i="1"/>
  <c r="B8822" i="1"/>
  <c r="B8823" i="1"/>
  <c r="B8824" i="1"/>
  <c r="B8825" i="1"/>
  <c r="B8826" i="1"/>
  <c r="B8827" i="1"/>
  <c r="B8828" i="1"/>
  <c r="B8829" i="1"/>
  <c r="B8830" i="1"/>
  <c r="B8831" i="1"/>
  <c r="B8832" i="1"/>
  <c r="B8833" i="1"/>
  <c r="B8834" i="1"/>
  <c r="B8835" i="1"/>
  <c r="B8836" i="1"/>
  <c r="B8837" i="1"/>
  <c r="B8838" i="1"/>
  <c r="B8839" i="1"/>
  <c r="B8840" i="1"/>
  <c r="B8841" i="1"/>
  <c r="B8842" i="1"/>
  <c r="B8843" i="1"/>
  <c r="B8844" i="1"/>
  <c r="B8845" i="1"/>
  <c r="B8846" i="1"/>
  <c r="B8847" i="1"/>
  <c r="B8848" i="1"/>
  <c r="B8849" i="1"/>
  <c r="B8850" i="1"/>
  <c r="B8851" i="1"/>
  <c r="B8852" i="1"/>
  <c r="B8853" i="1"/>
  <c r="B8854" i="1"/>
  <c r="B8855" i="1"/>
  <c r="B8856" i="1"/>
  <c r="B8857" i="1"/>
  <c r="B8858" i="1"/>
  <c r="B8859" i="1"/>
  <c r="B8860" i="1"/>
  <c r="B8861" i="1"/>
  <c r="B8862" i="1"/>
  <c r="B8863" i="1"/>
  <c r="B8864" i="1"/>
  <c r="B8865" i="1"/>
  <c r="B8866" i="1"/>
  <c r="B8867" i="1"/>
  <c r="B8868" i="1"/>
  <c r="B8869" i="1"/>
  <c r="B8870" i="1"/>
  <c r="B8871" i="1"/>
  <c r="B8872" i="1"/>
  <c r="B8873" i="1"/>
  <c r="B8874" i="1"/>
  <c r="B8875" i="1"/>
  <c r="B8876" i="1"/>
  <c r="B8877" i="1"/>
  <c r="B8878" i="1"/>
  <c r="B8879" i="1"/>
  <c r="B8880" i="1"/>
  <c r="B8881" i="1"/>
  <c r="B8882" i="1"/>
  <c r="B8883" i="1"/>
  <c r="B8884" i="1"/>
  <c r="B8885" i="1"/>
  <c r="B8886" i="1"/>
  <c r="B8887" i="1"/>
  <c r="B8888" i="1"/>
  <c r="B8889" i="1"/>
  <c r="B8890" i="1"/>
  <c r="B8891" i="1"/>
  <c r="B8892" i="1"/>
  <c r="B8893" i="1"/>
  <c r="B8894" i="1"/>
  <c r="B8895" i="1"/>
  <c r="B8896" i="1"/>
  <c r="B8897" i="1"/>
  <c r="B8898" i="1"/>
  <c r="B8899" i="1"/>
  <c r="B8900" i="1"/>
  <c r="B8901" i="1"/>
  <c r="B8902" i="1"/>
  <c r="B8903" i="1"/>
  <c r="B8904" i="1"/>
  <c r="B8905" i="1"/>
  <c r="B8906" i="1"/>
  <c r="B8907" i="1"/>
  <c r="B8908" i="1"/>
  <c r="B8909" i="1"/>
  <c r="B8910" i="1"/>
  <c r="B8911" i="1"/>
  <c r="B8912" i="1"/>
  <c r="B8913" i="1"/>
  <c r="B8914" i="1"/>
  <c r="B8915" i="1"/>
  <c r="B8916" i="1"/>
  <c r="B8917" i="1"/>
  <c r="B8918" i="1"/>
  <c r="B8919" i="1"/>
  <c r="B8920" i="1"/>
  <c r="B8921" i="1"/>
  <c r="B8922" i="1"/>
  <c r="B8923" i="1"/>
  <c r="B8924" i="1"/>
  <c r="B8925" i="1"/>
  <c r="B8926" i="1"/>
  <c r="B8927" i="1"/>
  <c r="B8928" i="1"/>
  <c r="B8929" i="1"/>
  <c r="B8930" i="1"/>
  <c r="B8931" i="1"/>
  <c r="B8932" i="1"/>
  <c r="B8933" i="1"/>
  <c r="B8934" i="1"/>
  <c r="B8935" i="1"/>
  <c r="B8936" i="1"/>
  <c r="B8937" i="1"/>
  <c r="B8938" i="1"/>
  <c r="B8939" i="1"/>
  <c r="B8940" i="1"/>
  <c r="B8941" i="1"/>
  <c r="B8942" i="1"/>
  <c r="B8943" i="1"/>
  <c r="B8944" i="1"/>
  <c r="B8945" i="1"/>
  <c r="B8946" i="1"/>
  <c r="B8947" i="1"/>
  <c r="B8948" i="1"/>
  <c r="B8949" i="1"/>
  <c r="B8950" i="1"/>
  <c r="B8951" i="1"/>
  <c r="B8952" i="1"/>
  <c r="B8953" i="1"/>
  <c r="B8954" i="1"/>
  <c r="B8955" i="1"/>
  <c r="B8956" i="1"/>
  <c r="B8957" i="1"/>
  <c r="B8958" i="1"/>
  <c r="B8959" i="1"/>
  <c r="B8960" i="1"/>
  <c r="B8961" i="1"/>
  <c r="B8962" i="1"/>
  <c r="B8963" i="1"/>
  <c r="B8964" i="1"/>
  <c r="B8965" i="1"/>
  <c r="B8966" i="1"/>
  <c r="B8967" i="1"/>
  <c r="B8968" i="1"/>
  <c r="B8969" i="1"/>
  <c r="B8970" i="1"/>
  <c r="B8971" i="1"/>
  <c r="B8972" i="1"/>
  <c r="B8973" i="1"/>
  <c r="B8974" i="1"/>
  <c r="B8975" i="1"/>
  <c r="B8976" i="1"/>
  <c r="B8977" i="1"/>
  <c r="B8978" i="1"/>
  <c r="B8979" i="1"/>
  <c r="B8980" i="1"/>
  <c r="B8981" i="1"/>
  <c r="B8982" i="1"/>
  <c r="B8983" i="1"/>
  <c r="B8984" i="1"/>
  <c r="B8985" i="1"/>
  <c r="B8986" i="1"/>
  <c r="B8987" i="1"/>
  <c r="B8988" i="1"/>
  <c r="B8989" i="1"/>
  <c r="B8990" i="1"/>
  <c r="B8991" i="1"/>
  <c r="B8992" i="1"/>
  <c r="B8993" i="1"/>
  <c r="B8994" i="1"/>
  <c r="B8995" i="1"/>
  <c r="B8996" i="1"/>
  <c r="B8997" i="1"/>
  <c r="B8998" i="1"/>
  <c r="B8999" i="1"/>
  <c r="B9000" i="1"/>
  <c r="B9001" i="1"/>
  <c r="B9002" i="1"/>
  <c r="B9003" i="1"/>
  <c r="B9004" i="1"/>
  <c r="B9005" i="1"/>
  <c r="B9006" i="1"/>
  <c r="B9007" i="1"/>
  <c r="B9008" i="1"/>
  <c r="B9009" i="1"/>
  <c r="B9010" i="1"/>
  <c r="B9011" i="1"/>
  <c r="B9012" i="1"/>
  <c r="B9013" i="1"/>
  <c r="B9014" i="1"/>
  <c r="B9015" i="1"/>
  <c r="B9016" i="1"/>
  <c r="B9017" i="1"/>
  <c r="B9018" i="1"/>
  <c r="B9019" i="1"/>
  <c r="B9020" i="1"/>
  <c r="B9021" i="1"/>
  <c r="B9022" i="1"/>
  <c r="B9023" i="1"/>
  <c r="B9024" i="1"/>
  <c r="B9025" i="1"/>
  <c r="B9026" i="1"/>
  <c r="B9027" i="1"/>
  <c r="B9028" i="1"/>
  <c r="B9029" i="1"/>
  <c r="B9030" i="1"/>
  <c r="B9031" i="1"/>
  <c r="B9032" i="1"/>
  <c r="B9033" i="1"/>
  <c r="B9034" i="1"/>
  <c r="B9035" i="1"/>
  <c r="B9036" i="1"/>
  <c r="B9037" i="1"/>
  <c r="B9038" i="1"/>
  <c r="B9039" i="1"/>
  <c r="B9040" i="1"/>
  <c r="B9041" i="1"/>
  <c r="B9042" i="1"/>
  <c r="B9043" i="1"/>
  <c r="B9044" i="1"/>
  <c r="B9045" i="1"/>
  <c r="B9046" i="1"/>
  <c r="B9047" i="1"/>
  <c r="B9048" i="1"/>
  <c r="B9049" i="1"/>
  <c r="B9050" i="1"/>
  <c r="B9051" i="1"/>
  <c r="B9052" i="1"/>
  <c r="B9053" i="1"/>
  <c r="B9054" i="1"/>
  <c r="B9055" i="1"/>
  <c r="B9056" i="1"/>
  <c r="B9057" i="1"/>
  <c r="B9058" i="1"/>
  <c r="B9059" i="1"/>
  <c r="B9060" i="1"/>
  <c r="B9061" i="1"/>
  <c r="B9062" i="1"/>
  <c r="B9063" i="1"/>
  <c r="B9064" i="1"/>
  <c r="B9065" i="1"/>
  <c r="B9066" i="1"/>
  <c r="B9067" i="1"/>
  <c r="B9068" i="1"/>
  <c r="B9069" i="1"/>
  <c r="B9070" i="1"/>
  <c r="B9071" i="1"/>
  <c r="B9072" i="1"/>
  <c r="B9073" i="1"/>
  <c r="B9074" i="1"/>
  <c r="B9075" i="1"/>
  <c r="B9076" i="1"/>
  <c r="B9077" i="1"/>
  <c r="B9078" i="1"/>
  <c r="B9079" i="1"/>
  <c r="B9080" i="1"/>
  <c r="B9081" i="1"/>
  <c r="B9082" i="1"/>
  <c r="B9083" i="1"/>
  <c r="B9084" i="1"/>
  <c r="B9085" i="1"/>
  <c r="B9086" i="1"/>
  <c r="B9087" i="1"/>
  <c r="B9088" i="1"/>
  <c r="B9089" i="1"/>
  <c r="B9090" i="1"/>
  <c r="B9091" i="1"/>
  <c r="B9092" i="1"/>
  <c r="B9093" i="1"/>
  <c r="B9094" i="1"/>
  <c r="B9095" i="1"/>
  <c r="B9096" i="1"/>
  <c r="B9097" i="1"/>
  <c r="B9098" i="1"/>
  <c r="B9099" i="1"/>
  <c r="B9100" i="1"/>
  <c r="B9101" i="1"/>
  <c r="B9102" i="1"/>
  <c r="B9103" i="1"/>
  <c r="B9104" i="1"/>
  <c r="B9105" i="1"/>
  <c r="B9106" i="1"/>
  <c r="B9107" i="1"/>
  <c r="B9108" i="1"/>
  <c r="B9109" i="1"/>
  <c r="B9110" i="1"/>
  <c r="B9111" i="1"/>
  <c r="B9112" i="1"/>
  <c r="B9113" i="1"/>
  <c r="B9114" i="1"/>
  <c r="B9115" i="1"/>
  <c r="B9116" i="1"/>
  <c r="B9117" i="1"/>
  <c r="B9118" i="1"/>
  <c r="B9119" i="1"/>
  <c r="B9120" i="1"/>
  <c r="B9121" i="1"/>
  <c r="B9122" i="1"/>
  <c r="B9123" i="1"/>
  <c r="B9124" i="1"/>
  <c r="B9125" i="1"/>
  <c r="B9126" i="1"/>
  <c r="B9127" i="1"/>
  <c r="B9128" i="1"/>
  <c r="B9129" i="1"/>
  <c r="B9130" i="1"/>
  <c r="B9131" i="1"/>
  <c r="B9132" i="1"/>
  <c r="B9133" i="1"/>
  <c r="B9134" i="1"/>
  <c r="B9135" i="1"/>
  <c r="B9136" i="1"/>
  <c r="B9137" i="1"/>
  <c r="B9138" i="1"/>
  <c r="B9139" i="1"/>
  <c r="B9140" i="1"/>
  <c r="B9141" i="1"/>
  <c r="B9142" i="1"/>
  <c r="B9143" i="1"/>
  <c r="B9144" i="1"/>
  <c r="B9145" i="1"/>
  <c r="B9146" i="1"/>
  <c r="B9147" i="1"/>
  <c r="B9148" i="1"/>
  <c r="B9149" i="1"/>
  <c r="B9150" i="1"/>
  <c r="B9151" i="1"/>
  <c r="B9152" i="1"/>
  <c r="B9153" i="1"/>
  <c r="B9154" i="1"/>
  <c r="B9155" i="1"/>
  <c r="B9156" i="1"/>
  <c r="B9157" i="1"/>
  <c r="B9158" i="1"/>
  <c r="B9159" i="1"/>
  <c r="B9160" i="1"/>
  <c r="B9161" i="1"/>
  <c r="B9162" i="1"/>
  <c r="B9163" i="1"/>
  <c r="B9164" i="1"/>
  <c r="B9165" i="1"/>
  <c r="B9166" i="1"/>
  <c r="B9167" i="1"/>
  <c r="B9168" i="1"/>
  <c r="B9169" i="1"/>
  <c r="B9170" i="1"/>
  <c r="B9171" i="1"/>
  <c r="B9172" i="1"/>
  <c r="B9173" i="1"/>
  <c r="B9174" i="1"/>
  <c r="B9175" i="1"/>
  <c r="B9176" i="1"/>
  <c r="B9177" i="1"/>
  <c r="B9178" i="1"/>
  <c r="B9179" i="1"/>
  <c r="B9180" i="1"/>
  <c r="B9181" i="1"/>
  <c r="B9182" i="1"/>
  <c r="B9183" i="1"/>
  <c r="B9184" i="1"/>
  <c r="B9185" i="1"/>
  <c r="B9186" i="1"/>
  <c r="B9187" i="1"/>
  <c r="B9188" i="1"/>
  <c r="B9189" i="1"/>
  <c r="B9190" i="1"/>
  <c r="B9191" i="1"/>
  <c r="B9192" i="1"/>
  <c r="B9193" i="1"/>
  <c r="B9194" i="1"/>
  <c r="B9195" i="1"/>
  <c r="B9196" i="1"/>
  <c r="B9197" i="1"/>
  <c r="B9198" i="1"/>
  <c r="B9199" i="1"/>
  <c r="B9200" i="1"/>
  <c r="B9201" i="1"/>
  <c r="B9202" i="1"/>
  <c r="B9203" i="1"/>
  <c r="B9204" i="1"/>
  <c r="B9205" i="1"/>
  <c r="B9206" i="1"/>
  <c r="B9207" i="1"/>
  <c r="B9208" i="1"/>
  <c r="B9209" i="1"/>
  <c r="B9210" i="1"/>
  <c r="B9211" i="1"/>
  <c r="B9212" i="1"/>
  <c r="B9213" i="1"/>
  <c r="B9214" i="1"/>
  <c r="B9215" i="1"/>
  <c r="B9216" i="1"/>
  <c r="B9217" i="1"/>
  <c r="B9218" i="1"/>
  <c r="B9219" i="1"/>
  <c r="B9220" i="1"/>
  <c r="B9221" i="1"/>
  <c r="B9222" i="1"/>
  <c r="B9223" i="1"/>
  <c r="B9224" i="1"/>
  <c r="B9225" i="1"/>
  <c r="B9226" i="1"/>
  <c r="B9227" i="1"/>
  <c r="B9228" i="1"/>
  <c r="B9229" i="1"/>
  <c r="B9230" i="1"/>
  <c r="B9231" i="1"/>
  <c r="B9232" i="1"/>
  <c r="B9233" i="1"/>
  <c r="B9234" i="1"/>
  <c r="B9235" i="1"/>
  <c r="B9236" i="1"/>
  <c r="B9237" i="1"/>
  <c r="B9238" i="1"/>
  <c r="B9239" i="1"/>
  <c r="B9240" i="1"/>
  <c r="B9241" i="1"/>
  <c r="B9242" i="1"/>
  <c r="B9243" i="1"/>
  <c r="B9244" i="1"/>
  <c r="B9245" i="1"/>
  <c r="B9246" i="1"/>
  <c r="B9247" i="1"/>
  <c r="B9248" i="1"/>
  <c r="B9249" i="1"/>
  <c r="B9250" i="1"/>
  <c r="B9251" i="1"/>
  <c r="B9252" i="1"/>
  <c r="B9253" i="1"/>
  <c r="B9254" i="1"/>
  <c r="B9255" i="1"/>
  <c r="B9256" i="1"/>
  <c r="B9257" i="1"/>
  <c r="B9258" i="1"/>
  <c r="B9259" i="1"/>
  <c r="B9260" i="1"/>
  <c r="B9261" i="1"/>
  <c r="B9262" i="1"/>
  <c r="B9263" i="1"/>
  <c r="B9264" i="1"/>
  <c r="B9265" i="1"/>
  <c r="B9266" i="1"/>
  <c r="B9267" i="1"/>
  <c r="B9268" i="1"/>
  <c r="B9269" i="1"/>
  <c r="B9270" i="1"/>
  <c r="B9271" i="1"/>
  <c r="B9272" i="1"/>
  <c r="B9273" i="1"/>
  <c r="B9274" i="1"/>
  <c r="B9275" i="1"/>
  <c r="B9276" i="1"/>
  <c r="B9277" i="1"/>
  <c r="B9278" i="1"/>
  <c r="B9279" i="1"/>
  <c r="B9280" i="1"/>
  <c r="B9281" i="1"/>
  <c r="B9282" i="1"/>
  <c r="B9283" i="1"/>
  <c r="B9284" i="1"/>
  <c r="B9285" i="1"/>
  <c r="B9286" i="1"/>
  <c r="B9287" i="1"/>
  <c r="B9288" i="1"/>
  <c r="B9289" i="1"/>
  <c r="B9290" i="1"/>
  <c r="B9291" i="1"/>
  <c r="B9292" i="1"/>
  <c r="B9293" i="1"/>
  <c r="B9294" i="1"/>
  <c r="B9295" i="1"/>
  <c r="B9296" i="1"/>
  <c r="B9297" i="1"/>
  <c r="B9298" i="1"/>
  <c r="B9299" i="1"/>
  <c r="B9300" i="1"/>
  <c r="B9301" i="1"/>
  <c r="B9302" i="1"/>
  <c r="B9303" i="1"/>
  <c r="B9304" i="1"/>
  <c r="B9305" i="1"/>
  <c r="B9306" i="1"/>
  <c r="B9307" i="1"/>
  <c r="B9308" i="1"/>
  <c r="B9309" i="1"/>
  <c r="B9310" i="1"/>
  <c r="B9311" i="1"/>
  <c r="B9312" i="1"/>
  <c r="B9313" i="1"/>
  <c r="B9314" i="1"/>
  <c r="B9315" i="1"/>
  <c r="B9316" i="1"/>
  <c r="B9317" i="1"/>
  <c r="B9318" i="1"/>
  <c r="B9319" i="1"/>
  <c r="B9320" i="1"/>
  <c r="B9321" i="1"/>
  <c r="B9322" i="1"/>
  <c r="B9323" i="1"/>
  <c r="B9324" i="1"/>
  <c r="B9325" i="1"/>
  <c r="B9326" i="1"/>
  <c r="B9327" i="1"/>
  <c r="B9328" i="1"/>
  <c r="B9329" i="1"/>
  <c r="B9330" i="1"/>
  <c r="B9331" i="1"/>
  <c r="B9332" i="1"/>
  <c r="B9333" i="1"/>
  <c r="B9334" i="1"/>
  <c r="B9335" i="1"/>
  <c r="B9336" i="1"/>
  <c r="B9337" i="1"/>
  <c r="B9338" i="1"/>
  <c r="B9339" i="1"/>
  <c r="B9340" i="1"/>
  <c r="B9341" i="1"/>
  <c r="B9342" i="1"/>
  <c r="B9343" i="1"/>
  <c r="B9344" i="1"/>
  <c r="B9345" i="1"/>
  <c r="B9346" i="1"/>
  <c r="B9347" i="1"/>
  <c r="B9348" i="1"/>
  <c r="B9349" i="1"/>
  <c r="B9350" i="1"/>
  <c r="B9351" i="1"/>
  <c r="B9352" i="1"/>
  <c r="B9353" i="1"/>
  <c r="B9354" i="1"/>
  <c r="B9355" i="1"/>
  <c r="B9356" i="1"/>
  <c r="B9357" i="1"/>
  <c r="B9358" i="1"/>
  <c r="B9359" i="1"/>
  <c r="B9360" i="1"/>
  <c r="B9361" i="1"/>
  <c r="B9362" i="1"/>
  <c r="B9363" i="1"/>
  <c r="B9364" i="1"/>
  <c r="B9365" i="1"/>
  <c r="B9366" i="1"/>
  <c r="B9367" i="1"/>
  <c r="B9368" i="1"/>
  <c r="B9369" i="1"/>
  <c r="B9370" i="1"/>
  <c r="B9371" i="1"/>
  <c r="B9372" i="1"/>
  <c r="B9373" i="1"/>
  <c r="B9374" i="1"/>
  <c r="B9375" i="1"/>
  <c r="B9376" i="1"/>
  <c r="B9377" i="1"/>
  <c r="B9378" i="1"/>
  <c r="B9379" i="1"/>
  <c r="B9380" i="1"/>
  <c r="B9381" i="1"/>
  <c r="B9382" i="1"/>
  <c r="B9383" i="1"/>
  <c r="B9384" i="1"/>
  <c r="B9385" i="1"/>
  <c r="B9386" i="1"/>
  <c r="B9387" i="1"/>
  <c r="B9388" i="1"/>
  <c r="B9389" i="1"/>
  <c r="B9390" i="1"/>
  <c r="B9391" i="1"/>
  <c r="B9392" i="1"/>
  <c r="B9393" i="1"/>
  <c r="B9394" i="1"/>
  <c r="B9395" i="1"/>
  <c r="B9396" i="1"/>
  <c r="B9397" i="1"/>
  <c r="B9398" i="1"/>
  <c r="B9399" i="1"/>
  <c r="B9400" i="1"/>
  <c r="B9401" i="1"/>
  <c r="B9402" i="1"/>
  <c r="B9403" i="1"/>
  <c r="B9404" i="1"/>
  <c r="B9405" i="1"/>
  <c r="B9406" i="1"/>
  <c r="B9407" i="1"/>
  <c r="B9408" i="1"/>
  <c r="B9409" i="1"/>
  <c r="B9410" i="1"/>
  <c r="B9411" i="1"/>
  <c r="B9412" i="1"/>
  <c r="B9413" i="1"/>
  <c r="B9414" i="1"/>
  <c r="B9415" i="1"/>
  <c r="B9416" i="1"/>
  <c r="B9417" i="1"/>
  <c r="B9418" i="1"/>
  <c r="B9419" i="1"/>
  <c r="B9420" i="1"/>
  <c r="B9421" i="1"/>
  <c r="B9422" i="1"/>
  <c r="B9423" i="1"/>
  <c r="B9424" i="1"/>
  <c r="B9425" i="1"/>
  <c r="B9426" i="1"/>
  <c r="B9427" i="1"/>
  <c r="B9428" i="1"/>
  <c r="B9429" i="1"/>
  <c r="B9430" i="1"/>
  <c r="B9431" i="1"/>
  <c r="B9432" i="1"/>
  <c r="B9433" i="1"/>
  <c r="B9434" i="1"/>
  <c r="B9435" i="1"/>
  <c r="B9436" i="1"/>
  <c r="B9437" i="1"/>
  <c r="B9438" i="1"/>
  <c r="B9439" i="1"/>
  <c r="B9440" i="1"/>
  <c r="B9441" i="1"/>
  <c r="B9442" i="1"/>
  <c r="B9443" i="1"/>
  <c r="B9444" i="1"/>
  <c r="B9445" i="1"/>
  <c r="B9446" i="1"/>
  <c r="B9447" i="1"/>
  <c r="B9448" i="1"/>
  <c r="B9449" i="1"/>
  <c r="B9450" i="1"/>
  <c r="B9451" i="1"/>
  <c r="B9452" i="1"/>
  <c r="B9453" i="1"/>
  <c r="B9454" i="1"/>
  <c r="B9455" i="1"/>
  <c r="B9456" i="1"/>
  <c r="B9457" i="1"/>
  <c r="B9458" i="1"/>
  <c r="B9459" i="1"/>
  <c r="B9460" i="1"/>
  <c r="B9461" i="1"/>
  <c r="B9462" i="1"/>
  <c r="B9463" i="1"/>
  <c r="B9464" i="1"/>
  <c r="B9465" i="1"/>
  <c r="B9466" i="1"/>
  <c r="B9467" i="1"/>
  <c r="B9468" i="1"/>
  <c r="B9469" i="1"/>
  <c r="B9470" i="1"/>
  <c r="B9471" i="1"/>
  <c r="B9472" i="1"/>
  <c r="B9473" i="1"/>
  <c r="B9474" i="1"/>
  <c r="B9475" i="1"/>
  <c r="B9476" i="1"/>
  <c r="B9477" i="1"/>
  <c r="B9478" i="1"/>
  <c r="B9479" i="1"/>
  <c r="B9480" i="1"/>
  <c r="B9481" i="1"/>
  <c r="B9482" i="1"/>
  <c r="B9483" i="1"/>
  <c r="B9484" i="1"/>
  <c r="B9485" i="1"/>
  <c r="B9486" i="1"/>
  <c r="B9487" i="1"/>
  <c r="B9488" i="1"/>
  <c r="B9489" i="1"/>
  <c r="B9490" i="1"/>
  <c r="B9491" i="1"/>
  <c r="B9492" i="1"/>
  <c r="B9493" i="1"/>
  <c r="B9494" i="1"/>
  <c r="B9495" i="1"/>
  <c r="B9496" i="1"/>
  <c r="B9497" i="1"/>
  <c r="B9498" i="1"/>
  <c r="B9499" i="1"/>
  <c r="B9500" i="1"/>
  <c r="B9501" i="1"/>
  <c r="B9502" i="1"/>
  <c r="B9503" i="1"/>
  <c r="B9504" i="1"/>
  <c r="B9505" i="1"/>
  <c r="B9506" i="1"/>
  <c r="B9507" i="1"/>
  <c r="B9508" i="1"/>
  <c r="B9509" i="1"/>
  <c r="B9510" i="1"/>
  <c r="B9511" i="1"/>
  <c r="B9512" i="1"/>
  <c r="B9513" i="1"/>
  <c r="B9514" i="1"/>
  <c r="B9515" i="1"/>
  <c r="B9516" i="1"/>
  <c r="B9517" i="1"/>
  <c r="B9518" i="1"/>
  <c r="B9519" i="1"/>
  <c r="B9520" i="1"/>
  <c r="B9521" i="1"/>
  <c r="B9522" i="1"/>
  <c r="B9523" i="1"/>
  <c r="B9524" i="1"/>
  <c r="B9525" i="1"/>
  <c r="B9526" i="1"/>
  <c r="B9527" i="1"/>
  <c r="B9528" i="1"/>
  <c r="B9529" i="1"/>
  <c r="B9530" i="1"/>
  <c r="B9531" i="1"/>
  <c r="B9532" i="1"/>
  <c r="B9533" i="1"/>
  <c r="B9534" i="1"/>
  <c r="B9535" i="1"/>
  <c r="B9536" i="1"/>
  <c r="B9537" i="1"/>
  <c r="B9538" i="1"/>
  <c r="B9539" i="1"/>
  <c r="B9540" i="1"/>
  <c r="B9541" i="1"/>
  <c r="B9542" i="1"/>
  <c r="B9543" i="1"/>
  <c r="B9544" i="1"/>
  <c r="B9545" i="1"/>
  <c r="B9546" i="1"/>
  <c r="B9547" i="1"/>
  <c r="B9548" i="1"/>
  <c r="B9549" i="1"/>
  <c r="B9550" i="1"/>
  <c r="B9551" i="1"/>
  <c r="B9552" i="1"/>
  <c r="B9553" i="1"/>
  <c r="B9554" i="1"/>
  <c r="B9555" i="1"/>
  <c r="B9556" i="1"/>
  <c r="B9557" i="1"/>
  <c r="B9558" i="1"/>
  <c r="B9559" i="1"/>
  <c r="B9560" i="1"/>
  <c r="B9561" i="1"/>
  <c r="B9562" i="1"/>
  <c r="B9563" i="1"/>
  <c r="B9564" i="1"/>
  <c r="B9565" i="1"/>
  <c r="B9566" i="1"/>
  <c r="B9567" i="1"/>
  <c r="B9568" i="1"/>
  <c r="B9569" i="1"/>
  <c r="B9570" i="1"/>
  <c r="B9571" i="1"/>
  <c r="B9572" i="1"/>
  <c r="B9573" i="1"/>
  <c r="B9574" i="1"/>
  <c r="B9575" i="1"/>
  <c r="B9576" i="1"/>
  <c r="B9577" i="1"/>
  <c r="B9578" i="1"/>
  <c r="B9579" i="1"/>
  <c r="B9580" i="1"/>
  <c r="B9581" i="1"/>
  <c r="B9582" i="1"/>
  <c r="B9583" i="1"/>
  <c r="B9584" i="1"/>
  <c r="B9585" i="1"/>
  <c r="B9586" i="1"/>
  <c r="B9587" i="1"/>
  <c r="B9588" i="1"/>
  <c r="B9589" i="1"/>
  <c r="B9590" i="1"/>
  <c r="B9591" i="1"/>
  <c r="B9592" i="1"/>
  <c r="B9593" i="1"/>
  <c r="B9594" i="1"/>
  <c r="B9595" i="1"/>
  <c r="B9596" i="1"/>
  <c r="B9597" i="1"/>
  <c r="B9598" i="1"/>
  <c r="B9599" i="1"/>
  <c r="B9600" i="1"/>
  <c r="B9601" i="1"/>
  <c r="B9602" i="1"/>
  <c r="B9603" i="1"/>
  <c r="B9604" i="1"/>
  <c r="B9605" i="1"/>
  <c r="B9606" i="1"/>
  <c r="B9607" i="1"/>
  <c r="B9608" i="1"/>
  <c r="B9609" i="1"/>
  <c r="B9610" i="1"/>
  <c r="B9611" i="1"/>
  <c r="B9612" i="1"/>
  <c r="B9613" i="1"/>
  <c r="B9614" i="1"/>
  <c r="B9615" i="1"/>
  <c r="B9616" i="1"/>
  <c r="B9617" i="1"/>
  <c r="B9618" i="1"/>
  <c r="B9619" i="1"/>
  <c r="B9620" i="1"/>
  <c r="B9621" i="1"/>
  <c r="B9622" i="1"/>
  <c r="B9623" i="1"/>
  <c r="B9624" i="1"/>
  <c r="B9625" i="1"/>
  <c r="B9626" i="1"/>
  <c r="B9627" i="1"/>
  <c r="B9628" i="1"/>
  <c r="B9629" i="1"/>
  <c r="B9630" i="1"/>
  <c r="B9631" i="1"/>
  <c r="B9632" i="1"/>
  <c r="B9633" i="1"/>
  <c r="B9634" i="1"/>
  <c r="B9635" i="1"/>
  <c r="B9636" i="1"/>
  <c r="B9637" i="1"/>
  <c r="B9638" i="1"/>
  <c r="B9639" i="1"/>
  <c r="B9640" i="1"/>
  <c r="B9641" i="1"/>
  <c r="B9642" i="1"/>
  <c r="B9643" i="1"/>
  <c r="B9644" i="1"/>
  <c r="B9645" i="1"/>
  <c r="B9646" i="1"/>
  <c r="B9647" i="1"/>
  <c r="B9648" i="1"/>
  <c r="B9649" i="1"/>
  <c r="B9650" i="1"/>
  <c r="B9651" i="1"/>
  <c r="B9652" i="1"/>
  <c r="B9653" i="1"/>
  <c r="B9654" i="1"/>
  <c r="B9655" i="1"/>
  <c r="B9656" i="1"/>
  <c r="B9657" i="1"/>
  <c r="B9658" i="1"/>
  <c r="B9659" i="1"/>
  <c r="B9660" i="1"/>
  <c r="B9661" i="1"/>
  <c r="B9662" i="1"/>
  <c r="B9663" i="1"/>
  <c r="B9664" i="1"/>
  <c r="B9665" i="1"/>
  <c r="B9666" i="1"/>
  <c r="B9667" i="1"/>
  <c r="B9668" i="1"/>
  <c r="B9669" i="1"/>
  <c r="B9670" i="1"/>
  <c r="B9671" i="1"/>
  <c r="B9672" i="1"/>
  <c r="B9673" i="1"/>
  <c r="B9674" i="1"/>
  <c r="B9675" i="1"/>
  <c r="B9676" i="1"/>
  <c r="B9677" i="1"/>
  <c r="B9678" i="1"/>
  <c r="B9679" i="1"/>
  <c r="B9680" i="1"/>
  <c r="B9681" i="1"/>
  <c r="B9682" i="1"/>
  <c r="B9683" i="1"/>
  <c r="B9684" i="1"/>
  <c r="B9685" i="1"/>
  <c r="B9686" i="1"/>
  <c r="B9687" i="1"/>
  <c r="B9688" i="1"/>
  <c r="B9689" i="1"/>
  <c r="B9690" i="1"/>
  <c r="B9691" i="1"/>
  <c r="B9692" i="1"/>
  <c r="B9693" i="1"/>
  <c r="B9694" i="1"/>
  <c r="B9695" i="1"/>
  <c r="B9696" i="1"/>
  <c r="B9697" i="1"/>
  <c r="B9698" i="1"/>
  <c r="B9699" i="1"/>
  <c r="B9700" i="1"/>
  <c r="B9701" i="1"/>
  <c r="B9702" i="1"/>
  <c r="B9703" i="1"/>
  <c r="B9704" i="1"/>
  <c r="B9705" i="1"/>
  <c r="B9706" i="1"/>
  <c r="B9707" i="1"/>
  <c r="B9708" i="1"/>
  <c r="B9709" i="1"/>
  <c r="B9710" i="1"/>
  <c r="B9711" i="1"/>
  <c r="B9712" i="1"/>
  <c r="B9713" i="1"/>
  <c r="B9714" i="1"/>
  <c r="B9715" i="1"/>
  <c r="B9716" i="1"/>
  <c r="B9717" i="1"/>
  <c r="B9718" i="1"/>
  <c r="B9719" i="1"/>
  <c r="B9720" i="1"/>
  <c r="B9721" i="1"/>
  <c r="B9722" i="1"/>
  <c r="B9723" i="1"/>
  <c r="B9724" i="1"/>
  <c r="B9725" i="1"/>
  <c r="B9726" i="1"/>
  <c r="B9727" i="1"/>
  <c r="B9728" i="1"/>
  <c r="B9729" i="1"/>
  <c r="B9730" i="1"/>
  <c r="B9731" i="1"/>
  <c r="B9732" i="1"/>
  <c r="B9733" i="1"/>
  <c r="B9734" i="1"/>
  <c r="B9735" i="1"/>
  <c r="B9736" i="1"/>
  <c r="B9737" i="1"/>
  <c r="B9738" i="1"/>
  <c r="B9739" i="1"/>
  <c r="B9740" i="1"/>
  <c r="B9741" i="1"/>
  <c r="B9742" i="1"/>
  <c r="B9743" i="1"/>
  <c r="B9744" i="1"/>
  <c r="B9745" i="1"/>
  <c r="B9746" i="1"/>
  <c r="B9747" i="1"/>
  <c r="B9748" i="1"/>
  <c r="B9749" i="1"/>
  <c r="B9750" i="1"/>
  <c r="B9751" i="1"/>
  <c r="B9752" i="1"/>
  <c r="B9753" i="1"/>
  <c r="B9754" i="1"/>
  <c r="B9755" i="1"/>
  <c r="B9756" i="1"/>
  <c r="B9757" i="1"/>
  <c r="B9758" i="1"/>
  <c r="B9759" i="1"/>
  <c r="B9760" i="1"/>
  <c r="B9761" i="1"/>
  <c r="B9762" i="1"/>
  <c r="B9763" i="1"/>
  <c r="B9764" i="1"/>
  <c r="B9765" i="1"/>
  <c r="B9766" i="1"/>
  <c r="B9767" i="1"/>
  <c r="B9768" i="1"/>
  <c r="B9769" i="1"/>
  <c r="B9770" i="1"/>
  <c r="B9771" i="1"/>
  <c r="B9772" i="1"/>
  <c r="B9773" i="1"/>
  <c r="B9774" i="1"/>
  <c r="B9775" i="1"/>
  <c r="B9776" i="1"/>
  <c r="B9777" i="1"/>
  <c r="B9778" i="1"/>
  <c r="B9779" i="1"/>
  <c r="B9780" i="1"/>
  <c r="B9781" i="1"/>
  <c r="B9782" i="1"/>
  <c r="B9783" i="1"/>
  <c r="B9784" i="1"/>
  <c r="B9785" i="1"/>
  <c r="B9786" i="1"/>
  <c r="B9787" i="1"/>
  <c r="B9788" i="1"/>
  <c r="B9789" i="1"/>
  <c r="B9790" i="1"/>
  <c r="B9791" i="1"/>
  <c r="B9792" i="1"/>
  <c r="B9793" i="1"/>
  <c r="B9794" i="1"/>
  <c r="B9795" i="1"/>
  <c r="B9796" i="1"/>
  <c r="B9797" i="1"/>
  <c r="B9798" i="1"/>
  <c r="B9799" i="1"/>
  <c r="B9800" i="1"/>
  <c r="B9801" i="1"/>
  <c r="B9802" i="1"/>
  <c r="B9803" i="1"/>
  <c r="B9804" i="1"/>
  <c r="B9805" i="1"/>
  <c r="B9806" i="1"/>
  <c r="B9807" i="1"/>
  <c r="B9808" i="1"/>
  <c r="B9809" i="1"/>
  <c r="B9810" i="1"/>
  <c r="B9811" i="1"/>
  <c r="B9812" i="1"/>
  <c r="B9813" i="1"/>
  <c r="B9814" i="1"/>
  <c r="B9815" i="1"/>
  <c r="B9816" i="1"/>
  <c r="B9817" i="1"/>
  <c r="B9818" i="1"/>
  <c r="B9819" i="1"/>
  <c r="B9820" i="1"/>
  <c r="B9821" i="1"/>
  <c r="B9822" i="1"/>
  <c r="B9823" i="1"/>
  <c r="B9824" i="1"/>
  <c r="B9825" i="1"/>
  <c r="B9826" i="1"/>
  <c r="B9827" i="1"/>
  <c r="B9828" i="1"/>
  <c r="B9829" i="1"/>
  <c r="B9830" i="1"/>
  <c r="B9831" i="1"/>
  <c r="B9832" i="1"/>
  <c r="B9833" i="1"/>
  <c r="B9834" i="1"/>
  <c r="B9835" i="1"/>
  <c r="B9836" i="1"/>
  <c r="B9837" i="1"/>
  <c r="B9838" i="1"/>
  <c r="B9839" i="1"/>
  <c r="B9840" i="1"/>
  <c r="B9841" i="1"/>
  <c r="B9842" i="1"/>
  <c r="B9843" i="1"/>
  <c r="B9844" i="1"/>
  <c r="B9845" i="1"/>
  <c r="B9846" i="1"/>
  <c r="B9847" i="1"/>
  <c r="B9848" i="1"/>
  <c r="B9849" i="1"/>
  <c r="B9850" i="1"/>
  <c r="B9851" i="1"/>
  <c r="B9852" i="1"/>
  <c r="B9853" i="1"/>
  <c r="B9854" i="1"/>
  <c r="B9855" i="1"/>
  <c r="B9856" i="1"/>
  <c r="B9857" i="1"/>
  <c r="B9858" i="1"/>
  <c r="B9859" i="1"/>
  <c r="B9860" i="1"/>
  <c r="B9861" i="1"/>
  <c r="B9862" i="1"/>
  <c r="B9863" i="1"/>
  <c r="B9864" i="1"/>
  <c r="B9865" i="1"/>
  <c r="B9866" i="1"/>
  <c r="B9867" i="1"/>
  <c r="B9868" i="1"/>
  <c r="B9869" i="1"/>
  <c r="B9870" i="1"/>
  <c r="B9871" i="1"/>
  <c r="B9872" i="1"/>
  <c r="B9873" i="1"/>
  <c r="B9874" i="1"/>
  <c r="B9875" i="1"/>
  <c r="B9876" i="1"/>
  <c r="B9877" i="1"/>
  <c r="B9878" i="1"/>
  <c r="B9879" i="1"/>
  <c r="B9880" i="1"/>
  <c r="B9881" i="1"/>
  <c r="B9882" i="1"/>
  <c r="B9883" i="1"/>
  <c r="B9884" i="1"/>
  <c r="B9885" i="1"/>
  <c r="B9886" i="1"/>
  <c r="B9887" i="1"/>
  <c r="B9888" i="1"/>
  <c r="B9889" i="1"/>
  <c r="B9890" i="1"/>
  <c r="B9891" i="1"/>
  <c r="B9892" i="1"/>
  <c r="B9893" i="1"/>
  <c r="B9894" i="1"/>
  <c r="B9895" i="1"/>
  <c r="B9896" i="1"/>
  <c r="B9897" i="1"/>
  <c r="B9898" i="1"/>
  <c r="B9899" i="1"/>
  <c r="B9900" i="1"/>
  <c r="B9901" i="1"/>
  <c r="B9902" i="1"/>
  <c r="B9903" i="1"/>
  <c r="B9904" i="1"/>
  <c r="B9905" i="1"/>
  <c r="B9906" i="1"/>
  <c r="B9907" i="1"/>
  <c r="B9908" i="1"/>
  <c r="B9909" i="1"/>
  <c r="B9910" i="1"/>
  <c r="B9911" i="1"/>
  <c r="B9912" i="1"/>
  <c r="B9913" i="1"/>
  <c r="B9914" i="1"/>
  <c r="B9915" i="1"/>
  <c r="B9916" i="1"/>
  <c r="B9917" i="1"/>
  <c r="B9918" i="1"/>
  <c r="B9919" i="1"/>
  <c r="B9920" i="1"/>
  <c r="B9921" i="1"/>
  <c r="B9922" i="1"/>
  <c r="B9923" i="1"/>
  <c r="B9924" i="1"/>
  <c r="B9925" i="1"/>
  <c r="B9926" i="1"/>
  <c r="B9927" i="1"/>
  <c r="B9928" i="1"/>
  <c r="B9929" i="1"/>
  <c r="B9930" i="1"/>
  <c r="B9931" i="1"/>
  <c r="B9932" i="1"/>
  <c r="B9933" i="1"/>
  <c r="B9934" i="1"/>
  <c r="B9935" i="1"/>
  <c r="B9936" i="1"/>
  <c r="B9937" i="1"/>
  <c r="B9938" i="1"/>
  <c r="B9939" i="1"/>
  <c r="B9940" i="1"/>
  <c r="B9941" i="1"/>
  <c r="B9942" i="1"/>
  <c r="B9943" i="1"/>
  <c r="B9944" i="1"/>
  <c r="B9945" i="1"/>
  <c r="B9946" i="1"/>
  <c r="B9947" i="1"/>
  <c r="B9948" i="1"/>
  <c r="B9949" i="1"/>
  <c r="B9950" i="1"/>
  <c r="B9951" i="1"/>
  <c r="B9952" i="1"/>
  <c r="B9953" i="1"/>
  <c r="B9954" i="1"/>
  <c r="B9955" i="1"/>
  <c r="B9956" i="1"/>
  <c r="B9957" i="1"/>
  <c r="B9958" i="1"/>
  <c r="B9959" i="1"/>
  <c r="B9960" i="1"/>
  <c r="B9961" i="1"/>
  <c r="B9962" i="1"/>
  <c r="B9963" i="1"/>
  <c r="B9964" i="1"/>
  <c r="B9965" i="1"/>
  <c r="B9966" i="1"/>
  <c r="B9967" i="1"/>
  <c r="B9968" i="1"/>
  <c r="B9969" i="1"/>
  <c r="B9970" i="1"/>
  <c r="B9971" i="1"/>
  <c r="B9972" i="1"/>
  <c r="B9973" i="1"/>
  <c r="B9974" i="1"/>
  <c r="B9975" i="1"/>
  <c r="B9976" i="1"/>
  <c r="B9977" i="1"/>
  <c r="B9978" i="1"/>
  <c r="B9979" i="1"/>
  <c r="B9980" i="1"/>
  <c r="B9981" i="1"/>
  <c r="B9982" i="1"/>
  <c r="B9983" i="1"/>
  <c r="B9984" i="1"/>
  <c r="B9985" i="1"/>
  <c r="B9986" i="1"/>
  <c r="B9987" i="1"/>
  <c r="B9988" i="1"/>
  <c r="B9989" i="1"/>
  <c r="B9990" i="1"/>
  <c r="B9991" i="1"/>
  <c r="B9992" i="1"/>
  <c r="B9993" i="1"/>
  <c r="B9994" i="1"/>
  <c r="B24" i="1"/>
  <c r="B25" i="1"/>
  <c r="B26" i="1"/>
  <c r="B27" i="1"/>
  <c r="B28" i="1"/>
  <c r="B29" i="1"/>
  <c r="B30" i="1"/>
  <c r="B31" i="1"/>
  <c r="B32" i="1"/>
  <c r="B33" i="1"/>
  <c r="B34" i="1"/>
  <c r="B35" i="1"/>
  <c r="B36" i="1"/>
  <c r="B37" i="1"/>
  <c r="B38" i="1"/>
  <c r="B39" i="1"/>
  <c r="B40" i="1"/>
  <c r="B41" i="1"/>
  <c r="B42" i="1"/>
  <c r="B43" i="1"/>
  <c r="B3" i="1"/>
  <c r="B4" i="1"/>
  <c r="B5" i="1"/>
  <c r="B6" i="1"/>
  <c r="B7" i="1"/>
  <c r="B8" i="1"/>
  <c r="B9" i="1"/>
  <c r="B10" i="1"/>
  <c r="B11" i="1"/>
  <c r="B12" i="1"/>
  <c r="B13" i="1"/>
  <c r="B14" i="1"/>
  <c r="B15" i="1"/>
  <c r="B16" i="1"/>
  <c r="B17" i="1"/>
  <c r="B18" i="1"/>
  <c r="B19" i="1"/>
  <c r="B20" i="1"/>
  <c r="B21" i="1"/>
  <c r="B22" i="1"/>
  <c r="B23" i="1"/>
  <c r="B2" i="1"/>
</calcChain>
</file>

<file path=xl/sharedStrings.xml><?xml version="1.0" encoding="utf-8"?>
<sst xmlns="http://schemas.openxmlformats.org/spreadsheetml/2006/main" count="53352" uniqueCount="2728">
  <si>
    <t>Customer Name</t>
  </si>
  <si>
    <t>State</t>
  </si>
  <si>
    <t>Category</t>
  </si>
  <si>
    <t>Sub-Category</t>
  </si>
  <si>
    <t>Product Name</t>
  </si>
  <si>
    <t>Sales</t>
  </si>
  <si>
    <t>Quantity</t>
  </si>
  <si>
    <t>Profit</t>
  </si>
  <si>
    <t>Darren Powers</t>
  </si>
  <si>
    <t>Texas</t>
  </si>
  <si>
    <t>Office Supplies</t>
  </si>
  <si>
    <t>Paper</t>
  </si>
  <si>
    <t>Message Book, Wirebound, Four 5 1/2" X 4" Forms/Pg., 200 Dupl. Sets/Book</t>
  </si>
  <si>
    <t>Phillina Ober</t>
  </si>
  <si>
    <t>Illinois</t>
  </si>
  <si>
    <t>Labels</t>
  </si>
  <si>
    <t>Avery 508</t>
  </si>
  <si>
    <t>Storage</t>
  </si>
  <si>
    <t>SAFCO Boltless Steel Shelving</t>
  </si>
  <si>
    <t>Binders</t>
  </si>
  <si>
    <t>GBC Standard Plastic Binding Systems Combs</t>
  </si>
  <si>
    <t>Mick Brown</t>
  </si>
  <si>
    <t>Pennsylvania</t>
  </si>
  <si>
    <t>Art</t>
  </si>
  <si>
    <t>Avery Hi-Liter EverBold Pen Style Fluorescent Highlighters, 4/Pack</t>
  </si>
  <si>
    <t>Lycoris Saunders</t>
  </si>
  <si>
    <t>California</t>
  </si>
  <si>
    <t>Xerox 225</t>
  </si>
  <si>
    <t>Jack O'Briant</t>
  </si>
  <si>
    <t>Georgia</t>
  </si>
  <si>
    <t>Dixon Prang Watercolor Pencils, 10-Color Set with Brush</t>
  </si>
  <si>
    <t>Maria Etezadi</t>
  </si>
  <si>
    <t>Kentucky</t>
  </si>
  <si>
    <t>Furniture</t>
  </si>
  <si>
    <t>Chairs</t>
  </si>
  <si>
    <t>Global Deluxe High-Back Manager's Chair</t>
  </si>
  <si>
    <t>Ibico Hi-Tech Manual Binding System</t>
  </si>
  <si>
    <t>Rogers Handheld Barrel Pencil Sharpener</t>
  </si>
  <si>
    <t>Technology</t>
  </si>
  <si>
    <t>Phones</t>
  </si>
  <si>
    <t>GE 30524EE4</t>
  </si>
  <si>
    <t>Wireless Extenders zBoost YX545 SOHO Signal Booster</t>
  </si>
  <si>
    <t>Fasteners</t>
  </si>
  <si>
    <t>Alliance Super-Size Bands, Assorted Sizes</t>
  </si>
  <si>
    <t>Southworth 25% Cotton Granite Paper &amp; Envelopes</t>
  </si>
  <si>
    <t>Vivek Sundaresam</t>
  </si>
  <si>
    <t>Furnishings</t>
  </si>
  <si>
    <t>Howard Miller 14-1/2" Diameter Chrome Round Wall Clock</t>
  </si>
  <si>
    <t>Acco Four Pocket Poly Ring Binder with Label Holder, Smoke, 1"</t>
  </si>
  <si>
    <t>Melanie Seite</t>
  </si>
  <si>
    <t>Newell 312</t>
  </si>
  <si>
    <t>Accessories</t>
  </si>
  <si>
    <t>Memorex Micro Travel Drive 8 GB</t>
  </si>
  <si>
    <t>Anthony Jacobs</t>
  </si>
  <si>
    <t>Virginia</t>
  </si>
  <si>
    <t>Avery 482</t>
  </si>
  <si>
    <t>Howard Miller 11-1/2" Diameter Ridgewood Wall Clock</t>
  </si>
  <si>
    <t>Seth Vernon</t>
  </si>
  <si>
    <t>Delaware</t>
  </si>
  <si>
    <t>DAX Value U-Channel Document Frames, Easel Back</t>
  </si>
  <si>
    <t>Chris Selesnick</t>
  </si>
  <si>
    <t>Louisiana</t>
  </si>
  <si>
    <t>Envelopes</t>
  </si>
  <si>
    <t>Staple envelope</t>
  </si>
  <si>
    <t>Brown Kraft Recycled Envelopes</t>
  </si>
  <si>
    <t>Plantronics S12 Corded Telephone Headset System</t>
  </si>
  <si>
    <t>3-ring staple pack</t>
  </si>
  <si>
    <t>Fellowes Stor/Drawer Steel Plus Storage Drawers</t>
  </si>
  <si>
    <t>Natalie DeCherney</t>
  </si>
  <si>
    <t>South Carolina</t>
  </si>
  <si>
    <t>Global Highback Leather Tilter in Burgundy</t>
  </si>
  <si>
    <t>Brian Dahlen</t>
  </si>
  <si>
    <t>Tennsco 6- and 18-Compartment Lockers</t>
  </si>
  <si>
    <t>Bookcases</t>
  </si>
  <si>
    <t>O'Sullivan Elevations Bookcase, Cherry Finish</t>
  </si>
  <si>
    <t>4009 Highlighters by Sanford</t>
  </si>
  <si>
    <t>Michael Moore</t>
  </si>
  <si>
    <t>Ohio</t>
  </si>
  <si>
    <t>Xerox 1923</t>
  </si>
  <si>
    <t>Avery Metallic Poly Binders</t>
  </si>
  <si>
    <t>Brendan Sweed</t>
  </si>
  <si>
    <t>Sauder Cornerstone Collection Library</t>
  </si>
  <si>
    <t>Erica Hackney</t>
  </si>
  <si>
    <t>Logitech 910-002974 M325 Wireless Mouse for Web Scrolling</t>
  </si>
  <si>
    <t>Delfina Latchford</t>
  </si>
  <si>
    <t>DAX Black Cherry Wood-Tone Poster Frame</t>
  </si>
  <si>
    <t>AT&amp;T 841000 Phone</t>
  </si>
  <si>
    <t>GBC Linen Binding Covers</t>
  </si>
  <si>
    <t>Round Specialty Laser Printer Labels</t>
  </si>
  <si>
    <t>David Wiener</t>
  </si>
  <si>
    <t>Oregon</t>
  </si>
  <si>
    <t>Appliances</t>
  </si>
  <si>
    <t>Fellowes Mighty 8 Compact Surge Protector</t>
  </si>
  <si>
    <t>Toby Swindell</t>
  </si>
  <si>
    <t>Arizona</t>
  </si>
  <si>
    <t>GBC Standard Recycled Report Covers, Clear Plastic Sheets</t>
  </si>
  <si>
    <t>TOPS Carbonless Receipt Book, Four 2-3/4 x 7-1/4 Money Receipts per Page</t>
  </si>
  <si>
    <t>Tyvek  Top-Opening Peel &amp; Seel Envelopes, Plain White</t>
  </si>
  <si>
    <t>O'Sullivan 4-Shelf Bookcase in Odessa Pine</t>
  </si>
  <si>
    <t>Hunter Lopez</t>
  </si>
  <si>
    <t>Arkansas</t>
  </si>
  <si>
    <t>Apple iPhone 5C</t>
  </si>
  <si>
    <t>Newell 351</t>
  </si>
  <si>
    <t>Eldon Expressions Desk Accessory, Wood Pencil Holder, Oak</t>
  </si>
  <si>
    <t>Newell 327</t>
  </si>
  <si>
    <t>Hon 4700 Series Mobuis Mid-Back Task Chairs with Adjustable Arms</t>
  </si>
  <si>
    <t>Mark Van Huff</t>
  </si>
  <si>
    <t>Wirebound Service Call Books, 5 1/2" x 4"</t>
  </si>
  <si>
    <t>Xylona Preis</t>
  </si>
  <si>
    <t>Michigan</t>
  </si>
  <si>
    <t>Eldon Fold 'N Roll Cart System</t>
  </si>
  <si>
    <t>Eldon ClusterMat Chair Mat with Cordless Antistatic Protection</t>
  </si>
  <si>
    <t>Acco Pressboard Covers with Storage Hooks, 9 1/2" x 11", Executive Red</t>
  </si>
  <si>
    <t>Holmes Replacement Filter for HEPA Air Cleaner, Very Large Room, HEPA Filter</t>
  </si>
  <si>
    <t>Fellowes Bases and Tops For Staxonsteel/High-Stak Systems</t>
  </si>
  <si>
    <t>Panasonic KP-4ABK Battery-Operated Pencil Sharpener</t>
  </si>
  <si>
    <t>Ultra Door Push Plate</t>
  </si>
  <si>
    <t>Storex Dura Pro Binders</t>
  </si>
  <si>
    <t>Muhammed MacIntyre</t>
  </si>
  <si>
    <t>Tennessee</t>
  </si>
  <si>
    <t>GBC DocuBind TL200 Manual Binding Machine</t>
  </si>
  <si>
    <t>Tom Boeckenhauer</t>
  </si>
  <si>
    <t>Florida</t>
  </si>
  <si>
    <t>Ultra Door Pull Handle</t>
  </si>
  <si>
    <t>Ionia McGrath</t>
  </si>
  <si>
    <t>Nevada</t>
  </si>
  <si>
    <t>Xerox 195</t>
  </si>
  <si>
    <t>Speros Goranitis</t>
  </si>
  <si>
    <t>Indiana</t>
  </si>
  <si>
    <t>Alliance Big Bands Rubber Bands, 12/Pack</t>
  </si>
  <si>
    <t>Shirley Daniels</t>
  </si>
  <si>
    <t>GE General Use Halogen Bulbs, 100 Watts, 1 Bulb per Pack</t>
  </si>
  <si>
    <t>SAFCO Commercial Wire Shelving, 72h</t>
  </si>
  <si>
    <t>Eureka Recycled Copy Paper 8 1/2" x 11", Ream</t>
  </si>
  <si>
    <t>REDIFORM Incoming/Outgoing Call Register, 11" X 8 1/2", 100 Messages</t>
  </si>
  <si>
    <t>Macally Suction Cup Mount</t>
  </si>
  <si>
    <t>Eldon Image Series Black Desk Accessories</t>
  </si>
  <si>
    <t>Jabra SPEAK 410</t>
  </si>
  <si>
    <t>Carol Adams</t>
  </si>
  <si>
    <t>South Dakota</t>
  </si>
  <si>
    <t>Wilson Jones 14 Line Acrylic Coated Pressboard Data Binders</t>
  </si>
  <si>
    <t>Safco Value Mate Series Steel Bookcases, Baked Enamel Finish on Steel, Gray</t>
  </si>
  <si>
    <t>Ed Jacobs</t>
  </si>
  <si>
    <t>Recycled Steel Personal File for Hanging File Folders</t>
  </si>
  <si>
    <t>Tables</t>
  </si>
  <si>
    <t>Balt Split Level Computer Training Table</t>
  </si>
  <si>
    <t>Dixon Ticonderoga Core-Lock Colored Pencils</t>
  </si>
  <si>
    <t>Jasper Cacioppo</t>
  </si>
  <si>
    <t>New York</t>
  </si>
  <si>
    <t>Pressboard Covers with Storage Hooks, 9 1/2" x 11", Light Blue</t>
  </si>
  <si>
    <t>Mike Vittorini</t>
  </si>
  <si>
    <t>Xerox 1972</t>
  </si>
  <si>
    <t>Space Solutions HD Industrial Steel Shelving.</t>
  </si>
  <si>
    <t>Liz Carlisle</t>
  </si>
  <si>
    <t>Sauder Facets Collection Library, Sky Alder Finish</t>
  </si>
  <si>
    <t>Bradley Drucker</t>
  </si>
  <si>
    <t>Wisconsin</t>
  </si>
  <si>
    <t>Enermax Aurora Lite Keyboard</t>
  </si>
  <si>
    <t>Cynthia Delaney</t>
  </si>
  <si>
    <t>Staples</t>
  </si>
  <si>
    <t>Eric Barreto</t>
  </si>
  <si>
    <t>Surelock Post Binders</t>
  </si>
  <si>
    <t>AT&amp;T 17929 Lendline Telephone</t>
  </si>
  <si>
    <t>Washington</t>
  </si>
  <si>
    <t>Ibico Laser Imprintable Binding System Covers</t>
  </si>
  <si>
    <t>Avery Durable Poly Binders</t>
  </si>
  <si>
    <t>Deborah Brumfield</t>
  </si>
  <si>
    <t>GBC Recycled Grain Textured Covers</t>
  </si>
  <si>
    <t>Message Book, Standard Line "While You Were Out", 5 1/2" X 4", 200 Sets/Book</t>
  </si>
  <si>
    <t>Mark Haberlin</t>
  </si>
  <si>
    <t>Neil Ducich</t>
  </si>
  <si>
    <t>Avery 480</t>
  </si>
  <si>
    <t>Aastra 57i VoIP phone</t>
  </si>
  <si>
    <t>AT&amp;T CL82213</t>
  </si>
  <si>
    <t>Avery Flip-Chart Easel Binder, Black</t>
  </si>
  <si>
    <t>Cyma Kinney</t>
  </si>
  <si>
    <t>New Jersey</t>
  </si>
  <si>
    <t>Maxell DVD-RAM Discs</t>
  </si>
  <si>
    <t>Acco Perma 4000 Stacking Storage Drawers</t>
  </si>
  <si>
    <t>Nathan Mautz</t>
  </si>
  <si>
    <t>Master Caster Door Stop, Large Brown</t>
  </si>
  <si>
    <t>Natalie Fritzler</t>
  </si>
  <si>
    <t>Hon 2111 Invitation Series Corner Table</t>
  </si>
  <si>
    <t>Wilson Jones Leather-Like Binders with DublLock Round Rings</t>
  </si>
  <si>
    <t>Guy Armstrong</t>
  </si>
  <si>
    <t>Missouri</t>
  </si>
  <si>
    <t>Global Value Mid-Back Manager's Chair, Gray</t>
  </si>
  <si>
    <t>Avery 483</t>
  </si>
  <si>
    <t>Wilson Jones Turn Tabs Binder Tool for Ring Binders</t>
  </si>
  <si>
    <t>Rubbermaid ClusterMat Chairmats, Mat Size- 66" x 60", Lip 20" x 11" -90 Degree Angle</t>
  </si>
  <si>
    <t>VariCap6 Expandable Binder</t>
  </si>
  <si>
    <t>Fellowes Neat Ideas Storage Cubes</t>
  </si>
  <si>
    <t>Sanjit Chand</t>
  </si>
  <si>
    <t>Global Geo Office Task Chair, Gray</t>
  </si>
  <si>
    <t>Shui Tom</t>
  </si>
  <si>
    <t>Memo Book, 100 Message Capacity, 5 3/8Â” x 11Â”</t>
  </si>
  <si>
    <t>Marina Lichtenstein</t>
  </si>
  <si>
    <t>Logitech G600 MMO Gaming Mouse</t>
  </si>
  <si>
    <t>Belkin 8 Outlet Surge Protector</t>
  </si>
  <si>
    <t>Supplies</t>
  </si>
  <si>
    <t>Compact Automatic Electric Letter Opener</t>
  </si>
  <si>
    <t>Barry FranzÃ¶sisch</t>
  </si>
  <si>
    <t>Pressboard Data Binders by Wilson Jones</t>
  </si>
  <si>
    <t>Michael Nguyen</t>
  </si>
  <si>
    <t>Wilson Jones Easy Flow II Sheet Lifters</t>
  </si>
  <si>
    <t>Holmes Cool Mist Humidifier for the Whole House with 8-Gallon Output per Day, Extended Life Filter</t>
  </si>
  <si>
    <t>Staples in misc. colors</t>
  </si>
  <si>
    <t>Troy Blackwell</t>
  </si>
  <si>
    <t>DAX Copper Panel Document Frame, 5 x 7 Size</t>
  </si>
  <si>
    <t>Aaron Bergman</t>
  </si>
  <si>
    <t>Akro Stacking Bins</t>
  </si>
  <si>
    <t>Linda Cazamias</t>
  </si>
  <si>
    <t>Enermax Briskie RF Wireless Keyboard and Mouse Combo</t>
  </si>
  <si>
    <t>Master Caster Door Stop, Brown</t>
  </si>
  <si>
    <t>Steven Roelle</t>
  </si>
  <si>
    <t>Xerox 204</t>
  </si>
  <si>
    <t>Tamara Manning</t>
  </si>
  <si>
    <t>Sue Ann Reed</t>
  </si>
  <si>
    <t>Xerox 220</t>
  </si>
  <si>
    <t>Michael Grace</t>
  </si>
  <si>
    <t>Staple-on labels</t>
  </si>
  <si>
    <t>GBC Plastic Binding Combs</t>
  </si>
  <si>
    <t>Jennifer Halladay</t>
  </si>
  <si>
    <t>TOPS 4 x 6 Fluorescent Color Memo Sheets, 500 Sheets per Pack</t>
  </si>
  <si>
    <t>Joy Smith</t>
  </si>
  <si>
    <t>Zebra Zazzle Fluorescent Highlighters</t>
  </si>
  <si>
    <t>Dave Brooks</t>
  </si>
  <si>
    <t>Hallie Redmond</t>
  </si>
  <si>
    <t>Sannysis Cute Owl Design Soft Skin Case Cover for Samsung Galaxy S4</t>
  </si>
  <si>
    <t>Vicky Freymann</t>
  </si>
  <si>
    <t>Novimex Swivel Fabric Task Chair</t>
  </si>
  <si>
    <t>Black Print Carbonless 8 1/2" x 8 1/4" Rapid Memo Book</t>
  </si>
  <si>
    <t>Shahid Collister</t>
  </si>
  <si>
    <t>Plymouth Boxed Rubber Bands by Plymouth</t>
  </si>
  <si>
    <t>Harbour Creations Steel Folding Chair</t>
  </si>
  <si>
    <t>Fellowes Bankers Box Recycled Super Stor/Drawer</t>
  </si>
  <si>
    <t>Giulietta Weimer</t>
  </si>
  <si>
    <t>Bevis Round Conference Room Tables and Bases</t>
  </si>
  <si>
    <t>Kristina Nunn</t>
  </si>
  <si>
    <t>Array Parchment Paper, Assorted Colors</t>
  </si>
  <si>
    <t>Nicole Hansen</t>
  </si>
  <si>
    <t>Xerox 1971</t>
  </si>
  <si>
    <t>Hypercom P1300 Pinpad</t>
  </si>
  <si>
    <t>Ashley Jarboe</t>
  </si>
  <si>
    <t>North Carolina</t>
  </si>
  <si>
    <t>Anne Pryor</t>
  </si>
  <si>
    <t>PowerGen Dual USB Car Charger</t>
  </si>
  <si>
    <t>Cardinal HOLDit! Binder Insert Strips,Extra Strips</t>
  </si>
  <si>
    <t>Jill Stevenson</t>
  </si>
  <si>
    <t>Avery 495</t>
  </si>
  <si>
    <t>Eldon Shelf Savers Cubes and Bins</t>
  </si>
  <si>
    <t>Sam Craven</t>
  </si>
  <si>
    <t>3.6 Cubic Foot Counter Height Office Refrigerator</t>
  </si>
  <si>
    <t>Eva Jacobs</t>
  </si>
  <si>
    <t>Bevis Oval Conference Table, Walnut</t>
  </si>
  <si>
    <t>Clay Ludtke</t>
  </si>
  <si>
    <t>Sensible Storage WireTech Storage Systems</t>
  </si>
  <si>
    <t>BIC Brite Liner Highlighters, Chisel Tip</t>
  </si>
  <si>
    <t>Aimee Bixby</t>
  </si>
  <si>
    <t>Newell 345</t>
  </si>
  <si>
    <t>Logitech Wireless Gaming Headset G930</t>
  </si>
  <si>
    <t>Acme Forged Steel Scissors with Black Enamel Handles</t>
  </si>
  <si>
    <t>GBC Wire Binding Combs</t>
  </si>
  <si>
    <t>Xerox 1891</t>
  </si>
  <si>
    <t>Global Push Button Manager's Chair, Indigo</t>
  </si>
  <si>
    <t>Newell 330</t>
  </si>
  <si>
    <t>Carina 42"Hx23 3/4"W Media Storage Unit</t>
  </si>
  <si>
    <t>Nora Pelletier</t>
  </si>
  <si>
    <t>Catalog Binders with Expanding Posts</t>
  </si>
  <si>
    <t>Craig Molinari</t>
  </si>
  <si>
    <t>Newell Chalk Holder</t>
  </si>
  <si>
    <t>Contico 72"H Heavy-Duty Storage System</t>
  </si>
  <si>
    <t>Office Star - Task Chair with Contemporary Loop Arms</t>
  </si>
  <si>
    <t>Global Leather and Oak Executive Chair, Black</t>
  </si>
  <si>
    <t>Scott Williamson</t>
  </si>
  <si>
    <t>Geographics Note Cards, Blank, White, 8 1/2" x 11"</t>
  </si>
  <si>
    <t>Kean Thornton</t>
  </si>
  <si>
    <t>Colorado</t>
  </si>
  <si>
    <t>BOSTON Ranger #55 Pencil Sharpener, Black</t>
  </si>
  <si>
    <t>Chloris Kastensmidt</t>
  </si>
  <si>
    <t>Eldon Wave Desk Accessories</t>
  </si>
  <si>
    <t>Stockwell Push Pins</t>
  </si>
  <si>
    <t>Kelly Andreada</t>
  </si>
  <si>
    <t>Southworth 100% RÃ©sumÃ© Paper, 24lb.</t>
  </si>
  <si>
    <t>Filia McAdams</t>
  </si>
  <si>
    <t>Fellowes Premier Superior Surge Suppressor, 10-Outlet, With Phone and Remote</t>
  </si>
  <si>
    <t>Panasonic KX-TG9471B</t>
  </si>
  <si>
    <t>Xerox 198</t>
  </si>
  <si>
    <t>Richard Bierner</t>
  </si>
  <si>
    <t>Economy #2 Pencils</t>
  </si>
  <si>
    <t>Dean Katz</t>
  </si>
  <si>
    <t>Avery Hi-Liter Fluorescent Desk Style Markers</t>
  </si>
  <si>
    <t>Christine Kargatis</t>
  </si>
  <si>
    <t>Global Commerce Series High-Back Swivel/Tilt Chairs</t>
  </si>
  <si>
    <t>Jason Fortune-</t>
  </si>
  <si>
    <t>Utah</t>
  </si>
  <si>
    <t>Carina Double Wide Media Storage Towers in Natural &amp; Black</t>
  </si>
  <si>
    <t>ImationÂ 30456 USBÂ Flash DriveÂ 8GB</t>
  </si>
  <si>
    <t>Staple magnet</t>
  </si>
  <si>
    <t>Premium Transparent Presentation Covers, No Pattern/Clear, 8 1/2" x 11"</t>
  </si>
  <si>
    <t>Rick Bensley</t>
  </si>
  <si>
    <t>Machines</t>
  </si>
  <si>
    <t>Hewlett-Packard Deskjet 6540 Color Inkjet Printer</t>
  </si>
  <si>
    <t>Xerox 1963</t>
  </si>
  <si>
    <t>Neil FranzÃ¶sisch</t>
  </si>
  <si>
    <t>Xerox 1887</t>
  </si>
  <si>
    <t>Alan Shonely</t>
  </si>
  <si>
    <t>Hot File 7-Pocket, Floor Stand</t>
  </si>
  <si>
    <t>Eldon Expressions Desk Accessory, Wood Photo Frame, Mahogany</t>
  </si>
  <si>
    <t>Insertable Tab Post Binder Dividers</t>
  </si>
  <si>
    <t>GBC VeloBinder Manual Binding System</t>
  </si>
  <si>
    <t>Xerox 1889</t>
  </si>
  <si>
    <t>Polycom VoiceStation 500 ConferenceÂ phone</t>
  </si>
  <si>
    <t>Bradley Nguyen</t>
  </si>
  <si>
    <t>Minnesota</t>
  </si>
  <si>
    <t>Bionaire Personal Warm Mist Humidifier/Vaporizer</t>
  </si>
  <si>
    <t>Newell 35</t>
  </si>
  <si>
    <t>Avery Non-Stick Heavy Duty View Round Locking Ring Binders</t>
  </si>
  <si>
    <t>Christine Phan</t>
  </si>
  <si>
    <t>Bretford Rectangular Conference Table Tops</t>
  </si>
  <si>
    <t>Balt Solid Wood Round Tables</t>
  </si>
  <si>
    <t>Hon 30" x 60" Table with Locking Drawer</t>
  </si>
  <si>
    <t>Xerox 1926</t>
  </si>
  <si>
    <t>Xerox 1918</t>
  </si>
  <si>
    <t>Annie Zypern</t>
  </si>
  <si>
    <t>Newell 333</t>
  </si>
  <si>
    <t>Xerox 1966</t>
  </si>
  <si>
    <t>Xerox 1967</t>
  </si>
  <si>
    <t>Mississippi</t>
  </si>
  <si>
    <t>GBC Twin Loop Wire Binding Elements, 9/16" Spine, Black</t>
  </si>
  <si>
    <t>Xerox 1957</t>
  </si>
  <si>
    <t>EcoTones Memo Sheets</t>
  </si>
  <si>
    <t>Belkin 6 Outlet Metallic Surge Strip</t>
  </si>
  <si>
    <t>Quincy Jones</t>
  </si>
  <si>
    <t>Xerox 1909</t>
  </si>
  <si>
    <t>Sean Miller</t>
  </si>
  <si>
    <t>Cisco TelePresence System EX90 Videoconferencing Unit</t>
  </si>
  <si>
    <t>Avery Fluorescent Highlighter Four-Color Set</t>
  </si>
  <si>
    <t>Executive Impressions 13" Clairmont Wall Clock</t>
  </si>
  <si>
    <t>Dana Fluorescent Magnifying Lamp, White, 36"</t>
  </si>
  <si>
    <t>Eileen Kiefer</t>
  </si>
  <si>
    <t>Bush Heritage Pine Collection 5-Shelf Bookcase, Albany Pine Finish, *Special Order</t>
  </si>
  <si>
    <t>Sample Company A</t>
  </si>
  <si>
    <t>Eldon Cleatmat Chair Mats for Medium Pile Carpets</t>
  </si>
  <si>
    <t>Swingline SM12-08 MicroCut Jam Free Shredder</t>
  </si>
  <si>
    <t>Matt Connell</t>
  </si>
  <si>
    <t>Cisco 8x8 Inc. 6753i IP Business Phone System</t>
  </si>
  <si>
    <t>Avery 501</t>
  </si>
  <si>
    <t>Crate-A-Files</t>
  </si>
  <si>
    <t>Document Clip Frames</t>
  </si>
  <si>
    <t>LogitechÂ Wireless Boombox Speaker - portable - wireless, wired</t>
  </si>
  <si>
    <t>Cassandra Brandow</t>
  </si>
  <si>
    <t>Binney &amp; Smith Crayola Metallic Colored Pencils, 8-Color Set</t>
  </si>
  <si>
    <t>Binney &amp; Smith inkTank Erasable Desk Highlighter, Chisel Tip, Yellow, 12/Box</t>
  </si>
  <si>
    <t>Thomas Seio</t>
  </si>
  <si>
    <t>Tennsco Commercial Shelving</t>
  </si>
  <si>
    <t>Kristen Hastings</t>
  </si>
  <si>
    <t>Samsung Galaxy S4 Active</t>
  </si>
  <si>
    <t>Avery 492</t>
  </si>
  <si>
    <t>Xerox 1919</t>
  </si>
  <si>
    <t>American Pencil</t>
  </si>
  <si>
    <t>Wilson Jones Ledger-Size, Piano-Hinge Binder, 2", Blue</t>
  </si>
  <si>
    <t>Gary McGarr</t>
  </si>
  <si>
    <t>Avery 505</t>
  </si>
  <si>
    <t>DAX Wood Document Frame</t>
  </si>
  <si>
    <t>Craig Carroll</t>
  </si>
  <si>
    <t>C-Line Peel &amp; Stick Add-On Filing Pockets, 8-3/4 x 5-1/8, 10/Pack</t>
  </si>
  <si>
    <t>GBC Prestige Therm-A-Bind Covers</t>
  </si>
  <si>
    <t>Beth Fritzler</t>
  </si>
  <si>
    <t>Xerox 1951</t>
  </si>
  <si>
    <t>Office Star - Mesh Screen back chair with Vinyl seat</t>
  </si>
  <si>
    <t>Vivian Mathis</t>
  </si>
  <si>
    <t>Patrick O'Donnell</t>
  </si>
  <si>
    <t>Economy Rollaway Files</t>
  </si>
  <si>
    <t>Ooma Telo VoIP Home Phone System</t>
  </si>
  <si>
    <t>Bruce Geld</t>
  </si>
  <si>
    <t>Avery 476</t>
  </si>
  <si>
    <t>Carlos Daly</t>
  </si>
  <si>
    <t>Xerox 190</t>
  </si>
  <si>
    <t>Maurice Satty</t>
  </si>
  <si>
    <t>DAX Contemporary Wood Frame with Silver Metal Mat, Desktop, 11 x 14 Size</t>
  </si>
  <si>
    <t>Iceberg Nesting Folding Chair, 19w x 6d x 43h</t>
  </si>
  <si>
    <t>Christina Anderson</t>
  </si>
  <si>
    <t>Eberhard Faber 3 1/2" Golf Pencils</t>
  </si>
  <si>
    <t>ImationÂ SwivelÂ Flash DriveÂ USBÂ flash driveÂ - 8 GB</t>
  </si>
  <si>
    <t>BIC Brite Liner Grip Highlighters, Assorted, 5/Pack</t>
  </si>
  <si>
    <t>Jonathan Doherty</t>
  </si>
  <si>
    <t>SanDisk Ultra 32 GB MicroSDHC Class 10 Memory Card</t>
  </si>
  <si>
    <t>Damala Kotsonis</t>
  </si>
  <si>
    <t>Newell 308</t>
  </si>
  <si>
    <t>Griffin GC17055 Auxiliary Audio Cable</t>
  </si>
  <si>
    <t>Cindy Stewart</t>
  </si>
  <si>
    <t>Smead Alpha-Z Color-Coded Name Labels First Letter Starter Set</t>
  </si>
  <si>
    <t>Christina VanderZanden</t>
  </si>
  <si>
    <t>Iowa</t>
  </si>
  <si>
    <t>Poly String Tie Envelopes</t>
  </si>
  <si>
    <t>Hon 94000 Series Round Tables</t>
  </si>
  <si>
    <t>Daniel Raglin</t>
  </si>
  <si>
    <t>New Mexico</t>
  </si>
  <si>
    <t>AT&amp;T TR1909W</t>
  </si>
  <si>
    <t>Mike Pelletier</t>
  </si>
  <si>
    <t>Chromcraft Bull-Nose Wood Oval Conference Tables &amp; Bases</t>
  </si>
  <si>
    <t>Mike Gockenbach</t>
  </si>
  <si>
    <t>Bush Advantage Collection Racetrack Conference Table</t>
  </si>
  <si>
    <t>Kunst Miller</t>
  </si>
  <si>
    <t>Peel-Off China Markers</t>
  </si>
  <si>
    <t>Dorris liebe</t>
  </si>
  <si>
    <t>Sterilite Show Offs Storage Containers</t>
  </si>
  <si>
    <t>Avery 490</t>
  </si>
  <si>
    <t>Susan Gilcrest</t>
  </si>
  <si>
    <t>Sanford EarthWrite Recycled Pencils, Medium Soft, #2</t>
  </si>
  <si>
    <t>O'Sullivan Living Dimensions 2-Shelf Bookcases</t>
  </si>
  <si>
    <t>Mark Packer</t>
  </si>
  <si>
    <t>Airmail Envelopes</t>
  </si>
  <si>
    <t>Innergie mMini Combo Duo USB Travel Charging Kit</t>
  </si>
  <si>
    <t>Global Stack Chair without Arms, Black</t>
  </si>
  <si>
    <t>Nat Carroll</t>
  </si>
  <si>
    <t>Space Solutions Commercial Steel Shelving</t>
  </si>
  <si>
    <t>Alex Avila</t>
  </si>
  <si>
    <t>GBC DocuBind 200 Manual Binding Machine</t>
  </si>
  <si>
    <t>Fellowes Advanced Computer Series Surge Protectors</t>
  </si>
  <si>
    <t>Jas O'Carroll</t>
  </si>
  <si>
    <t>Avery Round Ring Poly Binders</t>
  </si>
  <si>
    <t>Dorothy Dickinson</t>
  </si>
  <si>
    <t>Fellowes Black Plastic Comb Bindings</t>
  </si>
  <si>
    <t>Kensington SlimBlade Notebook Wireless Mouse with Nano Receiver</t>
  </si>
  <si>
    <t>Karen Bern</t>
  </si>
  <si>
    <t>Avery Hole Reinforcements</t>
  </si>
  <si>
    <t>Trudy Glocke</t>
  </si>
  <si>
    <t>Global Leather Highback Executive Chair with Pneumatic Height Adjustment, Black</t>
  </si>
  <si>
    <t>Ibico Plastic and Wire Spiral Binding Combs</t>
  </si>
  <si>
    <t>Pressboard Data Binder, Crimson, 12" X 8 1/2"</t>
  </si>
  <si>
    <t>Katharine Harms</t>
  </si>
  <si>
    <t>Massachusetts</t>
  </si>
  <si>
    <t>Rogers Profile Extra Capacity Storage Tub</t>
  </si>
  <si>
    <t>Zipper Ring Binder Pockets</t>
  </si>
  <si>
    <t>Rob Dowd</t>
  </si>
  <si>
    <t>Xerox 1990</t>
  </si>
  <si>
    <t>Motorola Droid Maxx</t>
  </si>
  <si>
    <t>Euro-Pro Shark Turbo Vacuum</t>
  </si>
  <si>
    <t>Xerox 1898</t>
  </si>
  <si>
    <t>Xerox 1947</t>
  </si>
  <si>
    <t>Anna HÃ¤berlin</t>
  </si>
  <si>
    <t>Luxo Adjustable Task Clamp Lamp</t>
  </si>
  <si>
    <t>Katrina Edelman</t>
  </si>
  <si>
    <t>Paul Knutson</t>
  </si>
  <si>
    <t>Avery 518</t>
  </si>
  <si>
    <t>Advantus Panel Wall Acrylic Frame</t>
  </si>
  <si>
    <t>Newell 319</t>
  </si>
  <si>
    <t>Mary Zewe</t>
  </si>
  <si>
    <t>Avery Non-Stick Binders</t>
  </si>
  <si>
    <t>Ken Black</t>
  </si>
  <si>
    <t>Safco Commercial Shelving</t>
  </si>
  <si>
    <t>Logitech Wireless Marathon Mouse M705</t>
  </si>
  <si>
    <t>Xerox 209</t>
  </si>
  <si>
    <t>Tracy Hopkins</t>
  </si>
  <si>
    <t>Eaton Premium Continuous-Feed Paper, 25% Cotton, Letter Size, White, 1000 Shts/Box</t>
  </si>
  <si>
    <t>Greg Maxwell</t>
  </si>
  <si>
    <t>Crayola Colored Pencils</t>
  </si>
  <si>
    <t>Newell 321</t>
  </si>
  <si>
    <t>Martin Yale Chadless Opener Electric Letter Opener</t>
  </si>
  <si>
    <t>John Grady</t>
  </si>
  <si>
    <t>Tenex File Box, Personal Filing Tote with Lid, Black</t>
  </si>
  <si>
    <t>Adjustable Personal File Tote</t>
  </si>
  <si>
    <t>Ruben Dartt</t>
  </si>
  <si>
    <t>Stanley Contemporary Battery Pencil Sharpeners</t>
  </si>
  <si>
    <t>Fellowes Twister Kit, Gray/Clear, 3/pkg</t>
  </si>
  <si>
    <t>Roy Phan</t>
  </si>
  <si>
    <t>Ibico Standard Transparent Covers</t>
  </si>
  <si>
    <t>Guy Phonely</t>
  </si>
  <si>
    <t>Large Capacity Hanging Post Binders</t>
  </si>
  <si>
    <t>Martin-Yale Premier Letter Opener</t>
  </si>
  <si>
    <t>KI Adjustable-Height Table</t>
  </si>
  <si>
    <t>ImationÂ Secure+ Hardware Encrypted USB 2.0Â Flash Drive; 16GB</t>
  </si>
  <si>
    <t>Scott Cohen</t>
  </si>
  <si>
    <t>Chromcraft Bull-Nose Wood Round Conference Table Top, Wood Base</t>
  </si>
  <si>
    <t>Kingston Digital DataTraveler 32GB USB 2.0</t>
  </si>
  <si>
    <t>Andy Yotov</t>
  </si>
  <si>
    <t>Tenex B1-RE Series Chair Mats for Low Pile Carpets</t>
  </si>
  <si>
    <t>C-Line Cubicle Keepers Polyproplyene Holder With Velcro Backings</t>
  </si>
  <si>
    <t>Xerox 211</t>
  </si>
  <si>
    <t>Xerox 194</t>
  </si>
  <si>
    <t>Frank Hawley</t>
  </si>
  <si>
    <t>Boston Home &amp; Office Model 2000 Electric Pencil Sharpeners</t>
  </si>
  <si>
    <t>Avery Trapezoid Ring Binder, 3" Capacity, Black, 1040 sheets</t>
  </si>
  <si>
    <t>Razer Kraken 7.1 Surround Sound Over Ear USB Gaming Headset</t>
  </si>
  <si>
    <t>Pauline Johnson</t>
  </si>
  <si>
    <t>Alabama</t>
  </si>
  <si>
    <t>Stacking Tray, Side-Loading, Legal, Smoke</t>
  </si>
  <si>
    <t>Roland Schwarz</t>
  </si>
  <si>
    <t>Xerox 1945</t>
  </si>
  <si>
    <t>Valerie Mitchum</t>
  </si>
  <si>
    <t>Xerox 226</t>
  </si>
  <si>
    <t>RCA Visys Integrated PBX 8-Line Router</t>
  </si>
  <si>
    <t>Jim Mitchum</t>
  </si>
  <si>
    <t>Binder Clips by OIC</t>
  </si>
  <si>
    <t>Things To Do Today Spiral Book</t>
  </si>
  <si>
    <t>Ruben Ausman</t>
  </si>
  <si>
    <t>SAFCO PlanMaster Boards, 60w x 37-1/2d, White Melamine</t>
  </si>
  <si>
    <t>Pauline Chand</t>
  </si>
  <si>
    <t>Bevis 36 x 72 Conference Tables</t>
  </si>
  <si>
    <t>Logitech Wireless Headset h800</t>
  </si>
  <si>
    <t>John Stevenson</t>
  </si>
  <si>
    <t>Riverside Furniture Stanwyck Manor Table Series</t>
  </si>
  <si>
    <t>Jay Kimmel</t>
  </si>
  <si>
    <t>Acco Banker's Clasps, 5 3/4"-Long</t>
  </si>
  <si>
    <t>Xerox 224</t>
  </si>
  <si>
    <t>Logitech Wireless Anywhere Mouse MX for PC and Mac</t>
  </si>
  <si>
    <t>Sanjit Engle</t>
  </si>
  <si>
    <t>Idaho</t>
  </si>
  <si>
    <t>GBC Personal VeloBind Strips</t>
  </si>
  <si>
    <t>Gary Mitchum</t>
  </si>
  <si>
    <t>Jawbone JAMBOX Wireless Bluetooth Speaker</t>
  </si>
  <si>
    <t>Michelle Moray</t>
  </si>
  <si>
    <t>Montana</t>
  </si>
  <si>
    <t>Eldon Simplefile Box Office</t>
  </si>
  <si>
    <t>AT&amp;T SB67148 SynJ</t>
  </si>
  <si>
    <t>Memorex Mini Travel Drive 64 GB USB 2.0 Flash Drive</t>
  </si>
  <si>
    <t>Kean Nguyen</t>
  </si>
  <si>
    <t>Pyle PMP37LED</t>
  </si>
  <si>
    <t>AT&amp;T 1080 Corded phone</t>
  </si>
  <si>
    <t>Recycled Pressboard Report Cover with Reinforced Top Hinge</t>
  </si>
  <si>
    <t>Stewart Visinsky</t>
  </si>
  <si>
    <t>Xerox 213</t>
  </si>
  <si>
    <t>Edward Hooks</t>
  </si>
  <si>
    <t>Prismacolor Color Pencil Set</t>
  </si>
  <si>
    <t>Newell 314</t>
  </si>
  <si>
    <t>Fellowes PB200 Plastic Comb Binding Machine</t>
  </si>
  <si>
    <t>Square Credit Card Reader, 4 1/2" x 4 1/2" x 1", White</t>
  </si>
  <si>
    <t>Ben Ferrer</t>
  </si>
  <si>
    <t>Maryland</t>
  </si>
  <si>
    <t>Avery 479</t>
  </si>
  <si>
    <t>Paul Stevenson</t>
  </si>
  <si>
    <t>Belkin F9G930V10-GRY 9 Outlet Surge</t>
  </si>
  <si>
    <t>Howard Miller 13" Diameter Goldtone Round Wall Clock</t>
  </si>
  <si>
    <t>Stephanie Phelps</t>
  </si>
  <si>
    <t>John Lee</t>
  </si>
  <si>
    <t>Ativa MDM8000 8-Sheet Micro-Cut Shredder</t>
  </si>
  <si>
    <t>Binney &amp; Smith inkTank Desk Highlighter, Chisel Tip, Yellow, 12/Box</t>
  </si>
  <si>
    <t>Advantus Push Pins, Aluminum Head</t>
  </si>
  <si>
    <t>Prang Dustless Chalk Sticks</t>
  </si>
  <si>
    <t>DMI Arturo Collection Mission-style Design Wood Chair</t>
  </si>
  <si>
    <t>Cameo Buff Policy Envelopes</t>
  </si>
  <si>
    <t>Kensington Expert Mouse Optical USB Trackball for PC or Mac</t>
  </si>
  <si>
    <t>Nicole Fjeld</t>
  </si>
  <si>
    <t>Executive Impressions 13" Chairman Wall Clock</t>
  </si>
  <si>
    <t>Allen Goldenen</t>
  </si>
  <si>
    <t>GBC Durable Plastic Covers</t>
  </si>
  <si>
    <t>Xerox 232</t>
  </si>
  <si>
    <t>Bush Advantage Collection Round Conference Table</t>
  </si>
  <si>
    <t>Personal Folder Holder, Ebony</t>
  </si>
  <si>
    <t>Benjamin Patterson</t>
  </si>
  <si>
    <t>GE 4 Foot Flourescent Tube, 40 Watt</t>
  </si>
  <si>
    <t>Allen Armold</t>
  </si>
  <si>
    <t>ACCOHIDE Binder by Acco</t>
  </si>
  <si>
    <t>Dorothy Badders</t>
  </si>
  <si>
    <t>SAFCO Commercial Wire Shelving, Black</t>
  </si>
  <si>
    <t>Aaron Hawkins</t>
  </si>
  <si>
    <t>ACCOHIDE 3-Ring Binder, Blue, 1"</t>
  </si>
  <si>
    <t>Theresa Swint</t>
  </si>
  <si>
    <t>Wilson Jones Suede Grain Vinyl Binders</t>
  </si>
  <si>
    <t>Laurel Beltran</t>
  </si>
  <si>
    <t>G.E. Halogen Desk Lamp Bulbs</t>
  </si>
  <si>
    <t>Dianna Arnett</t>
  </si>
  <si>
    <t>Xerox 1985</t>
  </si>
  <si>
    <t>12 Colored Short Pencils</t>
  </si>
  <si>
    <t>Lena Creighton</t>
  </si>
  <si>
    <t>AT&amp;T CL2909</t>
  </si>
  <si>
    <t>Beth Thompson</t>
  </si>
  <si>
    <t>Tenex Traditional Chairmats for Medium Pile Carpet, Standard Lip, 36" x 48"</t>
  </si>
  <si>
    <t>Kensington 6 Outlet MasterPiece HOMEOFFICE Power Control Center</t>
  </si>
  <si>
    <t>GuestStacker Chair with Chrome Finish Legs</t>
  </si>
  <si>
    <t>Aleksandra Gannaway</t>
  </si>
  <si>
    <t>Bevis Steel Folding Chairs</t>
  </si>
  <si>
    <t>Acco Pressboard Covers with Storage Hooks, 14 7/8" x 11", Executive Red</t>
  </si>
  <si>
    <t>Marc Harrigan</t>
  </si>
  <si>
    <t>Newell 347</t>
  </si>
  <si>
    <t>Muhammed Yedwab</t>
  </si>
  <si>
    <t>Acco Data Flex Cable Posts For Top &amp; Bottom Load Binders, 6" Capacity</t>
  </si>
  <si>
    <t>Recycled Steel Personal File for Standard File Folders</t>
  </si>
  <si>
    <t>Blackstonian Pencils</t>
  </si>
  <si>
    <t>Avery 488</t>
  </si>
  <si>
    <t>George Bell</t>
  </si>
  <si>
    <t>Avery File Folder Labels</t>
  </si>
  <si>
    <t>X-Rack File for Hanging Folders</t>
  </si>
  <si>
    <t>Carina Mini System Audio Rack, Model AR050B</t>
  </si>
  <si>
    <t>Arianne Irving</t>
  </si>
  <si>
    <t>Samsung Galaxy Mega 6.3</t>
  </si>
  <si>
    <t>David Smith</t>
  </si>
  <si>
    <t>Lauren Leatherbury</t>
  </si>
  <si>
    <t>Dax Clear Box Frame</t>
  </si>
  <si>
    <t>Harry Greene</t>
  </si>
  <si>
    <t>Laura Armstrong</t>
  </si>
  <si>
    <t>Global Leather Executive Chair</t>
  </si>
  <si>
    <t>2300 Heavy-Duty Transfer File Systems by Perma</t>
  </si>
  <si>
    <t>Katherine Hughes</t>
  </si>
  <si>
    <t>Square Credit Card Reader</t>
  </si>
  <si>
    <t>Maxell 4.7GB DVD-RW 3/Pack</t>
  </si>
  <si>
    <t>Justin MacKendrick</t>
  </si>
  <si>
    <t>Hunt Boston Vacuum Mount KS Pencil Sharpener</t>
  </si>
  <si>
    <t>Andrew Roberts</t>
  </si>
  <si>
    <t>Cari Schnelling</t>
  </si>
  <si>
    <t>Copiers</t>
  </si>
  <si>
    <t>Brother DCP1000 Digital 3 in 1 Multifunction Machine</t>
  </si>
  <si>
    <t>Joni Sundaresam</t>
  </si>
  <si>
    <t>Avery 481</t>
  </si>
  <si>
    <t>Nathan Cano</t>
  </si>
  <si>
    <t>GBC Poly Designer Binding Covers</t>
  </si>
  <si>
    <t>Avery Durable Plastic 1" Binders</t>
  </si>
  <si>
    <t>Paul MacIntyre</t>
  </si>
  <si>
    <t>Fellowes Binding Cases</t>
  </si>
  <si>
    <t>Andrew Allen</t>
  </si>
  <si>
    <t>Connecticut</t>
  </si>
  <si>
    <t>OIC Thumb-Tacks</t>
  </si>
  <si>
    <t>Bill Shonely</t>
  </si>
  <si>
    <t>Eldon Regeneration Recycled Desk Accessories, Smoke</t>
  </si>
  <si>
    <t>Holmes Odor Grabber</t>
  </si>
  <si>
    <t>Peter Fuller</t>
  </si>
  <si>
    <t>Adams "While You Were Out" Message Pads</t>
  </si>
  <si>
    <t>Newell 350</t>
  </si>
  <si>
    <t>Xerox 1933</t>
  </si>
  <si>
    <t>Emily Burns</t>
  </si>
  <si>
    <t>Eldon Portable Mobile Manager</t>
  </si>
  <si>
    <t>Giulietta Dortch</t>
  </si>
  <si>
    <t>Easy-staple paper</t>
  </si>
  <si>
    <t>Harold Pawlan</t>
  </si>
  <si>
    <t>Wilson Jones Legal Size Ring Binders</t>
  </si>
  <si>
    <t>Steve Nguyen</t>
  </si>
  <si>
    <t>Model L Table or Wall-Mount Pencil Sharpener</t>
  </si>
  <si>
    <t>Carol Triggs</t>
  </si>
  <si>
    <t>Acco PRESSTEX Data Binder with Storage Hooks, Dark Blue, 14 7/8" X 11"</t>
  </si>
  <si>
    <t>Newell 335</t>
  </si>
  <si>
    <t>Lifetime Advantage Folding Chairs, 4/Carton</t>
  </si>
  <si>
    <t>Hewlett Packard LaserJet 3310 Copier</t>
  </si>
  <si>
    <t>Patrick Gardner</t>
  </si>
  <si>
    <t>Sony Micro Vault Click 16 GB USB 2.0 Flash Drive</t>
  </si>
  <si>
    <t>Sean Braxton</t>
  </si>
  <si>
    <t>Fellowes Super Stor/Drawer</t>
  </si>
  <si>
    <t>Avery 506</t>
  </si>
  <si>
    <t>Weyerhaeuser First Choice Laser/Copy Paper (20Lb. and 88 Bright)</t>
  </si>
  <si>
    <t>Strathmore #10 Envelopes, Ultimate White</t>
  </si>
  <si>
    <t>LF Elite 3D Dazzle Designer Hard Case Cover, Lf Stylus Pen and Wiper For Apple Iphone 5c Mini Lite</t>
  </si>
  <si>
    <t>Art Foster</t>
  </si>
  <si>
    <t>Bestar Classic Bookcase</t>
  </si>
  <si>
    <t>DIXON Ticonderoga Erasable Checking Pencils</t>
  </si>
  <si>
    <t>Greg Matthias</t>
  </si>
  <si>
    <t>Southworth 25% Cotton Premium Laser Paper and Envelopes</t>
  </si>
  <si>
    <t>Wilson Electronics DB Pro Signal Booster</t>
  </si>
  <si>
    <t>Acme Design Stainless Steel Bent Scissors</t>
  </si>
  <si>
    <t>Hon Pagoda Stacking Chairs</t>
  </si>
  <si>
    <t>Paul Gonzalez</t>
  </si>
  <si>
    <t>SanDisk Cruzer 64 GB USB Flash Drive</t>
  </si>
  <si>
    <t>Xblue XB-1670-86 X16 SmallÂ Office TelephoneÂ - Titanium</t>
  </si>
  <si>
    <t>Deflect-o EconoMat Studded, No Bevel Mat for Low Pile Carpeting</t>
  </si>
  <si>
    <t>Raymond Messe</t>
  </si>
  <si>
    <t>Logitech ClearChat Comfort/USB Headset H390</t>
  </si>
  <si>
    <t>Brooke Gillingham</t>
  </si>
  <si>
    <t>Staple holder</t>
  </si>
  <si>
    <t>Victoria Wilson</t>
  </si>
  <si>
    <t>Hon Multipurpose Stacking Arm Chairs</t>
  </si>
  <si>
    <t>Harold Dahlen</t>
  </si>
  <si>
    <t>Avery Arch Ring Binders</t>
  </si>
  <si>
    <t>Bevis Traditional Conference Table Top, Plinth Base</t>
  </si>
  <si>
    <t>Alejandro Grove</t>
  </si>
  <si>
    <t>Erica Hernandez</t>
  </si>
  <si>
    <t>GBC DocuBind P100 Manual Binding Machine</t>
  </si>
  <si>
    <t>Naresj Patel</t>
  </si>
  <si>
    <t>Plantronics Audio 478 Stereo USB Headset</t>
  </si>
  <si>
    <t>Anthony Johnson</t>
  </si>
  <si>
    <t>Electrix Halogen Magnifier Lamp</t>
  </si>
  <si>
    <t>Pauline Webber</t>
  </si>
  <si>
    <t>Cindy Chapman</t>
  </si>
  <si>
    <t>ImationÂ Clip USBÂ flash driveÂ - 8 GB</t>
  </si>
  <si>
    <t>Pete Armstrong</t>
  </si>
  <si>
    <t>Bruce Stewart</t>
  </si>
  <si>
    <t>Apple iPhone 5</t>
  </si>
  <si>
    <t>Ted Trevino</t>
  </si>
  <si>
    <t>Deflect-o Glass Clear Studded Chair Mats</t>
  </si>
  <si>
    <t>Xerox 1949</t>
  </si>
  <si>
    <t>George Ashbrook</t>
  </si>
  <si>
    <t>John Huston</t>
  </si>
  <si>
    <t>Avery Heavy-Duty EZD View Binder with Locking Rings</t>
  </si>
  <si>
    <t>Tamara Dahlen</t>
  </si>
  <si>
    <t>Randy Ferguson</t>
  </si>
  <si>
    <t>New Hampshire</t>
  </si>
  <si>
    <t>Acco 6 Outlet Guardian Basic Surge Suppressor</t>
  </si>
  <si>
    <t>Sanford Colorific Scented Colored Pencils, 12/Pack</t>
  </si>
  <si>
    <t>24-Hour Round Wall Clock</t>
  </si>
  <si>
    <t>Matt Collister</t>
  </si>
  <si>
    <t>Contemporary Borderless Frame</t>
  </si>
  <si>
    <t>SanDisk Ultra 16 GB MicroSDHC Class 10 Memory Card</t>
  </si>
  <si>
    <t>Mitch Willingham</t>
  </si>
  <si>
    <t>Fellowes PB300 Plastic Comb Binding Machine</t>
  </si>
  <si>
    <t>Plantronics Voyager Pro Legend</t>
  </si>
  <si>
    <t>Bradley Talbott</t>
  </si>
  <si>
    <t>Frank Gastineau</t>
  </si>
  <si>
    <t>GBC ProClick Punch Binding System</t>
  </si>
  <si>
    <t>Xerox 1992</t>
  </si>
  <si>
    <t>Global Deluxe Steno Chair</t>
  </si>
  <si>
    <t>Adams Telephone Message Books, 5 1/4Â” x 11Â”</t>
  </si>
  <si>
    <t>Ibico Plastic Spiral Binding Combs</t>
  </si>
  <si>
    <t>Evan Henry</t>
  </si>
  <si>
    <t>Nortel Networks T7316 E Nt8 B27</t>
  </si>
  <si>
    <t>Plantronics Encore H101 Dual EarpiecesÂ Headset</t>
  </si>
  <si>
    <t>Angle-D Ring Binders</t>
  </si>
  <si>
    <t>Newell 317</t>
  </si>
  <si>
    <t>Motorola L804</t>
  </si>
  <si>
    <t>Xerox 1999</t>
  </si>
  <si>
    <t>Greg Tran</t>
  </si>
  <si>
    <t>Letter Slitter</t>
  </si>
  <si>
    <t>1.7 Cubic Foot Compact "Cube" Office Refrigerators</t>
  </si>
  <si>
    <t>Resi PÃ¶lking</t>
  </si>
  <si>
    <t>Xerox 1944</t>
  </si>
  <si>
    <t>Janet Lee</t>
  </si>
  <si>
    <t>Harmony Air Purifier</t>
  </si>
  <si>
    <t>Electrix Incandescent Magnifying Lamp, Black</t>
  </si>
  <si>
    <t>Barry Weirich</t>
  </si>
  <si>
    <t>Strathmore Photo Frame Cards</t>
  </si>
  <si>
    <t>Sauder Inglewood Library Bookcases</t>
  </si>
  <si>
    <t>VTech DS6151</t>
  </si>
  <si>
    <t>netTALK DUO VoIP Telephone Service</t>
  </si>
  <si>
    <t>Herbert Flentye</t>
  </si>
  <si>
    <t>Hon Olson Stacker Stools</t>
  </si>
  <si>
    <t>Dean percer</t>
  </si>
  <si>
    <t>SAFCO Mobile Desk Side File, Wire Frame</t>
  </si>
  <si>
    <t>Global Commerce Series Low-Back Swivel/Tilt Chairs</t>
  </si>
  <si>
    <t>Maya Herman</t>
  </si>
  <si>
    <t>KI Conference Tables</t>
  </si>
  <si>
    <t>Fellowes Officeware Wire Shelving</t>
  </si>
  <si>
    <t>Plantronics HL10 Handset Lifter</t>
  </si>
  <si>
    <t>Logitech Wireless Performance Mouse MX for PC and Mac</t>
  </si>
  <si>
    <t>Laurel Elliston</t>
  </si>
  <si>
    <t>Fellowes Presentation Covers for Comb Binding Machines</t>
  </si>
  <si>
    <t>Patrick Jones</t>
  </si>
  <si>
    <t>I Need's 3d Hello Kitty Hybrid Silicone Case Cover for HTC One X 4g with 3d Hello Kitty Stylus Pen Green/pink</t>
  </si>
  <si>
    <t>Magdelene Morse</t>
  </si>
  <si>
    <t>Green Canvas Binder for 8-1/2" x 14" Sheets</t>
  </si>
  <si>
    <t>Ellis Ballard</t>
  </si>
  <si>
    <t>Ampad Poly Cover Wirebound Steno Book, 6" x 9" Assorted Colors, Gregg Ruled</t>
  </si>
  <si>
    <t>Shahid Shariari</t>
  </si>
  <si>
    <t>Chromcraft Rectangular Conference Tables</t>
  </si>
  <si>
    <t>James Galang</t>
  </si>
  <si>
    <t>Laurel Workman</t>
  </si>
  <si>
    <t>GBC Pre-Punched Binding Paper, Plastic, White, 8-1/2" x 11"</t>
  </si>
  <si>
    <t>Geemarc AmpliPOWER60</t>
  </si>
  <si>
    <t>Honeywell Quietcare HEPA Air Cleaner</t>
  </si>
  <si>
    <t>Xerox 1948</t>
  </si>
  <si>
    <t>Mark Cousins</t>
  </si>
  <si>
    <t>Jim Karlsson</t>
  </si>
  <si>
    <t>Samsung Galaxy Note 3</t>
  </si>
  <si>
    <t>Grandstream GXP1160 VoIP phone</t>
  </si>
  <si>
    <t>Dianna Wilson</t>
  </si>
  <si>
    <t>Safco Steel Mobile File Cart</t>
  </si>
  <si>
    <t>Adams Telephone Message Book w/Frequently-Called Numbers Space, 400 Messages per Book</t>
  </si>
  <si>
    <t>Honeywell Enviracaire Portable HEPA Air Cleaner for 17' x 22' Room</t>
  </si>
  <si>
    <t>Xerox 205</t>
  </si>
  <si>
    <t>Corey Roper</t>
  </si>
  <si>
    <t>GBC Clear Cover, 8-1/2 x 11, unpunched, 25 covers per pack</t>
  </si>
  <si>
    <t>Boston Heavy-Duty Trimline Electric Pencil Sharpeners</t>
  </si>
  <si>
    <t>Liz Thompson</t>
  </si>
  <si>
    <t>3M Hangers With Command Adhesive</t>
  </si>
  <si>
    <t>Adtran 1202752G1</t>
  </si>
  <si>
    <t>Wilson Jones Heavy-Duty Casebound Ring Binders with Metal Hinges</t>
  </si>
  <si>
    <t>Acco 6 Outlet Guardian Premium Surge Suppressor</t>
  </si>
  <si>
    <t>GBC Standard Therm-A-Bind Covers</t>
  </si>
  <si>
    <t>Aluminum Document Frame</t>
  </si>
  <si>
    <t>Mophie Juice Pack Helium for iPhone</t>
  </si>
  <si>
    <t>Steven Cartwright</t>
  </si>
  <si>
    <t>Ross Baird</t>
  </si>
  <si>
    <t>Security-Tint Envelopes</t>
  </si>
  <si>
    <t>Richard Eichhorn</t>
  </si>
  <si>
    <t>Avery 513</t>
  </si>
  <si>
    <t>Contract Clock, 14", Brown</t>
  </si>
  <si>
    <t>Bobby Trafton</t>
  </si>
  <si>
    <t>Seth Thomas 14" Day/Date Wall Clock</t>
  </si>
  <si>
    <t>Commercial WindTunnel Clean Air Upright Vacuum, Replacement Belts, Filtration Bags</t>
  </si>
  <si>
    <t>O'Sullivan Living Dimensions 5-Shelf Bookcases</t>
  </si>
  <si>
    <t>Bryan Mills</t>
  </si>
  <si>
    <t>Sanford Liquid Accent Highlighters</t>
  </si>
  <si>
    <t>Grant Thornton</t>
  </si>
  <si>
    <t>Wilson Jones Century Plastic Molded Ring Binders</t>
  </si>
  <si>
    <t>Acme Office Executive Series Stainless Steel Trimmers</t>
  </si>
  <si>
    <t>Chromcraft Bull-Nose Wood 48" x 96" Rectangular Conference Tables</t>
  </si>
  <si>
    <t>Sarah Bern</t>
  </si>
  <si>
    <t>#10- 4 1/8" x 9 1/2" Recycled Envelopes</t>
  </si>
  <si>
    <t>Valerie Takahito</t>
  </si>
  <si>
    <t>Presstex Flexible Ring Binders</t>
  </si>
  <si>
    <t>Bart Pistole</t>
  </si>
  <si>
    <t>Nick Radford</t>
  </si>
  <si>
    <t>Bevis Round Conference Table Top, X-Base</t>
  </si>
  <si>
    <t>Carlos Soltero</t>
  </si>
  <si>
    <t>Hon Deluxe Fabric Upholstered Stacking Chairs, Squared Back</t>
  </si>
  <si>
    <t>Situations Contoured Folding Chairs, 4/Set</t>
  </si>
  <si>
    <t>Rick Duston</t>
  </si>
  <si>
    <t>Tennsco Snap-Together Open Shelving Units, Starter Sets and Add-On Units</t>
  </si>
  <si>
    <t>Brosina Hoffman</t>
  </si>
  <si>
    <t>Eldon Expressions Wood and Plastic Desk Accessories, Cherry Wood</t>
  </si>
  <si>
    <t>Newell 322</t>
  </si>
  <si>
    <t>Mitel 5320 IP Phone VoIP phone</t>
  </si>
  <si>
    <t>DXL Angle-View Binders with Locking Rings by Samsill</t>
  </si>
  <si>
    <t>Belkin F5C206VTEL 6 Outlet Surge</t>
  </si>
  <si>
    <t>Konftel 250 ConferenceÂ phoneÂ - Charcoal black</t>
  </si>
  <si>
    <t>Carl Weiss</t>
  </si>
  <si>
    <t>Logitech M510 Wireless Mouse</t>
  </si>
  <si>
    <t>Boston 1645 Deluxe Heavier-Duty Electric Pencil Sharpener</t>
  </si>
  <si>
    <t>Chuck Magee</t>
  </si>
  <si>
    <t>Staple remover</t>
  </si>
  <si>
    <t>Deluxe Chalkboard Eraser Cleaner</t>
  </si>
  <si>
    <t>Frank Olsen</t>
  </si>
  <si>
    <t>Bevis 44 x 96 Conference Tables</t>
  </si>
  <si>
    <t>DIXON Oriole Pencils</t>
  </si>
  <si>
    <t>Executive Impressions 13-1/2" Indoor/Outdoor Wall Clock</t>
  </si>
  <si>
    <t>Heather Kirkland</t>
  </si>
  <si>
    <t>Dot Matrix Printer Tape Reel Labels, White, 5000/Box</t>
  </si>
  <si>
    <t>Sharelle Roach</t>
  </si>
  <si>
    <t>Hon Metal Bookcases, Gray</t>
  </si>
  <si>
    <t>Kelly Lampkin</t>
  </si>
  <si>
    <t>Lesro Sheffield Collection Coffee Table, End Table, Center Table, Corner Table</t>
  </si>
  <si>
    <t>Avery Premier Heavy-Duty Binder with Round Locking Rings</t>
  </si>
  <si>
    <t>Pamela Stobb</t>
  </si>
  <si>
    <t>Xerox 1902</t>
  </si>
  <si>
    <t>Sonia Cooley</t>
  </si>
  <si>
    <t>Boston 16750 Black Compact Battery Pencil Sharpener</t>
  </si>
  <si>
    <t>Duane Benoit</t>
  </si>
  <si>
    <t>Texas Instruments TI-34 Scientific Calculator</t>
  </si>
  <si>
    <t>Gary Hwang</t>
  </si>
  <si>
    <t>OIC Binder Clips</t>
  </si>
  <si>
    <t>GBC DocuBind P400 Electric Binding System</t>
  </si>
  <si>
    <t>Jennifer Ferguson</t>
  </si>
  <si>
    <t>Xerox 1892</t>
  </si>
  <si>
    <t>Mick Crebagga</t>
  </si>
  <si>
    <t>Plantronics CordlessÂ Phone HeadsetÂ with In-line Volume - M214C</t>
  </si>
  <si>
    <t>HTC One Mini</t>
  </si>
  <si>
    <t>Storex DuraTech Recycled Plastic Frosted Binders</t>
  </si>
  <si>
    <t>Hon Metal Bookcases, Black</t>
  </si>
  <si>
    <t>Xerox 2</t>
  </si>
  <si>
    <t>Okidata C331dn Printer</t>
  </si>
  <si>
    <t>Safco Industrial Wire Shelving System</t>
  </si>
  <si>
    <t>Corey-Lock</t>
  </si>
  <si>
    <t>Oklahoma</t>
  </si>
  <si>
    <t>Nontoxic Chalk</t>
  </si>
  <si>
    <t>Luxo Professional Magnifying Clamp-On Fluorescent Lamps</t>
  </si>
  <si>
    <t>Recycled Eldon Regeneration Jumbo File</t>
  </si>
  <si>
    <t>OIC #2 Pencils, Medium Soft</t>
  </si>
  <si>
    <t>Newell 341</t>
  </si>
  <si>
    <t>Wilson Jones 1" Hanging DublLock Ring Binders</t>
  </si>
  <si>
    <t>Avery Trapezoid Extra Heavy Duty 4" Binders</t>
  </si>
  <si>
    <t>Natalie Webber</t>
  </si>
  <si>
    <t>Stacking Trays by OIC</t>
  </si>
  <si>
    <t>Epson Perfection V600 Photo Scanner</t>
  </si>
  <si>
    <t>Fellowes Advanced 8 Outlet Surge Suppressor with Phone/Fax Protection</t>
  </si>
  <si>
    <t>GBC Prepunched Paper, 19-Hole, for Binding Systems, 24-lb</t>
  </si>
  <si>
    <t>Toby Braunhardt</t>
  </si>
  <si>
    <t>Message Book, Phone, Wirebound Standard Line Memo, 2 3/4" X 5"</t>
  </si>
  <si>
    <t>GE 2-Jack Phone Line Splitter</t>
  </si>
  <si>
    <t>Polycom SoundStation2 EX ConferenceÂ phone</t>
  </si>
  <si>
    <t>Joel Eaton</t>
  </si>
  <si>
    <t>KeyTronicÂ 6101 Series -Â KeyboardÂ - Black</t>
  </si>
  <si>
    <t>Dianna Vittorini</t>
  </si>
  <si>
    <t>Office Impressions Heavy Duty Welded Shelving &amp; Multimedia Storage Drawers</t>
  </si>
  <si>
    <t>Anna Andreadi</t>
  </si>
  <si>
    <t>Padded Folding Chairs, Black, 4/Carton</t>
  </si>
  <si>
    <t>Panasonic Kx-TS550</t>
  </si>
  <si>
    <t>Hon Deluxe Fabric Upholstered Stacking Chairs, Rounded Back</t>
  </si>
  <si>
    <t>SpineVue Locking Slant-D Ring Binders by Cardinal</t>
  </si>
  <si>
    <t>Brian Stugart</t>
  </si>
  <si>
    <t>Sony 64GB Class 10 Micro SDHC R40 Memory Card</t>
  </si>
  <si>
    <t>Denise Leinenbach</t>
  </si>
  <si>
    <t>Prang Drawing Pencil Set</t>
  </si>
  <si>
    <t>Acme Kleen Earth Office Shears</t>
  </si>
  <si>
    <t>Liz Pelletier</t>
  </si>
  <si>
    <t>Acrylic Self-Standing Desk Frames</t>
  </si>
  <si>
    <t>Noel Staavos</t>
  </si>
  <si>
    <t>Hon 4060 Series Tables</t>
  </si>
  <si>
    <t>Grace Kelly</t>
  </si>
  <si>
    <t>Plantronics 81402</t>
  </si>
  <si>
    <t>Hunt BOSTON Vista Battery-Operated Pencil Sharpener, Black</t>
  </si>
  <si>
    <t>Liz MacKendrick</t>
  </si>
  <si>
    <t>Cynthia Arntzen</t>
  </si>
  <si>
    <t>Xerox 1995</t>
  </si>
  <si>
    <t>Self-Adhesive Ring Binder Labels</t>
  </si>
  <si>
    <t>Xerox 1941</t>
  </si>
  <si>
    <t>Rob Williams</t>
  </si>
  <si>
    <t>Dan Lawera</t>
  </si>
  <si>
    <t>Dixon My First Ticonderoga Pencil, #2</t>
  </si>
  <si>
    <t>Wilson Jones Clip &amp; Carry Folder Binder Tool for Ring Binders, Clear</t>
  </si>
  <si>
    <t>Helen Abelman</t>
  </si>
  <si>
    <t>GBC Recycled Regency Composition Covers</t>
  </si>
  <si>
    <t>Russell Applegate</t>
  </si>
  <si>
    <t>BIC Brite Liner Grip Highlighters</t>
  </si>
  <si>
    <t>Anthony Rawles</t>
  </si>
  <si>
    <t>Michael Stewart</t>
  </si>
  <si>
    <t>Cardinal Poly Pocket Divider Pockets for Ring Binders</t>
  </si>
  <si>
    <t>Sanford Uni-Blazer View Highlighters, Chisel Tip, Yellow</t>
  </si>
  <si>
    <t>Brian DeCherney</t>
  </si>
  <si>
    <t>Xerox 1913</t>
  </si>
  <si>
    <t>Cardinal Holdit Business Card Pockets</t>
  </si>
  <si>
    <t>Wilson SignalBoost 841262 DB PRO Amplifier Kit</t>
  </si>
  <si>
    <t>Avery Durable Binders</t>
  </si>
  <si>
    <t>Eric Hoffmann</t>
  </si>
  <si>
    <t>Logitech B530 USBÂ HeadsetÂ -Â headsetÂ - Full size, Binaural</t>
  </si>
  <si>
    <t>Maxwell Schwartz</t>
  </si>
  <si>
    <t>Southworth Structures Collection</t>
  </si>
  <si>
    <t>Michael Chen</t>
  </si>
  <si>
    <t>NETGEAR AC1750 Dual Band GigabitÂ Smart WiFi Router</t>
  </si>
  <si>
    <t>Avery 516</t>
  </si>
  <si>
    <t>Dan Campbell</t>
  </si>
  <si>
    <t>Gould Plastics 18-Pocket Panel Bin, 34w x 5-1/4d x 20-1/2h</t>
  </si>
  <si>
    <t>Fellowes Bankers Box Stor/Drawer Steel Plus</t>
  </si>
  <si>
    <t>Dennis Pardue</t>
  </si>
  <si>
    <t>Vinyl Sectional Post Binders</t>
  </si>
  <si>
    <t>Don Miller</t>
  </si>
  <si>
    <t>Advantus Panel Wall Certificate Holder - 8.5x11</t>
  </si>
  <si>
    <t>Wilson Jones Four-Pocket Poly Binders</t>
  </si>
  <si>
    <t>Emily Phan</t>
  </si>
  <si>
    <t>Canon Imageclass D680 Copier / Fax</t>
  </si>
  <si>
    <t>Becky Castell</t>
  </si>
  <si>
    <t>Global Comet Stacking Armless Chair</t>
  </si>
  <si>
    <t>Global High-Back Leather Tilter, Burgundy</t>
  </si>
  <si>
    <t>Howard Miller 11-1/2" Diameter Grantwood Wall Clock</t>
  </si>
  <si>
    <t>Michelle Huthwaite</t>
  </si>
  <si>
    <t>Ed Braxton</t>
  </si>
  <si>
    <t>Brian Moss</t>
  </si>
  <si>
    <t>Xerox 1895</t>
  </si>
  <si>
    <t>Gary Hansen</t>
  </si>
  <si>
    <t>Avery 49</t>
  </si>
  <si>
    <t>Perma STOR-ALL Hanging File Box, 13 1/8"W x 12 1/4"D x 10 1/2"H</t>
  </si>
  <si>
    <t>Darrin Sayre</t>
  </si>
  <si>
    <t>Avery Hidden Tab Dividers for Binding Systems</t>
  </si>
  <si>
    <t>Cisco SPA508G</t>
  </si>
  <si>
    <t>9-3/4 Diameter Round Wall Clock</t>
  </si>
  <si>
    <t>Avery 514</t>
  </si>
  <si>
    <t>Polycom VVX 310 VoIP phone</t>
  </si>
  <si>
    <t>Xerox 200</t>
  </si>
  <si>
    <t>Mark Hamilton</t>
  </si>
  <si>
    <t>Xerox 1881</t>
  </si>
  <si>
    <t>Newell 3-Hole Punched Plastic Slotted Magazine Holders for Binders</t>
  </si>
  <si>
    <t>Jamie Kunitz</t>
  </si>
  <si>
    <t>Cisco SPA112 2 Port Phone Adapter</t>
  </si>
  <si>
    <t>Alyssa Crouse</t>
  </si>
  <si>
    <t>Tuff Stuff Recycled Round Ring Binders</t>
  </si>
  <si>
    <t>Hon 5100 Series Wood Tables</t>
  </si>
  <si>
    <t>GE DSL Phone Line Filter</t>
  </si>
  <si>
    <t>Safco Chair Connectors, 6/Carton</t>
  </si>
  <si>
    <t>Max Engle</t>
  </si>
  <si>
    <t>Verbatim 25 GB 6x Blu-ray Single Layer Recordable Disc, 1/Pack</t>
  </si>
  <si>
    <t>Paul Van Hugh</t>
  </si>
  <si>
    <t>Hon Deluxe Fabric Upholstered Stacking Chairs</t>
  </si>
  <si>
    <t>Fluorescent Highlighters by Dixon</t>
  </si>
  <si>
    <t>Bevis Round Conference Table Top &amp; Single Column Base</t>
  </si>
  <si>
    <t>Arthur Wiediger</t>
  </si>
  <si>
    <t>Acco D-Ring Binder w/DublLock</t>
  </si>
  <si>
    <t>Philip Brown</t>
  </si>
  <si>
    <t>Griffin GC36547 PowerJolt SE Lightning Charger</t>
  </si>
  <si>
    <t>iOttie HLCRIO102 Car Mount</t>
  </si>
  <si>
    <t>Tensor Track Tree Floor Lamp</t>
  </si>
  <si>
    <t>Shirley Schmidt</t>
  </si>
  <si>
    <t>Belkin 7 Outlet SurgeMaster II</t>
  </si>
  <si>
    <t>Barbara Fisher</t>
  </si>
  <si>
    <t>Newell 315</t>
  </si>
  <si>
    <t>Maxell 4.7GB DVD-R 5/Pack</t>
  </si>
  <si>
    <t>Advantus Push Pins</t>
  </si>
  <si>
    <t>Adrian Hane</t>
  </si>
  <si>
    <t>Office Star - Ergonomically Designed Knee Chair</t>
  </si>
  <si>
    <t>Jack Lebron</t>
  </si>
  <si>
    <t>Cardinal Slant-D Ring Binder, Heavy Gauge Vinyl</t>
  </si>
  <si>
    <t>Christine Abelman</t>
  </si>
  <si>
    <t>Barricks 18" x 48" Non-Folding Utility Table with Bottom Storage Shelf</t>
  </si>
  <si>
    <t>Avery 3 1/2" Diskette Storage Pages, 10/Pack</t>
  </si>
  <si>
    <t>Acco Hanging Data Binders</t>
  </si>
  <si>
    <t>Eugene Moren</t>
  </si>
  <si>
    <t>Acco Pressboard Covers with Storage Hooks, 14 7/8" x 11", Dark Blue</t>
  </si>
  <si>
    <t>Katherine Murray</t>
  </si>
  <si>
    <t>Letter Size Cart</t>
  </si>
  <si>
    <t>Westinghouse Clip-On Gooseneck Lamps</t>
  </si>
  <si>
    <t>HON 5400 Series Task Chairs for Big and Tall</t>
  </si>
  <si>
    <t>Scot Wooten</t>
  </si>
  <si>
    <t>Charles Crestani</t>
  </si>
  <si>
    <t>Xerox 189</t>
  </si>
  <si>
    <t>Wilson Jones Custom Binder Spines &amp; Labels</t>
  </si>
  <si>
    <t>Xerox 1897</t>
  </si>
  <si>
    <t>Nu-Dell Leatherette Frames</t>
  </si>
  <si>
    <t>Roger Demir</t>
  </si>
  <si>
    <t>Clear Mylar Reinforcing Strips</t>
  </si>
  <si>
    <t>Wirebound Message Books, Two 4 1/4" x 5" Forms per Page</t>
  </si>
  <si>
    <t>Maxell 74 Minute CD-R Spindle, 50/Pack</t>
  </si>
  <si>
    <t>Xerox 1965</t>
  </si>
  <si>
    <t>Newell 348</t>
  </si>
  <si>
    <t>Michelle Ellison</t>
  </si>
  <si>
    <t>Newell 334</t>
  </si>
  <si>
    <t>Global Troy Executive Leather Low-Back Tilter</t>
  </si>
  <si>
    <t>Harry Marie</t>
  </si>
  <si>
    <t>Inter-Office Recycled Envelopes, Brown Kraft, Button-String,10" x 13" , 100/Box</t>
  </si>
  <si>
    <t>Hon Every-Day Series Multi-Task Chairs</t>
  </si>
  <si>
    <t>Acco Economy Flexible Poly Round Ring Binder</t>
  </si>
  <si>
    <t>Nebraska</t>
  </si>
  <si>
    <t>Erin Mull</t>
  </si>
  <si>
    <t>Premium Writing Pencils, Soft, #2 by Central Association for the Blind</t>
  </si>
  <si>
    <t>Logitech G602 Wireless Gaming Mouse</t>
  </si>
  <si>
    <t>Newell 32</t>
  </si>
  <si>
    <t>Eldon Mobile Mega Data Cart  Mega Stackable  Add-On Trays</t>
  </si>
  <si>
    <t>Safco Drafting Table</t>
  </si>
  <si>
    <t>Alejandro Ballentine</t>
  </si>
  <si>
    <t>John Lucas</t>
  </si>
  <si>
    <t>Arthur Gainer</t>
  </si>
  <si>
    <t>Newell 324</t>
  </si>
  <si>
    <t>Microsoft Natural Keyboard Elite</t>
  </si>
  <si>
    <t>Case Logic 2.4GHz Wireless Keyboard</t>
  </si>
  <si>
    <t>Nick Crebassa</t>
  </si>
  <si>
    <t>Acme Softgrip Scissors</t>
  </si>
  <si>
    <t>ImationÂ 8gb Micro Traveldrive Usb 2.0Â Flash Drive</t>
  </si>
  <si>
    <t>Ken Lonsdale</t>
  </si>
  <si>
    <t>Fellowes Personal Hanging Folder Files, Navy</t>
  </si>
  <si>
    <t>High Speed Automatic Electric Letter Opener</t>
  </si>
  <si>
    <t>Staple-based wall hangings</t>
  </si>
  <si>
    <t>Carl Ludwig</t>
  </si>
  <si>
    <t>Belkin 19" Vented Equipment Shelf, Black</t>
  </si>
  <si>
    <t>Apple iPhone 5S</t>
  </si>
  <si>
    <t>Hon 2090 Â“Pillow SoftÂ” Series Mid Back Swivel/Tilt Chairs</t>
  </si>
  <si>
    <t>Tensor Computer Mounted Lamp</t>
  </si>
  <si>
    <t>Logitech Illuminated Ultrathin Keyboard with Backlighting</t>
  </si>
  <si>
    <t>Memorex Micro Travel Drive 16 GB</t>
  </si>
  <si>
    <t>Sheri Gordon</t>
  </si>
  <si>
    <t>Metal Folding Chairs, Beige, 4/Carton</t>
  </si>
  <si>
    <t>Avery 485</t>
  </si>
  <si>
    <t>DAX Cubicle Frames, 8-1/2 x 11</t>
  </si>
  <si>
    <t>Luke Foster</t>
  </si>
  <si>
    <t>DAX Clear Channel Poster Frame</t>
  </si>
  <si>
    <t>GBC Premium Transparent Covers with Diagonal Lined Pattern</t>
  </si>
  <si>
    <t>GBC Instant Index System for Binding Systems</t>
  </si>
  <si>
    <t>Acco 6 Outlet Guardian Standard Surge Suppressor</t>
  </si>
  <si>
    <t>WD My Passport Ultra 2TB Portable External Hard Drive</t>
  </si>
  <si>
    <t>Aaron Smayling</t>
  </si>
  <si>
    <t>Xerox 1956</t>
  </si>
  <si>
    <t>Barry Blumstein</t>
  </si>
  <si>
    <t>OIC Colored Binder Clips, Assorted Sizes</t>
  </si>
  <si>
    <t>DataProducts Ampli Magnifier Task Lamp, Black,</t>
  </si>
  <si>
    <t>Tom Stivers</t>
  </si>
  <si>
    <t>Rush Hierlooms Collection 1" Thick Stackable Bookcases</t>
  </si>
  <si>
    <t>Self-Adhesive Address Labels for Typewriters by Universal</t>
  </si>
  <si>
    <t>Xerox 1916</t>
  </si>
  <si>
    <t>Ivan Liston</t>
  </si>
  <si>
    <t>Wilson Jones data.warehouse D-Ring Binders with DublLock</t>
  </si>
  <si>
    <t>Ann Steele</t>
  </si>
  <si>
    <t>Acco Clips to Go Binder Clips, 24 Clips in Two Sizes</t>
  </si>
  <si>
    <t>Nick Zandusky</t>
  </si>
  <si>
    <t>Memorex Micro Travel Drive 4 GB</t>
  </si>
  <si>
    <t>Smead Adjustable Mobile File Trolley with Lockable Top</t>
  </si>
  <si>
    <t>BoxOffice By Design Rectangular and Half-Moon Meeting Room Tables</t>
  </si>
  <si>
    <t>Bravo II Megaboss 12-Amp Hard Body Upright, Replacement Belts, 2 Belts per Pack</t>
  </si>
  <si>
    <t>Berenike Kampe</t>
  </si>
  <si>
    <t>Xerox 1884</t>
  </si>
  <si>
    <t>Acme Box Cutter Scissors</t>
  </si>
  <si>
    <t>White Computer Printout Paper by Universal</t>
  </si>
  <si>
    <t>Valerie Dominguez</t>
  </si>
  <si>
    <t>Hoover WindTunnel Plus Canister Vacuum</t>
  </si>
  <si>
    <t>Xerox 1934</t>
  </si>
  <si>
    <t>Newell 329</t>
  </si>
  <si>
    <t>Panasonic KX T7731-B Digital phone</t>
  </si>
  <si>
    <t>Safco Wire Cube Shelving System, For Use as 4 or 5 14" Cubes, Black</t>
  </si>
  <si>
    <t>Maine</t>
  </si>
  <si>
    <t>Eureka The Boss Cordless Rechargeable Stick Vac</t>
  </si>
  <si>
    <t>Maxell 4.7GB DVD-R</t>
  </si>
  <si>
    <t>Chad Sievert</t>
  </si>
  <si>
    <t>Adams Phone Message Book, Professional, 400 Message Capacity, 5 3/6Â” x 11Â”</t>
  </si>
  <si>
    <t>Global Value Steno Chair, Gray</t>
  </si>
  <si>
    <t>Sonia Sunley</t>
  </si>
  <si>
    <t>Logitech Desktop MK120 Mouse and keyboard Combo</t>
  </si>
  <si>
    <t>Boston KS Multi-Size Manual Pencil Sharpener</t>
  </si>
  <si>
    <t>Ricardo Sperren</t>
  </si>
  <si>
    <t>Binney &amp; Smith inkTank Erasable Pocket Highlighter, Chisel Tip, Yellow</t>
  </si>
  <si>
    <t>Hon GuestStacker Chair</t>
  </si>
  <si>
    <t>Plantronics CS 50-USB -Â headsetÂ - Convertible, Monaural</t>
  </si>
  <si>
    <t>Gary Zandusky</t>
  </si>
  <si>
    <t>SAFCO PlanMaster Heigh-Adjustable Drafting Table Base, 43w x 30d x 30-37h, Black</t>
  </si>
  <si>
    <t>Roland Fjeld</t>
  </si>
  <si>
    <t>Trudy Brown</t>
  </si>
  <si>
    <t>Logitech G700s Rechargeable Gaming Mouse</t>
  </si>
  <si>
    <t>Lena Radford</t>
  </si>
  <si>
    <t>Fellowes Superior 10 Outlet Split Surge Protector</t>
  </si>
  <si>
    <t>Sharp AL-1530CS Digital Copier</t>
  </si>
  <si>
    <t>AT&amp;T 1070 Corded Phone</t>
  </si>
  <si>
    <t>Dana Halogen Swing-Arm Architect Lamp</t>
  </si>
  <si>
    <t>Maria Bertelson</t>
  </si>
  <si>
    <t>Eldon Delta Triangular Chair Mat, 52" x 58", Clear</t>
  </si>
  <si>
    <t>SanDisk Ultra 64 GB MicroSDHC Class 10 Memory Card</t>
  </si>
  <si>
    <t>Advantus Rolling Drawer Organizers</t>
  </si>
  <si>
    <t>Matt Abelman</t>
  </si>
  <si>
    <t>Sharp 1540cs Digital Laser Copier</t>
  </si>
  <si>
    <t>Acco Smartsocket Table Surge Protector, 6 Color-Coded Adapter Outlets</t>
  </si>
  <si>
    <t>Globe Weis Peel &amp; Seel First Class Envelopes</t>
  </si>
  <si>
    <t>Nu-Dell Float Frame 11 x 14 1/2</t>
  </si>
  <si>
    <t>Vivek Gonzalez</t>
  </si>
  <si>
    <t>O'Sullivan 2-Shelf Heavy-Duty Bookcases</t>
  </si>
  <si>
    <t>Andy Gerbode</t>
  </si>
  <si>
    <t>Xerox 21</t>
  </si>
  <si>
    <t>Emily Ducich</t>
  </si>
  <si>
    <t>Avery 494</t>
  </si>
  <si>
    <t>Matthew Grinstein</t>
  </si>
  <si>
    <t>Cisco Unified IP Phone 7945G VoIP phone</t>
  </si>
  <si>
    <t>Jawbone MINI JAMBOX Wireless Bluetooth Speaker</t>
  </si>
  <si>
    <t>Joseph Holt</t>
  </si>
  <si>
    <t>Ibico Ibimaster 300 Manual Binding System</t>
  </si>
  <si>
    <t>Gene McClure</t>
  </si>
  <si>
    <t>Great White Multi-Use Recycled Paper (20Lb. and 84 Bright)</t>
  </si>
  <si>
    <t>Super Bands, 12/Pack</t>
  </si>
  <si>
    <t>Eldon Image Series Desk Accessories, Ebony</t>
  </si>
  <si>
    <t>Sanford 52201 APSCO Electric Pencil Sharpener</t>
  </si>
  <si>
    <t>Vinyl Coated Wire Paper Clips in Organizer Box, 800/Box</t>
  </si>
  <si>
    <t>Tennsco Single-Tier Lockers</t>
  </si>
  <si>
    <t>Charles Sheldon</t>
  </si>
  <si>
    <t>Performers Binder/Pad Holder, Black</t>
  </si>
  <si>
    <t>Ben Wallace</t>
  </si>
  <si>
    <t>BlackBerry Q10</t>
  </si>
  <si>
    <t>Duane Huffman</t>
  </si>
  <si>
    <t>Xerox 229</t>
  </si>
  <si>
    <t>Bulldog Vacuum Base Pencil Sharpener</t>
  </si>
  <si>
    <t>Acco Smartsocket Color-Coded Six-Outlet AC Adapter Model Surge Protectors</t>
  </si>
  <si>
    <t>Acco Side-Punched Conventional Columnar Pads</t>
  </si>
  <si>
    <t>Acco Translucent Poly Ring Binders</t>
  </si>
  <si>
    <t>Keith Herrera</t>
  </si>
  <si>
    <t>Christine Sundaresam</t>
  </si>
  <si>
    <t>Premium Transparent Presentation Covers by GBC</t>
  </si>
  <si>
    <t>Xerox 1955</t>
  </si>
  <si>
    <t>Tripp Lite TLP810NET Broadband Surge for Modem/Fax</t>
  </si>
  <si>
    <t>Xerox 1925</t>
  </si>
  <si>
    <t>Avery Heavy-Duty EZD  Binder With Locking Rings</t>
  </si>
  <si>
    <t>Novimex Fabric Task Chair</t>
  </si>
  <si>
    <t>Troy Staebel</t>
  </si>
  <si>
    <t>Xerox 203</t>
  </si>
  <si>
    <t>Don Jones</t>
  </si>
  <si>
    <t>Xerox 1929</t>
  </si>
  <si>
    <t>Colored Push Pins</t>
  </si>
  <si>
    <t>LogitechÂ Gaming G510s - Keyboard</t>
  </si>
  <si>
    <t>Turquoise Lead Holder with Pocket Clip</t>
  </si>
  <si>
    <t>GBC DocuBind P50 Personal Binding Machine</t>
  </si>
  <si>
    <t>Acme Kleencut Forged Steel Scissors</t>
  </si>
  <si>
    <t>Lena Hernandez</t>
  </si>
  <si>
    <t>Satellite Sectional Post Binders</t>
  </si>
  <si>
    <t>Craig Reiter</t>
  </si>
  <si>
    <t>Riverleaf Stik-Withit Designer Note Cubes</t>
  </si>
  <si>
    <t>GBC DocuBind TL300 Electric Binding System</t>
  </si>
  <si>
    <t>Deanra Eno</t>
  </si>
  <si>
    <t>Faber Castell Col-Erase Pencils</t>
  </si>
  <si>
    <t>Jeremy Pistek</t>
  </si>
  <si>
    <t>Acme Serrated Blade Letter Opener</t>
  </si>
  <si>
    <t>Xerox 1899</t>
  </si>
  <si>
    <t>Rick Hansen</t>
  </si>
  <si>
    <t>Xerox 1994</t>
  </si>
  <si>
    <t>Personal Creations Ink Jet Cards and Labels</t>
  </si>
  <si>
    <t>Robert Barroso</t>
  </si>
  <si>
    <t>Arthur Prichep</t>
  </si>
  <si>
    <t>Xerox 1976</t>
  </si>
  <si>
    <t>Acme Titanium Bonded Scissors</t>
  </si>
  <si>
    <t>Regeneration Desk Collection</t>
  </si>
  <si>
    <t>Cisco SPA525G2 IP Phone - Wireless</t>
  </si>
  <si>
    <t>Xerox 1931</t>
  </si>
  <si>
    <t>Xerox 1988</t>
  </si>
  <si>
    <t>Xerox 1993</t>
  </si>
  <si>
    <t>SlimView Poly Binder, 3/8"</t>
  </si>
  <si>
    <t>Jennifer Patt</t>
  </si>
  <si>
    <t>G.E. Longer-Life Indoor Recessed Floodlight Bulbs</t>
  </si>
  <si>
    <t>Dorothy Wardle</t>
  </si>
  <si>
    <t>Ryan Crowe</t>
  </si>
  <si>
    <t>Redi-Strip #10 Envelopes, 4 1/8 x 9 1/2</t>
  </si>
  <si>
    <t>Xerox 1921</t>
  </si>
  <si>
    <t>Janet Molinari</t>
  </si>
  <si>
    <t>Eldon 200 Class Desk Accessories, Smoke</t>
  </si>
  <si>
    <t>SanDisk Cruzer 32 GB USB Flash Drive</t>
  </si>
  <si>
    <t>Xerox 23</t>
  </si>
  <si>
    <t>Portable Personal File Box</t>
  </si>
  <si>
    <t>Mitch Webber</t>
  </si>
  <si>
    <t>Joe Elijah</t>
  </si>
  <si>
    <t>Wilson Jones Elliptical Ring 3 1/2" Capacity Binders, 800 sheets</t>
  </si>
  <si>
    <t>Square Ring Data Binders, Rigid 75 Pt. Covers, 11" x 14-7/8"</t>
  </si>
  <si>
    <t>Insertable Tab Indexes For Data Binders</t>
  </si>
  <si>
    <t>Frank Merwin</t>
  </si>
  <si>
    <t>Karl Braun</t>
  </si>
  <si>
    <t>Xerox 1978</t>
  </si>
  <si>
    <t>Avoid Verbal Orders Carbonless Minifold Book</t>
  </si>
  <si>
    <t>Paul Prost</t>
  </si>
  <si>
    <t>Newell 340</t>
  </si>
  <si>
    <t>Zuschuss Donatelli</t>
  </si>
  <si>
    <t>Cisco SPA 501G IP Phone</t>
  </si>
  <si>
    <t>Wilson Jones Hanging View Binder, White, 1"</t>
  </si>
  <si>
    <t>Corey Catlett</t>
  </si>
  <si>
    <t>GE 30522EE2</t>
  </si>
  <si>
    <t>Master Caster Door Stop, Large Neon Orange</t>
  </si>
  <si>
    <t>Bretford CR8500 Series Meeting Room Furniture</t>
  </si>
  <si>
    <t>Hilary Holden</t>
  </si>
  <si>
    <t>Xerox 1940</t>
  </si>
  <si>
    <t>Xerox 1986</t>
  </si>
  <si>
    <t>Ryan Akin</t>
  </si>
  <si>
    <t>Jiffy Padded Mailers with Self-Seal Closure</t>
  </si>
  <si>
    <t>Balt Solid Wood Rectangular Table</t>
  </si>
  <si>
    <t>Annie Thurman</t>
  </si>
  <si>
    <t>Wilson Jones Standard D-Ring Binders</t>
  </si>
  <si>
    <t>Shirley Jackson</t>
  </si>
  <si>
    <t>KeyTronicÂ KT400U2 -Â KeyboardÂ - Black</t>
  </si>
  <si>
    <t>Larry Tron</t>
  </si>
  <si>
    <t>BOSTON Model 1800 Electric Pencil Sharpeners, Putty/Woodgrain</t>
  </si>
  <si>
    <t>Prestige Round Ring Binders</t>
  </si>
  <si>
    <t>Xerox 216</t>
  </si>
  <si>
    <t>Wilson Jones Hanging Recycled Pressboard Data Binders</t>
  </si>
  <si>
    <t>Tenex Carpeted, Granite-Look or Clear Contemporary Contour Shape Chair Mats</t>
  </si>
  <si>
    <t>SANFORD Major Accent Highlighters</t>
  </si>
  <si>
    <t>Katherine Ducich</t>
  </si>
  <si>
    <t>Epson TM-T88V Direct Thermal Printer - Monochrome - Desktop</t>
  </si>
  <si>
    <t>Mathew Reese</t>
  </si>
  <si>
    <t>GBC VeloBinder Strips</t>
  </si>
  <si>
    <t>Nora Preis</t>
  </si>
  <si>
    <t>Patrick Ryan</t>
  </si>
  <si>
    <t>Telescoping Adjustable Floor Lamp</t>
  </si>
  <si>
    <t>Victoria Pisteka</t>
  </si>
  <si>
    <t>invisibleSHIELD by ZAGG Smudge-Free Screen Protector</t>
  </si>
  <si>
    <t>DAX Natural Wood-Tone Poster Frame</t>
  </si>
  <si>
    <t>StarTech.com 10/100 VDSL2 Ethernet Extender Kit</t>
  </si>
  <si>
    <t>GBC Laser Imprintable Binding System Covers, Desert Sand</t>
  </si>
  <si>
    <t>Xerox 2000</t>
  </si>
  <si>
    <t>3M Polarizing Task Lamp with Clamp Arm, Light Gray</t>
  </si>
  <si>
    <t>Dennis Kane</t>
  </si>
  <si>
    <t>AT&amp;T EL51110 DECT</t>
  </si>
  <si>
    <t>Sam Zeldin</t>
  </si>
  <si>
    <t>Panasonic KX TS3282B Corded phone</t>
  </si>
  <si>
    <t>Angle-D Binders with Locking Rings, Label Holders</t>
  </si>
  <si>
    <t>Riverside Furniture Oval Coffee Table, Oval End Table, End Table with Drawer</t>
  </si>
  <si>
    <t>Belkin Standard 104 key USB Keyboard</t>
  </si>
  <si>
    <t>Avery Recycled Flexi-View Covers for Binding Systems</t>
  </si>
  <si>
    <t>Akro-Mils 12-Gallon Tote</t>
  </si>
  <si>
    <t>Lisa Ryan</t>
  </si>
  <si>
    <t>Acme Design Line 8" Stainless Steel Bent Scissors w/Champagne Handles, 3-1/8" Cut</t>
  </si>
  <si>
    <t>Avery Legal 4-Ring Binder</t>
  </si>
  <si>
    <t>Acco Hot Clips Clips to Go</t>
  </si>
  <si>
    <t>Becky Martin</t>
  </si>
  <si>
    <t>BIC Brite Liner Highlighters</t>
  </si>
  <si>
    <t>Lexmark MX611dhe Monochrome Laser Printer</t>
  </si>
  <si>
    <t>SAFCO Arco Folding Chair</t>
  </si>
  <si>
    <t>Kensington 7 Outlet MasterPiece Power Center</t>
  </si>
  <si>
    <t>JBL Micro Wireless Portable Bluetooth Speaker</t>
  </si>
  <si>
    <t>Logitech Wireless Touch Keyboard K400</t>
  </si>
  <si>
    <t>Lisa Hazard</t>
  </si>
  <si>
    <t>Karen Carlisle</t>
  </si>
  <si>
    <t>Memorex Froggy Flash Drive 4 GB</t>
  </si>
  <si>
    <t>Holmes Replacement Filter for HEPA Air Cleaner, Medium Room</t>
  </si>
  <si>
    <t>Pizazz Global Quick File</t>
  </si>
  <si>
    <t>Ideal Clamps</t>
  </si>
  <si>
    <t>Advantus Plastic Paper Clips</t>
  </si>
  <si>
    <t>Epson WorkForce WF-2530 All-in-One Printer, Copier Scanner</t>
  </si>
  <si>
    <t>Stefania Perrino</t>
  </si>
  <si>
    <t>Black &amp; Decker Filter for Double Action Dustbuster Cordless Vac BLDV7210</t>
  </si>
  <si>
    <t>Marc Crier</t>
  </si>
  <si>
    <t>Prang Colored Pencils</t>
  </si>
  <si>
    <t>Hunt PowerHouse Electric Pencil Sharpener, Blue</t>
  </si>
  <si>
    <t>Kean Takahito</t>
  </si>
  <si>
    <t>Snap-A-Way Black Print Carbonless Ruled Speed Letter, Triplicate</t>
  </si>
  <si>
    <t>Global Super Steno Chair</t>
  </si>
  <si>
    <t>Acco PRESSTEX Data Binder with Storage Hooks, Light Blue, 9 1/2" X 11"</t>
  </si>
  <si>
    <t>Maribeth Schnelling</t>
  </si>
  <si>
    <t>Alphabetical Labels for Top Tab Filing</t>
  </si>
  <si>
    <t>Rick Reed</t>
  </si>
  <si>
    <t>Global Italian Leather Office Chair</t>
  </si>
  <si>
    <t>Advantus Motivational Note Cards</t>
  </si>
  <si>
    <t>Logan Currie</t>
  </si>
  <si>
    <t>Xerox 210</t>
  </si>
  <si>
    <t>Rosewill 107 Normal Keys USB Wired Standard Keyboard</t>
  </si>
  <si>
    <t>Polycom SoundPoint IP 450 VoIP phone</t>
  </si>
  <si>
    <t>Daniel Lacy</t>
  </si>
  <si>
    <t>3D Systems Cube Printer, 2nd Generation, White</t>
  </si>
  <si>
    <t>Nu-Dell Executive Frame</t>
  </si>
  <si>
    <t>Newell 320</t>
  </si>
  <si>
    <t>Chris Cortes</t>
  </si>
  <si>
    <t>Peel &amp; Seel Envelopes</t>
  </si>
  <si>
    <t>Sandra Flanagan</t>
  </si>
  <si>
    <t>Kensington 6 Outlet Guardian Standard Surge Protector</t>
  </si>
  <si>
    <t>Liz Willingham</t>
  </si>
  <si>
    <t>Deflect-o DuraMat Lighweight, Studded, Beveled Mat for Low Pile Carpeting</t>
  </si>
  <si>
    <t>Brad Norvell</t>
  </si>
  <si>
    <t>Fellowes 8 Outlet Superior Workstation Surge Protector</t>
  </si>
  <si>
    <t>Pete Takahito</t>
  </si>
  <si>
    <t>Wilson Jones Impact Binders</t>
  </si>
  <si>
    <t>Premier Elliptical Ring Binder, Black</t>
  </si>
  <si>
    <t>Tom Ashbrook</t>
  </si>
  <si>
    <t>Kansas</t>
  </si>
  <si>
    <t>SanDisk Cruzer 16 GB USB Flash Drive</t>
  </si>
  <si>
    <t>Seth Thomas 8 1/2" Cubicle Clock</t>
  </si>
  <si>
    <t>Luke Weiss</t>
  </si>
  <si>
    <t>Erin Ashbrook</t>
  </si>
  <si>
    <t>Jessica Myrick</t>
  </si>
  <si>
    <t>Odella Nelson</t>
  </si>
  <si>
    <t>Eldon File Chest Portable File</t>
  </si>
  <si>
    <t>Acco Suede Grain Vinyl Round Ring Binder</t>
  </si>
  <si>
    <t>Acme Value Line Scissors</t>
  </si>
  <si>
    <t>WD My Passport Ultra 500GB Portable External Hard Drive</t>
  </si>
  <si>
    <t>Xerox 1942</t>
  </si>
  <si>
    <t>Jennifer Braxton</t>
  </si>
  <si>
    <t>Kensington 7 Outlet MasterPiece HOMEOFFICE Power Control Center</t>
  </si>
  <si>
    <t>Avery 51</t>
  </si>
  <si>
    <t>Astrea Jones</t>
  </si>
  <si>
    <t>Colored Envelopes</t>
  </si>
  <si>
    <t>Sanitaire Vibra Groomer IR Commercial Upright Vacuum, Replacement Belts</t>
  </si>
  <si>
    <t>John Castell</t>
  </si>
  <si>
    <t>Avery Poly Binder Pockets</t>
  </si>
  <si>
    <t>Darrin Martin</t>
  </si>
  <si>
    <t>Ativa V4110MDD Micro-Cut Shredder</t>
  </si>
  <si>
    <t>Spigen Samsung Galaxy S5 Case Wallet</t>
  </si>
  <si>
    <t>Vtech CS6719</t>
  </si>
  <si>
    <t>Revere Boxed Rubber Bands by Revere</t>
  </si>
  <si>
    <t>Xerox 1900</t>
  </si>
  <si>
    <t>Trimflex Flexible Post Binders</t>
  </si>
  <si>
    <t>Monica Federle</t>
  </si>
  <si>
    <t>Seth Thomas 16" Steel Case Clock</t>
  </si>
  <si>
    <t>Anthony Garverick</t>
  </si>
  <si>
    <t>Acco Pressboard Covers with Storage Hooks, 14 7/8" x 11", Light Blue</t>
  </si>
  <si>
    <t>Logitech Trackman Marble Mouse</t>
  </si>
  <si>
    <t>Xerox 1924</t>
  </si>
  <si>
    <t>Eldon Gobal File Keepers</t>
  </si>
  <si>
    <t>Eldon ProFile File 'N Store Portable File Tub Letter/Legal Size Black</t>
  </si>
  <si>
    <t>Executive Impressions 12" Wall Clock</t>
  </si>
  <si>
    <t>Tyvek Interoffice Envelopes, 9 1/2" x 12 1/2", 100/Box</t>
  </si>
  <si>
    <t>Joseph Airdo</t>
  </si>
  <si>
    <t>Newell 313</t>
  </si>
  <si>
    <t>Boston 16701 Slimline Battery Pencil Sharpener</t>
  </si>
  <si>
    <t>Plantronics Single Ear Headset</t>
  </si>
  <si>
    <t>Xerox 1960</t>
  </si>
  <si>
    <t>Verbatim 25 GB 6x Blu-ray Single Layer Recordable Disc, 3/Pack</t>
  </si>
  <si>
    <t>Xerox WorkCentre 6505DN Laser Multifunction Printer</t>
  </si>
  <si>
    <t>Frank Atkinson</t>
  </si>
  <si>
    <t>Project Tote Personal File</t>
  </si>
  <si>
    <t>HP Designjet T520 Inkjet Large Format Printer - 24" Color</t>
  </si>
  <si>
    <t>Mike Caudle</t>
  </si>
  <si>
    <t>Decoflex Hanging Personal Folder File, Blue</t>
  </si>
  <si>
    <t>Jim Kriz</t>
  </si>
  <si>
    <t>Hon 2111 Invitation Series Straight Table</t>
  </si>
  <si>
    <t>Philip Fox</t>
  </si>
  <si>
    <t>Erica Smith</t>
  </si>
  <si>
    <t>Avery 499</t>
  </si>
  <si>
    <t>Wirebound Message Book, 4 per Page</t>
  </si>
  <si>
    <t>Michelle Arnett</t>
  </si>
  <si>
    <t>Duane Noonan</t>
  </si>
  <si>
    <t>C-Line Cubicle Keepers Polyproplyene Holder w/Velcro Back, 8-1/2x11, 25/Bx</t>
  </si>
  <si>
    <t>Sarah Brown</t>
  </si>
  <si>
    <t>QVS USB Car Charger 2-Port 2.1Amp for iPod/iPhone/iPad/iPad 2/iPad 3</t>
  </si>
  <si>
    <t>Henry Goldwyn</t>
  </si>
  <si>
    <t>DMI Eclipse Executive Suite Bookcases</t>
  </si>
  <si>
    <t>Panasonic KX-TG9541B DECT 6.0 Digital 2-Line Expandable Cordless Phone With Digital Answering System</t>
  </si>
  <si>
    <t>Jack Garza</t>
  </si>
  <si>
    <t>Nortel Meridian M3904 Professional Digital phone</t>
  </si>
  <si>
    <t>Canon PC1080F Personal Copier</t>
  </si>
  <si>
    <t>Fellowes Basic Home/Office Series Surge Protectors</t>
  </si>
  <si>
    <t>#10 White Business Envelopes,4 1/8 x 9 1/2</t>
  </si>
  <si>
    <t>Newell 34</t>
  </si>
  <si>
    <t>Polycom CX300 Desktop Phone USB VoIP phone</t>
  </si>
  <si>
    <t>Wirebound Four 2-3/4 x 5 Forms per Page, 400 Sets per Book</t>
  </si>
  <si>
    <t>While You Were Out Pads, 50 per Pad, 4 x 5 1/4, Green Cycle</t>
  </si>
  <si>
    <t>Dana Swing-Arm Lamps</t>
  </si>
  <si>
    <t>Larry Hughes</t>
  </si>
  <si>
    <t>Sara Luxemburg</t>
  </si>
  <si>
    <t>Boston 16801 Nautilus Battery Pencil Sharpener</t>
  </si>
  <si>
    <t>Vivek Grady</t>
  </si>
  <si>
    <t>File Shuttle II and Handi-File, Black</t>
  </si>
  <si>
    <t>Adam Shillingsburg</t>
  </si>
  <si>
    <t>Computer Room Manger, 14"</t>
  </si>
  <si>
    <t>Avery Hi-Liter GlideStik Fluorescent Highlighter, Yellow Ink</t>
  </si>
  <si>
    <t>Office Star - Mid Back Dual function Ergonomic High Back Chair with 2-Way Adjustable Arms</t>
  </si>
  <si>
    <t>Xerox 217</t>
  </si>
  <si>
    <t>Ibico EPK-21 Electric Binding System</t>
  </si>
  <si>
    <t>GBC Instant Report Kit</t>
  </si>
  <si>
    <t>Thea Hudgings</t>
  </si>
  <si>
    <t>Julie Prescott</t>
  </si>
  <si>
    <t>Avery Binding System Hidden Tab Executive Style Index Sets</t>
  </si>
  <si>
    <t>Thomas Thornton</t>
  </si>
  <si>
    <t>Ibico Covers for Plastic or Wire Binding Elements</t>
  </si>
  <si>
    <t>Julia Dunbar</t>
  </si>
  <si>
    <t>Gould Plastics 9-Pocket Panel Bin, 18-3/8w x 5-1/4d x 20-1/2h, Black</t>
  </si>
  <si>
    <t>Michelle Tran</t>
  </si>
  <si>
    <t>Xerox 1954</t>
  </si>
  <si>
    <t>Avery Self-Adhesive Photo Pockets for Polaroid Photos</t>
  </si>
  <si>
    <t>Barry Franz</t>
  </si>
  <si>
    <t>Leather Task Chair, Black</t>
  </si>
  <si>
    <t>Acco 3-Hole Punch</t>
  </si>
  <si>
    <t>Nicole Brennan</t>
  </si>
  <si>
    <t>Belkin 8 Outlet SurgeMaster II Gold Surge Protector</t>
  </si>
  <si>
    <t>Christopher Schild</t>
  </si>
  <si>
    <t>Dual Level, Single-Width Filing Carts</t>
  </si>
  <si>
    <t>Karen Ferguson</t>
  </si>
  <si>
    <t>Avery Durable Slant Ring Binders, No Labels</t>
  </si>
  <si>
    <t>Acco Six-Outlet Power Strip, 4' Cord Length</t>
  </si>
  <si>
    <t>Hoover Commercial Lightweight Upright Vacuum</t>
  </si>
  <si>
    <t>Maxell CD-R Discs</t>
  </si>
  <si>
    <t>Maxell Pro 80 Minute CD-R, 10/Pack</t>
  </si>
  <si>
    <t>Deflect-o SuperTray Unbreakable Stackable Tray, Letter, Black</t>
  </si>
  <si>
    <t>Thea Hendricks</t>
  </si>
  <si>
    <t>George Zrebassa</t>
  </si>
  <si>
    <t>Keith Dawkins</t>
  </si>
  <si>
    <t>White GlueTop Scratch Pads</t>
  </si>
  <si>
    <t>Deflect-o DuraMat Antistatic Studded Beveled Mat for Medium Pile Carpeting</t>
  </si>
  <si>
    <t>Luxo Professional Combination Clamp-On Lamps</t>
  </si>
  <si>
    <t>Xerox 223</t>
  </si>
  <si>
    <t>Star Micronics TSP800 TSP847IIU Receipt Printer</t>
  </si>
  <si>
    <t>Fellowes Mobile File Cart, Black</t>
  </si>
  <si>
    <t>Suzanne McNair</t>
  </si>
  <si>
    <t>Permanent Self-Adhesive File Folder Labels for Typewriters, 1 1/8 x 3 1/2, White</t>
  </si>
  <si>
    <t>Southworth Parchment Paper &amp; Envelopes</t>
  </si>
  <si>
    <t>Longer-Life Soft White Bulbs</t>
  </si>
  <si>
    <t>Lisa DeCherney</t>
  </si>
  <si>
    <t>Seth Thomas 14" Putty-Colored Wall Clock</t>
  </si>
  <si>
    <t>Avery 48</t>
  </si>
  <si>
    <t>Evan Bailliet</t>
  </si>
  <si>
    <t>GBC Standard Plastic Binding Systems' Combs</t>
  </si>
  <si>
    <t>Fellowes Super Stor/Drawer Files</t>
  </si>
  <si>
    <t>Tops Green Bar Computer Printout Paper</t>
  </si>
  <si>
    <t>Kelly Williams</t>
  </si>
  <si>
    <t>Doug Bickford</t>
  </si>
  <si>
    <t>Dario Medina</t>
  </si>
  <si>
    <t>Eureka Sanitaire  Commercial Upright</t>
  </si>
  <si>
    <t>Sterling Rubber Bands by Alliance</t>
  </si>
  <si>
    <t>Erin Smith</t>
  </si>
  <si>
    <t>Adams Telephone Message Book W/Dividers/Space For Phone Numbers, 5 1/4"X8 1/2", 300/Messages</t>
  </si>
  <si>
    <t>Bose SoundLink Bluetooth Speaker</t>
  </si>
  <si>
    <t>Letter or Legal Size Expandable Poly String Tie Envelopes</t>
  </si>
  <si>
    <t>Stiletto Hand Letter Openers</t>
  </si>
  <si>
    <t>Kingston Digital DataTraveler 16GB USB 2.0</t>
  </si>
  <si>
    <t>Beth Paige</t>
  </si>
  <si>
    <t>Allen Rosenblatt</t>
  </si>
  <si>
    <t>Global Deluxe Stacking Chair, Gray</t>
  </si>
  <si>
    <t>Denny Ordway</t>
  </si>
  <si>
    <t>Convenience Packs of Business Envelopes</t>
  </si>
  <si>
    <t>Logitech G105 Gaming Keyboard</t>
  </si>
  <si>
    <t>Russell D'Ascenzo</t>
  </si>
  <si>
    <t>Smead Alpha-Z Color-Coded Second Alphabetical Labels and Starter Set</t>
  </si>
  <si>
    <t>David Flashing</t>
  </si>
  <si>
    <t>Avery 512</t>
  </si>
  <si>
    <t>Joy Daniels</t>
  </si>
  <si>
    <t>Avery 519</t>
  </si>
  <si>
    <t>Office Star - Contemporary Task Swivel chair with Loop Arms, Charcoal</t>
  </si>
  <si>
    <t>Brian Derr</t>
  </si>
  <si>
    <t>ImationÂ USB 2.0 SwivelÂ Flash DriveÂ USBÂ flash driveÂ - 4 GB - Pink</t>
  </si>
  <si>
    <t>Alice McCarthy</t>
  </si>
  <si>
    <t>Tennsco Lockers, Gray</t>
  </si>
  <si>
    <t>Fellowes Staxonsteel Drawer Files</t>
  </si>
  <si>
    <t>Maxell 74 Minute CDR, 10/Pack</t>
  </si>
  <si>
    <t>Xerox 197</t>
  </si>
  <si>
    <t>Tanja Norvell</t>
  </si>
  <si>
    <t>#10- 4 1/8" x 9 1/2" Security-Tint Envelopes</t>
  </si>
  <si>
    <t>Hewlett-Packard Deskjet F4180 All-in-One Color Ink-jet - Printer / copier / scanner</t>
  </si>
  <si>
    <t>Fred Chung</t>
  </si>
  <si>
    <t>Dixon Ticonderoga Core-Lock Colored Pencils, 48-Color Set</t>
  </si>
  <si>
    <t>Jill Fjeld</t>
  </si>
  <si>
    <t>Fellowes High-Stak Drawer Files</t>
  </si>
  <si>
    <t>DAX Cubicle Frames - 8x10</t>
  </si>
  <si>
    <t>WD My Passport Ultra 1TB Portable External Hard Drive</t>
  </si>
  <si>
    <t>Helen Andreada</t>
  </si>
  <si>
    <t>Iris Project Case</t>
  </si>
  <si>
    <t>Global Enterprise Series Seating High-Back Swivel/Tilt Chairs</t>
  </si>
  <si>
    <t>Eldon Pizzaz Desk Accessories</t>
  </si>
  <si>
    <t>Sortfiler Multipurpose Personal File Organizer, Black</t>
  </si>
  <si>
    <t>Barry Pond</t>
  </si>
  <si>
    <t>Acme Hot Forged Carbon Steel Scissors with Nickel-Plated Handles, 3 7/8" Cut, 8"L</t>
  </si>
  <si>
    <t>Zuschuss Carroll</t>
  </si>
  <si>
    <t>Bevis Round Bullnose 29" High Table Top</t>
  </si>
  <si>
    <t>Sony 16GB Class 10 Micro SDHC R40 Memory Card</t>
  </si>
  <si>
    <t>Flexible Leather- Look Classic Collection Ring Binder</t>
  </si>
  <si>
    <t>Sibella Parks</t>
  </si>
  <si>
    <t>Pastel Pink Envelopes</t>
  </si>
  <si>
    <t>Space Solutions Industrial Galvanized Steel Shelving.</t>
  </si>
  <si>
    <t>Jim Epp</t>
  </si>
  <si>
    <t>Hunter Glantz</t>
  </si>
  <si>
    <t>Hoover Replacement Belts For Soft Guard &amp; Commercial Ltweight Upright Vacs, 2/Pk</t>
  </si>
  <si>
    <t>Hewlett Packard 610 Color Digital Copier / Printer</t>
  </si>
  <si>
    <t>Xerox 1903</t>
  </si>
  <si>
    <t>Toby Carlisle</t>
  </si>
  <si>
    <t>SimpliFile Personal File, Black Granite, 15w x 6-15/16d x 11-1/4h</t>
  </si>
  <si>
    <t>Office Star - Ergonomic Mid Back Chair with 2-Way Adjustable Arms</t>
  </si>
  <si>
    <t>Anna Chung</t>
  </si>
  <si>
    <t>Lynn Smith</t>
  </si>
  <si>
    <t>LogitechÂ Illuminated - Keyboard</t>
  </si>
  <si>
    <t>Tracy Blumstein</t>
  </si>
  <si>
    <t>Alan Schoenberger</t>
  </si>
  <si>
    <t>Avaya IP Phone 1140E VoIP phone</t>
  </si>
  <si>
    <t>Global Wood Trimmed Manager's Task Chair, Khaki</t>
  </si>
  <si>
    <t>White Business Envelopes with Contemporary Seam, Recycled White Business Envelopes</t>
  </si>
  <si>
    <t>Eldon Base for stackable storage shelf, platinum</t>
  </si>
  <si>
    <t>Luke Schmidt</t>
  </si>
  <si>
    <t>Office Star Flex Back Scooter Chair with Aluminum Finish Frame</t>
  </si>
  <si>
    <t>Ivan Gibson</t>
  </si>
  <si>
    <t>Computer Printout Index Tabs</t>
  </si>
  <si>
    <t>Jeremy Farry</t>
  </si>
  <si>
    <t>Spiral Phone Message Books with Labels by Adams</t>
  </si>
  <si>
    <t>Rachel Payne</t>
  </si>
  <si>
    <t>Accohide Poly Flexible Ring Binders</t>
  </si>
  <si>
    <t>Avery Durable Slant Ring Binders With Label Holder</t>
  </si>
  <si>
    <t>Xerox 1917</t>
  </si>
  <si>
    <t>Panasonic KX TS208W Corded phone</t>
  </si>
  <si>
    <t>Eugene Hildebrand</t>
  </si>
  <si>
    <t>Fred Hopkins</t>
  </si>
  <si>
    <t>Lesro Round Back Collection Coffee Table, End Table</t>
  </si>
  <si>
    <t>Lindsay Shagiari</t>
  </si>
  <si>
    <t>24 Capacity Maxi Data Binder Racks, Pearl</t>
  </si>
  <si>
    <t>Wirebound Voice Message Log Book</t>
  </si>
  <si>
    <t>Avery 4027 File Folder Labels for Dot Matrix Printers, 5000 Labels per Box, White</t>
  </si>
  <si>
    <t>Hon Practical Foundations 30 x 60 Training Table, Light Gray/Charcoal</t>
  </si>
  <si>
    <t>Sylvia Foulston</t>
  </si>
  <si>
    <t>Plastic Binding Combs</t>
  </si>
  <si>
    <t>SANFORD Liquid Accent Tank-Style Highlighters</t>
  </si>
  <si>
    <t>Maureen Gastineau</t>
  </si>
  <si>
    <t>Tenex Chairmats For Use with Hard Floors</t>
  </si>
  <si>
    <t>Daniel Byrd</t>
  </si>
  <si>
    <t>Advantus Map Pennant Flags and Round Head Tacks</t>
  </si>
  <si>
    <t>GBC VeloBind Cover Sets</t>
  </si>
  <si>
    <t>Memorex 25GB 6X Branded Blu-Ray Recordable Disc, 15/Pack</t>
  </si>
  <si>
    <t>Angele Hood</t>
  </si>
  <si>
    <t>Tenex Chairmats For Use With Carpeted Floors</t>
  </si>
  <si>
    <t>Ross DeVincentis</t>
  </si>
  <si>
    <t>Todd Sumrall</t>
  </si>
  <si>
    <t>Serrated Blade or Curved Handle Hand Letter Openers</t>
  </si>
  <si>
    <t>Premier Automatic Letter Opener</t>
  </si>
  <si>
    <t>Bill Tyler</t>
  </si>
  <si>
    <t>Digium D40 VoIP phone</t>
  </si>
  <si>
    <t>Noah Childs</t>
  </si>
  <si>
    <t>Maxell 4.7GB DVD+R 5/Pack</t>
  </si>
  <si>
    <t>Greg Guthrie</t>
  </si>
  <si>
    <t>Letter/Legal File Tote with Clear Snap-On Lid, Black Granite</t>
  </si>
  <si>
    <t>Avery Framed View Binder, EZD Ring (Locking), Navy, 1 1/2"</t>
  </si>
  <si>
    <t>Xerox 1952</t>
  </si>
  <si>
    <t>Tennsco Regal Shelving Units</t>
  </si>
  <si>
    <t>MaxellÂ LTO Ultrium - 800 GB</t>
  </si>
  <si>
    <t>Newell 325</t>
  </si>
  <si>
    <t>Anne McFarland</t>
  </si>
  <si>
    <t>Rhode Island</t>
  </si>
  <si>
    <t>Lumber Crayons</t>
  </si>
  <si>
    <t>RSVP Cards &amp; Envelopes, Blank White, 8-1/2" X 11", 24 Cards/25 Envelopes/Set</t>
  </si>
  <si>
    <t>Eldon Expressions Wood Desk Accessories, Oak</t>
  </si>
  <si>
    <t>GBC Recycled VeloBinder Covers</t>
  </si>
  <si>
    <t>Amy Cox</t>
  </si>
  <si>
    <t>Nancy Lomonaco</t>
  </si>
  <si>
    <t>ClearOne CHATAttach 160 -Â speaker phone</t>
  </si>
  <si>
    <t>Plantronics Voyager Pro HD - Bluetooth Headset</t>
  </si>
  <si>
    <t>Ken Heidel</t>
  </si>
  <si>
    <t>Cisco IPÂ PhoneÂ 7961G VoIPÂ phoneÂ - Dark gray</t>
  </si>
  <si>
    <t>Multi-Use Personal File Cart and Caster Set, Three Stacking Bins</t>
  </si>
  <si>
    <t>Paul Lucas</t>
  </si>
  <si>
    <t>Avery 475</t>
  </si>
  <si>
    <t>Master Big Foot Doorstop, Beige</t>
  </si>
  <si>
    <t>Deirdre Greer</t>
  </si>
  <si>
    <t>Howard Miller 13" Diameter Pewter Finish Round Wall Clock</t>
  </si>
  <si>
    <t>Patrick O'Brill</t>
  </si>
  <si>
    <t>Julie Kriz</t>
  </si>
  <si>
    <t>Shahid Hopkins</t>
  </si>
  <si>
    <t>Adjustable Depth Letter/Legal Cart</t>
  </si>
  <si>
    <t>Steven Ward</t>
  </si>
  <si>
    <t>Samsung Rugby III</t>
  </si>
  <si>
    <t>Ampad Evidence Wirebond Steno Books, 6" x 9"</t>
  </si>
  <si>
    <t>Hon Racetrack Conference Tables</t>
  </si>
  <si>
    <t>Tenex Antistatic Computer Chair Mats</t>
  </si>
  <si>
    <t>Denise Monton</t>
  </si>
  <si>
    <t>Belkin F8E887 USB Wired Ergonomic Keyboard</t>
  </si>
  <si>
    <t>Tracy Collins</t>
  </si>
  <si>
    <t>Canon imageCLASS MF7460 Monochrome Digital Laser Multifunction Copier</t>
  </si>
  <si>
    <t>NETGEAR N750 Dual Band Wi-Fi Gigabit Router</t>
  </si>
  <si>
    <t>Trav-L-File Heavy-Duty Shuttle II, Black</t>
  </si>
  <si>
    <t>OIC Bulk Pack Metal Binder Clips</t>
  </si>
  <si>
    <t>MaryBeth Skach</t>
  </si>
  <si>
    <t>William Brown</t>
  </si>
  <si>
    <t>Polycom SoundPoint Pro SE-225 Corded phone</t>
  </si>
  <si>
    <t>Cardinal EasyOpen D-Ring Binders</t>
  </si>
  <si>
    <t>Hewlett-Packard Deskjet D4360 Printer</t>
  </si>
  <si>
    <t>Acco Flexible ACCOHIDE Square Ring Data Binder, Dark Blue, 11 1/2" X 14" 7/8"</t>
  </si>
  <si>
    <t>Tiffany House</t>
  </si>
  <si>
    <t>Newell 343</t>
  </si>
  <si>
    <t>OIC Stacking Trays</t>
  </si>
  <si>
    <t>Maribeth Dona</t>
  </si>
  <si>
    <t>Tennsco Double-Tier Lockers</t>
  </si>
  <si>
    <t>Memorex Micro Travel Drive 32 GB</t>
  </si>
  <si>
    <t>Barry Gonzalez</t>
  </si>
  <si>
    <t>Global Stack Chair with Arms, Black</t>
  </si>
  <si>
    <t>Tamara Chand</t>
  </si>
  <si>
    <t>Avery Triangle Shaped Sheet Lifters, Black, 2/Pack</t>
  </si>
  <si>
    <t>Acme Stainless Steel Office Snips</t>
  </si>
  <si>
    <t>Panasonic KP-150 Electric Pencil Sharpener</t>
  </si>
  <si>
    <t>Toshiba IPT2010-SD IPÂ Telephone</t>
  </si>
  <si>
    <t>Sauder Mission Library with Doors, Fruitwood Finish</t>
  </si>
  <si>
    <t>Recycled Desk Saver Line "While You Were Out" Book, 5 1/2" X 4"</t>
  </si>
  <si>
    <t>Xerox 1912</t>
  </si>
  <si>
    <t>Benjamin Farhat</t>
  </si>
  <si>
    <t>Eldon 200 Class Desk Accessories, Black</t>
  </si>
  <si>
    <t>Luxo Economy Swing Arm Lamp</t>
  </si>
  <si>
    <t>Eldon Expressions Punched Metal &amp; Wood Desk Accessories, Pewter &amp; Cherry</t>
  </si>
  <si>
    <t>Avery White Multi-Purpose Labels</t>
  </si>
  <si>
    <t>Avery Hi-Liter Comfort Grip Fluorescent Highlighter, Yellow Ink</t>
  </si>
  <si>
    <t>Xerox 199</t>
  </si>
  <si>
    <t>Xerox 4200 Series MultiUse Premium Copy Paper (20Lb. and 84 Bright)</t>
  </si>
  <si>
    <t>Acco Perma 3000 Stacking Storage Drawers</t>
  </si>
  <si>
    <t>Pete Kriz</t>
  </si>
  <si>
    <t>Stur-D-Stor Shelving, Vertical 5-Shelf: 72"H x 36"W x 18 1/2"D</t>
  </si>
  <si>
    <t>Tracy Zic</t>
  </si>
  <si>
    <t>Samsung Galaxy S III - 16GB - pebble blue (T-Mobile)</t>
  </si>
  <si>
    <t>Global Airflow Leather Mesh Back Chair, Black</t>
  </si>
  <si>
    <t>Karen Daniels</t>
  </si>
  <si>
    <t>Universal Recycled Hanging Pressboard Report Binders, Letter Size</t>
  </si>
  <si>
    <t>Boston Electric Pencil Sharpener, Model 1818, Charcoal Black</t>
  </si>
  <si>
    <t>Xerox 1893</t>
  </si>
  <si>
    <t>Classic Ivory AntiqueÂ TelephoneÂ ZL1810</t>
  </si>
  <si>
    <t>50 Colored Long Pencils</t>
  </si>
  <si>
    <t>Atlantic Metals Mobile 3-Shelf Bookcases, Custom Colors</t>
  </si>
  <si>
    <t>Xerox 1979</t>
  </si>
  <si>
    <t>Fellowes PB500 Electric Punch Plastic Comb Binding Machine with Manual Bind</t>
  </si>
  <si>
    <t>DAX Wood Document Frame.</t>
  </si>
  <si>
    <t>Wirebound Message Books, Four 2 3/4" x 5" Forms per Page, 600 Sets per Book</t>
  </si>
  <si>
    <t>Xerox 1882</t>
  </si>
  <si>
    <t>Roy FranzÃ¶sisch</t>
  </si>
  <si>
    <t>Personal Filing Tote with Lid, Black/Gray</t>
  </si>
  <si>
    <t>Xerox 1974</t>
  </si>
  <si>
    <t>Bevis Boat-Shaped Conference Table</t>
  </si>
  <si>
    <t>Darren Budd</t>
  </si>
  <si>
    <t>ImationÂ 16GB Mini TravelDrive USB 2.0Â Flash Drive</t>
  </si>
  <si>
    <t>Maris LaWare</t>
  </si>
  <si>
    <t>Jeremy Lonsdale</t>
  </si>
  <si>
    <t>Candace McMahon</t>
  </si>
  <si>
    <t>Xerox 221</t>
  </si>
  <si>
    <t>Robert Marley</t>
  </si>
  <si>
    <t>Adams Write n' Stick Phone Message Book, 11" X 5 1/4", 200 Messages</t>
  </si>
  <si>
    <t>Xerox 192</t>
  </si>
  <si>
    <t>Jamie Frazer</t>
  </si>
  <si>
    <t>Newell 310</t>
  </si>
  <si>
    <t>Peter BÃ¼hler</t>
  </si>
  <si>
    <t>Ames Color-File Green Diamond Border X-ray Mailers</t>
  </si>
  <si>
    <t>Eldon 100 Class Desk Accessories</t>
  </si>
  <si>
    <t>LogitechÂ P710e Mobile Speakerphone</t>
  </si>
  <si>
    <t>Rick Huthwaite</t>
  </si>
  <si>
    <t>Wilson Jones Active Use Binders</t>
  </si>
  <si>
    <t>Adam Hart</t>
  </si>
  <si>
    <t>Permanent Self-Adhesive File Folder Labels for Typewriters by Universal</t>
  </si>
  <si>
    <t>Alan Barnes</t>
  </si>
  <si>
    <t>SAFCO Optional Arm Kit for Workspace Cribbage Stacking Chair</t>
  </si>
  <si>
    <t>Justin Deggeller</t>
  </si>
  <si>
    <t>OtterBox Commuter Series Case - Samsung Galaxy S4</t>
  </si>
  <si>
    <t>Bush Andora Bookcase, Maple/Graphite Gray Finish</t>
  </si>
  <si>
    <t>Yoseph Carroll</t>
  </si>
  <si>
    <t>Eldon Econocleat Chair Mats for Low Pile Carpets</t>
  </si>
  <si>
    <t>APC 7 Outlet Network SurgeArrest Surge Protector</t>
  </si>
  <si>
    <t>Randy Bradley</t>
  </si>
  <si>
    <t>Southworth 100% Cotton The Best Paper</t>
  </si>
  <si>
    <t>Pierre Wener</t>
  </si>
  <si>
    <t>Bevis Rectangular Conference Tables</t>
  </si>
  <si>
    <t>Safco Industrial Wire Shelving</t>
  </si>
  <si>
    <t>Eldon Executive Woodline II Desk Accessories, Mahogany</t>
  </si>
  <si>
    <t>Peel &amp; Stick Add-On Corner Pockets</t>
  </si>
  <si>
    <t>Ann Blume</t>
  </si>
  <si>
    <t>GBC White Gloss Covers, Plain Front</t>
  </si>
  <si>
    <t>Pressboard Hanging Data Binders for Unburst Sheets</t>
  </si>
  <si>
    <t>PNY Rapid USB Car Charger - Black</t>
  </si>
  <si>
    <t>Joe Kamberova</t>
  </si>
  <si>
    <t>BPI Conference Tables</t>
  </si>
  <si>
    <t>Hon 4-Shelf Metal Bookcases</t>
  </si>
  <si>
    <t>Julie Creighton</t>
  </si>
  <si>
    <t>Fellowes Desktop Hanging File Manager</t>
  </si>
  <si>
    <t>Michael Kennedy</t>
  </si>
  <si>
    <t>Howard Miller 13-1/2" Diameter Rosebrook Wall Clock</t>
  </si>
  <si>
    <t>Nokia Lumia 521 (T-Mobile)</t>
  </si>
  <si>
    <t>HP Standard 104 key PS/2 Keyboard</t>
  </si>
  <si>
    <t>John Murray</t>
  </si>
  <si>
    <t>Georgia Rosenberg</t>
  </si>
  <si>
    <t>Dennis Bolton</t>
  </si>
  <si>
    <t>Xerox 1888</t>
  </si>
  <si>
    <t>Alan Dominguez</t>
  </si>
  <si>
    <t>1/4 Fold Party Design Invitations &amp; White Envelopes, 24 8-1/2" X 11" Cards, 25 Env./Pack</t>
  </si>
  <si>
    <t>Peel &amp; Seel Recycled Catalog Envelopes, Brown</t>
  </si>
  <si>
    <t>3M Organizer Strips</t>
  </si>
  <si>
    <t>Dave Hallsten</t>
  </si>
  <si>
    <t>Multicolor Computer Printout Paper</t>
  </si>
  <si>
    <t>Jason Klamczynski</t>
  </si>
  <si>
    <t>Steve Carroll</t>
  </si>
  <si>
    <t>Tops Wirebound Message Log Books</t>
  </si>
  <si>
    <t>Fashion Color Clasp Envelopes</t>
  </si>
  <si>
    <t>Holmes Harmony HEPA Air Purifier for 17 x 20 Room</t>
  </si>
  <si>
    <t>Tony Chapman</t>
  </si>
  <si>
    <t>Susan Pistek</t>
  </si>
  <si>
    <t>Hammermill CopyPlus Copy Paper (20Lb. and 84 Bright)</t>
  </si>
  <si>
    <t>Safco Contoured Stacking Chairs</t>
  </si>
  <si>
    <t>Saphhira Shifley</t>
  </si>
  <si>
    <t>Conquest 14 Commercial Heavy-Duty Upright Vacuum, Collection System, Accessory Kit</t>
  </si>
  <si>
    <t>Phillip Breyer</t>
  </si>
  <si>
    <t>Quality Park Security Envelopes</t>
  </si>
  <si>
    <t>Sally Matthias</t>
  </si>
  <si>
    <t>Office Star Flex Back Scooter Chair with White Frame</t>
  </si>
  <si>
    <t>UniKeep View Case Binders</t>
  </si>
  <si>
    <t>Nathan Gelder</t>
  </si>
  <si>
    <t>Harold Ryan</t>
  </si>
  <si>
    <t>Recycled Data-Pak for Archival Bound Computer Printouts, 12-1/2 x 12-1/2 x 16</t>
  </si>
  <si>
    <t>Memorex Mini Travel Drive 16 GB USB 2.0 Flash Drive</t>
  </si>
  <si>
    <t>Global Leather &amp; Oak Executive Chair, Burgundy</t>
  </si>
  <si>
    <t>Global Executive Mid-Back Manager's Chair</t>
  </si>
  <si>
    <t>Darren Koutras</t>
  </si>
  <si>
    <t>Eldon 200 Class Desk Accessories, Burgundy</t>
  </si>
  <si>
    <t>Samsung Galaxy S4</t>
  </si>
  <si>
    <t>Nat Gilpin</t>
  </si>
  <si>
    <t>Xerox 1885</t>
  </si>
  <si>
    <t>Executive Impressions 14"</t>
  </si>
  <si>
    <t>Alyssa Tate</t>
  </si>
  <si>
    <t>Acco Expandable Hanging Binders</t>
  </si>
  <si>
    <t>Wirebound Message Books, Four 2 3/4 x 5 White Forms per Page</t>
  </si>
  <si>
    <t>Avery 520</t>
  </si>
  <si>
    <t>Bretford CR4500 Series Slim Rectangular Table</t>
  </si>
  <si>
    <t>Avery 52</t>
  </si>
  <si>
    <t>Andy Reiter</t>
  </si>
  <si>
    <t>Sauder Camden County Collection Libraries, Planked Cherry Finish</t>
  </si>
  <si>
    <t>Logitech Mobile Speakerphone P710e -Â speaker phone</t>
  </si>
  <si>
    <t>ClearSounds CSC500 Amplified Spirit Phone Corded phone</t>
  </si>
  <si>
    <t>Avery Address/Shipping Labels for Typewriters, 4" x 2"</t>
  </si>
  <si>
    <t>Xerox 1970</t>
  </si>
  <si>
    <t>Eldon Radial Chair Mat for Low to Medium Pile Carpets</t>
  </si>
  <si>
    <t>Bart Folk</t>
  </si>
  <si>
    <t>Newell 331</t>
  </si>
  <si>
    <t>Mary O'Rourke</t>
  </si>
  <si>
    <t>Eldon Cleatmat Plus Chair Mats for High Pile Carpets</t>
  </si>
  <si>
    <t>Avery 489</t>
  </si>
  <si>
    <t>Sauder Camden County Barrister Bookcase, Planked Cherry Finish</t>
  </si>
  <si>
    <t>Micropad Numeric Keypads</t>
  </si>
  <si>
    <t>Brian Thompson</t>
  </si>
  <si>
    <t>Matthew Clasen</t>
  </si>
  <si>
    <t>Laser &amp; Ink Jet Business Envelopes</t>
  </si>
  <si>
    <t>Bill Stewart</t>
  </si>
  <si>
    <t>Alan Hwang</t>
  </si>
  <si>
    <t>Park Ridge Embossed Executive Business Envelopes</t>
  </si>
  <si>
    <t>Memorex 25GB 6X Branded Blu-Ray Recordable Disc, 30/Pack</t>
  </si>
  <si>
    <t>Office Star - Professional Matrix Back Chair with 2-to-1 Synchro Tilt and Mesh Fabric Seat</t>
  </si>
  <si>
    <t>Toby Ritter</t>
  </si>
  <si>
    <t>Floodlight Indoor Halogen Bulbs, 1 Bulb per Pack, 60 Watts</t>
  </si>
  <si>
    <t>BlueLounge Milo Smartphone Stand, White/Metallic</t>
  </si>
  <si>
    <t>Xerox 214</t>
  </si>
  <si>
    <t>Hon 4070 Series Pagoda Round Back Stacking Chairs</t>
  </si>
  <si>
    <t>Linden 10" Round Wall Clock, Black</t>
  </si>
  <si>
    <t>David Philippe</t>
  </si>
  <si>
    <t>Michael Dominguez</t>
  </si>
  <si>
    <t>12-1/2 Diameter Round Wall Clock</t>
  </si>
  <si>
    <t>Katherine Nockton</t>
  </si>
  <si>
    <t>ImationÂ 32GB Pocket Pro USB 3.0Â Flash DriveÂ - 32 GB - Black - 1 P ...</t>
  </si>
  <si>
    <t>Matt Collins</t>
  </si>
  <si>
    <t>DAX Metal Frame, Desktop, Stepped-Edge</t>
  </si>
  <si>
    <t>Avery 509</t>
  </si>
  <si>
    <t>Elizabeth Moffitt</t>
  </si>
  <si>
    <t>Kingston Digital DataTraveler 8GB USB 2.0</t>
  </si>
  <si>
    <t>Jabra Supreme Plus Driver EditionÂ Headset</t>
  </si>
  <si>
    <t>Cathy Prescott</t>
  </si>
  <si>
    <t>Hunt BOSTON Model 1606 High-Volume Electric Pencil Sharpener, Beige</t>
  </si>
  <si>
    <t>David Kendrick</t>
  </si>
  <si>
    <t>Roy Collins</t>
  </si>
  <si>
    <t>Nona Balk</t>
  </si>
  <si>
    <t>Lunatik TT5L-002 Taktik Strike Impact Protection System for iPhone 5</t>
  </si>
  <si>
    <t>Panasonic KX T7736-B Digital phone</t>
  </si>
  <si>
    <t>Rob Lucas</t>
  </si>
  <si>
    <t>Joni Blumstein</t>
  </si>
  <si>
    <t>File Shuttle I and Handi-File</t>
  </si>
  <si>
    <t>Bionaire 99.97% HEPA Air Cleaner</t>
  </si>
  <si>
    <t>Shocksock Galaxy S4 Armband</t>
  </si>
  <si>
    <t>Rogers Deluxe File Chest</t>
  </si>
  <si>
    <t>Standard Rollaway File with Lock</t>
  </si>
  <si>
    <t>Frank Preis</t>
  </si>
  <si>
    <t>Green Bar Computer Printout Paper</t>
  </si>
  <si>
    <t>Thomas Boland</t>
  </si>
  <si>
    <t>Companion Letter/Legal File, Black</t>
  </si>
  <si>
    <t>Tim Brockman</t>
  </si>
  <si>
    <t>Acco PRESSTEX Data Binder with Storage Hooks, Dark Blue, 9 1/2" X 11"</t>
  </si>
  <si>
    <t>Samsung HM1900 Bluetooth Headset</t>
  </si>
  <si>
    <t>Xerox 1964</t>
  </si>
  <si>
    <t>Denny Joy</t>
  </si>
  <si>
    <t>Xerox 1987</t>
  </si>
  <si>
    <t>Astroparche Fine Business Paper</t>
  </si>
  <si>
    <t>Canon PC940 Copier</t>
  </si>
  <si>
    <t>Poly Designer Cover &amp; Back</t>
  </si>
  <si>
    <t>Sally Hughsby</t>
  </si>
  <si>
    <t>Office Star - Contemporary Swivel Chair with Padded Adjustable Arms and Flex Back</t>
  </si>
  <si>
    <t>Xerox Color Copier Paper, 11" x 17", Ream</t>
  </si>
  <si>
    <t>Hon Non-Folding Utility Tables</t>
  </si>
  <si>
    <t>Eldon Advantage Chair Mats for Low to Medium Pile Carpets</t>
  </si>
  <si>
    <t>Craig Yedwab</t>
  </si>
  <si>
    <t>GBC DocuBind 300 Electric Binding Machine</t>
  </si>
  <si>
    <t>Logan Haushalter</t>
  </si>
  <si>
    <t>Eldon Image Series Desk Accessories, Burgundy</t>
  </si>
  <si>
    <t>Woodgrain Magazine Files by Perma</t>
  </si>
  <si>
    <t>Ralph Arnett</t>
  </si>
  <si>
    <t>Howard Miller 12-3/4 Diameter Accuwave DS  Wall Clock</t>
  </si>
  <si>
    <t>Kimberly Carter</t>
  </si>
  <si>
    <t>Assorted Color Push Pins</t>
  </si>
  <si>
    <t>Sung Shariari</t>
  </si>
  <si>
    <t>Hon Rectangular Conference Tables</t>
  </si>
  <si>
    <t>Plantronics CS510 - Over-the-Head monaural Wireless Headset System</t>
  </si>
  <si>
    <t>Cari Sayre</t>
  </si>
  <si>
    <t>ARKON Windshield Dashboard Air Vent Car Mount Holder</t>
  </si>
  <si>
    <t>Stackable Trays</t>
  </si>
  <si>
    <t>Sung Pak</t>
  </si>
  <si>
    <t>Avery Binder Labels</t>
  </si>
  <si>
    <t>Chad Cunningham</t>
  </si>
  <si>
    <t>Executive Impressions 14" Contract Wall Clock</t>
  </si>
  <si>
    <t>First Data FD10 PIN Pad</t>
  </si>
  <si>
    <t>OIC Binder Clips, Mini, 1/4" Capacity, Black</t>
  </si>
  <si>
    <t>Steve Chapman</t>
  </si>
  <si>
    <t>Stefanie Holloman</t>
  </si>
  <si>
    <t>Sean Christensen</t>
  </si>
  <si>
    <t>Erin Creighton</t>
  </si>
  <si>
    <t>Mike Kennedy</t>
  </si>
  <si>
    <t>Belkin QODE FastFit Bluetooth Keyboard</t>
  </si>
  <si>
    <t>Irene Maddox</t>
  </si>
  <si>
    <t>Canvas Sectional Post Binders</t>
  </si>
  <si>
    <t>High-Back Leather Manager's Chair</t>
  </si>
  <si>
    <t>Advantus T-Pin Paper Clips</t>
  </si>
  <si>
    <t>Wi-Ex zBoost YX540 Cellular Phone Signal Booster</t>
  </si>
  <si>
    <t>Clarity 53712</t>
  </si>
  <si>
    <t>RCA ViSYS 25425RE1 Corded phone</t>
  </si>
  <si>
    <t>Rogers Jumbo File, Granite</t>
  </si>
  <si>
    <t>Penelope Sewall</t>
  </si>
  <si>
    <t>Chromcraft 48" x 96" Racetrack Double Pedestal Table</t>
  </si>
  <si>
    <t>Tony Sayre</t>
  </si>
  <si>
    <t>Hoover Commercial Soft Guard Upright Vacuum And Disposable Filtration Bags</t>
  </si>
  <si>
    <t>Newell 31</t>
  </si>
  <si>
    <t>Logitech G430 Surround Sound Gaming Headset with Dolby 7.1 Technology</t>
  </si>
  <si>
    <t>Adrian Barton</t>
  </si>
  <si>
    <t>Avery 487</t>
  </si>
  <si>
    <t>Global Low Back Tilter Chair</t>
  </si>
  <si>
    <t>Belkin Premiere Surge Master II 8-outlet surge protector</t>
  </si>
  <si>
    <t>Harbour Creations 67200 Series Stacking Chairs</t>
  </si>
  <si>
    <t>Khloe Miller</t>
  </si>
  <si>
    <t>Newell 332</t>
  </si>
  <si>
    <t>Desktop 3-Pocket Hot File</t>
  </si>
  <si>
    <t>Recycled Easel Ring Binders</t>
  </si>
  <si>
    <t>Tamara Willingham</t>
  </si>
  <si>
    <t>Lock-Up Easel 'Spel-Binder'</t>
  </si>
  <si>
    <t>Sarah Foster</t>
  </si>
  <si>
    <t>Belkin F9H710-06 7 Outlet SurgeMaster Surge Protector</t>
  </si>
  <si>
    <t>Hon 61000 Series Interactive Training Tables</t>
  </si>
  <si>
    <t>Craig Carreira</t>
  </si>
  <si>
    <t>Computer Printout Paper with Letter-Trim Perforations</t>
  </si>
  <si>
    <t>Master Giant Foot Doorstop, Safety Yellow</t>
  </si>
  <si>
    <t>Seidio BD2-HK3IPH5-BK DILEX Case and Holster Combo for Apple iPhone 5/5s - Black</t>
  </si>
  <si>
    <t>Avanti 4.4 Cu. Ft. Refrigerator</t>
  </si>
  <si>
    <t>Sony 32GB Class 10 Micro SDHC R40 Memory Card</t>
  </si>
  <si>
    <t>Westinghouse Floor Lamp with Metal Mesh Shade, Black</t>
  </si>
  <si>
    <t>Belkin 7-Outlet SurgeMaster Home Series</t>
  </si>
  <si>
    <t>Global Deluxe Office Fabric Chairs</t>
  </si>
  <si>
    <t>Clytie Kelty</t>
  </si>
  <si>
    <t>Acme Rosewood Handle Letter Opener</t>
  </si>
  <si>
    <t>Maureen Gnade</t>
  </si>
  <si>
    <t>Holmes 99% HEPA Air Purifier</t>
  </si>
  <si>
    <t>Eldon Spacemaker Box, Quick-Snap Lid, Clear</t>
  </si>
  <si>
    <t>Xerox 1927</t>
  </si>
  <si>
    <t>Thomas Brumley</t>
  </si>
  <si>
    <t>Advantus Rolling Storage Box</t>
  </si>
  <si>
    <t>Xerox 1983</t>
  </si>
  <si>
    <t>Enermax Acrylux Wireless Keyboard</t>
  </si>
  <si>
    <t>Eldon "L" Workstation Diamond Chairmat</t>
  </si>
  <si>
    <t>Safco Industrial Shelving</t>
  </si>
  <si>
    <t>Boston School Pro Electric Pencil Sharpener, 1670</t>
  </si>
  <si>
    <t>Hoover Upright Vacuum With Dirt Cup</t>
  </si>
  <si>
    <t>Fellowes Strictly Business Drawer File, Letter/Legal Size</t>
  </si>
  <si>
    <t>Xerox 1906</t>
  </si>
  <si>
    <t>Debra Catini</t>
  </si>
  <si>
    <t>Xerox 1981</t>
  </si>
  <si>
    <t>DYMO CardScan Personal V9 Business Card Scanner</t>
  </si>
  <si>
    <t>Avery Hanging File Binders</t>
  </si>
  <si>
    <t>Avery 477</t>
  </si>
  <si>
    <t>Executive Impressions 10" Spectator Wall Clock</t>
  </si>
  <si>
    <t>Mediabridge Sport Armband iPhone 5s</t>
  </si>
  <si>
    <t>Michael Granlund</t>
  </si>
  <si>
    <t>HTC One</t>
  </si>
  <si>
    <t>Ricardo Emerson</t>
  </si>
  <si>
    <t>Ken Brennan</t>
  </si>
  <si>
    <t>Maureen Fritzler</t>
  </si>
  <si>
    <t>Alex Russell</t>
  </si>
  <si>
    <t>Kensington 6 Outlet SmartSocket Surge Protector</t>
  </si>
  <si>
    <t>Tennsco Industrial Shelving</t>
  </si>
  <si>
    <t>Pamela Coakley</t>
  </si>
  <si>
    <t>Atlantic Metals Mobile 4-Shelf Bookcases, Custom Colors</t>
  </si>
  <si>
    <t>Sabrent 4-Port USB 2.0 Hub</t>
  </si>
  <si>
    <t>ImationÂ SecureÂ DriveÂ + Hardware Encrypted USBÂ flash driveÂ - 16 GB</t>
  </si>
  <si>
    <t>Plantronics Savi W720 Multi-Device Wireless Headset System</t>
  </si>
  <si>
    <t>Global Fabric Manager's Chair, Dark Gray</t>
  </si>
  <si>
    <t>James Lanier</t>
  </si>
  <si>
    <t>Panasonic KX TS3282W Corded phone</t>
  </si>
  <si>
    <t>Verbatim 25 GB 6x Blu-ray Single Layer Recordable Disc, 10/Pack</t>
  </si>
  <si>
    <t>O'Sullivan 2-Door Barrister Bookcase in Odessa Pine</t>
  </si>
  <si>
    <t>Speck Products Candyshell Flip Case</t>
  </si>
  <si>
    <t>Cisco 9971 IP Video Phone Charcoal</t>
  </si>
  <si>
    <t>Claudia Bergmann</t>
  </si>
  <si>
    <t>Xerox 1959</t>
  </si>
  <si>
    <t>Amy Hunt</t>
  </si>
  <si>
    <t>Andrew Gjertsen</t>
  </si>
  <si>
    <t>It's Hot Message Books with Stickers, 2 3/4" x 5"</t>
  </si>
  <si>
    <t>Belkin 5 Outlet SurgeMaster Power Centers</t>
  </si>
  <si>
    <t>Boston 1730 StandUp Electric Pencil Sharpener</t>
  </si>
  <si>
    <t>Speediset Carbonless Redi-Letter 7" x 8 1/2"</t>
  </si>
  <si>
    <t>Yana Sorensen</t>
  </si>
  <si>
    <t>Cindy Schnelling</t>
  </si>
  <si>
    <t>Anker 24W Portable Micro USB Car Charger</t>
  </si>
  <si>
    <t>SanDisk Cruzer 4 GB USB Flash Drive</t>
  </si>
  <si>
    <t>LG Electronics Tone+ HBS-730 Bluetooth Headset</t>
  </si>
  <si>
    <t>Binding Machine Supplies</t>
  </si>
  <si>
    <t>Deflect-o EconoMat Nonstudded, No Bevel Mat</t>
  </si>
  <si>
    <t>Karen Seio</t>
  </si>
  <si>
    <t>Avery 500</t>
  </si>
  <si>
    <t>Cyra Reiten</t>
  </si>
  <si>
    <t>Xerox 1991</t>
  </si>
  <si>
    <t>Nortel Meridian M5316 Digital phone</t>
  </si>
  <si>
    <t>Rediform Voice Mail Log Books</t>
  </si>
  <si>
    <t>Bady BDG101FRU Card Printer</t>
  </si>
  <si>
    <t>Seth Thomas 13 1/2" Wall Clock</t>
  </si>
  <si>
    <t>Coloredge Poster Frame</t>
  </si>
  <si>
    <t>Rick Wilson</t>
  </si>
  <si>
    <t>Hand-Finished Solid Wood Document Frame</t>
  </si>
  <si>
    <t>Hon Metal Bookcases, Putty</t>
  </si>
  <si>
    <t>Trudy Schmidt</t>
  </si>
  <si>
    <t>Memorex Mini Travel Drive 8 GB USB 2.0 Flash Drive</t>
  </si>
  <si>
    <t>Lori Olson</t>
  </si>
  <si>
    <t>Xerox 1920</t>
  </si>
  <si>
    <t>Wirebound Message Books, Four 2 3/4 x 5 Forms per Page, 200 Sets per Book</t>
  </si>
  <si>
    <t>Sanford Colorific Colored Pencils, 12/Box</t>
  </si>
  <si>
    <t>Sarah Jordon</t>
  </si>
  <si>
    <t>Google Nexus 5</t>
  </si>
  <si>
    <t>Black Avery Memo-Size 3-Ring Binder, 5 1/2" x 8 1/2"</t>
  </si>
  <si>
    <t>Xerox 22</t>
  </si>
  <si>
    <t>Guy Thornton</t>
  </si>
  <si>
    <t>Anker Ultrathin Bluetooth Wireless Keyboard Aluminum Cover with Stand</t>
  </si>
  <si>
    <t>Lindsay Castell</t>
  </si>
  <si>
    <t>Hoover Portapower Portable Vacuum</t>
  </si>
  <si>
    <t>Adams Telephone Message Book W/Dividers/Space For Phone Numbers, 5 1/4"X8 1/2", 200/Messages</t>
  </si>
  <si>
    <t>i.Sound Portable Power - 8000 mAh</t>
  </si>
  <si>
    <t>Nora Paige</t>
  </si>
  <si>
    <t>XtraLife ClearVue Slant-D Ring Binder, White, 3"</t>
  </si>
  <si>
    <t>Hoover Replacement Belt for Commercial Guardsman Heavy-Duty Upright Vacuum</t>
  </si>
  <si>
    <t>Panasonic KP-350BK Electric Pencil Sharpener with Auto Stop</t>
  </si>
  <si>
    <t>Atlantic Metals Mobile 5-Shelf Bookcases, Custom Colors</t>
  </si>
  <si>
    <t>Tracy Poddar</t>
  </si>
  <si>
    <t>Jackery Bar Premium Fast-charging Portable Charger</t>
  </si>
  <si>
    <t>Dave Kipp</t>
  </si>
  <si>
    <t>Samsung Convoy 3</t>
  </si>
  <si>
    <t>Alan Haines</t>
  </si>
  <si>
    <t>36X48 HARDFLOOR CHAIRMAT</t>
  </si>
  <si>
    <t>Jennifer Jackson</t>
  </si>
  <si>
    <t>Canon PC1060 Personal Laser Copier</t>
  </si>
  <si>
    <t>Microsoft Sculpt Comfort Mouse</t>
  </si>
  <si>
    <t>LG G3</t>
  </si>
  <si>
    <t>Dana Kaydos</t>
  </si>
  <si>
    <t>Hon Mobius Operator's Chair</t>
  </si>
  <si>
    <t>Boston 1900 Electric Pencil Sharpener</t>
  </si>
  <si>
    <t>Xerox 1997</t>
  </si>
  <si>
    <t>Toby Gnade</t>
  </si>
  <si>
    <t>Edward Becker</t>
  </si>
  <si>
    <t>SmartStand Mobile Device Holder, Assorted Colors</t>
  </si>
  <si>
    <t>Christopher Martinez</t>
  </si>
  <si>
    <t>Newell 344</t>
  </si>
  <si>
    <t>Personal File Boxes with Fold-Down Carry Handle</t>
  </si>
  <si>
    <t>Jeremy Ellison</t>
  </si>
  <si>
    <t>Howard Miller 11-1/2" Diameter Brentwood Wall Clock</t>
  </si>
  <si>
    <t>Plantronics MX500i Earset</t>
  </si>
  <si>
    <t>Avery Hi-Liter Smear-Safe Highlighters</t>
  </si>
  <si>
    <t>KeyTronicÂ KT800P2 -Â KeyboardÂ - Black</t>
  </si>
  <si>
    <t>Tenex Personal Self-Stacking Standard File Box, Black/Gray</t>
  </si>
  <si>
    <t>Jesus Ocampo</t>
  </si>
  <si>
    <t>Deluxe Rollaway Locking File with Drawer</t>
  </si>
  <si>
    <t>GBC Imprintable Covers</t>
  </si>
  <si>
    <t>Acme Elite Stainless Steel Scissors</t>
  </si>
  <si>
    <t>Wirebound Message Books, 5-1/2 x 4 Forms, 2 or 4 Forms per Page</t>
  </si>
  <si>
    <t>Corinna Mitchell</t>
  </si>
  <si>
    <t>Bart Watters</t>
  </si>
  <si>
    <t>Recycled Interoffice Envelopes with String and Button Closure, 10 x 13</t>
  </si>
  <si>
    <t>Tennsco Lockers, Sand</t>
  </si>
  <si>
    <t>Julia West</t>
  </si>
  <si>
    <t>Xerox 1883</t>
  </si>
  <si>
    <t>Dean Braden</t>
  </si>
  <si>
    <t>Verbatim 25 GB 6x Blu-ray Single Layer Recordable Disc, 25/Pack</t>
  </si>
  <si>
    <t>XtraLife ClearVue Slant-D Ring Binders by Cardinal</t>
  </si>
  <si>
    <t>Fred Wasserman</t>
  </si>
  <si>
    <t>Newell 316</t>
  </si>
  <si>
    <t>Iris 3-Drawer Stacking Bin, Black</t>
  </si>
  <si>
    <t>Ben Peterman</t>
  </si>
  <si>
    <t>Eureka Sanitaire  Multi-Pro Heavy-Duty Upright, Disposable Bags</t>
  </si>
  <si>
    <t>Eldon Expressions Punched Metal &amp; Wood Desk Accessories, Black &amp; Cherry</t>
  </si>
  <si>
    <t>Benjamin Venier</t>
  </si>
  <si>
    <t>Southworth 25% Cotton Antique Laid Paper &amp; Envelopes</t>
  </si>
  <si>
    <t>Disposable Triple-Filter Dust Bags</t>
  </si>
  <si>
    <t>Imation Bio 8GB USBÂ Flash Drive ImationÂ Corp</t>
  </si>
  <si>
    <t>Xerox 1977</t>
  </si>
  <si>
    <t>Hon 4070 Series Pagoda Armless Upholstered Stacking Chairs</t>
  </si>
  <si>
    <t>Acco 6 Outlet Guardian Premium Plus Surge Suppressor</t>
  </si>
  <si>
    <t>Xerox 1880</t>
  </si>
  <si>
    <t>Memorex Froggy Flash Drive 8 GB</t>
  </si>
  <si>
    <t>Chad McGuire</t>
  </si>
  <si>
    <t>Ampad Gold Fibre Wirebound Steno Books, 6" x 9", Gregg Ruled</t>
  </si>
  <si>
    <t>PureGear Roll-On Screen Protector</t>
  </si>
  <si>
    <t>White Dual Perf Computer Printout Paper, 2700 Sheets, 1 Part, Heavyweight, 20 lbs., 14 7/8 x 11</t>
  </si>
  <si>
    <t>3M Polarizing Light Filter Sleeves</t>
  </si>
  <si>
    <t>Michael Oakman</t>
  </si>
  <si>
    <t>Anker Ultra-Slim Mini Bluetooth 3.0 Wireless Keyboard</t>
  </si>
  <si>
    <t>Aluminum Screw Posts</t>
  </si>
  <si>
    <t>John Dryer</t>
  </si>
  <si>
    <t>Vtech AT&amp;T CL2940 Corded Speakerphone, Black</t>
  </si>
  <si>
    <t>Eldon Advantage Foldable Chair Mats for Low Pile Carpets</t>
  </si>
  <si>
    <t>Hoover Shoulder Vac Commercial Portable Vacuum</t>
  </si>
  <si>
    <t>Cardinal Slant-D Ring Binders</t>
  </si>
  <si>
    <t>Cush Cases Heavy Duty Rugged Cover Case for Samsung Galaxy S5 - Purple</t>
  </si>
  <si>
    <t>DAX Charcoal/Nickel-Tone Document Frame, 5 x 7</t>
  </si>
  <si>
    <t>Dixon Ticonderoga Pencils</t>
  </si>
  <si>
    <t>Razer Kraken PRO Over Ear PC and Music Headset</t>
  </si>
  <si>
    <t>Laminate Occasional Tables</t>
  </si>
  <si>
    <t>Honeywell Enviracaire Portable HEPA Air Cleaner for up to 10 x 16 Room</t>
  </si>
  <si>
    <t>Steel Personal Filing/Posting Tote</t>
  </si>
  <si>
    <t>OtterBox Commuter Series Case - iPhone 5 &amp; 5s</t>
  </si>
  <si>
    <t>Kensington 4 Outlet MasterPiece Compact Power Control Center</t>
  </si>
  <si>
    <t>Executive Impressions Supervisor Wall Clock</t>
  </si>
  <si>
    <t>Executive Impressions 14" Two-Color Numerals Wall Clock</t>
  </si>
  <si>
    <t>Canon PC-428 Personal Copier</t>
  </si>
  <si>
    <t>Robert Dilbeck</t>
  </si>
  <si>
    <t>Anthony Witt</t>
  </si>
  <si>
    <t>Heather Jas</t>
  </si>
  <si>
    <t>Xerox 1973</t>
  </si>
  <si>
    <t>Flat Face Poster Frame</t>
  </si>
  <si>
    <t>3M Replacement Filter for Office Air Cleaner for 20' x 33' Room</t>
  </si>
  <si>
    <t>Eugene Barchas</t>
  </si>
  <si>
    <t>Iceberg OfficeWorks 42" Round Tables</t>
  </si>
  <si>
    <t>Polycom CX600 IP Phone VoIP phone</t>
  </si>
  <si>
    <t>Neat Ideas Personal Hanging Folder Files, Black</t>
  </si>
  <si>
    <t>Theone Pippenger</t>
  </si>
  <si>
    <t>GBC Velobind Prepunched Cover Sets, Regency Series</t>
  </si>
  <si>
    <t>Logitech Keyboard K120</t>
  </si>
  <si>
    <t>O'Sullivan 3-Shelf Heavy-Duty Bookcases</t>
  </si>
  <si>
    <t>Novimex Turbo Task Chair</t>
  </si>
  <si>
    <t>Plantronics Calisto P620-M USB Wireless Speakerphone System</t>
  </si>
  <si>
    <t>DXL Angle-View Binders with Locking Rings, Black</t>
  </si>
  <si>
    <t>Barrel Sharpener</t>
  </si>
  <si>
    <t>Global Leather Task Chair, Black</t>
  </si>
  <si>
    <t>Avery 486</t>
  </si>
  <si>
    <t>Tennsco Stur-D-Stor Boltless Shelving, 5 Shelves, 24" Deep, Sand</t>
  </si>
  <si>
    <t>Xerox 19</t>
  </si>
  <si>
    <t>Michael Paige</t>
  </si>
  <si>
    <t>TRENDnet 56K USB 2.0 Phone, Internet and Fax Modem</t>
  </si>
  <si>
    <t>Grandstream GXP2100 Mainstream Business Phone</t>
  </si>
  <si>
    <t>GE 48" Fluorescent Tube, Cool White Energy Saver, 34 Watts, 30/Box</t>
  </si>
  <si>
    <t>Olvera Toch</t>
  </si>
  <si>
    <t>Tyvek Side-Opening Peel &amp; Seel Expanding Envelopes</t>
  </si>
  <si>
    <t>Juliana Krohn</t>
  </si>
  <si>
    <t>Tenex "The Solids" Textured Chair Mats</t>
  </si>
  <si>
    <t>Global Armless Task Chair, Royal Blue</t>
  </si>
  <si>
    <t>Linda Southworth</t>
  </si>
  <si>
    <t>RCA ViSYS 25825 Wireless digital phone</t>
  </si>
  <si>
    <t>District of Columbia</t>
  </si>
  <si>
    <t>Global Comet Stacking Arm Chair</t>
  </si>
  <si>
    <t>Cisco SPA525G2 5-Line IP Phone</t>
  </si>
  <si>
    <t>Kensington 7 Outlet MasterPiece Power Center with Fax/Phone Line Protection</t>
  </si>
  <si>
    <t>Jane Waco</t>
  </si>
  <si>
    <t>DAX Two-Tone Rosewood/Black Document Frame, Desktop, 5 x 7</t>
  </si>
  <si>
    <t>iKross Bluetooth Portable Keyboard + Cell Phone Stand Holder + Brush for Apple iPhone 5S 5C 5, 4S 4</t>
  </si>
  <si>
    <t>Eldon ImÃ ge Series Desk Accessories, Clear</t>
  </si>
  <si>
    <t>OtterBox Defender Series Case - iPhone 5c</t>
  </si>
  <si>
    <t>David Bremer</t>
  </si>
  <si>
    <t>Fiskars 8" Scissors, 2/Pack</t>
  </si>
  <si>
    <t>Panasonic KP-380BK Classic Electric Pencil Sharpener</t>
  </si>
  <si>
    <t>Acme 10" Easy Grip Assistive Scissors</t>
  </si>
  <si>
    <t>Julia Barnett</t>
  </si>
  <si>
    <t>Sanford Prismacolor Professional Thick Lead Art Pencils, 36-Color Set</t>
  </si>
  <si>
    <t>Holmes Replacement Filter for HEPA Air Cleaner, Large Room</t>
  </si>
  <si>
    <t>Lena Cacioppo</t>
  </si>
  <si>
    <t>Ibico Recycled Linen-Style Covers</t>
  </si>
  <si>
    <t>Electrix 20W Halogen Replacement Bulb for Zoom-In Desk Lamp</t>
  </si>
  <si>
    <t>ShoreTel ShorePhone IP 230 VoIP phone</t>
  </si>
  <si>
    <t>Stuart Van</t>
  </si>
  <si>
    <t>Anna Gayman</t>
  </si>
  <si>
    <t>Chromcraft Round Conference Tables</t>
  </si>
  <si>
    <t>Tripp Lite Isotel 8 Ultra 8 Outlet Metal Surge</t>
  </si>
  <si>
    <t>Global Chrome Stack Chair</t>
  </si>
  <si>
    <t>Xerox 1962</t>
  </si>
  <si>
    <t>Xerox 1953</t>
  </si>
  <si>
    <t>Rose O'Brian</t>
  </si>
  <si>
    <t>Jet-Pak Recycled Peel 'N' Seal Padded Mailers</t>
  </si>
  <si>
    <t>Binney &amp; Smith Crayola Metallic Crayons, 16-Color Pack</t>
  </si>
  <si>
    <t>Wausau Papers Astrobrights Colored Envelopes</t>
  </si>
  <si>
    <t>GBC Twin Loop Wire Binding Elements</t>
  </si>
  <si>
    <t>Things To Do Today Pad</t>
  </si>
  <si>
    <t>Self-Adhesive Removable Labels</t>
  </si>
  <si>
    <t>Zebra GX420t Direct Thermal/Thermal Transfer Printer</t>
  </si>
  <si>
    <t>Justin Hirsh</t>
  </si>
  <si>
    <t>Fiskars Spring-Action Scissors</t>
  </si>
  <si>
    <t>Logitech G35 7.1-Channel Surround Sound Headset</t>
  </si>
  <si>
    <t>Xerox 1937</t>
  </si>
  <si>
    <t>Neil Knudson</t>
  </si>
  <si>
    <t>Newell 311</t>
  </si>
  <si>
    <t>Xerox 219</t>
  </si>
  <si>
    <t>Xerox 1894</t>
  </si>
  <si>
    <t>Tensor "Hersey Kiss" Styled Floor Lamp</t>
  </si>
  <si>
    <t>Edward Nazzal</t>
  </si>
  <si>
    <t>RCA H5401RE1 DECT 6.0 4-Line Cordless Handset With Caller ID/Call Waiting</t>
  </si>
  <si>
    <t>Eureka The Boss Lite 10-Amp Upright Vacuum, Blue</t>
  </si>
  <si>
    <t>Brendan Dodson</t>
  </si>
  <si>
    <t>Tenex Personal Project File with Scoop Front Design, Black</t>
  </si>
  <si>
    <t>O'Sullivan Living Dimensions 3-Shelf Bookcases</t>
  </si>
  <si>
    <t>Bill Donatelli</t>
  </si>
  <si>
    <t>Muhammed Lee</t>
  </si>
  <si>
    <t>Bagged Rubber Bands</t>
  </si>
  <si>
    <t>Tenex Traditional Chairmats for Hard Floors, Average Lip, 36" x 48"</t>
  </si>
  <si>
    <t>Xerox 1928</t>
  </si>
  <si>
    <t>Avery 491</t>
  </si>
  <si>
    <t>Catherine Glotzbach</t>
  </si>
  <si>
    <t>Becky Pak</t>
  </si>
  <si>
    <t>LogitechÂ Z-906 Speaker sys - home theater - 5.1-CH</t>
  </si>
  <si>
    <t>Brenda Bowman</t>
  </si>
  <si>
    <t>Eleni McCrary</t>
  </si>
  <si>
    <t>Advantus Employee of the Month Certificate Frame, 11 x 13-1/2</t>
  </si>
  <si>
    <t>Dexim XPower Skin Super-Thin Power Case for iPhone 5 - Black</t>
  </si>
  <si>
    <t>Max Jones</t>
  </si>
  <si>
    <t>Xerox 222</t>
  </si>
  <si>
    <t>Cisco SPA301</t>
  </si>
  <si>
    <t>Tennsco 16-Compartment Lockers with Coat Rack</t>
  </si>
  <si>
    <t>Giulietta Baptist</t>
  </si>
  <si>
    <t>Jonathan Howell</t>
  </si>
  <si>
    <t>Lenovo 17-Key USB Numeric Keypad</t>
  </si>
  <si>
    <t>Xerox 202</t>
  </si>
  <si>
    <t>Frank Carlisle</t>
  </si>
  <si>
    <t>Xerox 188</t>
  </si>
  <si>
    <t>Skye Norling</t>
  </si>
  <si>
    <t>Xerox 1922</t>
  </si>
  <si>
    <t>Wilson Jones International Size A4 Ring Binders</t>
  </si>
  <si>
    <t>JM Magazine Binder</t>
  </si>
  <si>
    <t>Eldon 200 Class Desk Accessories</t>
  </si>
  <si>
    <t>Xerox 231</t>
  </si>
  <si>
    <t>Self-Adhesive Address Labels for Typewriters with Dispenser Box</t>
  </si>
  <si>
    <t>Stewart Carmichael</t>
  </si>
  <si>
    <t>Razer Tiamat Over Ear 7.1 Surround Sound PC Gaming Headset</t>
  </si>
  <si>
    <t>Shaun Weien</t>
  </si>
  <si>
    <t>GBC Ibimaster 500 Manual ProClick Binding System</t>
  </si>
  <si>
    <t>Pyle PRT45 Retro HomeÂ Telephone</t>
  </si>
  <si>
    <t>Eldon Stackable Tray, Side-Load, Legal, Smoke</t>
  </si>
  <si>
    <t>Dell Slim USB Multimedia Keyboard</t>
  </si>
  <si>
    <t>Cathy Hwang</t>
  </si>
  <si>
    <t>Office Star - Contemporary Task Swivel Chair</t>
  </si>
  <si>
    <t>Universal Premium White Copier/Laser Paper (20Lb. and 87 Bright)</t>
  </si>
  <si>
    <t>Sauder Forest Hills Library with Doors, Woodland Oak Finish</t>
  </si>
  <si>
    <t>Boston Model 1800 Electric Pencil Sharpener, Gray</t>
  </si>
  <si>
    <t>Ampad Phone Message Book, Recycled, 400 Message Capacity, 5 Â¾Â” x 11Â”</t>
  </si>
  <si>
    <t>Rob Haberlin</t>
  </si>
  <si>
    <t>Bruce Degenhardt</t>
  </si>
  <si>
    <t>Novimex High-Tech Fabric Mesh Task Chair</t>
  </si>
  <si>
    <t>Eldon Antistatic Chair Mats for Low to Medium Pile Carpets</t>
  </si>
  <si>
    <t>Important Message Pads, 50 4-1/4 x 5-1/2 Forms per Pad</t>
  </si>
  <si>
    <t>Howard Miller 12" Round Wall Clock</t>
  </si>
  <si>
    <t>Mitel MiVoice 5330e IP Phone</t>
  </si>
  <si>
    <t>Colorific Watercolor Pencils</t>
  </si>
  <si>
    <t>Victor Preis</t>
  </si>
  <si>
    <t>Durable Pressboard Binders</t>
  </si>
  <si>
    <t>Kalyca Meade</t>
  </si>
  <si>
    <t>Iceberg Mobile Mega Data/Printer Cart</t>
  </si>
  <si>
    <t>Bush Mission Pointe Library</t>
  </si>
  <si>
    <t>Fellowes Powershred HS-440 4-Sheet High Security Shredder</t>
  </si>
  <si>
    <t>Avery 05222 Permanent Self-Adhesive File Folder Labels for Typewriters, on Rolls, White, 250/Roll</t>
  </si>
  <si>
    <t>Acco 7-Outlet Masterpiece Power Center, Wihtout Fax/Phone Line Protection</t>
  </si>
  <si>
    <t>Howard Miller 13-3/4" Diameter Brushed Chrome Round Wall Clock</t>
  </si>
  <si>
    <t>Xerox 1896</t>
  </si>
  <si>
    <t>Tuf-Vin Binders</t>
  </si>
  <si>
    <t>Fred McMath</t>
  </si>
  <si>
    <t>Petty Cash Envelope</t>
  </si>
  <si>
    <t>Kensington Orbit Wireless Mobile Trackball for PC and Mac</t>
  </si>
  <si>
    <t>Global Manager's Adjustable Task Chair, Storm</t>
  </si>
  <si>
    <t>White Envelopes, White Envelopes with Clear Poly Window</t>
  </si>
  <si>
    <t>Bush Westfield Collection Bookcases, Medium Cherry Finish</t>
  </si>
  <si>
    <t>Victoria Brennan</t>
  </si>
  <si>
    <t>Economy Binders</t>
  </si>
  <si>
    <t>Thais Sissman</t>
  </si>
  <si>
    <t>Wilson Jones DublLock D-Ring Binders</t>
  </si>
  <si>
    <t>Ralph Kennedy</t>
  </si>
  <si>
    <t>Tops White Computer Printout Paper</t>
  </si>
  <si>
    <t>O'Sullivan Cherrywood Estates Traditional Barrister Bookcase</t>
  </si>
  <si>
    <t>Xerox 228</t>
  </si>
  <si>
    <t>Sauder Forest Hills Library, Woodland Oak Finish</t>
  </si>
  <si>
    <t>Motorola L703CM</t>
  </si>
  <si>
    <t>Xerox 212</t>
  </si>
  <si>
    <t>Ibico Presentation Index for Binding Systems</t>
  </si>
  <si>
    <t>Brad Eason</t>
  </si>
  <si>
    <t>O'Sullivan Manor Hill 2-Door Library in Brianna Oak</t>
  </si>
  <si>
    <t>Parhena Norris</t>
  </si>
  <si>
    <t>Cardinal Hold-It CD Pocket</t>
  </si>
  <si>
    <t>Tenex V2T-RE Standard Weight Series Chair Mat, 45" x 53", Lip 25" x 12"</t>
  </si>
  <si>
    <t>Eudokia Martin</t>
  </si>
  <si>
    <t>Ativa D5772 2-Line 5.8GHz Digital Expandable Corded/Cordless Phone System with Answering &amp; Caller ID/Call Waiting, Black/Silver</t>
  </si>
  <si>
    <t>Avery 50</t>
  </si>
  <si>
    <t>Global Ergonomic Managers Chair</t>
  </si>
  <si>
    <t>Denny Blanton</t>
  </si>
  <si>
    <t>Boston 1827 Commercial Additional Cutter, Drive Gear &amp; Gear Rack for 1606</t>
  </si>
  <si>
    <t>Artistic Insta-Plaque</t>
  </si>
  <si>
    <t>Xerox 1886</t>
  </si>
  <si>
    <t>GBC Binding covers</t>
  </si>
  <si>
    <t>Philisse Overcash</t>
  </si>
  <si>
    <t>Newell 309</t>
  </si>
  <si>
    <t>Tim Taslimi</t>
  </si>
  <si>
    <t>Mobile Personal File Cube</t>
  </si>
  <si>
    <t>Newell 346</t>
  </si>
  <si>
    <t>Samsung Galaxy S4 Mini</t>
  </si>
  <si>
    <t>Cisco IP Phone 7961G-GE VoIP phone</t>
  </si>
  <si>
    <t>Xerox 227</t>
  </si>
  <si>
    <t>Tenex 46" x 60" Computer Anti-Static Chairmat, Rectangular Shaped</t>
  </si>
  <si>
    <t>Joni Wasserman</t>
  </si>
  <si>
    <t>O'Sullivan Plantations 2-Door Library in Landvery Oak</t>
  </si>
  <si>
    <t>Shaun Chance</t>
  </si>
  <si>
    <t>Wilson Jones Â“SnapÂ” Scratch Pad Binder Tool for Ring Binders</t>
  </si>
  <si>
    <t>Newell 336</t>
  </si>
  <si>
    <t>Xerox 191</t>
  </si>
  <si>
    <t>Sauder Camden County Collection Library</t>
  </si>
  <si>
    <t>Quartet Omega Colored Chalk, 12/Pack</t>
  </si>
  <si>
    <t>Dave Poirier</t>
  </si>
  <si>
    <t>Roger Barcio</t>
  </si>
  <si>
    <t>Acme Tagit Stainless Steel Antibacterial Scissors</t>
  </si>
  <si>
    <t>Xerox 206</t>
  </si>
  <si>
    <t>Fred Harton</t>
  </si>
  <si>
    <t>Avery 474</t>
  </si>
  <si>
    <t>Xerox 1890</t>
  </si>
  <si>
    <t>Katrina Willman</t>
  </si>
  <si>
    <t>Belkin SportFit Armband For iPhone 5s/5c, Fuchsia</t>
  </si>
  <si>
    <t>Nu-Dell EZ-Mount Plastic Wall Frames</t>
  </si>
  <si>
    <t>Fiskars Softgrip Scissors</t>
  </si>
  <si>
    <t>Avery 511</t>
  </si>
  <si>
    <t>Lexmark S315 Color Inkjet Printer</t>
  </si>
  <si>
    <t>Deluxe Heavy-Duty Vinyl Round Ring Binder</t>
  </si>
  <si>
    <t>Sterilite Officeware Hinged File Box</t>
  </si>
  <si>
    <t>Xerox 1908</t>
  </si>
  <si>
    <t>Logitech G19 Programmable Gaming Keyboard</t>
  </si>
  <si>
    <t>Cathy Armstrong</t>
  </si>
  <si>
    <t>Tensor Brushed Steel Torchiere Floor Lamp</t>
  </si>
  <si>
    <t>Howard Miller 16" Diameter Gallery Wall Clock</t>
  </si>
  <si>
    <t>Chuck Clark</t>
  </si>
  <si>
    <t>GBC Plasticlear Binding Covers</t>
  </si>
  <si>
    <t>Anderson Hickey Conga Table Tops &amp; Accessories</t>
  </si>
  <si>
    <t>GBC Wire Binding Strips</t>
  </si>
  <si>
    <t>KeyTronicÂ E03601U1 -Â KeyboardÂ - Beige</t>
  </si>
  <si>
    <t>Neoma Murray</t>
  </si>
  <si>
    <t>Belkin 19" Center-Weighted Shelf, Gray</t>
  </si>
  <si>
    <t>Bobby Odegard</t>
  </si>
  <si>
    <t>Manco Dry-Lighter Erasable Highlighter</t>
  </si>
  <si>
    <t>Boston 19500 Mighty Mite Electric Pencil Sharpener</t>
  </si>
  <si>
    <t>LogitechÂ LS21 Speaker System - PC Multimedia - 2.1-CH - Wired</t>
  </si>
  <si>
    <t>Deflect-O Glasstique Clear Desk Accessories</t>
  </si>
  <si>
    <t>Avery 503</t>
  </si>
  <si>
    <t>Xerox 208</t>
  </si>
  <si>
    <t>Hewlett Packard 310 Color Digital Copier</t>
  </si>
  <si>
    <t>HP Office Recycled Paper (20Lb. and 87 Bright)</t>
  </si>
  <si>
    <t>Heavy-Duty E-Z-D Binders</t>
  </si>
  <si>
    <t>Ken Dana</t>
  </si>
  <si>
    <t>Xerox 1915</t>
  </si>
  <si>
    <t>Brendan Murry</t>
  </si>
  <si>
    <t>Anker Astro Mini 3000mAh Ultra-Compact Portable Charger</t>
  </si>
  <si>
    <t>Ann Chong</t>
  </si>
  <si>
    <t>Riverside Palais Royal Lawyers Bookcase, Royale Cherry Finish</t>
  </si>
  <si>
    <t>Meg O'Connel</t>
  </si>
  <si>
    <t>Howard Miller Distant Time Traveler Alarm Clock</t>
  </si>
  <si>
    <t>Rediform S.O.S. Phone Message Books</t>
  </si>
  <si>
    <t>Elite 5" Scissors</t>
  </si>
  <si>
    <t>Justin Ritter</t>
  </si>
  <si>
    <t>Adam Bellavance</t>
  </si>
  <si>
    <t>Charlotte Melton</t>
  </si>
  <si>
    <t>Kensington K72356US Mouse-in-a-Box USB Desktop Mouse</t>
  </si>
  <si>
    <t>Newell 323</t>
  </si>
  <si>
    <t>Recycled Premium Regency Composition Covers</t>
  </si>
  <si>
    <t>Xerox 193</t>
  </si>
  <si>
    <t>Sanjit Jacobs</t>
  </si>
  <si>
    <t>Avery 510</t>
  </si>
  <si>
    <t>AT&amp;T 1080 Phone</t>
  </si>
  <si>
    <t>Carlos Meador</t>
  </si>
  <si>
    <t>#6 3/4 Gummed Flap White Envelopes</t>
  </si>
  <si>
    <t>Blue String-Tie &amp; Button Interoffice Envelopes, 10 x 13</t>
  </si>
  <si>
    <t>Dan Reichenbach</t>
  </si>
  <si>
    <t>Hon Comfortask Task/Swivel Chairs</t>
  </si>
  <si>
    <t>Round Ring Binders</t>
  </si>
  <si>
    <t>Microsoft Arc Touch Mouse</t>
  </si>
  <si>
    <t>GBC VeloBinder Electric Binding Machine</t>
  </si>
  <si>
    <t>Bryan Spruell</t>
  </si>
  <si>
    <t>Helen Wasserman</t>
  </si>
  <si>
    <t>Xerox 1996</t>
  </si>
  <si>
    <t>Holmes HEPA Air Purifier</t>
  </si>
  <si>
    <t>Acme Galleria Hot Forged Steel Scissors with Colored Handles</t>
  </si>
  <si>
    <t>Motorola HK250 Universal Bluetooth Headset</t>
  </si>
  <si>
    <t>Eric Murdock</t>
  </si>
  <si>
    <t>Henry MacAllister</t>
  </si>
  <si>
    <t>Microsoft Natural Ergonomic Keyboard 4000</t>
  </si>
  <si>
    <t>Xerox 1946</t>
  </si>
  <si>
    <t>Joel Jenkins</t>
  </si>
  <si>
    <t>Bush Cubix Collection Bookcases, Fully Assembled</t>
  </si>
  <si>
    <t>Gene Hale</t>
  </si>
  <si>
    <t>KLD Oscar II Style Snap-on Ultra Thin Side Flip Synthetic Leather Cover Case for HTC One HTC M7</t>
  </si>
  <si>
    <t>Sean O'Donnell</t>
  </si>
  <si>
    <t>Plantronics Audio 995 Wireless Stereo Headset</t>
  </si>
  <si>
    <t>Claire Gute</t>
  </si>
  <si>
    <t>Avery Reinforcements for Hole-Punch Pages</t>
  </si>
  <si>
    <t>Verbatim Slim CD and DVD Storage Cases, 50/Pack</t>
  </si>
  <si>
    <t>Tripp Lite Isotel 6 Outlet Surge Protector with Fax/Modem Protection</t>
  </si>
  <si>
    <t>OtterBox Defender Series Case - Samsung Galaxy S4</t>
  </si>
  <si>
    <t>Sanyo Counter Height Refrigerator with Crisper, 3.6 Cubic Foot, Stainless Steel/Black</t>
  </si>
  <si>
    <t>Avery Printable Repositionable Plastic Tabs</t>
  </si>
  <si>
    <t>Nu-Dell Oak Frame</t>
  </si>
  <si>
    <t>Jay Fein</t>
  </si>
  <si>
    <t>Xerox 196</t>
  </si>
  <si>
    <t>SKILCRAFT Telephone Shoulder Rest, 2" x 6.5" x 2.5", Black</t>
  </si>
  <si>
    <t>ClearOne Communications CHAT 70 OCÂ Speaker Phone</t>
  </si>
  <si>
    <t>Maribeth Yedwab</t>
  </si>
  <si>
    <t>Avery 507</t>
  </si>
  <si>
    <t>Panasonic KX-TG6844B Expandable Digital Cordless Telephone</t>
  </si>
  <si>
    <t>Xerox 1914</t>
  </si>
  <si>
    <t>Magna Visual Magnetic Picture Hangers</t>
  </si>
  <si>
    <t>Eldon Regeneration Recycled Desk Accessories, Black</t>
  </si>
  <si>
    <t>Star Micronics TSP100 TSP143LAN Receipt Printer</t>
  </si>
  <si>
    <t>Design Ebony Sketching Pencil</t>
  </si>
  <si>
    <t>Sandra Glassco</t>
  </si>
  <si>
    <t>Brites Rubber Bands, 1 1/2 oz. Box</t>
  </si>
  <si>
    <t>Kelly Collister</t>
  </si>
  <si>
    <t>Logitech K350 2.4Ghz Wireless Keyboard</t>
  </si>
  <si>
    <t>Contemporary Wood/Metal Frame</t>
  </si>
  <si>
    <t>Hon Olson Stacker Chairs</t>
  </si>
  <si>
    <t>Aastra 6757i CT Wireless VoIP phone</t>
  </si>
  <si>
    <t>Emily Grady</t>
  </si>
  <si>
    <t>Eureka Hand Vacuum, Bagless</t>
  </si>
  <si>
    <t>#10 Gummed Flap White Envelopes, 100/Box</t>
  </si>
  <si>
    <t>Belkin 325VA UPS Surge Protector, 6'</t>
  </si>
  <si>
    <t>Hanging Personal Folder File</t>
  </si>
  <si>
    <t>Christy Brittain</t>
  </si>
  <si>
    <t>Meg Tillman</t>
  </si>
  <si>
    <t>Rubber Band Ball</t>
  </si>
  <si>
    <t>Loose Memo Sheets</t>
  </si>
  <si>
    <t>Vermont</t>
  </si>
  <si>
    <t>Doug O'Connell</t>
  </si>
  <si>
    <t>Fellowes Recycled Storage Drawers</t>
  </si>
  <si>
    <t>Canon PC170 Desktop Personal Copier</t>
  </si>
  <si>
    <t>Maria Zettner</t>
  </si>
  <si>
    <t>Alliance Rubber Bands</t>
  </si>
  <si>
    <t>Zebra ZM400 Thermal Label Printer</t>
  </si>
  <si>
    <t>Binder Posts</t>
  </si>
  <si>
    <t>AmazonBasics 3-Button USB Wired Mouse</t>
  </si>
  <si>
    <t>LogitechÂ VX Revolution Cordless Laser Mouse for Notebooks (Black)</t>
  </si>
  <si>
    <t>Advantus 10-Drawer Portable Organizer, Chrome Metal Frame, Smoke Drawers</t>
  </si>
  <si>
    <t>Xerox 1910</t>
  </si>
  <si>
    <t>Black Print Carbonless Snap-Off Rapid Letter, 8 1/2" x 7"</t>
  </si>
  <si>
    <t>Portfile Personal File Boxes</t>
  </si>
  <si>
    <t>Honeywell Enviracaire Portable HEPA Air Cleaner for 16' x 20' Room</t>
  </si>
  <si>
    <t>Micro Innovations Wireless Classic Keyboard with Mouse</t>
  </si>
  <si>
    <t>Home/Office Personal File Carts</t>
  </si>
  <si>
    <t>Cardinal Holdit Data Disk Pockets</t>
  </si>
  <si>
    <t>Eureka The Boss Plus 12-Amp Hard Box Upright Vacuum, Red</t>
  </si>
  <si>
    <t>Logitech diNovo Edge Keyboard</t>
  </si>
  <si>
    <t>Jabra BIZ 2300 Duo QD Duo CordedÂ Headset</t>
  </si>
  <si>
    <t>Greg Hansen</t>
  </si>
  <si>
    <t>Carina Media Storage Towers in Natural &amp; Black</t>
  </si>
  <si>
    <t>Gear Head AU3700S Headset</t>
  </si>
  <si>
    <t>Patrick Bzostek</t>
  </si>
  <si>
    <t>Katrina Bavinger</t>
  </si>
  <si>
    <t>Ultra Commercial Grade Dual Valve Door Closer</t>
  </si>
  <si>
    <t>NeatDesk Desktop Scanner &amp; Digital Filing System</t>
  </si>
  <si>
    <t>Sauder Barrister Bookcases</t>
  </si>
  <si>
    <t>Crayola Anti Dust Chalk, 12/Pack</t>
  </si>
  <si>
    <t>Ricoh - Ink Collector Unit for GX3000 Series Printers</t>
  </si>
  <si>
    <t>Imation Bio 2GB USBÂ Flash Drive ImationÂ Corp</t>
  </si>
  <si>
    <t>Fellowes Command Center 5-outlet power strip</t>
  </si>
  <si>
    <t>SanDisk Cruzer 8 GB USB Flash Drive</t>
  </si>
  <si>
    <t>Xerox 1936</t>
  </si>
  <si>
    <t>Sanford Colorific Eraseable Coloring Pencils, 12 Count</t>
  </si>
  <si>
    <t>Xerox 1943</t>
  </si>
  <si>
    <t>Fellowes Bankers Box Staxonsteel Drawer File/Stacking System</t>
  </si>
  <si>
    <t>Newell 349</t>
  </si>
  <si>
    <t>Logitech Media Keyboard K200</t>
  </si>
  <si>
    <t>Apple EarPods with Remote and Mic</t>
  </si>
  <si>
    <t>Perixx PERIBOARD-512B, Ergonomic Split Keyboard</t>
  </si>
  <si>
    <t>LG Exalt</t>
  </si>
  <si>
    <t>Tom Prescott</t>
  </si>
  <si>
    <t>Tenex Contemporary Contur Chairmats for Low and Medium Pile Carpet, Computer, 39" x 49"</t>
  </si>
  <si>
    <t>Holmes Visible Mist Ultrasonic Humidifier with 2.3-Gallon Output per Day, Replacement Filter</t>
  </si>
  <si>
    <t>Mini 13-1/2 Capacity Data Binder Rack, Pearl</t>
  </si>
  <si>
    <t>Motorla HX550 Universal Bluetooth Headset</t>
  </si>
  <si>
    <t>Tyvek  Top-Opening Peel &amp; Seel  Envelopes, Gray</t>
  </si>
  <si>
    <t>Avaya 4621SW VoIP phone</t>
  </si>
  <si>
    <t>Luxo Professional Fluorescent Magnifier Lamp with Clamp-Mount Base</t>
  </si>
  <si>
    <t>Xerox 207</t>
  </si>
  <si>
    <t>Newell 307</t>
  </si>
  <si>
    <t>Lexmark MarkNet N8150 Wireless Print Server</t>
  </si>
  <si>
    <t>GBC Therma-A-Bind 250T Electric Binding System</t>
  </si>
  <si>
    <t>Xerox 1935</t>
  </si>
  <si>
    <t>Ritsa Hightower</t>
  </si>
  <si>
    <t>Jensen SMPS-640 -Â speaker phone</t>
  </si>
  <si>
    <t>Matt Hagelstein</t>
  </si>
  <si>
    <t>Stephanie Ulpright</t>
  </si>
  <si>
    <t>Xerox 20</t>
  </si>
  <si>
    <t>Art Ferguson</t>
  </si>
  <si>
    <t>Xerox 218</t>
  </si>
  <si>
    <t>Tonja Turnell</t>
  </si>
  <si>
    <t>Xerox 201</t>
  </si>
  <si>
    <t>Adams Phone Message Book, 200 Message Capacity, 8 1/16Â” x 11Â”</t>
  </si>
  <si>
    <t>Stuart Calhoun</t>
  </si>
  <si>
    <t>Bush Westfield Collection Bookcases, Dark Cherry Finish</t>
  </si>
  <si>
    <t>Newell 326</t>
  </si>
  <si>
    <t>Xerox 1932</t>
  </si>
  <si>
    <t>Avery Personal Creations Heavyweight Cards</t>
  </si>
  <si>
    <t>Maxell 4.7GB DVD+RW 3/Pack</t>
  </si>
  <si>
    <t>Xerox 1930</t>
  </si>
  <si>
    <t>Fellowes 8 Outlet Superior Workstation Surge Protector w/o Phone/Fax/Modem Protection</t>
  </si>
  <si>
    <t>Doug Jacobs</t>
  </si>
  <si>
    <t>Master Caster Door Stop, Gray</t>
  </si>
  <si>
    <t>Micro Innovations USB RF Wireless Keyboard with Mouse</t>
  </si>
  <si>
    <t>Ibico Recycled Grain-Textured Covers</t>
  </si>
  <si>
    <t>Bush Andora Conference Table, Maple/Graphite Gray Finish</t>
  </si>
  <si>
    <t>3M Office Air Cleaner</t>
  </si>
  <si>
    <t>Cubify CubeX 3D Printer Double Head Print</t>
  </si>
  <si>
    <t>Cisco Small Business SPA 502G VoIP phone</t>
  </si>
  <si>
    <t>Hon Valutask Swivel Chairs</t>
  </si>
  <si>
    <t>Peter McVee</t>
  </si>
  <si>
    <t>Evan Minnotte</t>
  </si>
  <si>
    <t>Elpida Rittenbach</t>
  </si>
  <si>
    <t>Anker 36W 4-Port USB Wall Charger Travel Power Adapter for iPhone 5s 5c 5</t>
  </si>
  <si>
    <t>Recycled Interoffice Envelopes with Re-Use-A-Seal Closure, 10 x 13</t>
  </si>
  <si>
    <t>Stanley Bostitch Contemporary Electric Pencil Sharpeners</t>
  </si>
  <si>
    <t>Jim Radford</t>
  </si>
  <si>
    <t>Dionis Lloyd</t>
  </si>
  <si>
    <t>Rush Hierlooms Collection Rich Wood Bookcases</t>
  </si>
  <si>
    <t>Office Star - Contemporary Task Swivel chair with 2-way adjustable arms, Plum</t>
  </si>
  <si>
    <t>#10-4 1/8" x 9 1/2" Premium Diagonal Seam Envelopes</t>
  </si>
  <si>
    <t>Brad Thomas</t>
  </si>
  <si>
    <t>Xerox 1950</t>
  </si>
  <si>
    <t>Avery 497</t>
  </si>
  <si>
    <t>Cisco SPA 502G IP Phone</t>
  </si>
  <si>
    <t>Executive Impressions 14" Contract Wall Clock with Quartz Movement</t>
  </si>
  <si>
    <t>O'Sullivan 5-Shelf Heavy-Duty Bookcases</t>
  </si>
  <si>
    <t>Tenex Personal Filing Tote With Secure Closure Lid, Black/Frost</t>
  </si>
  <si>
    <t>Bill Overfelt</t>
  </si>
  <si>
    <t>Erica Bern</t>
  </si>
  <si>
    <t>LogitechÂ MX Performance Wireless Mouse</t>
  </si>
  <si>
    <t>Newell 337</t>
  </si>
  <si>
    <t>Avaya 5410 Digital phone</t>
  </si>
  <si>
    <t>Logitech G500s Laser Gaming Mouse with Adjustable Weight Tuning</t>
  </si>
  <si>
    <t>Joy Bell-</t>
  </si>
  <si>
    <t>Cyber Acoustics AC-202b Speech Recognition Stereo Headset</t>
  </si>
  <si>
    <t>Electrix Fluorescent Magnifier Lamps &amp; Weighted Base</t>
  </si>
  <si>
    <t>Bill Eplett</t>
  </si>
  <si>
    <t>ImationÂ 8GB Mini TravelDrive USB 2.0Â Flash Drive</t>
  </si>
  <si>
    <t>4009 Highlighters</t>
  </si>
  <si>
    <t>Todd Boyes</t>
  </si>
  <si>
    <t>Dixon Ticonderoga Maple Cedar Pencil, #2</t>
  </si>
  <si>
    <t>Telephone Message Books with Fax/Mobile Section, 4 1/4" x 6"</t>
  </si>
  <si>
    <t>Global Deluxe High-Back Office Chair in Storm</t>
  </si>
  <si>
    <t>Harold Engle</t>
  </si>
  <si>
    <t>Nokia Lumia 1020</t>
  </si>
  <si>
    <t>Bretford Â“Just In TimeÂ” Height-Adjustable Multi-Task Work Tables</t>
  </si>
  <si>
    <t>Deflect-o RollaMat Studded, Beveled Mat for Medium Pile Carpeting</t>
  </si>
  <si>
    <t>Anker Astro 15000mAh USB Portable Charger</t>
  </si>
  <si>
    <t>Bobby Elias</t>
  </si>
  <si>
    <t>Honeywell Enviracaire Portable Air Cleaner for up to 8 x 10 Room</t>
  </si>
  <si>
    <t>Hon Every-Day Chair Series Swivel Task Chairs</t>
  </si>
  <si>
    <t>Don Weiss</t>
  </si>
  <si>
    <t>DAX Two-Tone Silver Metal Document Frame</t>
  </si>
  <si>
    <t>RCA ViSYS 25423RE1 Corded phone</t>
  </si>
  <si>
    <t>Jason Gross</t>
  </si>
  <si>
    <t>Rediform Wirebound "Phone Memo" Message Book, 11 x 5-3/4</t>
  </si>
  <si>
    <t>Office Impressions End Table, 20-1/2"H x 24"W x 20"D</t>
  </si>
  <si>
    <t>Berol Giant Pencil Sharpener</t>
  </si>
  <si>
    <t>Belkin Grip Candy Sheer Case / Cover for iPhone 5 and 5S</t>
  </si>
  <si>
    <t>Caroline Jumper</t>
  </si>
  <si>
    <t>Bryan Davis</t>
  </si>
  <si>
    <t>Okidata MB760 Printer</t>
  </si>
  <si>
    <t>Hammermill Color Copier Paper (28Lb. and 96 Bright)</t>
  </si>
  <si>
    <t>Belkin 7 Outlet SurgeMaster Surge Protector with Phone Protection</t>
  </si>
  <si>
    <t>Westinghouse Mesh Shade Clip-On Gooseneck Lamp, Black</t>
  </si>
  <si>
    <t>Ibico EB-19 Dual Function Manual Binding System</t>
  </si>
  <si>
    <t>Okidata MB491 Multifunction Printer</t>
  </si>
  <si>
    <t>Henia Zydlo</t>
  </si>
  <si>
    <t>V7 USB Numeric Keypad</t>
  </si>
  <si>
    <t>Atlantic Metals Mobile 2-Shelf Bookcases, Custom Colors</t>
  </si>
  <si>
    <t>Susan Vittorini</t>
  </si>
  <si>
    <t>Belkin iPhone and iPad Lightning Cable</t>
  </si>
  <si>
    <t>Avery Durable Slant Ring Binders</t>
  </si>
  <si>
    <t>Newell 33</t>
  </si>
  <si>
    <t>Ink Jet Note and Greeting Cards, 8-1/2" x 5-1/2" Card Size</t>
  </si>
  <si>
    <t>Eldon Expressions Wood and Plastic Desk Accessories, Oak</t>
  </si>
  <si>
    <t>Janet Martin</t>
  </si>
  <si>
    <t>Clearsounds A400</t>
  </si>
  <si>
    <t>Raymond Buch</t>
  </si>
  <si>
    <t>Newell 342</t>
  </si>
  <si>
    <t>Avery 473</t>
  </si>
  <si>
    <t>Xerox 1939</t>
  </si>
  <si>
    <t>Eldon Jumbo ProFile Portable File Boxes Graphite/Black</t>
  </si>
  <si>
    <t>#10 Self-Seal White Envelopes</t>
  </si>
  <si>
    <t>C-Line Magnetic Cubicle Keepers, Clear Polypropylene</t>
  </si>
  <si>
    <t>Ampad #10 Peel &amp; Seel Holiday Envelopes</t>
  </si>
  <si>
    <t>Sean Wendt</t>
  </si>
  <si>
    <t>Storex Flexible Poly Binders with Double Pockets</t>
  </si>
  <si>
    <t>Bush Somerset Collection Bookcase</t>
  </si>
  <si>
    <t>TOPS "Important Message" Pads, Canary, 4-1/4 x 5-1/2, 50 Sheets per Pad</t>
  </si>
  <si>
    <t>Jill Matthias</t>
  </si>
  <si>
    <t>GBC ProClick Spines for 32-Hole Punch</t>
  </si>
  <si>
    <t>GBC ProClick 150 Presentation Binding System</t>
  </si>
  <si>
    <t>Dixon Ticonderoga Erasable Colored Pencil Set, 12-Color</t>
  </si>
  <si>
    <t>Xerox 1911</t>
  </si>
  <si>
    <t>3D Systems Cube Printer, 2nd Generation, Magenta</t>
  </si>
  <si>
    <t>Standard Line Â“While You Were OutÂ” Hardbound Telephone Message Book</t>
  </si>
  <si>
    <t>GE General Purpose, Extra Long Life, Showcase &amp; Floodlight Incandescent Bulbs</t>
  </si>
  <si>
    <t>Bush Westfield Collection Bookcases, Fully Assembled</t>
  </si>
  <si>
    <t>Ultra Door Kickplate, 8"H x 34"W</t>
  </si>
  <si>
    <t>Clay Rozendal</t>
  </si>
  <si>
    <t>Premier Electric Letter Opener</t>
  </si>
  <si>
    <t>Ed Ludwig</t>
  </si>
  <si>
    <t>Southworth 25% Cotton Linen-Finish Paper &amp; Envelopes</t>
  </si>
  <si>
    <t>Embossed Ink Jet Note Cards</t>
  </si>
  <si>
    <t>Craig Leslie</t>
  </si>
  <si>
    <t>Avery 493</t>
  </si>
  <si>
    <t>Rob Beeghly</t>
  </si>
  <si>
    <t>Chris McAfee</t>
  </si>
  <si>
    <t>Super Decoflex Portable Personal File</t>
  </si>
  <si>
    <t>Avery 502</t>
  </si>
  <si>
    <t>Susan MacKendrick</t>
  </si>
  <si>
    <t>Cisco 8961 IP Phone Charcoal</t>
  </si>
  <si>
    <t>Avery 496</t>
  </si>
  <si>
    <t>Lindsay Williams</t>
  </si>
  <si>
    <t>Global Adaptabilities Conference Tables</t>
  </si>
  <si>
    <t>Snap-A-Way Black Print Carbonless Speed Message, No Reply Area, Duplicate</t>
  </si>
  <si>
    <t>DAX Solid Wood Frames</t>
  </si>
  <si>
    <t>Executive Impressions 8-1/2" Career Panel/Partition Cubicle Clock</t>
  </si>
  <si>
    <t>Sony Micro Vault Click 8 GB USB 2.0 Flash Drive</t>
  </si>
  <si>
    <t>Sanford Pocket Accent Highlighters</t>
  </si>
  <si>
    <t>TOPS Money Receipt Book, Consecutively Numbered in Red,</t>
  </si>
  <si>
    <t>Cynthia Voltz</t>
  </si>
  <si>
    <t>Euro Pro Shark Stick Mini Vacuum</t>
  </si>
  <si>
    <t>Grip Seal Envelopes</t>
  </si>
  <si>
    <t>Manila Recycled Extra-Heavyweight Clasp Envelopes, 6" x 9"</t>
  </si>
  <si>
    <t>Memorex Mini Travel Drive 32 GB USB 2.0 Flash Drive</t>
  </si>
  <si>
    <t>TOPS Voice Message Log Book, Flash Format</t>
  </si>
  <si>
    <t>Acco Recycled 2" Capacity Laser Printer Hanging Data Binders</t>
  </si>
  <si>
    <t>Panasonic KX MB2061 Multifunction Printer</t>
  </si>
  <si>
    <t>Alejandro Savely</t>
  </si>
  <si>
    <t>Nortel Business Series Terminal T7208 Digital phone</t>
  </si>
  <si>
    <t>Christopher Conant</t>
  </si>
  <si>
    <t>Canon imageCLASS 2200 Advanced Copier</t>
  </si>
  <si>
    <t>BIC Liqua Brite Liner</t>
  </si>
  <si>
    <t>Eldon Expressions Mahogany Wood Desk Collection</t>
  </si>
  <si>
    <t>Logitech G13 Programmable Gameboard with LCD Display</t>
  </si>
  <si>
    <t>Telephone Message Books with Fax/Mobile Section, 5 1/2" x 3 3/16"</t>
  </si>
  <si>
    <t>Robert Waldorf</t>
  </si>
  <si>
    <t>Executive Impressions 16-1/2" Circular Wall Clock</t>
  </si>
  <si>
    <t>Panasonic KX MC6040 Color Laser Multifunction Printer</t>
  </si>
  <si>
    <t>Scot Coram</t>
  </si>
  <si>
    <t>Xerox 230</t>
  </si>
  <si>
    <t>Xerox Blank Computer Paper</t>
  </si>
  <si>
    <t>Liz Preis</t>
  </si>
  <si>
    <t>Roy Skaria</t>
  </si>
  <si>
    <t>Cisco CP-7937G Unified IP Conference Station Phone</t>
  </si>
  <si>
    <t>Bush Cubix Conference Tables, Fully Assembled</t>
  </si>
  <si>
    <t>Darrin Van Huff</t>
  </si>
  <si>
    <t>Canon Color ImageCLASS MF8580Cdw Wireless Laser All-In-One Printer, Copier, Scanner</t>
  </si>
  <si>
    <t>IBM Multi-Purpose Copy Paper, 8 1/2 x 11", Case</t>
  </si>
  <si>
    <t>Xerox 1975</t>
  </si>
  <si>
    <t>Jim Sink</t>
  </si>
  <si>
    <t>Penpower WorldCard Pro Card Scanner</t>
  </si>
  <si>
    <t>Ted Butterfield</t>
  </si>
  <si>
    <t>Wirebound Message Books, 2 7/8" x 5", 3 Forms per Page</t>
  </si>
  <si>
    <t>Sanyo 2.5 Cubic Foot Mid-Size Office Refrigerators</t>
  </si>
  <si>
    <t>Translucent Push Pins by OIC</t>
  </si>
  <si>
    <t>Eldon Executive Woodline II Cherry Finish Desk Accessories</t>
  </si>
  <si>
    <t>Memorex Mini Travel Drive 4 GB USB 2.0 Flash Drive</t>
  </si>
  <si>
    <t>Lela Donovan</t>
  </si>
  <si>
    <t>DAX Executive Solid Wood Document Frame, Desktop or Hang, Mahogany, 5 x 7</t>
  </si>
  <si>
    <t>Phillip Flathmann</t>
  </si>
  <si>
    <t>Avery Hi-Liter Pen Style Six-Color Fluorescent Set</t>
  </si>
  <si>
    <t>Avanti 1.7 Cu. Ft. Refrigerator</t>
  </si>
  <si>
    <t>Jabra SPEAK 410 Multidevice Speakerphone</t>
  </si>
  <si>
    <t>Brother MFC-9340CDW LED All-In-One Printer, Copier Scanner</t>
  </si>
  <si>
    <t>Blue Parrot B250XT Professional Grade Wireless BluetoothÂ HeadsetÂ with</t>
  </si>
  <si>
    <t>Anemone Ratner</t>
  </si>
  <si>
    <t>Fiskars Home &amp; Office Scissors</t>
  </si>
  <si>
    <t>HP Office Paper (20Lb. and 87 Bright)</t>
  </si>
  <si>
    <t>First Data TMFD35 PIN Pad</t>
  </si>
  <si>
    <t>Eldon 300 Class Desk Accessories, Black</t>
  </si>
  <si>
    <t>Sauder Facets Collection Locker/File Cabinet, Sky Alder Finish</t>
  </si>
  <si>
    <t>iHome FM Clock Radio with Lightning Dock</t>
  </si>
  <si>
    <t>Boston 16765 Mini Stand Up Battery Pencil Sharpener</t>
  </si>
  <si>
    <t>Newell 339</t>
  </si>
  <si>
    <t>Larry Blacks</t>
  </si>
  <si>
    <t>Tenex Chairmat w/ Average Lip, 45" x 53"</t>
  </si>
  <si>
    <t>Avery 498</t>
  </si>
  <si>
    <t>Eldon 500 Class Desk Accessories</t>
  </si>
  <si>
    <t>Barricks Non-Folding Utility Table with Steel Legs, Laminate Tops</t>
  </si>
  <si>
    <t>Alex Grayson</t>
  </si>
  <si>
    <t>Sony Micro Vault Click 4 GB USB 2.0 Flash Drive</t>
  </si>
  <si>
    <t>Max Ludwig</t>
  </si>
  <si>
    <t>Avery 478</t>
  </si>
  <si>
    <t>Array Memo Cubes</t>
  </si>
  <si>
    <t>Rediform S.O.S. 1-Up Phone Message Bk, 4-1/4x3-1/16 Bk, 1 Form/Pg, 40 Messages/Bk, 3/Pk</t>
  </si>
  <si>
    <t>Anthony O'Donnell</t>
  </si>
  <si>
    <t>Mick Hernandez</t>
  </si>
  <si>
    <t>Avery 515</t>
  </si>
  <si>
    <t>Advantus SlideClip Paper Clips</t>
  </si>
  <si>
    <t>Samsung Replacement EH64AVFWE Premium Headset</t>
  </si>
  <si>
    <t>Avery 484</t>
  </si>
  <si>
    <t>Okidata C610n Printer</t>
  </si>
  <si>
    <t>Belkin F9M820V08 8 Outlet Surge</t>
  </si>
  <si>
    <t>Safco Value Mate Steel Bookcase, Baked Enamel Finish on Steel, Black</t>
  </si>
  <si>
    <t>Acme Preferred Stainless Steel Scissors</t>
  </si>
  <si>
    <t>6" Cubicle Wall Clock, Black</t>
  </si>
  <si>
    <t>14-7/8 x 11 Blue Bar Computer Printout Paper</t>
  </si>
  <si>
    <t>Global Task Chair, Black</t>
  </si>
  <si>
    <t>AT&amp;T CL83451 4-Handset Telephone</t>
  </si>
  <si>
    <t>Acco Perma 2700 Stacking Storage Drawers</t>
  </si>
  <si>
    <t>Electrix Architect's Clamp-On Swing Arm Lamp, Black</t>
  </si>
  <si>
    <t>Xerox 1968</t>
  </si>
  <si>
    <t>Lexmark X 9575 Professional All-in-One Color Printer</t>
  </si>
  <si>
    <t>Kleencut Forged Office Shears by Acme United Corporation</t>
  </si>
  <si>
    <t>PayAnywhere Card Reader</t>
  </si>
  <si>
    <t>Eldon 400 Class Desk Accessories, Black Carbon</t>
  </si>
  <si>
    <t>Xerox 1905</t>
  </si>
  <si>
    <t>Hoover Commercial Lightweight Upright Vacuum with E-Z Empty Dirt Cup</t>
  </si>
  <si>
    <t>Newell 328</t>
  </si>
  <si>
    <t>Letter Size File</t>
  </si>
  <si>
    <t>Zebra GK420t Direct Thermal/Thermal Transfer Printer</t>
  </si>
  <si>
    <t>Fellowes Econo/Stor Drawers</t>
  </si>
  <si>
    <t>Bush Westfield Collection Bookcases, Dark Cherry Finish, Fully Assembled</t>
  </si>
  <si>
    <t>SAFCO Folding Chair Trolley</t>
  </si>
  <si>
    <t>Xerox 1982</t>
  </si>
  <si>
    <t>Charles McCrossin</t>
  </si>
  <si>
    <t>Linden 12" Wall Clock With Oak Frame</t>
  </si>
  <si>
    <t>Okidata B401 Printer</t>
  </si>
  <si>
    <t>Okidata B400 Printer</t>
  </si>
  <si>
    <t>Logitech Wireless Headset H600 Over-The-Head Design</t>
  </si>
  <si>
    <t>Cherry 142-key Programmable Keyboard</t>
  </si>
  <si>
    <t>Wyoming</t>
  </si>
  <si>
    <t>Belkin F9S820V06 8 Outlet Surge</t>
  </si>
  <si>
    <t>Newell 338</t>
  </si>
  <si>
    <t>Magnifier Swing Arm Lamp</t>
  </si>
  <si>
    <t>Sung Chung</t>
  </si>
  <si>
    <t>Adrian Shami</t>
  </si>
  <si>
    <t>Xiaomi Mi3</t>
  </si>
  <si>
    <t>Ralph Ritter</t>
  </si>
  <si>
    <t>Avaya 5420 Digital phone</t>
  </si>
  <si>
    <t>Texas Instrument TI-15 Fraction Calculator</t>
  </si>
  <si>
    <t>Stockwell Gold Paper Clips</t>
  </si>
  <si>
    <t>Neola Schneider</t>
  </si>
  <si>
    <t>Carol Darley</t>
  </si>
  <si>
    <t>O'Sullivan Cherrywood Estates Traditional Bookcase</t>
  </si>
  <si>
    <t>Konica Minolta magicolor 1690MF Multifunction Printer</t>
  </si>
  <si>
    <t>NETGEAR RangeMax WNR1000 Wireless Router</t>
  </si>
  <si>
    <t>Hewlett-Packard Deskjet 3050a All-in-One Color Inkjet Printer</t>
  </si>
  <si>
    <t>Motorola Moto X</t>
  </si>
  <si>
    <t>Xerox 215</t>
  </si>
  <si>
    <t>Sally Knutson</t>
  </si>
  <si>
    <t>Belkin OmniView SE Rackmount Kit</t>
  </si>
  <si>
    <t>Justin Ellison</t>
  </si>
  <si>
    <t>Newell 318</t>
  </si>
  <si>
    <t>Avery 517</t>
  </si>
  <si>
    <t>Harmony HEPA Quiet Air Purifiers</t>
  </si>
  <si>
    <t>Xerox 1907</t>
  </si>
  <si>
    <t>Xerox 1958</t>
  </si>
  <si>
    <t>Seth Thomas 12" Clock w/ Goldtone Case</t>
  </si>
  <si>
    <t>Strathmore Photo Mount Cards</t>
  </si>
  <si>
    <t>LG G2</t>
  </si>
  <si>
    <t>Samsung Galaxy Note 2</t>
  </si>
  <si>
    <t>Carl Jackson</t>
  </si>
  <si>
    <t>Hoover Commercial SteamVac</t>
  </si>
  <si>
    <t>I.R.I.S IRISCard Anywhere 5 Card Scanner</t>
  </si>
  <si>
    <t>Canon Image Class D660 Copier</t>
  </si>
  <si>
    <t>HP Officejet Pro 8600 e-All-In-One Printer, Copier, Scanner, Fax</t>
  </si>
  <si>
    <t>Microsoft Wireless Mobile Mouse 4000</t>
  </si>
  <si>
    <t>Roland Murray</t>
  </si>
  <si>
    <t>Belkin 8 Outlet SurgeMaster II Gold Surge Protector with Phone Protection</t>
  </si>
  <si>
    <t>Col-Erase Pencils with Erasers</t>
  </si>
  <si>
    <t>Xerox 1980</t>
  </si>
  <si>
    <t>Michelle Lonsdale</t>
  </si>
  <si>
    <t>Career Cubicle Clock, 8 1/4", Black</t>
  </si>
  <si>
    <t>Unpadded Memo Slips</t>
  </si>
  <si>
    <t>Panasonic KX - TS880B Telephone</t>
  </si>
  <si>
    <t>Tony Molinari</t>
  </si>
  <si>
    <t>Multimedia Mailers</t>
  </si>
  <si>
    <t>Color-Coded Legal Exhibit Labels</t>
  </si>
  <si>
    <t>Computer Printout Paper with Letter-Trim Fine Perforations</t>
  </si>
  <si>
    <t>Mitch Gastineau</t>
  </si>
  <si>
    <t>Pencil and Crayon Sharpener</t>
  </si>
  <si>
    <t>Avery 5</t>
  </si>
  <si>
    <t>Universal Ultra Bright White Copier/Laser Paper, 8 1/2" x 11", Ream</t>
  </si>
  <si>
    <t>Plastic Stacking Crates &amp; Casters</t>
  </si>
  <si>
    <t>Nokia Lumia 925</t>
  </si>
  <si>
    <t>North Dakota</t>
  </si>
  <si>
    <t>Bulldog Table or Wall-Mount Pencil Sharpener</t>
  </si>
  <si>
    <t>Belkin 8-Outlet Premiere SurgeMaster II Surge Protectors</t>
  </si>
  <si>
    <t>Sony 8GB Class 10 Micro SDHC R40 Memory Card</t>
  </si>
  <si>
    <t>Hewlett-Packard 300S Scientific Calculator</t>
  </si>
  <si>
    <t>Eureka Disposable Bags for Sanitaire Vibra Groomer I Upright Vac</t>
  </si>
  <si>
    <t>Cisco Desktop Collaboration Experience DX650 IP Video Phone</t>
  </si>
  <si>
    <t>Boston 1799 Powerhouse Electric Pencil Sharpener</t>
  </si>
  <si>
    <t>Clay Cheatham</t>
  </si>
  <si>
    <t>Fellowes Smart Surge Ten-Outlet Protector, Platinum</t>
  </si>
  <si>
    <t>Hewlett-Packard Desktjet 6988DT Refurbished Printer</t>
  </si>
  <si>
    <t>Kingston Digital DataTraveler 64GB USB 2.0</t>
  </si>
  <si>
    <t>West Virginia</t>
  </si>
  <si>
    <t>Chuck Sachs</t>
  </si>
  <si>
    <t>Hewlett-Packard Deskjet 5550 Printer</t>
  </si>
  <si>
    <t>Jenna Caffey</t>
  </si>
  <si>
    <t>Quartet Alpha White Chalk, 12/Pack</t>
  </si>
  <si>
    <t>Wirebound Message Forms, Four 2 3/4 x 5 Forms per Page, Pink Paper</t>
  </si>
  <si>
    <t>Xerox 1998</t>
  </si>
  <si>
    <t>Mead 1st Gear 2" Zipper Binder, Asst. Colors</t>
  </si>
  <si>
    <t>Global Enterprise Series Seating Low-Back Swivel/Tilt Chairs</t>
  </si>
  <si>
    <t>MaxellÂ iVDR EX 500GB Cartridge</t>
  </si>
  <si>
    <t>"While you Were Out" Message Book, One Form per Page</t>
  </si>
  <si>
    <t>Bush Birmingham Collection Bookcase, Dark Cherry</t>
  </si>
  <si>
    <t>iOttie XL Car Mount</t>
  </si>
  <si>
    <t>Theresa Coyne</t>
  </si>
  <si>
    <t>Xerox 1984</t>
  </si>
  <si>
    <t>Global Adaptabilites Bookcase, Cherry/Storm Gray Finish</t>
  </si>
  <si>
    <t>Lexmark 20R1285 X6650 Wireless All-in-One Printer</t>
  </si>
  <si>
    <t>Post-it Â“Important MessageÂ” Note Pad, Neon Colors, 50 Sheets/Pad</t>
  </si>
  <si>
    <t>Stride Job 150 Highlighters, Chisel Tip, Assorted Colors</t>
  </si>
  <si>
    <t>Socket Bluetooth Cordless Hand Scanner (CHS)</t>
  </si>
  <si>
    <t>Wasp CCD Handheld Bar Code Reader</t>
  </si>
  <si>
    <t>Xerox 1989</t>
  </si>
  <si>
    <t>Panasonic KP-310 Heavy-Duty Electric Pencil Sharpener</t>
  </si>
  <si>
    <t>Patricia Hirasaki</t>
  </si>
  <si>
    <t>Jocasta Rupert</t>
  </si>
  <si>
    <t>Xerox 1969</t>
  </si>
  <si>
    <t>Cubify CubeX 3D Printer Triple Head Print</t>
  </si>
  <si>
    <t>Christina DeMoss</t>
  </si>
  <si>
    <t>Decoflex Hanging Personal Folder File</t>
  </si>
  <si>
    <t>Xerox 1938</t>
  </si>
  <si>
    <t>Xerox 1901</t>
  </si>
  <si>
    <t>Panasonic BusinessÂ TelephonesÂ KX-T7736</t>
  </si>
  <si>
    <t>Bush Saratoga Collection 5-Shelf Bookcase, Hanover Cherry, *Special Order</t>
  </si>
  <si>
    <t>Acco Glide Clips</t>
  </si>
  <si>
    <t>Order</t>
  </si>
  <si>
    <t>month</t>
  </si>
  <si>
    <t>year</t>
  </si>
  <si>
    <t>Row Labels</t>
  </si>
  <si>
    <t>Sum of Sales</t>
  </si>
  <si>
    <t>Column Labels</t>
  </si>
  <si>
    <t>Sum of Profit</t>
  </si>
  <si>
    <t>Count of Customer Nam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numFmts count="1">
    <numFmt numFmtId="164" formatCode="dd\-mm\-yyyy"/>
  </numFmts>
  <fonts count="18" x14ac:knownFonts="1">
    <font>
      <sz val="11"/>
      <color theme="1"/>
      <name val="Calibri"/>
      <family val="2"/>
      <scheme val="minor"/>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57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s>
  <fills count="35">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4"/>
        <bgColor theme="4"/>
      </patternFill>
    </fill>
    <fill>
      <patternFill patternType="solid">
        <fgColor theme="4" tint="0.79998168889431442"/>
        <bgColor theme="4" tint="0.79998168889431442"/>
      </patternFill>
    </fill>
  </fills>
  <borders count="14">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theme="4" tint="0.39997558519241921"/>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diagonal/>
    </border>
    <border>
      <left/>
      <right style="thin">
        <color theme="4" tint="0.39997558519241921"/>
      </right>
      <top style="thin">
        <color theme="4" tint="0.39997558519241921"/>
      </top>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 fillId="32" borderId="0" applyNumberFormat="0" applyBorder="0" applyAlignment="0" applyProtection="0"/>
  </cellStyleXfs>
  <cellXfs count="17">
    <xf numFmtId="0" fontId="0" fillId="0" borderId="0" xfId="0"/>
    <xf numFmtId="164" fontId="0" fillId="0" borderId="0" xfId="0" applyNumberFormat="1"/>
    <xf numFmtId="2" fontId="0" fillId="0" borderId="0" xfId="0" applyNumberFormat="1"/>
    <xf numFmtId="1" fontId="0" fillId="0" borderId="0" xfId="0" applyNumberFormat="1"/>
    <xf numFmtId="0" fontId="0" fillId="34" borderId="11" xfId="0" applyFill="1" applyBorder="1"/>
    <xf numFmtId="0" fontId="0" fillId="0" borderId="0" xfId="0" pivotButton="1"/>
    <xf numFmtId="0" fontId="0" fillId="0" borderId="0" xfId="0" applyAlignment="1">
      <alignment horizontal="left"/>
    </xf>
    <xf numFmtId="1" fontId="0" fillId="0" borderId="0" xfId="0" applyNumberFormat="1" applyAlignment="1">
      <alignment horizontal="left"/>
    </xf>
    <xf numFmtId="1" fontId="13" fillId="33" borderId="12" xfId="0" applyNumberFormat="1" applyFont="1" applyFill="1" applyBorder="1"/>
    <xf numFmtId="0" fontId="13" fillId="33" borderId="13" xfId="0" applyFont="1" applyFill="1" applyBorder="1"/>
    <xf numFmtId="1" fontId="0" fillId="34" borderId="12" xfId="0" applyNumberFormat="1" applyFill="1" applyBorder="1"/>
    <xf numFmtId="0" fontId="0" fillId="34" borderId="13" xfId="0" applyFill="1" applyBorder="1"/>
    <xf numFmtId="1" fontId="0" fillId="0" borderId="12" xfId="0" applyNumberFormat="1" applyBorder="1"/>
    <xf numFmtId="0" fontId="0" fillId="0" borderId="13" xfId="0" applyBorder="1"/>
    <xf numFmtId="0" fontId="0" fillId="0" borderId="12" xfId="0" applyBorder="1"/>
    <xf numFmtId="0" fontId="0" fillId="34" borderId="12" xfId="0" applyFill="1" applyBorder="1"/>
    <xf numFmtId="1" fontId="0" fillId="34" borderId="10" xfId="0" applyNumberFormat="1" applyFill="1" applyBorder="1"/>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7">
    <dxf>
      <numFmt numFmtId="1" formatCode="0"/>
    </dxf>
    <dxf>
      <numFmt numFmtId="1" formatCode="0"/>
    </dxf>
    <dxf>
      <numFmt numFmtId="164" formatCode="dd\-mm\-yyyy"/>
    </dxf>
    <dxf>
      <numFmt numFmtId="2" formatCode="0.00"/>
    </dxf>
    <dxf>
      <font>
        <b/>
        <color theme="1"/>
      </font>
      <border>
        <bottom style="thin">
          <color theme="4"/>
        </bottom>
        <vertical/>
        <horizontal/>
      </border>
    </dxf>
    <dxf>
      <font>
        <color theme="1"/>
      </font>
      <fill>
        <patternFill>
          <bgColor rgb="FFFFCCFF"/>
        </patternFill>
      </fill>
      <border>
        <left style="thin">
          <color theme="4"/>
        </left>
        <right style="thin">
          <color theme="4"/>
        </right>
        <top style="thin">
          <color theme="4"/>
        </top>
        <bottom style="thin">
          <color theme="4"/>
        </bottom>
        <vertical/>
        <horizontal/>
      </border>
    </dxf>
    <dxf>
      <fill>
        <patternFill>
          <bgColor rgb="FFFED4F9"/>
        </patternFill>
      </fill>
    </dxf>
  </dxfs>
  <tableStyles count="2" defaultTableStyle="TableStyleMedium2" defaultPivotStyle="PivotStyleLight16">
    <tableStyle name="Slicer Style 1" pivot="0" table="0" count="1" xr9:uid="{00000000-0011-0000-FFFF-FFFF00000000}">
      <tableStyleElement type="wholeTable" dxfId="6"/>
    </tableStyle>
    <tableStyle name="SlicerStyleLight1 2" pivot="0" table="0" count="10" xr9:uid="{00000000-0011-0000-FFFF-FFFF01000000}">
      <tableStyleElement type="wholeTable" dxfId="5"/>
      <tableStyleElement type="headerRow" dxfId="4"/>
    </tableStyle>
  </tableStyles>
  <colors>
    <mruColors>
      <color rgb="FFFFCCFF"/>
      <color rgb="FFFED4F9"/>
      <color rgb="FFFEC6FE"/>
    </mruColors>
  </colors>
  <extLst>
    <ext xmlns:x14="http://schemas.microsoft.com/office/spreadsheetml/2009/9/main" uri="{46F421CA-312F-682f-3DD2-61675219B42D}">
      <x14:dxfs count="8">
        <dxf>
          <font>
            <color rgb="FF000000"/>
          </font>
          <fill>
            <gradientFill degree="90">
              <stop position="0">
                <color rgb="FFF8E162"/>
              </stop>
              <stop position="1">
                <color rgb="FFFCF7E0"/>
              </stop>
            </gradientFill>
          </fill>
          <border>
            <left style="thin">
              <color rgb="FF999999"/>
            </left>
            <right style="thin">
              <color rgb="FF999999"/>
            </right>
            <top style="thin">
              <color rgb="FF999999"/>
            </top>
            <bottom style="thin">
              <color rgb="FF999999"/>
            </bottom>
            <vertical/>
            <horizontal/>
          </border>
        </dxf>
        <dxf>
          <font>
            <color rgb="FF000000"/>
          </font>
          <fill>
            <gradientFill degree="90">
              <stop position="0">
                <color rgb="FFF8E162"/>
              </stop>
              <stop position="1">
                <color rgb="FFFCF7E0"/>
              </stop>
            </gradientFill>
          </fill>
          <border>
            <left style="thin">
              <color rgb="FF999999"/>
            </left>
            <right style="thin">
              <color rgb="FF999999"/>
            </right>
            <top style="thin">
              <color rgb="FF999999"/>
            </top>
            <bottom style="thin">
              <color rgb="FF999999"/>
            </bottom>
            <vertical/>
            <horizontal/>
          </border>
        </dxf>
        <dxf>
          <font>
            <color rgb="FF000000"/>
          </font>
          <fill>
            <gradientFill degree="90">
              <stop position="0">
                <color rgb="FFF8E162"/>
              </stop>
              <stop position="1">
                <color rgb="FFFCF7E0"/>
              </stop>
            </gradientFill>
          </fill>
          <border>
            <left style="thin">
              <color rgb="FF999999"/>
            </left>
            <right style="thin">
              <color rgb="FF999999"/>
            </right>
            <top style="thin">
              <color rgb="FF999999"/>
            </top>
            <bottom style="thin">
              <color rgb="FF999999"/>
            </bottom>
            <vertical/>
            <horizontal/>
          </border>
        </dxf>
        <dxf>
          <font>
            <color rgb="FF000000"/>
          </font>
          <fill>
            <gradientFill degree="90">
              <stop position="0">
                <color rgb="FFF8E162"/>
              </stop>
              <stop position="1">
                <color rgb="FFFCF7E0"/>
              </stop>
            </gradientFill>
          </fill>
          <border>
            <left style="thin">
              <color rgb="FF999999"/>
            </left>
            <right style="thin">
              <color rgb="FF999999"/>
            </right>
            <top style="thin">
              <color rgb="FF999999"/>
            </top>
            <bottom style="thin">
              <color rgb="FF999999"/>
            </bottom>
            <vertical/>
            <horizontal/>
          </border>
        </dxf>
        <dxf>
          <font>
            <color rgb="FF828282"/>
          </font>
          <fill>
            <patternFill patternType="solid">
              <fgColor theme="4" tint="0.79998168889431442"/>
              <bgColor theme="4" tint="0.79998168889431442"/>
            </patternFill>
          </fill>
          <border>
            <left style="thin">
              <color rgb="FFCCCCCC"/>
            </left>
            <right style="thin">
              <color rgb="FFCCCCCC"/>
            </right>
            <top style="thin">
              <color rgb="FFCCCCCC"/>
            </top>
            <bottom style="thin">
              <color rgb="FFCCCCCC"/>
            </bottom>
            <vertical/>
            <horizontal/>
          </border>
        </dxf>
        <dxf>
          <font>
            <color rgb="FF000000"/>
          </font>
          <fill>
            <patternFill patternType="solid">
              <fgColor theme="4" tint="0.59999389629810485"/>
              <bgColor theme="4" tint="0.59999389629810485"/>
            </patternFill>
          </fill>
          <border>
            <left style="thin">
              <color rgb="FF999999"/>
            </left>
            <right style="thin">
              <color rgb="FF999999"/>
            </right>
            <top style="thin">
              <color rgb="FF999999"/>
            </top>
            <bottom style="thin">
              <color rgb="FF999999"/>
            </bottom>
            <vertical/>
            <horizontal/>
          </border>
        </dxf>
        <dxf>
          <font>
            <color rgb="FF828282"/>
          </font>
          <fill>
            <patternFill patternType="solid">
              <fgColor rgb="FFFFFFFF"/>
              <bgColor rgb="FFFFFFFF"/>
            </patternFill>
          </fill>
          <border>
            <left style="thin">
              <color rgb="FFE0E0E0"/>
            </left>
            <right style="thin">
              <color rgb="FFE0E0E0"/>
            </right>
            <top style="thin">
              <color rgb="FFE0E0E0"/>
            </top>
            <bottom style="thin">
              <color rgb="FFE0E0E0"/>
            </bottom>
            <vertical/>
            <horizontal/>
          </border>
        </dxf>
        <dxf>
          <font>
            <color rgb="FF000000"/>
          </font>
          <fill>
            <patternFill patternType="solid">
              <fgColor rgb="FFFFFFFF"/>
              <bgColor rgb="FFFFFFFF"/>
            </patternFill>
          </fill>
          <border>
            <left style="thin">
              <color rgb="FFCCCCCC"/>
            </left>
            <right style="thin">
              <color rgb="FFCCCCCC"/>
            </right>
            <top style="thin">
              <color rgb="FFCCCCCC"/>
            </top>
            <bottom style="thin">
              <color rgb="FFCCCCCC"/>
            </bottom>
            <vertical/>
            <horizontal/>
          </border>
        </dxf>
      </x14:dxfs>
    </ext>
    <ext xmlns:x14="http://schemas.microsoft.com/office/spreadsheetml/2009/9/main" uri="{EB79DEF2-80B8-43e5-95BD-54CBDDF9020C}">
      <x14:slicerStyles defaultSlicerStyle="SlicerStyleLight1">
        <x14:slicerStyle name="Slicer Style 1"/>
        <x14:slicerStyle name="SlicerStyleLight1 2">
          <x14:slicerStyleElements>
            <x14:slicerStyleElement type="unselectedItemWithData" dxfId="7"/>
            <x14:slicerStyleElement type="unselectedItemWithNoData" dxfId="6"/>
            <x14:slicerStyleElement type="selectedItemWithData" dxfId="5"/>
            <x14:slicerStyleElement type="selectedItemWithNoData" dxfId="4"/>
            <x14:slicerStyleElement type="hoveredUnselectedItemWithData" dxfId="3"/>
            <x14:slicerStyleElement type="hoveredSelectedItemWithData" dxfId="2"/>
            <x14:slicerStyleElement type="hoveredUnselectedItemWithNoData" dxfId="1"/>
            <x14:slicerStyleElement type="hoveredSelectedItemWithNoData" dxfId="0"/>
          </x14:slicerStyleElements>
        </x14:slicerStyle>
      </x14:slicerStyles>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microsoft.com/office/2007/relationships/slicerCache" Target="slicerCaches/slicerCache2.xml"/><Relationship Id="rId3" Type="http://schemas.openxmlformats.org/officeDocument/2006/relationships/worksheet" Target="worksheets/sheet3.xml"/><Relationship Id="rId7" Type="http://schemas.openxmlformats.org/officeDocument/2006/relationships/worksheet" Target="worksheets/sheet7.xml"/><Relationship Id="rId12" Type="http://schemas.microsoft.com/office/2007/relationships/slicerCache" Target="slicerCaches/slicerCache1.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pivotCacheDefinition" Target="pivotCache/pivotCacheDefinition2.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pivotCacheDefinition" Target="pivotCache/pivotCacheDefinition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charts/_rels/chart1.xml.rels><?xml version="1.0" encoding="UTF-8" standalone="yes"?>
<Relationships xmlns="http://schemas.openxmlformats.org/package/2006/relationships"><Relationship Id="rId2" Type="http://schemas.microsoft.com/office/2011/relationships/chartColorStyle" Target="colors2.xml"/><Relationship Id="rId1" Type="http://schemas.microsoft.com/office/2011/relationships/chartStyle" Target="style2.xml"/></Relationships>
</file>

<file path=xl/charts/_rels/chart2.xml.rels><?xml version="1.0" encoding="UTF-8" standalone="yes"?>
<Relationships xmlns="http://schemas.openxmlformats.org/package/2006/relationships"><Relationship Id="rId2" Type="http://schemas.microsoft.com/office/2011/relationships/chartColorStyle" Target="colors3.xml"/><Relationship Id="rId1" Type="http://schemas.microsoft.com/office/2011/relationships/chartStyle" Target="style3.xml"/></Relationships>
</file>

<file path=xl/charts/_rels/chart3.xml.rels><?xml version="1.0" encoding="UTF-8" standalone="yes"?>
<Relationships xmlns="http://schemas.openxmlformats.org/package/2006/relationships"><Relationship Id="rId2" Type="http://schemas.microsoft.com/office/2011/relationships/chartColorStyle" Target="colors4.xml"/><Relationship Id="rId1" Type="http://schemas.microsoft.com/office/2011/relationships/chartStyle" Target="style4.xml"/></Relationships>
</file>

<file path=xl/charts/_rels/chart4.xml.rels><?xml version="1.0" encoding="UTF-8" standalone="yes"?>
<Relationships xmlns="http://schemas.openxmlformats.org/package/2006/relationships"><Relationship Id="rId2" Type="http://schemas.microsoft.com/office/2011/relationships/chartColorStyle" Target="colors6.xml"/><Relationship Id="rId1" Type="http://schemas.microsoft.com/office/2011/relationships/chartStyle" Target="style6.xml"/></Relationships>
</file>

<file path=xl/charts/_rels/chart5.xml.rels><?xml version="1.0" encoding="UTF-8" standalone="yes"?>
<Relationships xmlns="http://schemas.openxmlformats.org/package/2006/relationships"><Relationship Id="rId2" Type="http://schemas.microsoft.com/office/2011/relationships/chartColorStyle" Target="colors8.xml"/><Relationship Id="rId1" Type="http://schemas.microsoft.com/office/2011/relationships/chartStyle" Target="style8.xml"/></Relationships>
</file>

<file path=xl/charts/_rels/chart6.xml.rels><?xml version="1.0" encoding="UTF-8" standalone="yes"?>
<Relationships xmlns="http://schemas.openxmlformats.org/package/2006/relationships"><Relationship Id="rId2" Type="http://schemas.microsoft.com/office/2011/relationships/chartColorStyle" Target="colors9.xml"/><Relationship Id="rId1" Type="http://schemas.microsoft.com/office/2011/relationships/chartStyle" Target="style9.xml"/></Relationships>
</file>

<file path=xl/charts/_rels/chart7.xml.rels><?xml version="1.0" encoding="UTF-8" standalone="yes"?>
<Relationships xmlns="http://schemas.openxmlformats.org/package/2006/relationships"><Relationship Id="rId2" Type="http://schemas.microsoft.com/office/2011/relationships/chartColorStyle" Target="colors10.xml"/><Relationship Id="rId1" Type="http://schemas.microsoft.com/office/2011/relationships/chartStyle" Target="style10.xml"/></Relationships>
</file>

<file path=xl/charts/_rels/chart8.xml.rels><?xml version="1.0" encoding="UTF-8" standalone="yes"?>
<Relationships xmlns="http://schemas.openxmlformats.org/package/2006/relationships"><Relationship Id="rId2" Type="http://schemas.microsoft.com/office/2011/relationships/chartColorStyle" Target="colors12.xml"/><Relationship Id="rId1" Type="http://schemas.microsoft.com/office/2011/relationships/chartStyle" Target="style12.xml"/></Relationships>
</file>

<file path=xl/charts/_rels/chartEx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_rels/chartEx2.xml.rels><?xml version="1.0" encoding="UTF-8" standalone="yes"?>
<Relationships xmlns="http://schemas.openxmlformats.org/package/2006/relationships"><Relationship Id="rId2" Type="http://schemas.microsoft.com/office/2011/relationships/chartColorStyle" Target="colors5.xml"/><Relationship Id="rId1" Type="http://schemas.microsoft.com/office/2011/relationships/chartStyle" Target="style5.xml"/></Relationships>
</file>

<file path=xl/charts/_rels/chartEx3.xml.rels><?xml version="1.0" encoding="UTF-8" standalone="yes"?>
<Relationships xmlns="http://schemas.openxmlformats.org/package/2006/relationships"><Relationship Id="rId2" Type="http://schemas.microsoft.com/office/2011/relationships/chartColorStyle" Target="colors7.xml"/><Relationship Id="rId1" Type="http://schemas.microsoft.com/office/2011/relationships/chartStyle" Target="style7.xml"/></Relationships>
</file>

<file path=xl/charts/_rels/chartEx4.xml.rels><?xml version="1.0" encoding="UTF-8" standalone="yes"?>
<Relationships xmlns="http://schemas.openxmlformats.org/package/2006/relationships"><Relationship Id="rId2" Type="http://schemas.microsoft.com/office/2011/relationships/chartColorStyle" Target="colors11.xml"/><Relationship Id="rId1" Type="http://schemas.microsoft.com/office/2011/relationships/chartStyle" Target="style1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sales_dashboard (excel).xlsx]profit gained over time!PivotTable7</c:name>
    <c:fmtId val="1"/>
  </c:pivotSource>
  <c:chart>
    <c:autoTitleDeleted val="0"/>
    <c:pivotFmts>
      <c:pivotFmt>
        <c:idx val="0"/>
        <c:spPr>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3"/>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manualLayout>
          <c:layoutTarget val="inner"/>
          <c:xMode val="edge"/>
          <c:yMode val="edge"/>
          <c:x val="0.11724759405074368"/>
          <c:y val="0.30814377369495477"/>
          <c:w val="0.78141863283132396"/>
          <c:h val="0.60760498687664044"/>
        </c:manualLayout>
      </c:layout>
      <c:lineChart>
        <c:grouping val="standard"/>
        <c:varyColors val="0"/>
        <c:ser>
          <c:idx val="0"/>
          <c:order val="0"/>
          <c:tx>
            <c:strRef>
              <c:f>'profit gained over time'!$B$3:$B$4</c:f>
              <c:strCache>
                <c:ptCount val="1"/>
                <c:pt idx="0">
                  <c:v>Furniture</c:v>
                </c:pt>
              </c:strCache>
            </c:strRef>
          </c:tx>
          <c:spPr>
            <a:ln w="28575" cap="rnd">
              <a:solidFill>
                <a:schemeClr val="accent1"/>
              </a:solidFill>
              <a:round/>
            </a:ln>
            <a:effectLst/>
          </c:spPr>
          <c:marker>
            <c:symbol val="none"/>
          </c:marker>
          <c:cat>
            <c:strRef>
              <c:f>'profit gained over time'!$A$5:$A$8</c:f>
              <c:strCache>
                <c:ptCount val="4"/>
                <c:pt idx="0">
                  <c:v>2014</c:v>
                </c:pt>
                <c:pt idx="1">
                  <c:v>2015</c:v>
                </c:pt>
                <c:pt idx="2">
                  <c:v>2016</c:v>
                </c:pt>
                <c:pt idx="3">
                  <c:v>2017</c:v>
                </c:pt>
              </c:strCache>
            </c:strRef>
          </c:cat>
          <c:val>
            <c:numRef>
              <c:f>'profit gained over time'!$B$5:$B$8</c:f>
              <c:numCache>
                <c:formatCode>General</c:formatCode>
                <c:ptCount val="4"/>
                <c:pt idx="0">
                  <c:v>156911.51999999996</c:v>
                </c:pt>
                <c:pt idx="1">
                  <c:v>170518.26000000013</c:v>
                </c:pt>
                <c:pt idx="2">
                  <c:v>198901.55000000005</c:v>
                </c:pt>
                <c:pt idx="3">
                  <c:v>215387.28000000009</c:v>
                </c:pt>
              </c:numCache>
            </c:numRef>
          </c:val>
          <c:smooth val="0"/>
          <c:extLst>
            <c:ext xmlns:c16="http://schemas.microsoft.com/office/drawing/2014/chart" uri="{C3380CC4-5D6E-409C-BE32-E72D297353CC}">
              <c16:uniqueId val="{00000000-B592-4000-AA63-6B698516A7A0}"/>
            </c:ext>
          </c:extLst>
        </c:ser>
        <c:ser>
          <c:idx val="1"/>
          <c:order val="1"/>
          <c:tx>
            <c:strRef>
              <c:f>'profit gained over time'!$C$3:$C$4</c:f>
              <c:strCache>
                <c:ptCount val="1"/>
                <c:pt idx="0">
                  <c:v>Office Supplies</c:v>
                </c:pt>
              </c:strCache>
            </c:strRef>
          </c:tx>
          <c:spPr>
            <a:ln w="28575" cap="rnd">
              <a:solidFill>
                <a:schemeClr val="accent2"/>
              </a:solidFill>
              <a:round/>
            </a:ln>
            <a:effectLst/>
          </c:spPr>
          <c:marker>
            <c:symbol val="none"/>
          </c:marker>
          <c:cat>
            <c:strRef>
              <c:f>'profit gained over time'!$A$5:$A$8</c:f>
              <c:strCache>
                <c:ptCount val="4"/>
                <c:pt idx="0">
                  <c:v>2014</c:v>
                </c:pt>
                <c:pt idx="1">
                  <c:v>2015</c:v>
                </c:pt>
                <c:pt idx="2">
                  <c:v>2016</c:v>
                </c:pt>
                <c:pt idx="3">
                  <c:v>2017</c:v>
                </c:pt>
              </c:strCache>
            </c:strRef>
          </c:cat>
          <c:val>
            <c:numRef>
              <c:f>'profit gained over time'!$C$5:$C$8</c:f>
              <c:numCache>
                <c:formatCode>General</c:formatCode>
                <c:ptCount val="4"/>
                <c:pt idx="0">
                  <c:v>151776.41000000006</c:v>
                </c:pt>
                <c:pt idx="1">
                  <c:v>137233.4200000001</c:v>
                </c:pt>
                <c:pt idx="2">
                  <c:v>183940.06999999977</c:v>
                </c:pt>
                <c:pt idx="3">
                  <c:v>246097.08999999968</c:v>
                </c:pt>
              </c:numCache>
            </c:numRef>
          </c:val>
          <c:smooth val="0"/>
          <c:extLst>
            <c:ext xmlns:c16="http://schemas.microsoft.com/office/drawing/2014/chart" uri="{C3380CC4-5D6E-409C-BE32-E72D297353CC}">
              <c16:uniqueId val="{00000004-B592-4000-AA63-6B698516A7A0}"/>
            </c:ext>
          </c:extLst>
        </c:ser>
        <c:ser>
          <c:idx val="2"/>
          <c:order val="2"/>
          <c:tx>
            <c:strRef>
              <c:f>'profit gained over time'!$D$3:$D$4</c:f>
              <c:strCache>
                <c:ptCount val="1"/>
                <c:pt idx="0">
                  <c:v>Technology</c:v>
                </c:pt>
              </c:strCache>
            </c:strRef>
          </c:tx>
          <c:spPr>
            <a:ln w="28575" cap="rnd">
              <a:solidFill>
                <a:schemeClr val="accent3"/>
              </a:solidFill>
              <a:round/>
            </a:ln>
            <a:effectLst/>
          </c:spPr>
          <c:marker>
            <c:symbol val="none"/>
          </c:marker>
          <c:cat>
            <c:strRef>
              <c:f>'profit gained over time'!$A$5:$A$8</c:f>
              <c:strCache>
                <c:ptCount val="4"/>
                <c:pt idx="0">
                  <c:v>2014</c:v>
                </c:pt>
                <c:pt idx="1">
                  <c:v>2015</c:v>
                </c:pt>
                <c:pt idx="2">
                  <c:v>2016</c:v>
                </c:pt>
                <c:pt idx="3">
                  <c:v>2017</c:v>
                </c:pt>
              </c:strCache>
            </c:strRef>
          </c:cat>
          <c:val>
            <c:numRef>
              <c:f>'profit gained over time'!$D$5:$D$8</c:f>
              <c:numCache>
                <c:formatCode>General</c:formatCode>
                <c:ptCount val="4"/>
                <c:pt idx="0">
                  <c:v>175278.26000000015</c:v>
                </c:pt>
                <c:pt idx="1">
                  <c:v>162780.78000000003</c:v>
                </c:pt>
                <c:pt idx="2">
                  <c:v>226364.24000000014</c:v>
                </c:pt>
                <c:pt idx="3">
                  <c:v>271730.82000000012</c:v>
                </c:pt>
              </c:numCache>
            </c:numRef>
          </c:val>
          <c:smooth val="0"/>
          <c:extLst>
            <c:ext xmlns:c16="http://schemas.microsoft.com/office/drawing/2014/chart" uri="{C3380CC4-5D6E-409C-BE32-E72D297353CC}">
              <c16:uniqueId val="{00000005-B592-4000-AA63-6B698516A7A0}"/>
            </c:ext>
          </c:extLst>
        </c:ser>
        <c:dLbls>
          <c:showLegendKey val="0"/>
          <c:showVal val="0"/>
          <c:showCatName val="0"/>
          <c:showSerName val="0"/>
          <c:showPercent val="0"/>
          <c:showBubbleSize val="0"/>
        </c:dLbls>
        <c:smooth val="0"/>
        <c:axId val="1772997791"/>
        <c:axId val="1772995871"/>
      </c:lineChart>
      <c:catAx>
        <c:axId val="177299779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72995871"/>
        <c:crosses val="autoZero"/>
        <c:auto val="1"/>
        <c:lblAlgn val="ctr"/>
        <c:lblOffset val="100"/>
        <c:noMultiLvlLbl val="0"/>
      </c:catAx>
      <c:valAx>
        <c:axId val="177299587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72997791"/>
        <c:crosses val="autoZero"/>
        <c:crossBetween val="between"/>
      </c:valAx>
      <c:spPr>
        <a:noFill/>
        <a:ln>
          <a:noFill/>
        </a:ln>
        <a:effectLst/>
      </c:spPr>
    </c:plotArea>
    <c:legend>
      <c:legendPos val="r"/>
      <c:layout>
        <c:manualLayout>
          <c:xMode val="edge"/>
          <c:yMode val="edge"/>
          <c:x val="7.2106427872986462E-2"/>
          <c:y val="7.0890201224846877E-2"/>
          <c:w val="0.79733789960746881"/>
          <c:h val="0.15349482356372124"/>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sVisible val="1"/>
      </c14:pivotOptions>
    </c:ext>
    <c:ext xmlns:c16="http://schemas.microsoft.com/office/drawing/2014/chart" uri="{E28EC0CA-F0BB-4C9C-879D-F8772B89E7AC}">
      <c16:pivotOptions16>
        <c16:showExpandCollapseFieldButtons val="1"/>
      </c16:pivotOptions16>
    </c:ext>
  </c:extLst>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sales_dashboard (excel).xlsx]monthly sales per year!PivotTable8</c:name>
    <c:fmtId val="5"/>
  </c:pivotSource>
  <c:chart>
    <c:autoTitleDeleted val="1"/>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manualLayout>
          <c:layoutTarget val="inner"/>
          <c:xMode val="edge"/>
          <c:yMode val="edge"/>
          <c:x val="0.11846981627296588"/>
          <c:y val="5.215742057847321E-2"/>
          <c:w val="0.85219685039370074"/>
          <c:h val="0.83784605160485803"/>
        </c:manualLayout>
      </c:layout>
      <c:areaChart>
        <c:grouping val="standard"/>
        <c:varyColors val="0"/>
        <c:ser>
          <c:idx val="0"/>
          <c:order val="0"/>
          <c:tx>
            <c:strRef>
              <c:f>'monthly sales per year'!$B$3</c:f>
              <c:strCache>
                <c:ptCount val="1"/>
                <c:pt idx="0">
                  <c:v>Total</c:v>
                </c:pt>
              </c:strCache>
            </c:strRef>
          </c:tx>
          <c:spPr>
            <a:solidFill>
              <a:schemeClr val="accent1"/>
            </a:solidFill>
            <a:ln>
              <a:noFill/>
            </a:ln>
            <a:effectLst/>
          </c:spPr>
          <c:cat>
            <c:strRef>
              <c:f>'monthly sales per year'!$A$4:$A$15</c:f>
              <c:strCache>
                <c:ptCount val="12"/>
                <c:pt idx="0">
                  <c:v>1</c:v>
                </c:pt>
                <c:pt idx="1">
                  <c:v>2</c:v>
                </c:pt>
                <c:pt idx="2">
                  <c:v>3</c:v>
                </c:pt>
                <c:pt idx="3">
                  <c:v>4</c:v>
                </c:pt>
                <c:pt idx="4">
                  <c:v>5</c:v>
                </c:pt>
                <c:pt idx="5">
                  <c:v>6</c:v>
                </c:pt>
                <c:pt idx="6">
                  <c:v>7</c:v>
                </c:pt>
                <c:pt idx="7">
                  <c:v>8</c:v>
                </c:pt>
                <c:pt idx="8">
                  <c:v>9</c:v>
                </c:pt>
                <c:pt idx="9">
                  <c:v>10</c:v>
                </c:pt>
                <c:pt idx="10">
                  <c:v>11</c:v>
                </c:pt>
                <c:pt idx="11">
                  <c:v>12</c:v>
                </c:pt>
              </c:strCache>
            </c:strRef>
          </c:cat>
          <c:val>
            <c:numRef>
              <c:f>'monthly sales per year'!$B$4:$B$15</c:f>
              <c:numCache>
                <c:formatCode>General</c:formatCode>
                <c:ptCount val="12"/>
                <c:pt idx="0">
                  <c:v>94924.87</c:v>
                </c:pt>
                <c:pt idx="1">
                  <c:v>59751.260000000017</c:v>
                </c:pt>
                <c:pt idx="2">
                  <c:v>205005.51000000036</c:v>
                </c:pt>
                <c:pt idx="3">
                  <c:v>137480.78999999989</c:v>
                </c:pt>
                <c:pt idx="4">
                  <c:v>155028.82999999993</c:v>
                </c:pt>
                <c:pt idx="5">
                  <c:v>152718.72000000006</c:v>
                </c:pt>
                <c:pt idx="6">
                  <c:v>147238.11000000004</c:v>
                </c:pt>
                <c:pt idx="7">
                  <c:v>159043.99000000008</c:v>
                </c:pt>
                <c:pt idx="8">
                  <c:v>307649.96000000049</c:v>
                </c:pt>
                <c:pt idx="9">
                  <c:v>200323.02999999994</c:v>
                </c:pt>
                <c:pt idx="10">
                  <c:v>352461.08999999944</c:v>
                </c:pt>
                <c:pt idx="11">
                  <c:v>325293.54000000033</c:v>
                </c:pt>
              </c:numCache>
            </c:numRef>
          </c:val>
          <c:extLst>
            <c:ext xmlns:c16="http://schemas.microsoft.com/office/drawing/2014/chart" uri="{C3380CC4-5D6E-409C-BE32-E72D297353CC}">
              <c16:uniqueId val="{00000000-95C0-467C-8C21-93B17A7C52B8}"/>
            </c:ext>
          </c:extLst>
        </c:ser>
        <c:dLbls>
          <c:showLegendKey val="0"/>
          <c:showVal val="0"/>
          <c:showCatName val="0"/>
          <c:showSerName val="0"/>
          <c:showPercent val="0"/>
          <c:showBubbleSize val="0"/>
        </c:dLbls>
        <c:axId val="1664904831"/>
        <c:axId val="1784496623"/>
      </c:areaChart>
      <c:catAx>
        <c:axId val="1664904831"/>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84496623"/>
        <c:crosses val="autoZero"/>
        <c:auto val="1"/>
        <c:lblAlgn val="ctr"/>
        <c:lblOffset val="100"/>
        <c:noMultiLvlLbl val="0"/>
      </c:catAx>
      <c:valAx>
        <c:axId val="178449662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64904831"/>
        <c:crosses val="autoZero"/>
        <c:crossBetween val="midCat"/>
      </c:valAx>
      <c:spPr>
        <a:noFill/>
        <a:ln>
          <a:noFill/>
        </a:ln>
        <a:effectLst/>
      </c:spPr>
    </c:plotArea>
    <c:plotVisOnly val="1"/>
    <c:dispBlanksAs val="zero"/>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AF98-4ED9-8C74-F14BCEC1F0D7}"/>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AF98-4ED9-8C74-F14BCEC1F0D7}"/>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AF98-4ED9-8C74-F14BCEC1F0D7}"/>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AF98-4ED9-8C74-F14BCEC1F0D7}"/>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AF98-4ED9-8C74-F14BCEC1F0D7}"/>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bestFit"/>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top 5 customer'!$C$4:$C$8</c:f>
              <c:strCache>
                <c:ptCount val="5"/>
                <c:pt idx="0">
                  <c:v>Tamara Chand</c:v>
                </c:pt>
                <c:pt idx="1">
                  <c:v>Raymond Buch</c:v>
                </c:pt>
                <c:pt idx="2">
                  <c:v>Sanjit Chand</c:v>
                </c:pt>
                <c:pt idx="3">
                  <c:v>Hunter Lopez</c:v>
                </c:pt>
                <c:pt idx="4">
                  <c:v>Adrian Barton</c:v>
                </c:pt>
              </c:strCache>
            </c:strRef>
          </c:cat>
          <c:val>
            <c:numRef>
              <c:f>'top 5 customer'!$D$4:$D$8</c:f>
              <c:numCache>
                <c:formatCode>General</c:formatCode>
                <c:ptCount val="5"/>
                <c:pt idx="0">
                  <c:v>8981.32</c:v>
                </c:pt>
                <c:pt idx="1">
                  <c:v>6976.09</c:v>
                </c:pt>
                <c:pt idx="2">
                  <c:v>5757.42</c:v>
                </c:pt>
                <c:pt idx="3">
                  <c:v>5622.43</c:v>
                </c:pt>
                <c:pt idx="4">
                  <c:v>5444.8099999999995</c:v>
                </c:pt>
              </c:numCache>
            </c:numRef>
          </c:val>
          <c:extLst>
            <c:ext xmlns:c16="http://schemas.microsoft.com/office/drawing/2014/chart" uri="{C3380CC4-5D6E-409C-BE32-E72D297353CC}">
              <c16:uniqueId val="{00000000-1371-49D3-9067-E51BC44EFD6A}"/>
            </c:ext>
          </c:extLst>
        </c:ser>
        <c:dLbls>
          <c:dLblPos val="bestFit"/>
          <c:showLegendKey val="0"/>
          <c:showVal val="1"/>
          <c:showCatName val="0"/>
          <c:showSerName val="0"/>
          <c:showPercent val="0"/>
          <c:showBubbleSize val="0"/>
          <c:showLeaderLines val="1"/>
        </c:dLbls>
        <c:firstSliceAng val="0"/>
      </c:pieChart>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sales_dashboard (excel).xlsx]customer count!PivotTable12</c:name>
    <c:fmtId val="2"/>
  </c:pivotSource>
  <c:chart>
    <c:autoTitleDeleted val="1"/>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barChart>
        <c:barDir val="bar"/>
        <c:grouping val="clustered"/>
        <c:varyColors val="0"/>
        <c:ser>
          <c:idx val="0"/>
          <c:order val="0"/>
          <c:tx>
            <c:strRef>
              <c:f>'customer count'!$B$3</c:f>
              <c:strCache>
                <c:ptCount val="1"/>
                <c:pt idx="0">
                  <c:v>Total</c:v>
                </c:pt>
              </c:strCache>
            </c:strRef>
          </c:tx>
          <c:spPr>
            <a:solidFill>
              <a:schemeClr val="accent1"/>
            </a:solidFill>
            <a:ln>
              <a:noFill/>
            </a:ln>
            <a:effectLst/>
          </c:spPr>
          <c:invertIfNegative val="0"/>
          <c:cat>
            <c:strRef>
              <c:f>'customer count'!$A$4:$A$7</c:f>
              <c:strCache>
                <c:ptCount val="4"/>
                <c:pt idx="0">
                  <c:v>2014</c:v>
                </c:pt>
                <c:pt idx="1">
                  <c:v>2015</c:v>
                </c:pt>
                <c:pt idx="2">
                  <c:v>2016</c:v>
                </c:pt>
                <c:pt idx="3">
                  <c:v>2017</c:v>
                </c:pt>
              </c:strCache>
            </c:strRef>
          </c:cat>
          <c:val>
            <c:numRef>
              <c:f>'customer count'!$B$4:$B$7</c:f>
              <c:numCache>
                <c:formatCode>General</c:formatCode>
                <c:ptCount val="4"/>
                <c:pt idx="0">
                  <c:v>595</c:v>
                </c:pt>
                <c:pt idx="1">
                  <c:v>573</c:v>
                </c:pt>
                <c:pt idx="2">
                  <c:v>638</c:v>
                </c:pt>
                <c:pt idx="3">
                  <c:v>693</c:v>
                </c:pt>
              </c:numCache>
            </c:numRef>
          </c:val>
          <c:extLst>
            <c:ext xmlns:c16="http://schemas.microsoft.com/office/drawing/2014/chart" uri="{C3380CC4-5D6E-409C-BE32-E72D297353CC}">
              <c16:uniqueId val="{00000000-D511-44CE-BD65-84C9E08F0A7E}"/>
            </c:ext>
          </c:extLst>
        </c:ser>
        <c:dLbls>
          <c:showLegendKey val="0"/>
          <c:showVal val="0"/>
          <c:showCatName val="0"/>
          <c:showSerName val="0"/>
          <c:showPercent val="0"/>
          <c:showBubbleSize val="0"/>
        </c:dLbls>
        <c:gapWidth val="182"/>
        <c:axId val="1733285055"/>
        <c:axId val="1733285535"/>
      </c:barChart>
      <c:catAx>
        <c:axId val="1733285055"/>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33285535"/>
        <c:crosses val="autoZero"/>
        <c:auto val="1"/>
        <c:lblAlgn val="ctr"/>
        <c:lblOffset val="100"/>
        <c:noMultiLvlLbl val="0"/>
      </c:catAx>
      <c:valAx>
        <c:axId val="1733285535"/>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33285055"/>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sales_dashboard (excel).xlsx]profit gained over time!PivotTable7</c:name>
    <c:fmtId val="4"/>
  </c:pivotSource>
  <c:chart>
    <c:autoTitleDeleted val="0"/>
    <c:pivotFmts>
      <c:pivotFmt>
        <c:idx val="0"/>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3"/>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4"/>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5"/>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6"/>
        <c:spPr>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7"/>
        <c:spPr>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8"/>
        <c:spPr>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9"/>
        <c:spPr>
          <a:solidFill>
            <a:schemeClr val="accent1"/>
          </a:solidFill>
          <a:ln w="28575" cap="rnd">
            <a:solidFill>
              <a:schemeClr val="accent1"/>
            </a:solidFill>
            <a:round/>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manualLayout>
          <c:layoutTarget val="inner"/>
          <c:xMode val="edge"/>
          <c:yMode val="edge"/>
          <c:x val="0.11724759405074368"/>
          <c:y val="0.30814377369495477"/>
          <c:w val="0.78141863283132396"/>
          <c:h val="0.60760498687664044"/>
        </c:manualLayout>
      </c:layout>
      <c:lineChart>
        <c:grouping val="standard"/>
        <c:varyColors val="0"/>
        <c:ser>
          <c:idx val="0"/>
          <c:order val="0"/>
          <c:tx>
            <c:strRef>
              <c:f>'profit gained over time'!$B$3:$B$4</c:f>
              <c:strCache>
                <c:ptCount val="1"/>
                <c:pt idx="0">
                  <c:v>Furniture</c:v>
                </c:pt>
              </c:strCache>
            </c:strRef>
          </c:tx>
          <c:spPr>
            <a:ln w="28575" cap="rnd">
              <a:solidFill>
                <a:schemeClr val="accent1"/>
              </a:solidFill>
              <a:round/>
            </a:ln>
            <a:effectLst/>
          </c:spPr>
          <c:marker>
            <c:symbol val="none"/>
          </c:marker>
          <c:cat>
            <c:strRef>
              <c:f>'profit gained over time'!$A$5:$A$8</c:f>
              <c:strCache>
                <c:ptCount val="4"/>
                <c:pt idx="0">
                  <c:v>2014</c:v>
                </c:pt>
                <c:pt idx="1">
                  <c:v>2015</c:v>
                </c:pt>
                <c:pt idx="2">
                  <c:v>2016</c:v>
                </c:pt>
                <c:pt idx="3">
                  <c:v>2017</c:v>
                </c:pt>
              </c:strCache>
            </c:strRef>
          </c:cat>
          <c:val>
            <c:numRef>
              <c:f>'profit gained over time'!$B$5:$B$8</c:f>
              <c:numCache>
                <c:formatCode>General</c:formatCode>
                <c:ptCount val="4"/>
                <c:pt idx="0">
                  <c:v>156911.51999999996</c:v>
                </c:pt>
                <c:pt idx="1">
                  <c:v>170518.26000000013</c:v>
                </c:pt>
                <c:pt idx="2">
                  <c:v>198901.55000000005</c:v>
                </c:pt>
                <c:pt idx="3">
                  <c:v>215387.28000000009</c:v>
                </c:pt>
              </c:numCache>
            </c:numRef>
          </c:val>
          <c:smooth val="0"/>
          <c:extLst>
            <c:ext xmlns:c16="http://schemas.microsoft.com/office/drawing/2014/chart" uri="{C3380CC4-5D6E-409C-BE32-E72D297353CC}">
              <c16:uniqueId val="{00000000-78E4-4880-864B-97CA45350822}"/>
            </c:ext>
          </c:extLst>
        </c:ser>
        <c:ser>
          <c:idx val="1"/>
          <c:order val="1"/>
          <c:tx>
            <c:strRef>
              <c:f>'profit gained over time'!$C$3:$C$4</c:f>
              <c:strCache>
                <c:ptCount val="1"/>
                <c:pt idx="0">
                  <c:v>Office Supplies</c:v>
                </c:pt>
              </c:strCache>
            </c:strRef>
          </c:tx>
          <c:spPr>
            <a:ln w="28575" cap="rnd">
              <a:solidFill>
                <a:schemeClr val="accent2"/>
              </a:solidFill>
              <a:round/>
            </a:ln>
            <a:effectLst/>
          </c:spPr>
          <c:marker>
            <c:symbol val="none"/>
          </c:marker>
          <c:cat>
            <c:strRef>
              <c:f>'profit gained over time'!$A$5:$A$8</c:f>
              <c:strCache>
                <c:ptCount val="4"/>
                <c:pt idx="0">
                  <c:v>2014</c:v>
                </c:pt>
                <c:pt idx="1">
                  <c:v>2015</c:v>
                </c:pt>
                <c:pt idx="2">
                  <c:v>2016</c:v>
                </c:pt>
                <c:pt idx="3">
                  <c:v>2017</c:v>
                </c:pt>
              </c:strCache>
            </c:strRef>
          </c:cat>
          <c:val>
            <c:numRef>
              <c:f>'profit gained over time'!$C$5:$C$8</c:f>
              <c:numCache>
                <c:formatCode>General</c:formatCode>
                <c:ptCount val="4"/>
                <c:pt idx="0">
                  <c:v>151776.41000000006</c:v>
                </c:pt>
                <c:pt idx="1">
                  <c:v>137233.4200000001</c:v>
                </c:pt>
                <c:pt idx="2">
                  <c:v>183940.06999999977</c:v>
                </c:pt>
                <c:pt idx="3">
                  <c:v>246097.08999999968</c:v>
                </c:pt>
              </c:numCache>
            </c:numRef>
          </c:val>
          <c:smooth val="0"/>
          <c:extLst>
            <c:ext xmlns:c16="http://schemas.microsoft.com/office/drawing/2014/chart" uri="{C3380CC4-5D6E-409C-BE32-E72D297353CC}">
              <c16:uniqueId val="{00000004-78E4-4880-864B-97CA45350822}"/>
            </c:ext>
          </c:extLst>
        </c:ser>
        <c:ser>
          <c:idx val="2"/>
          <c:order val="2"/>
          <c:tx>
            <c:strRef>
              <c:f>'profit gained over time'!$D$3:$D$4</c:f>
              <c:strCache>
                <c:ptCount val="1"/>
                <c:pt idx="0">
                  <c:v>Technology</c:v>
                </c:pt>
              </c:strCache>
            </c:strRef>
          </c:tx>
          <c:spPr>
            <a:ln w="28575" cap="rnd">
              <a:solidFill>
                <a:schemeClr val="accent3"/>
              </a:solidFill>
              <a:round/>
            </a:ln>
            <a:effectLst/>
          </c:spPr>
          <c:marker>
            <c:symbol val="none"/>
          </c:marker>
          <c:cat>
            <c:strRef>
              <c:f>'profit gained over time'!$A$5:$A$8</c:f>
              <c:strCache>
                <c:ptCount val="4"/>
                <c:pt idx="0">
                  <c:v>2014</c:v>
                </c:pt>
                <c:pt idx="1">
                  <c:v>2015</c:v>
                </c:pt>
                <c:pt idx="2">
                  <c:v>2016</c:v>
                </c:pt>
                <c:pt idx="3">
                  <c:v>2017</c:v>
                </c:pt>
              </c:strCache>
            </c:strRef>
          </c:cat>
          <c:val>
            <c:numRef>
              <c:f>'profit gained over time'!$D$5:$D$8</c:f>
              <c:numCache>
                <c:formatCode>General</c:formatCode>
                <c:ptCount val="4"/>
                <c:pt idx="0">
                  <c:v>175278.26000000015</c:v>
                </c:pt>
                <c:pt idx="1">
                  <c:v>162780.78000000003</c:v>
                </c:pt>
                <c:pt idx="2">
                  <c:v>226364.24000000014</c:v>
                </c:pt>
                <c:pt idx="3">
                  <c:v>271730.82000000012</c:v>
                </c:pt>
              </c:numCache>
            </c:numRef>
          </c:val>
          <c:smooth val="0"/>
          <c:extLst>
            <c:ext xmlns:c16="http://schemas.microsoft.com/office/drawing/2014/chart" uri="{C3380CC4-5D6E-409C-BE32-E72D297353CC}">
              <c16:uniqueId val="{00000005-78E4-4880-864B-97CA45350822}"/>
            </c:ext>
          </c:extLst>
        </c:ser>
        <c:dLbls>
          <c:showLegendKey val="0"/>
          <c:showVal val="0"/>
          <c:showCatName val="0"/>
          <c:showSerName val="0"/>
          <c:showPercent val="0"/>
          <c:showBubbleSize val="0"/>
        </c:dLbls>
        <c:smooth val="0"/>
        <c:axId val="1772997791"/>
        <c:axId val="1772995871"/>
      </c:lineChart>
      <c:catAx>
        <c:axId val="177299779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72995871"/>
        <c:crosses val="autoZero"/>
        <c:auto val="1"/>
        <c:lblAlgn val="ctr"/>
        <c:lblOffset val="100"/>
        <c:noMultiLvlLbl val="0"/>
      </c:catAx>
      <c:valAx>
        <c:axId val="177299587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72997791"/>
        <c:crosses val="autoZero"/>
        <c:crossBetween val="between"/>
      </c:valAx>
      <c:spPr>
        <a:noFill/>
        <a:ln>
          <a:noFill/>
        </a:ln>
        <a:effectLst/>
      </c:spPr>
    </c:plotArea>
    <c:legend>
      <c:legendPos val="r"/>
      <c:layout>
        <c:manualLayout>
          <c:xMode val="edge"/>
          <c:yMode val="edge"/>
          <c:x val="3.0323733906520739E-2"/>
          <c:y val="7.0890210776054743E-2"/>
          <c:w val="0.94241075018825993"/>
          <c:h val="0.17168756683192379"/>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sVisible val="1"/>
      </c14:pivotOptions>
    </c:ext>
    <c:ext xmlns:c16="http://schemas.microsoft.com/office/drawing/2014/chart" uri="{E28EC0CA-F0BB-4C9C-879D-F8772B89E7AC}">
      <c16:pivotOptions16>
        <c16:showExpandCollapseFieldButtons val="1"/>
      </c16:pivotOptions16>
    </c:ext>
  </c:extLst>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F4A3-406C-9E12-5ACD06CF614F}"/>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F4A3-406C-9E12-5ACD06CF614F}"/>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F4A3-406C-9E12-5ACD06CF614F}"/>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F4A3-406C-9E12-5ACD06CF614F}"/>
              </c:ext>
            </c:extLst>
          </c:dPt>
          <c:dPt>
            <c:idx val="4"/>
            <c:bubble3D val="0"/>
            <c:explosion val="4"/>
            <c:spPr>
              <a:solidFill>
                <a:schemeClr val="accent5"/>
              </a:solidFill>
              <a:ln w="19050">
                <a:solidFill>
                  <a:schemeClr val="lt1"/>
                </a:solidFill>
              </a:ln>
              <a:effectLst/>
            </c:spPr>
            <c:extLst>
              <c:ext xmlns:c16="http://schemas.microsoft.com/office/drawing/2014/chart" uri="{C3380CC4-5D6E-409C-BE32-E72D297353CC}">
                <c16:uniqueId val="{00000009-F4A3-406C-9E12-5ACD06CF614F}"/>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bestFit"/>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top 5 customer'!$C$4:$C$8</c:f>
              <c:strCache>
                <c:ptCount val="5"/>
                <c:pt idx="0">
                  <c:v>Tamara Chand</c:v>
                </c:pt>
                <c:pt idx="1">
                  <c:v>Raymond Buch</c:v>
                </c:pt>
                <c:pt idx="2">
                  <c:v>Sanjit Chand</c:v>
                </c:pt>
                <c:pt idx="3">
                  <c:v>Hunter Lopez</c:v>
                </c:pt>
                <c:pt idx="4">
                  <c:v>Adrian Barton</c:v>
                </c:pt>
              </c:strCache>
            </c:strRef>
          </c:cat>
          <c:val>
            <c:numRef>
              <c:f>'top 5 customer'!$D$4:$D$8</c:f>
              <c:numCache>
                <c:formatCode>General</c:formatCode>
                <c:ptCount val="5"/>
                <c:pt idx="0">
                  <c:v>8981.32</c:v>
                </c:pt>
                <c:pt idx="1">
                  <c:v>6976.09</c:v>
                </c:pt>
                <c:pt idx="2">
                  <c:v>5757.42</c:v>
                </c:pt>
                <c:pt idx="3">
                  <c:v>5622.43</c:v>
                </c:pt>
                <c:pt idx="4">
                  <c:v>5444.8099999999995</c:v>
                </c:pt>
              </c:numCache>
            </c:numRef>
          </c:val>
          <c:extLst>
            <c:ext xmlns:c16="http://schemas.microsoft.com/office/drawing/2014/chart" uri="{C3380CC4-5D6E-409C-BE32-E72D297353CC}">
              <c16:uniqueId val="{0000000A-F4A3-406C-9E12-5ACD06CF614F}"/>
            </c:ext>
          </c:extLst>
        </c:ser>
        <c:dLbls>
          <c:dLblPos val="bestFit"/>
          <c:showLegendKey val="0"/>
          <c:showVal val="1"/>
          <c:showCatName val="0"/>
          <c:showSerName val="0"/>
          <c:showPercent val="0"/>
          <c:showBubbleSize val="0"/>
          <c:showLeaderLines val="1"/>
        </c:dLbls>
        <c:firstSliceAng val="0"/>
      </c:pieChart>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sales_dashboard (excel).xlsx]customer count!PivotTable12</c:name>
    <c:fmtId val="5"/>
  </c:pivotSource>
  <c:chart>
    <c:autoTitleDeleted val="1"/>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manualLayout>
          <c:layoutTarget val="inner"/>
          <c:xMode val="edge"/>
          <c:yMode val="edge"/>
          <c:x val="0.12479033995252584"/>
          <c:y val="7.0422535211267609E-2"/>
          <c:w val="0.83258009908524744"/>
          <c:h val="0.75218646582220705"/>
        </c:manualLayout>
      </c:layout>
      <c:barChart>
        <c:barDir val="bar"/>
        <c:grouping val="clustered"/>
        <c:varyColors val="0"/>
        <c:ser>
          <c:idx val="0"/>
          <c:order val="0"/>
          <c:tx>
            <c:strRef>
              <c:f>'customer count'!$B$3</c:f>
              <c:strCache>
                <c:ptCount val="1"/>
                <c:pt idx="0">
                  <c:v>Total</c:v>
                </c:pt>
              </c:strCache>
            </c:strRef>
          </c:tx>
          <c:spPr>
            <a:solidFill>
              <a:schemeClr val="accent1"/>
            </a:solidFill>
            <a:ln>
              <a:noFill/>
            </a:ln>
            <a:effectLst/>
          </c:spPr>
          <c:invertIfNegative val="0"/>
          <c:cat>
            <c:strRef>
              <c:f>'customer count'!$A$4:$A$7</c:f>
              <c:strCache>
                <c:ptCount val="4"/>
                <c:pt idx="0">
                  <c:v>2014</c:v>
                </c:pt>
                <c:pt idx="1">
                  <c:v>2015</c:v>
                </c:pt>
                <c:pt idx="2">
                  <c:v>2016</c:v>
                </c:pt>
                <c:pt idx="3">
                  <c:v>2017</c:v>
                </c:pt>
              </c:strCache>
            </c:strRef>
          </c:cat>
          <c:val>
            <c:numRef>
              <c:f>'customer count'!$B$4:$B$7</c:f>
              <c:numCache>
                <c:formatCode>General</c:formatCode>
                <c:ptCount val="4"/>
                <c:pt idx="0">
                  <c:v>595</c:v>
                </c:pt>
                <c:pt idx="1">
                  <c:v>573</c:v>
                </c:pt>
                <c:pt idx="2">
                  <c:v>638</c:v>
                </c:pt>
                <c:pt idx="3">
                  <c:v>693</c:v>
                </c:pt>
              </c:numCache>
            </c:numRef>
          </c:val>
          <c:extLst>
            <c:ext xmlns:c16="http://schemas.microsoft.com/office/drawing/2014/chart" uri="{C3380CC4-5D6E-409C-BE32-E72D297353CC}">
              <c16:uniqueId val="{00000000-3D1C-483E-AF0E-3D2156F1FF7A}"/>
            </c:ext>
          </c:extLst>
        </c:ser>
        <c:dLbls>
          <c:showLegendKey val="0"/>
          <c:showVal val="0"/>
          <c:showCatName val="0"/>
          <c:showSerName val="0"/>
          <c:showPercent val="0"/>
          <c:showBubbleSize val="0"/>
        </c:dLbls>
        <c:gapWidth val="182"/>
        <c:axId val="1733285055"/>
        <c:axId val="1733285535"/>
      </c:barChart>
      <c:catAx>
        <c:axId val="1733285055"/>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33285535"/>
        <c:crosses val="autoZero"/>
        <c:auto val="1"/>
        <c:lblAlgn val="ctr"/>
        <c:lblOffset val="100"/>
        <c:noMultiLvlLbl val="0"/>
      </c:catAx>
      <c:valAx>
        <c:axId val="1733285535"/>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33285055"/>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sales_dashboard (excel).xlsx]monthly sales per year!PivotTable8</c:name>
    <c:fmtId val="10"/>
  </c:pivotSource>
  <c:chart>
    <c:autoTitleDeleted val="1"/>
    <c:pivotFmts>
      <c:pivotFmt>
        <c:idx val="0"/>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1"/>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
        <c:idx val="2"/>
        <c:spPr>
          <a:solidFill>
            <a:schemeClr val="accent1"/>
          </a:solidFill>
          <a:ln>
            <a:noFill/>
          </a:ln>
          <a:effectLst/>
        </c:spPr>
        <c:marker>
          <c:symbol val="none"/>
        </c:marker>
        <c:dLbl>
          <c:idx val="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extLst>
        </c:dLbl>
      </c:pivotFmt>
    </c:pivotFmts>
    <c:plotArea>
      <c:layout>
        <c:manualLayout>
          <c:layoutTarget val="inner"/>
          <c:xMode val="edge"/>
          <c:yMode val="edge"/>
          <c:x val="0.11846981627296588"/>
          <c:y val="5.215742057847321E-2"/>
          <c:w val="0.85219685039370074"/>
          <c:h val="0.83784605160485803"/>
        </c:manualLayout>
      </c:layout>
      <c:areaChart>
        <c:grouping val="standard"/>
        <c:varyColors val="0"/>
        <c:ser>
          <c:idx val="0"/>
          <c:order val="0"/>
          <c:tx>
            <c:strRef>
              <c:f>'monthly sales per year'!$B$3</c:f>
              <c:strCache>
                <c:ptCount val="1"/>
                <c:pt idx="0">
                  <c:v>Total</c:v>
                </c:pt>
              </c:strCache>
            </c:strRef>
          </c:tx>
          <c:spPr>
            <a:solidFill>
              <a:schemeClr val="accent1"/>
            </a:solidFill>
            <a:ln>
              <a:noFill/>
            </a:ln>
            <a:effectLst/>
          </c:spPr>
          <c:cat>
            <c:strRef>
              <c:f>'monthly sales per year'!$A$4:$A$15</c:f>
              <c:strCache>
                <c:ptCount val="12"/>
                <c:pt idx="0">
                  <c:v>1</c:v>
                </c:pt>
                <c:pt idx="1">
                  <c:v>2</c:v>
                </c:pt>
                <c:pt idx="2">
                  <c:v>3</c:v>
                </c:pt>
                <c:pt idx="3">
                  <c:v>4</c:v>
                </c:pt>
                <c:pt idx="4">
                  <c:v>5</c:v>
                </c:pt>
                <c:pt idx="5">
                  <c:v>6</c:v>
                </c:pt>
                <c:pt idx="6">
                  <c:v>7</c:v>
                </c:pt>
                <c:pt idx="7">
                  <c:v>8</c:v>
                </c:pt>
                <c:pt idx="8">
                  <c:v>9</c:v>
                </c:pt>
                <c:pt idx="9">
                  <c:v>10</c:v>
                </c:pt>
                <c:pt idx="10">
                  <c:v>11</c:v>
                </c:pt>
                <c:pt idx="11">
                  <c:v>12</c:v>
                </c:pt>
              </c:strCache>
            </c:strRef>
          </c:cat>
          <c:val>
            <c:numRef>
              <c:f>'monthly sales per year'!$B$4:$B$15</c:f>
              <c:numCache>
                <c:formatCode>General</c:formatCode>
                <c:ptCount val="12"/>
                <c:pt idx="0">
                  <c:v>94924.87</c:v>
                </c:pt>
                <c:pt idx="1">
                  <c:v>59751.260000000017</c:v>
                </c:pt>
                <c:pt idx="2">
                  <c:v>205005.51000000036</c:v>
                </c:pt>
                <c:pt idx="3">
                  <c:v>137480.78999999989</c:v>
                </c:pt>
                <c:pt idx="4">
                  <c:v>155028.82999999993</c:v>
                </c:pt>
                <c:pt idx="5">
                  <c:v>152718.72000000006</c:v>
                </c:pt>
                <c:pt idx="6">
                  <c:v>147238.11000000004</c:v>
                </c:pt>
                <c:pt idx="7">
                  <c:v>159043.99000000008</c:v>
                </c:pt>
                <c:pt idx="8">
                  <c:v>307649.96000000049</c:v>
                </c:pt>
                <c:pt idx="9">
                  <c:v>200323.02999999994</c:v>
                </c:pt>
                <c:pt idx="10">
                  <c:v>352461.08999999944</c:v>
                </c:pt>
                <c:pt idx="11">
                  <c:v>325293.54000000033</c:v>
                </c:pt>
              </c:numCache>
            </c:numRef>
          </c:val>
          <c:extLst>
            <c:ext xmlns:c16="http://schemas.microsoft.com/office/drawing/2014/chart" uri="{C3380CC4-5D6E-409C-BE32-E72D297353CC}">
              <c16:uniqueId val="{00000000-1AA8-47D5-A3F0-D4F05FB345BB}"/>
            </c:ext>
          </c:extLst>
        </c:ser>
        <c:dLbls>
          <c:showLegendKey val="0"/>
          <c:showVal val="0"/>
          <c:showCatName val="0"/>
          <c:showSerName val="0"/>
          <c:showPercent val="0"/>
          <c:showBubbleSize val="0"/>
        </c:dLbls>
        <c:axId val="1664904831"/>
        <c:axId val="1784496623"/>
      </c:areaChart>
      <c:catAx>
        <c:axId val="1664904831"/>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84496623"/>
        <c:crosses val="autoZero"/>
        <c:auto val="1"/>
        <c:lblAlgn val="ctr"/>
        <c:lblOffset val="100"/>
        <c:noMultiLvlLbl val="0"/>
      </c:catAx>
      <c:valAx>
        <c:axId val="178449662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64904831"/>
        <c:crosses val="autoZero"/>
        <c:crossBetween val="midCat"/>
      </c:valAx>
      <c:spPr>
        <a:noFill/>
        <a:ln>
          <a:noFill/>
        </a:ln>
        <a:effectLst/>
      </c:spPr>
    </c:plotArea>
    <c:plotVisOnly val="1"/>
    <c:dispBlanksAs val="zero"/>
    <c:extLst>
      <c:ext xmlns:c16r3="http://schemas.microsoft.com/office/drawing/2017/03/chart" uri="{56B9EC1D-385E-4148-901F-78D8002777C0}">
        <c16r3:dataDisplayOptions16>
          <c16r3:dispNaAsBlank val="1"/>
        </c16r3:dataDisplayOptions16>
      </c:ext>
    </c:extLst>
    <c:showDLblsOverMax val="0"/>
  </c:chart>
  <c:spPr>
    <a:no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extLst>
    <c:ext xmlns:c14="http://schemas.microsoft.com/office/drawing/2007/8/2/chart" uri="{781A3756-C4B2-4CAC-9D66-4F8BD8637D16}">
      <c14:pivotOptions>
        <c14:dropZoneFilter val="1"/>
        <c14:dropZoneCategories val="1"/>
        <c14:dropZoneData val="1"/>
      </c14:pivotOptions>
    </c:ext>
    <c:ext xmlns:c16="http://schemas.microsoft.com/office/drawing/2014/chart" uri="{E28EC0CA-F0BB-4C9C-879D-F8772B89E7AC}">
      <c16:pivotOptions16>
        <c16:showExpandCollapseFieldButtons val="1"/>
      </c16:pivotOptions16>
    </c:ext>
  </c:extLst>
</c:chartSpace>
</file>

<file path=xl/charts/chartEx1.xml><?xml version="1.0" encoding="utf-8"?>
<cx:chartSpace xmlns:a="http://schemas.openxmlformats.org/drawingml/2006/main" xmlns:r="http://schemas.openxmlformats.org/officeDocument/2006/relationships" xmlns:cx="http://schemas.microsoft.com/office/drawing/2014/chartex">
  <cx:chartData>
    <cx:data id="0">
      <cx:strDim type="cat">
        <cx:f>_xlchart.v2.0</cx:f>
      </cx:strDim>
      <cx:numDim type="val">
        <cx:f>_xlchart.v2.1</cx:f>
      </cx:numDim>
    </cx:data>
  </cx:chartData>
  <cx:chart>
    <cx:plotArea>
      <cx:plotAreaRegion>
        <cx:series layoutId="funnel" uniqueId="{750D6993-7F5D-4E5B-B2CA-D34A98BCA7D1}">
          <cx:dataLabels>
            <cx:visibility seriesName="0" categoryName="0" value="1"/>
          </cx:dataLabels>
          <cx:dataId val="0"/>
        </cx:series>
      </cx:plotAreaRegion>
      <cx:axis id="0">
        <cx:catScaling gapWidth="0.0599999987"/>
        <cx:tickLabels/>
      </cx:axis>
    </cx:plotArea>
  </cx:chart>
</cx:chartSpace>
</file>

<file path=xl/charts/chartEx2.xml><?xml version="1.0" encoding="utf-8"?>
<cx:chartSpace xmlns:a="http://schemas.openxmlformats.org/drawingml/2006/main" xmlns:r="http://schemas.openxmlformats.org/officeDocument/2006/relationships" xmlns:cx="http://schemas.microsoft.com/office/drawing/2014/chartex">
  <cx:chartData>
    <cx:data id="0">
      <cx:strDim type="cat">
        <cx:f>_xlchart.v5.3</cx:f>
        <cx:nf>_xlchart.v5.2</cx:nf>
      </cx:strDim>
      <cx:numDim type="colorVal">
        <cx:f>_xlchart.v5.5</cx:f>
        <cx:nf>_xlchart.v5.4</cx:nf>
      </cx:numDim>
    </cx:data>
  </cx:chartData>
  <cx:chart>
    <cx:title pos="t" align="ctr" overlay="0"/>
    <cx:plotArea>
      <cx:plotAreaRegion>
        <cx:series layoutId="regionMap" uniqueId="{770094A0-D28C-4867-AD63-DCCF2571C188}">
          <cx:dataId val="0"/>
          <cx:layoutPr>
            <cx:geography cultureLanguage="en-US" cultureRegion="IN" attribution="Powered by Bing">
              <cx:geoCache provider="{E9337A44-BEBE-4D9F-B70C-5C5E7DAFC167}">
                <cx:binary>1F1pc9tIkv0rDn9eqOsEChPTG9EAeIEidVi++guClmSgcFThvn79JinJljD0WBujjQ2yO8oAwSIT
9ZCZL7OySv+87f9xm97vynd9lqrqH7f9n++jus7/8ccf1W10n+2qs0zelrrS3+uzW539ob9/l7f3
f9yVu06q8A+CMPvjNtqV9X3//r//Cd8W3utzfburpVZXzX05XN9XTVpX/+ba0UvvdneZVJ6s6lLe
1vjP9xut6p3avX93r2pZDzdDfv/n+xcfev/uj+lX/cvPvktBsrq5g77MOkOUcmxbDB1e9P27VKvw
8bKBkX1mMo6JSdnTr253GfR8hSgHQXZ3d+V9VcGtHP591vGF3PD+zft3t7pR9X64Qhi5P99/VLK+
v3v3od7V99X7d7LS7sMHXL0X/uOHw93+8XLA//ufkzfg/ifvPMNkOli/u/QvkPyV7r7tsjeEhJIz
yzQZMZF9FBJhngkGoBFE7IfXS2BeIdBxYH50nADz1/lJAvPpvsxAXZ4G5w10hZ0hixP4b6IkFjkz
TWLapqAPgPCnH31QlVdIchyRHx0niHw6UVUp5ajf0npRdkZsSojA7GHgrYn1whiQYdw2uXnQJfwS
mL9+L9BxYH50nADz198nqSrXEdjTd6sq3am7pxF6A32BwSeC2Fw82inxEh0Ln3EsBNoDdHiBWj34
tQe1ea1UxyF62XuC0/XqJHH6q0x2qtqBK3wr/w8aBOgIRPEjBhOMbHLGqI055+LBGU1M22skOo7P
z54TbP66PklsnljaO/39navTJvsm35IUiDMbMcsC/3PU0lnA4zBom7AecZzg9L+V7jhmx79lgp/n
niR+7i6V33Wp3hQ164xwZpo2fqRy4H9esGsM7BpbxAJsH2B90uwHC/g6mY5j9bzvBCH3r5NEaHvf
vfuqy+RpjN7AQ5Ezm9qEYjEhDhYH14UQExAZHV5w/blreo0ox2H52XMCyvbryYKy3GV5Fcny/mmQ
3gAZemYKbmKb8qNB0J47WJZJ7KcgiTz99oPm7If5VWL9GqVn3adQLU8SKvBKutzd6aeR+s9RouCV
bME5YqAs+9fUviF+xpklqDmhdq8R5TgyP3tOQHEvThKUz4OGFE/4dpgwsGm2DeHoLxgdRtYZ55gx
UKxjPucVAh1H5kfHCTCfT9Wwtbu7t2Rw9hnlJmM2psd1BZtnJufUBnCedOmly/mdPMdh2d4/9Jug
sv10kuqykbeRDHfqDfUFIiCLWbYlHl39JAIS/MyiyLZsIHGHl/n02w+e5jUSHUfmZ88JNpvTjE5d
rdT9bS1vm7dMuu0dPcccktRH1QZybxYVkAEik4jnldIch+ZF5wk67mkm37z7dNft3pKjUfsMIQEk
jD7GnPbL6AZINDOFyYBeP2jOBKHXSHQcnp89J9h4s5O0ap93QJ9VWOu3tGvWGcOYWhQ/zuwAQ34R
exIEPMCkoDkTcvY6aY4j87zvBJvPpxl1rtSdfNMpN1CbvSuBmP9BK+yJ2sD8DpgzSIvajxaPvXQ4
rxDoODY/Ok6AWW1PUmnmEM3It2RoRJzxPfsidIoIJEGFRRkRj9RtojCvkOQ4Ij86ThCZn+aM20YC
Aah0/YasmZlnFCgz5KAf88+TCNNmZ9gGWGAS6KWWvEqW46g86zrBZXOamrLZVdXuNmqq+7qunobp
P4/+IdKE3CUFJwKO/blrgeSMicB4AWd7MHFAqZ+HMq+W5xf4vLydKUan6WYW97oM3zT3DJPSDIix
sI7PGAh6xhijUPfxqFkTo/YKgY7D86PjBJjFaQDz70tQns+7vfjk/7LuBkgAR5APMK3HkoFJAtoG
bo3BrpFfRJ2Typhfi3Uco0n3F3dyGmU3q7td9IaZTMbOqLCRRdjxLADGDLIzNrUg1fnSmP1WkOMI
PHab6MjKO0kqdlHeh28au1CYlxEQO1LzkSO/dDD4ELsICG+ADjz3LL8X5DgaT/0mcFxcnyQcqzSV
Ssu3dPXoDINqMEj1//Dozz2+sM8wA7i4+JkKeI7LayQ6jszPnhNsVqfJkT/L6larSr5lpA+mCbwI
p1Ax+PB6qS0AjkWhDAfM10MKbeLpXyXScXSedZ3A8/k0c5gfdFNH79xdqUGFdk/G5T/nyhQsGqI2
I/ghuY8AgxcKhKAOB6gYxsezzK+X6zhQ0/4TtD64p2nodPeGGEE8gyxmcosdr4W2KXA2hEyMHq9P
ZgJWv5HmODIPvSZ4rE6DK7+QGsrTP9a76A11BmbMCLUgPHl0KhOODLpyZlqCEGJOkPidHMeReOj1
4p7glk4z279+6zpBASkwBqGkZR2dhrEF8GeIWCCmeXBBk4KZ38tzHJOnfhNU1h9O0l59vq/qd58k
BPpvW2YmINQnHGYwfxHqI6gyg5kAG/10Ps/Z2avFOo7RpPsEqs+nOtFcVRL+z3P5hhYNJisJTJn9
YMnTRDOUA3IoPGPksZ5mYtc2e4l+L9RxmF50noC0OU19WsNT3NwmwxsiBMUxBNgyTFxOCBqHWRkw
fow9hqSTWZnXiHIcl589J6Csv56kkbu579+0Qh3DLDIVDKjxcc8DLAEWQ4FjejR+k2Tzb8U5jspj
twkkN19OEpLNTqr7t1MSxmFSZr+u5pmzfx7MmPYZwSbMO1uPVc0TXfmtOMcheew2gWRzmlP+57qR
1RtPLKMzW4CSiOn6NBtDcImBKIvHBMEEj1fJchyTZ10nuJyfZgjzECh7u+RtpzEZLKMBjYCa5R/0
+LnGAGpnhMIiAGxOsHmtPMfhedl7gtAH70SNWTm87UK1fRnz3uvzCR2zzDMLAaeGvM0DapC0ec6b
N7vfS3Icl589J5hsThQTYKW6KeXT+LxBwgwCStOCVWfs0e1Pypf2C9MsCwrLn1YXHqHKv5PoF9j8
uJcpNqdZYb69/1buquQtE2VQk0ksiCith1W1aIqNfQZ+aM/Hji8afI1Ex7H52XOCzfY0WcB+mYp/
X1b3bxjCMJirgVAf5gOOa44F0wUQgcKmFQ9GzZ54nNfJ9Ct8ft7PFCH/JL3Nzf2+pqm6f0P6TDls
4ADKATHmAwLTUHNf80Rh4eAv1ja9SqTj+DzrOoHn5jRLm7a6hPmaN6drUDsLQSdMxzxWZ0yIwZ6u
QR4Ais6edOjJ8T2uPnulVMdBenlPE5y2p0kQ9kZlc9/L2zes2YC16zCfRi3MHt0Q0LOXpNo8wwj2
5AAcJ/i8SppfoPOs7xSbzUmauIfn7f9gzhMW/1EomeGwfObwmszfWFA0IDjDFkwbHF6TyprXy/UL
pA5a+PO+pmi5J4nWRSTfUIeALDDY3QFqbB/ndSY6JCBjjWARrviFpfudNMeReeg1weNieZp4JClU
or3pBlCgN4KCA3qs/5+uqrUhRw1mDaGnZAJ4p+dh6cUrJPoFLj96TrFZnyQ2l0DeqiFtd2863QY6
I2zY1OHRav3LqmfYi0NQIfZTpT/43XN8XivVcYxe9p7gdHmaSbf/gylR0BHI3KB9Uc3hNbFrFkyZ
2rB0DQjEw/UJQ3iNRMfx+dlzgs2n/ydsfr333Y+NAb1dvZsddhR8tv3dv796uHnY5nDS9d3Dg340
//NwaXX353vCYGuHZxXT+y957PlAoJ/qMf+ly/2uqv98b2BYLL3fVwVRKBLlBIzl+3cdTK7vLxF2
BisSuAmpO9NEmENiSO2ZAGx2CCurYH4V6uCAuQMtsUEGSFsdLuH9qvl9RgkWLEIRELJ/bOR4qdMB
qlt/DMfj+TvVZJdaqrr68z2292nb/OGD+xvkiDOo7t7vFodghYRABMH12901rPLbf/6/kqoZk66x
5aUK/haoqHxVjJVvpmPvVt2wHNJwHujmU0SLwB9tUbusTD6KXt6FKKpcIZlybZwp/2cjdKv8IKbn
vcmxl/b0UvJE+4empMm6LnS6iC0epQ4fA+33dW7NcW9s0rAh/qHRVhM7YxYTr9blzG7LYmVirGd1
RDsnTk1zYfajcLIwsuZV0nazvMqSZUPbdUDZbZwawWUB+1zOa2p/UiJOnZG7hRlYl6btlWE3XDZF
Ia8Ska2Cmm1xL8Q5qbINb5JypVr6TZqRnwejsQ5ZZzqF0al5AXuzJPA9PPNLo1D+4aiB+knfJP2n
vGtDr9DmBW1VvuAp3yYtStZGFCu3raq7oA9uUURNv0/FMNO5ThyZmZ3PRI+drpWmWwbNXOGOr/N9
Y7c99SkslM3Ccl0EIfJKVio3hLsxYp/LXPt031RtqB9OD0dYqZs+qROADDBQoWksa6t32iIM18lY
1d7YDLmjWuypDmcP9wAexFwOI3PqRISje7g5BL/mGGWeztqulrNQpzcdjc/jCKXrYSCNN2hBHFIm
li+aiHsNIheSlR422DzBZe9jYyAOCknqZVWUZk6L2srBrVl5nYGdJtSlL2tzFQaiWiiuytTBtc49
3pjE6TurXAcjJZ6VFAmALOYkC60Fslq8ovbzoZ8g8RMdLRM2M8rmO2VqgfIhWGK7jB0s+nxW1qrx
D03fs3ImNL9Hlh5Sp+kqPzTjctEUvPTNvTIcjn42vRFVPkl1sGADn1P4ef/QHG5ociopKfxyDJhb
Amd1IiM3Rzdp0sJ/OBx7ctmlSepKTL4yW+b+2Je5fzj6eYr3741WyZYiS90D8Jr0j5gfTn8+DIej
cegLD/OqdQ4aeVBGa1R24kSCPqrp4enoYv6FZpLOoI7jcUwP43dofr5HIwutktjvhlH54V6R03EI
EoemQvl43xyupGMXeCLvYkeGRPvJj6avapB2r+eZLGXqVEkkHW5FckZalvsljTMA32pz/9l5mszN
ob5iVdWNMyGDzI9Y04+zMt2FCWr8utXMk4bonSypRx/WDo8+3zeH00ND7LhyWJgbTsa/xjhbYhws
8lYlyzCvqSd6rR2biDF1+iGpfVGWcFioQS1UX6/LLvgsdD9rNEGeJRvDF5TeDGLM5l1NROIchGKz
WsrUR3tlO7yB95bw0NAfR4dTu9J4YZdogS0AYdh3IEFFFlksN+AgvLRQeJXUoV6bGdaOgYxwZlA9
wn1Dgwxj8O2ik/OR9V9kVtq+NKLIZ+NHGNkEuyFLWz+g0LSR3fgDKPw8iPiXvKrDdWmxGxHTbH4Q
sdijHWWod3qTZF6/N2iHC62Ms+ILUMViNXSFibe4i2+GoR5Bo1HlJeNVZReZozuWz5q22sZj/60u
DeZSo+sc1J7LsCydvadzCQnupI3T1VjkeF5ktUeC8kMqkFyGSfMJsWJpi466RNmwYxPm3thlV/a8
scvUlxk67zKZzlUBnyhkvQxHPXpNF9sOUOhNLiy1EH3/te9GD/fJ15Bpe0X7mHpVJkanz0cvJftH
oe8vaJkoFzfoazDgYKZxRty+abaS6HCuY5H4RDWmI1tZLUK4O6cOczYrBzP0FGkvkkidp/mYgYlo
5TlTmTNa8DSF2abR3EUkH9eSG16fMLkaarLBRf9BRBV2Ox6kDsos2+nihsyGBvwbF/2y4N16jLvG
z4WOnbKPqrWdDJ/6MlLuEBulJyJ1l0DO1elFc2ugkPljjq0ZFalw+qoa3aK9CoQRzYjdfpRjkSzy
eLgwYlGvwqFr57JX2MnToXNNI7qgNKZrq+LZSiWidmLqhOkYuSrLzBkPkkXF89iJCav9YdBro7Sp
o1XRuryvikXVJJlLq6CecdkQL+wudBiTGWdF7VKWuH0pA1f0Y+y2HLaGbmhjuGksMNhwTd2SUTqn
tKGuyJL7AY9oEdrDTZMOF2lpdjcp5JVnIzXmtabWrNc1naNhdAYTtZ6NSbMkcZDPixy+dKjSy3rk
ygHg+zVRibHthwg6h3fRkJpbkRqpVwR5s1BB9rHP636WWDGeY83+1nEezrvR8BUdCycy6/BySPM1
rQWaj2XoGkZpbBszQU7YicptspY7LU/6D11cVnPOmsELM9u1RIM3Iue5l+EqBC+Cim+pmYfOiEEu
SZt0TqKOuELQz51wo2atbZQ7oyIrHbUeQvIuCaPG6bJgdCLL2DQtcfFQDG4L/nxZ96BArYq+Vlmb
e2jsLK/NC7wyVDeAnbVnJDGNDQhzZ7EhdlqCjRmmbsXGO6zopZUFVyq3NkkKY2oi/XdtV19F0TlB
b286nfnMAr1NSFH6URxuOxqJJUmtJZBL7EYJaGcURZbDg+a8yjD/OFqBMR904BAeGitT5R+TIV41
3PCbssdzkxmNl6J4TuK48Lqoc3XDok/atG9TEoM7QSH2BOLGdqxnTabjhTWYoJM4G92oQ+mMR72L
mqG5tEdizFqbm8AMuttQsdRJ0iBejilP3HoVmfhzVyHi5Qb72pvgaCybOGb/sZbp6PUG+56UFr9S
5U05ROe5HfYzK6yTVZmYgwe8lPhKtyBuHCwrSqUT8CSb5WJZGqS/JIn9AQS9lDJs3Mroik1MI1cO
4arKzPt4oF/GPCSuWaBzigIxY6gt3ZDmnozYtsHALVvY9M2ps8ZwygwZmyzoKkekco1o8T3X4CLK
FkVznZqGE2NDOZRGQGlJMStL61vPg4vYsIt5j4qNDMZ4ptvIdPsEn9dNv6VDJd1GJVfESq5LlCZu
1dY3rPFoFV2ktSzXkZk5pZVZTsh1v+qSFjsJrkZ4VCR3S9FxD0x/6ASiwLMiL4GB9dXnLhkbL7+Q
Ohlc01SRM7ABL80qXdCkMTZQr7Pj/G86yGBdBoVyeNSBKwKtrwslwdUml50FVAaxsHYxMG9VfWub
JJ1bo7EbVTWPGvUlCiUw8ZFJL40ofMr+HIlCO1BkBPEDC7w86pplk6O10SeWBwUN1iwxijs12vUK
BiJ1jfgi57Vj50Z5OYrMSQ03smK+SU3pmmMO7siQlmMkRe90uh88moa23/bSITQXDgGPvR5wNwPz
1GzBl4Zu3lyWomhcHEjDI4rAwA6j25m4dDIk9dKSMYQ5qJ0lvZ4HcQQEraMKgpM9PzmcH47CBK4c
TrsqdqvBAEq2pzWHBrhp/nB0OAWXqOZdpT71LAf6nal4Bg13UBcrL96TqEPT7bnR5FQ3PV+Fva8I
8D0K3sQrxuEDpSVy2jhXTtlVcm01lvDyQhaOsacSeRumECUlyqnMplxELPzYq/Qj1WiYG3Y1zIoE
mFeB83LepNFtiGnly30zGs1jE/c9MGABNGipAKWsyCrfYjz2SCWJk0WkBhsa1H66bzBvk4WM5HnJ
8sJXQ7tLQmOYUZKtZNe2i8PbJZZuaJF2mSHToboYfDMcBx9ijMGXiNcep9n+8bJLXwhyN6RjNROK
NcAGZc5XLfIb3JXPmnrPykmYWfuwbmPuw59Dk+/5cJYr4dqwVYkTFiYER3s+XTM+oNnh3E6DYZ5k
1oXgIgeWCBGNczikKcr9eM/KD6c4Bq4ZzNme2XdJLZFL9odguyLkIiCGTbdIez1uhwqtA8nwB071
pyBN2iV4EQxahsJN2BabkWXshoWBG1NxaWQaHm6NjYvYkndNRJNF0WlrPVSNnoscKSeo434r9k0Q
1fdjaqbzlFuDb3QZmuES4qMxauzOS1tsLKIA/S0V0Cds3spwyGdsaHM3kxZ3+f4RgcR8sRi6zLzA
7bAMFPAFFZm7RjN+XrSBn8LOZVtl5xCaZpQ4iZEq4G1dNa9Ksush5LK6Sl+fg2vIPxiFdjOj/Izr
OLwxhWE5dS65B9G44TCu+Mc2MBMIgaWDWft9SAO9qXFNnCrNw1myjxdhSww2Y7wFlbZweRE1YXnR
mRz4J9LNooz5Gp48AXYVTKYpsQKt1KPpSZOHHjOifkPs4apPq01u6i0AYS91yuNLhu9pVSZbVqxi
NVKni3LToyounQ5cvFOMZjbPKkvPK3sonCKXw0U8Rt0cm4HbJrjxKt33V1lDkUP6YtN2GcT/8MA4
vDNqNy9I4TZWP0NozNZGmJWrvhReoFi5tQdZbRvdV/NctuDPexlvKjMSc9SV93yApIEdBgvLrYux
3tQVHZf9wC4rKfSapl3mxAZEMlkFonMauswGExza8CwDv3fzCo1rsAqrqhXoZrDG2OEpIStTV3cF
GdN5TBK9NLpgbrQRm+kikt4gW9ByPFx2tvXFEuwyanq8GsbeMTrOr+I+iuYi6XelHf5tqIFe1kPR
bhXLXWUpYwPL/4OF3bA7WY/pQjPEnAFirCuKevCHvPcyYC0LoA/bFqt0rXgLfE64CtV6Nlimcjra
UQcnYKliUC63obi4yNzQtOQF/HWPcz40bBsTY42aZFiyPrutKTVng53GEJLG8ZaINHRVk/ZXSRGq
ZQtOuoMGoubh3OqJj4BRzFrIb7ljifGqTL8MIobwRAOuKe9jL2pYAcF7QLyoiiuvhjtyRFxZ8HDl
7SKKhO1kBUgjgcErMDOLahyoi5IA7rS09SyBgJVA0mHZFPFnbUIgOyb1uenkRhJcsRBdF5ClWcLX
qlkRNgV4eQVPZmktlE4KB3Cb4aRPLoisZpEMgnMR9HQ2ZMy3cHWVoL47L5XVnR+OIEQhbmLEyDPN
Ui1SiKgdBTQV4p7QTbvBXkLUtzGiMPWG9LqN49DDAYrXrQ05IEPHoQvOCPt6aOdMy2Zjx0XkYNPq
5vEwC+KunaHCrh34IxA+ywrzQ5I00TUOe+dzkfCFXevbVKRokexjHCOMLxr7oq87tEG4/Rj1AbpG
6mtTg35pHc2LNkPb1tTBDKxr4qryG0Zj5TKzrOcKNimIXJKNq67KbIe0DXCyDqcXVRpmFyKPkm1a
fetQmLp9TctVVFvhTT6GvpEWYlWU8BVprO86fJ62wnRDFVluVtbtPA1LvUWML+J2wE5UFvVa1/XO
SjE9t5t4dO2mZF4Mu4o6WRrkM8h1NEuujbsmt4Z5w6zURcr8lJS6XXIWf2hqu9ziiOtVw/DNwdBW
Y3UdcshrGCHvtjjOILwfkkVvBaNfq9JFOht8hlJ4EJpo9GqBL5nswk3DyZzqKruMKNqCN/paBbj0
leivLKhr3kgNT2AdNE6T88jhddbNBgZZiNJKDGdI+3wOE2UfwdCkKzyQFYTAtzkv080Q2r1Xm1Y/
D9LaWqxGWxWz2MqFpzviExE181RUObAVYQGyEsMT8yVhEOyWbQ2raQi+kImNF3HSUg+yxqajMwPP
DTPJPDvqSi8n5UU/ds31PpvaL9Mmtm5rs1vUlTkDnaqW0ixSYFNy/wzrRai+sQ4hUId2GeoI+z3+
BhSjWyZq0EvEuZPFkVqNppCeaqpirpLC7Q3ZL1Shl3Zq3cdA2z8yYPdNAVFkZBjmBnM/yrNiOahh
F1spdwMTVMlsh95lVSHBrZDgY7LJbL6KpZlu20TzK6DXrduVSTyTXR24Buq1C3/I4Xs1xqGjzLoG
qhtJ14K1sm5oBMIJNBDsBqubgobOMA6GK6IugYiWiHmdmWzWS1m5FQECO5rA5s09HSi6ks67kmwP
VAzV1ugoXtdOo6tPdSpMLyo19qGO7WMBdprVjfK4bixINYSdUzRh4oErO29DGZ7zrl8ncoBkDJD1
uoa8NQ+E9syRb0bCMSR9DC+RY7YIm/S2Lwfby4b22qrJp9Qk9ZoabG3HTe1HKSmcbCwdy0rzleBx
cNOgpveibse6MVp3aQH2acAtmDGZXbRj7uHQZhs7G4DUEwGcMyo9hJPRt+y1Qrrc4Gqbt9oC4hu0
cy7a4UNIrUVSxd0SUlHMgZUr7UxXgXQjmUbblAP3ttiYzG0IXwuJnBJHhtvk2fcSxWHsCLvb8TK/
lkmezXiRtI40g9oRfXAzDgmFtKYROwmLow1MQELCwUbnjRyDGbKMaDUC/XGltCFqJR8gkvrejqg/
t6oawgwdV67W5LtdE0ibELrqRjVDgyG9MMkY+AyNZ7SGREcDfwBnljPZr5vGmNtlGTqwxaP6WCLU
XzQ0uDDZro7j5jNrYvBsY1o6tahuRZJG2AEruTXqCDJRivM1zM7Ooey9vSpKNLgGVwIsDAsWPCkN
j+UlJDkrfK3A0YVFZp+HbfR5SG3giAWXTmdAYwW6WGcocqqWGXLvZ9AGgiPwh32qZxGJQkc3qXEe
ctQ6sV2Vywx3yxwzyHTtH1haEi9h/UyZeb9hdmUsEpV/QYUoz3UXR2sLpO8NS7uNmRGvhbTZMh2D
XRbm+ccBFFG2Aowst/tro+gWY26EH+JALbuKwzOmYP4DxxgC0EroBReFI+268bqsY14Koe0sQyF3
a3A0sygoe5iyYKGTdC1ddrZq11GZZHs3b3hBTclG7n+lgsyto/AIjlQDmRd0cJIsbiG7zvENlWHk
mX3VuQImayB8KBpfxtfaVPZMwY+6oq3IMpLAUJNCb0W47dOSr8ukDJy6SNNVnaRX2JDd3O4AAMuu
udeFBoRAjQ0OAEJsVwxGs5KEuVEYpRtITCw6ZhvLtiDVmnaqnrOqTZ026mOYCrLwqjb1LeFAinAr
6kVg8GBr2pCSSAscLoEVzWkXwoiMlZzJUUDqmLT5imsB8ZouSw9ykK1ndQb1ImWoxWGgcZS4FONh
axSBY9IAra0ceDCEZy14olHJOYsLsazN7DyQVnmFEXG7PAdz23FIdf1tMLtwldA3KI3HJQ+p4ceh
7bQDqTc667626YjByoaQuugZZBSzZiRz4MqQIK2SL6zoxwXPRnoeZJm9KIbsW50lpYMG21raLUoh
H6lg5oSqc2kCuQggveqxvozXutNzbOQGpL5hxnKVWDlawUTh2tbxBfjkcC3qIN2YGZvZRqK3Narn
FO5skfcSAkMeXgeQ29woBCPVfYEVxN25SOrcMQNazJioTT+FXYwhs2dc8zi21odGlG0MX1fGLqIs
u+B5nsxZl4E5D4FCFpkoF7KzrA2RptrAbYtGGhcsNr9y3tirYH9WW/HXHp6HNQT1LSTwwRZ01Pyc
WYbaFg3S25iS6zzsy3Us69YdIGadWUk/y8nQXat909vVLFXNtd1CpKr6uLwo2Kfcsps147rwIHgg
54ZVp+5YaA65qLhYjxLHK20nnadSfEkio/+Axgie9WGMPdmPdIH/h70vW24cV6L8Ik5wAbi8zAOp
XbLl3e56YXQtTXABwX3B188B5DJV7uq+975PhAOBRIKkLJFA5smTSWLZYYEfLmJt5e2NPvOj1CSb
iiJgOcgm3aY+bNcAa1dU93F2yLk8Ty2eXyGmr2So052NH/W2TOrI4HN6EyS9HxFmWThr/22cKLnP
cBsG2JIfh7gKWWHeGomwbuHz7iXeBHaq3Twig4RxXuyJoO0ZSVbFpqk8Myzb/gyAsD6OSToD3yb5
0S1hNlIAt8Uc9Dd+s6oNB5sBXNOwqPJVmdNmX3EswrwwuptggscCxOnO73ATOUOTw8w89U1Z33iA
DlM62quicp5Gah+rpva3Rpak+8SPeWjXHYIndZCf83k4Sy8ZDgXgwDYPxpAEIt1zXgKnGeZwJIKF
GeKrrTWTEAHMIJyxeEYTR4ins7N0bYnSWVNXDFg/AjzXg/tXmjU/zMytt0Hpf2Wzdxjbgd+KrqgB
u7d9VMd1v6aNvG0cwSIZOGPEAE6HFeLD23maui0psNVncJs2I3cU4FZXm9Sotn7tWStmJ/0Lp82p
N1xn73iIN8vZq7Yzt9LQLEZ2pEX3YPp9FQ2iw2edYKZXfv9UxYF/AoD7lFjYS4q4RKw3tYK123t7
zwhFW1d7d6bOHj43bo4e3ttM+y2nwHYtWTfY17gB79G/7ybAUyPNWWgYBlnNLYXV0wNRqq32h5NM
4ljW3joxqdilWbl2TGwybd++lq74w5xFF8Xz+Gffw7L1p2yt/4/er+nWkd7ryErcwGlS7Earf2b+
0K+ZiAyE3c4yfnEnkmwGo5ZYAl0AxAEitx4CTwfRkacqPyKncnojFPvO2BC+MWh/ifHpaJ8O/i1x
v2UsifsnVpflBmguwF6usKRKRWP7Vqz7GCCMYCSS/sAiBJ/KlRH0BVaCLCTGkAMXKk0eFZ7iIGg5
a9sIQatkD/DQPMzBCJDV7eKVNTKY74RMh6wLinVK0iH0zeQ+6YMk7FiWrnTcvlNhfNhQ485q2Mrs
U1ATTP4nd/wesKyxC5pzhvI72wSh48OokDKzCLwwTqogal1rPCR2yVe1E1thlnXjQTesyG7jrku3
BqCaQzuTYU0m3NwcUaxjnDfwlKl9j4elCQe3fqFytOGzpKwK4cuIY1ZYSYSgP1+ZgQ8Yw7Wq6jjj
CfFYPu8Lp58AQksRZXbWHDzDbA6BxM5ry0CGwEGfrcyowiTjbRg42P7iukWgnSUkggsSh/o/0U2g
Di0UyLeMGY6dbfJZPH+KQ8cOrKQc3gid4vGg/3PdE1U5XYla4VVztmpAtg3hHsIKbvLxoHv+R0+L
TH1hwrafZFffspo7Ea+mIsTCXqxnyuLDqJqgLOHiOwZdDaTpD7qh2L32shEIByHcKVELpAhd1a0K
RD51o0VpwxjNMhGEhE+nwc/nY5tIE3YAvgz12aTCNIHnKxpGrkkKOVZnoOoIGiNaAYM3cxr4fT7b
tpX5Zs2OsWYKNDVMNLnGS2GDtIfAoy99kLFNg8jygdtTd9C9XPVYWdBN22VnPYRA4rRn3kun/h2R
Zu9NVw1sNQ6FEw4KEdZMmcT1D1zMJdC3KgilW38dfIBmpZsMYdHNIMp8NIMjTr1tNduB5WCN0CGF
X6UQYQQHrXXgZPnOGFzAiEAy04ncET+3NtdvLP2FWfRNVHMD++39LbEf4v99Ehx/+hWmy6B6yewi
4U0Cl7fT/ussFOZU7Kr28yRFEPs41/KyVEXK+nhz6iea1+V9tv/AAftX5X9JEHMsB2zwj1fZ/o0g
9vd8As0ruxz2kyRmOihQDxotngvTdYkJJthPkhhea2tSFD8FQ5CgrI0qIPROEnPwJjUUeCIol+J4
ASByZOe8k8QcCwWJkKLrO3hfrmmj4t3/QhJDss8njliA134hQA34k1qA0MknjlidEdA7kjI7wVGP
gKfHInSqHqBgMZ0y38VCo9cTZge1GblB6yDIaSG4ymNg0W29rhn9Rjgz1g6FMwN6UMvw0OnGgft2
iG0fbB0+f+EWODNOhfsUEEhb4Croln4wwONT3T4um4tei7kXw2bKgxhOF3hQmhhTOfVdzXvgYYru
ohurbY081N0q8Mp9yr/jQbymrHm/Mth67iTr2TJYGCvuiWbEaMKU0CQw3e0kAZOKe/NK7yO9oscs
24oWtSKwYHbEs9xdnmoV+9HUmaWhCJ9ue0KPy76pt0xNpIFvaWxk2p70UBXTKZoTPwURYC5gBpUM
rat3w0GIh8Jqm008qOgV0dEr3fV6e9zn0wOtwOgKnXauD7UK3OhGi5kyH6zU+Ksx/H48oixQB1fR
G1YzNbLp6AHCKBjgFRoDEquG7x2f74zeGQFslAg6BfymY/25ycxkM7fD1i/LKvQMxKOaPu0QMBme
YpZtrbgxd5bPn3oGV7Rize1oAZScvXptVllyxxBu7ZqjLPPmCJpBc+x5IraDZf0Z5/nac4x03Yxk
2Dg58DQjBzFDjLIAzwqUwFbsExW70b8NjMLnAjtLLG9Km7zo3y+RMt3kLfGb7o6I0V1ZboeIw9hn
cRiTmUTCdH/gxQft2o3THos8VmjdCz56y5hTjbBfFlnPWcTlOD1mBqDmhHUB53juq90y7z+c5rNa
nzaxGcVPrj7jRZ8fGwljYLkm1R9ukZfr/e9jTRXQKC8l/Ft1Rd3wBgysRVzGBrixW4MGG+Ft9Ojy
tVy+gkX+pNbiVGbgEfVgKWqRjVa1bRA1LhTJLFXPl27KDxG7Nohoi6zVTZnl8OrVJK25TFqOJKnc
zh2ga2z/gEF+c9pPY8vlq1kR3z6ptbjMWT5N2dVdCKoBfCR1Ea343bzlfAYM1E2TB6dlaDl0GVv+
t2Usb+1z47qIcervxHa9Z7xCMtkgKCYOhkBTtaIxAY0iVtrYRi+jz13bR8jUmJNz1lvWxnbr1lyb
VmKBSpSAKaPOsZztk6jPlXs5mLZaE+BhK0I9fY4zsgOecLne747TY5eD9Xn0B7mcYZF1T8/8NCb4
ZO/zxhT7cWSwAuMvZD3yEtFfFyH5NCgm8yKnBTjDsK2huurSGSH8olDL6GdV1e/gFQIkB2Eu9dRi
MZdjANSyJGGrfIdBaRq9JVxNSvRUrQNUzg/LVC32LrE2c05vddC5+Ig86/Bzi9A3/BwQVzdybu/1
2BKcpu2EsPUi64MXUc/WzZj27/FshpKFYVDaNJLq2+Ggdx10TzdUBENU+xJG5qLoWrpK4QaEvQVe
JFbo6+Z3Y12OdRfYa6++k0nvg6pnq0dQj+WaMKo1iTXtKjJY2wk+fgHEmICt6Pv+xirT28+TL8fp
UUPf1p30EQAt2C5TRrtu+iHGp6+SIeqYVx9ctbnpJlUeku5phQWSSRFW4tVspmFvKh6vbmzPHIuw
zGwfCHXyNqmvymnBkqtawHGJieDe5LdpSCy4WYiLg7YAIP4wKgN+afQYE/SrWU7WmqS2POhg0qAi
SoiYWttyaPet8g/y1u0Oupd1cTgQUe3n3qeHUTXW1M1bt3cPzOSjGcWD3WwSIh+aWCBWmQlQ7NQN
o3/fWf3IRSxxw+jBXt87iBTwQ3GURQLuQuzYDVZvt4ribgSHQH8T+ouJib8jVultY2mSQ9AH5KB7
jDbvvdntERntBQB5rvgymlFhSwI/XDMqTEVMtpkwAd6Y2cqf63ZnTy2cRCLHR81sofDcQqBQXkRp
48g1GNjJOuXgQoEY0K0nA2BMK9PgUIBFtU59Y4wmHwiJXUqEEQxweJRVBxIwrLdcWXNa7pZBLWuN
bgADYGZlF3bkiCkOL/Kiv5qkT6LlojDcjQ3E9XIdCctwFcSI2knDefStkW8mo5My0gwfB4bNQTdT
WkdxNTo7MItdK6F7W1OYVeMoy0uLrSY3a1kftMzpDBO0Zy0v05c5jVsjICPNOFpoLrIH1xgMCdBe
cJcheULzXn6rR3DXDIXwM0T+sN4vc3TvvxjTUy5X0YfE6fgdrIZm/elUy2cfJmDaZAZZUv9T+tta
/t1Pov5Hc2NL5X2nNqSlsdQmtIiJ2r5itfVYXQy+/eTihlVbi9C72TJR9yavwL62HLOoL6dNC6fc
fRr0WvWtfrqsnvOPYy5s+MgpnI1rJgJJEPDYddMlit/+uavl0rDeJ31Wt1Tlwfyz/uqkn6deyZfu
1bkne8JTZ4DcrE/9N72eKlMBoon1/eoav+/+/krLh85n62kG2rC5+gS6u0y5OoXWfJb14NXhF/3V
x3GKLWmRs5IZuX3VFB8i4oZrUhvzTs9YxpcD8IoRMBlk8WUZikmHCDstAEDprtb0hW9dLiFmXiJv
YTvDcgXAiGaaAQZK1eSZ4qrprh7U6gJQThEuM3WPId4INgewrGxRu71ylrX+6nRAFJFggiARiGeq
q/WXK2k5a+STrIJi0/Z9YIFEg4+kD9e9q3MuH2lR4+d+MCyExiw+gXjb2C/6WVmeCC2SxLXK3eW5
cEE5BINOPYV6lskrbxWnsEKwnYKQO4DaEDJtAYFqxIHa/Wz8smNRUPZm5E01wVYUWN0hA5Hj0hiD
tGHKKJnLnJqR7gY/mp6mhwlURmxq6pkhyjyblM22iHzaZMiB8v1yq/G31mdfYPYAQVAQnd/2P8A4
+h5jIy/Ag5tykayo9Zhw5ByJfnjzAMYe03a2Np1FvrCZBOsLQo3TiOAYdA64R+q/0+770miXXqYN
W5ME24zRlxkoTfaqyRMYuAp5cx1s5m7nRXkNGpph9ghJus9I8QkpnY4t6TamCSMM947V8GLtu30k
gW1mTX5efFcNRWgvlk90XNcuIrHBCCz5/wN2OjH0ktH5TfRl18wPP5J0ed/HJaMTCZD/DNd9et/M
dVonjnvH61z3/wBWc/BmPBLYuLnpT7jOwks+CZIzA5VQGdigm36gdXjVlIM3TKMO2PsrQN+hOgsl
3VBCB+VZLFSqCjzb+1+gOrwz8ReoDpV6UFvZDFygkh7qvmhQ8Dqds7CyBlmEOf1RO+KGlqbzPNUF
KPRMBlvk39nPI6ntFZglwVZrTd+wLlq7KZ2Ltijyd+3vjtWn0pN/d6wV/JmCM7RKEAA76sYvihox
iQ85mOb66Knm01iWyOrnRKM9uWU37WD8NqelKargWkwJN44i3wV14LwmVcFPeE8LfFUl1nMJx29k
3hauLHm1ve57XnbjOZlkaDG2Fl6DaIcc5y+0QhS+s4LXIZk2NMg62OWmJ8GMiGWMdMc6PuqeWwXx
sYwTt0GsBhot57HlHIYBTJcZLEXixQiyNg5Ye/4oreNUWF69AT5rHbXM3P5siNj8WuWKdJ6R8gRS
qjghLUecWIw9G3RkglygXxRa1I2bNuKUV7nRwhBEt9oFyZiftK6YsKgn4DuskwTswMmR/m3WNsMm
qWL/lqmenKYpbAIqVpW1Fa3TvgRmbdx1hci3ucEEGE2DuB1UE6vIf+zV4MNW5Rh2HdgRFUIpLgfv
PAm2TtfdWkknb5FhRx4tvORlbQ9xsmmmhj6ypBpvkqp9rsEdXZlwQoeHPM/aw8QUV6t96E2ETvF/
DLsyTTV/q33QCvWshEGaJXstutJOHv7tIH2igg47p4EtM07gmYfIV5qPowr4LI0eq2xv+jwGW/35
/Tf3nds5G+AWjcW5cVL2GIMlsm2JayGdyWWPE/aMcBjbaZXZY7et8845WshVOlTeOOx8q05vwUZ1
16UvxYM9+Q4MsJy95oUHjiz2tGNV1uYKIHURZUgheNG94qPXjkZ6GVt6KABt77KCIXhTNCmyKUpw
OFncIz6q5LEc6BYJSslusOZ+NUiGhIB2ZI/elJc72Qz1LplM/6FqB4QbDZ59Z9O47mrGv3TIiFsx
MJVuaGfHp8TJCcg9c7xBMg/4fVWcWCEqe9AQN73YVIUtbtnMQMz0wM6cVVN7sPinoKk2WtH4M1hV
Wm2wjoZ+XX3z+ummjosvdsZHeNRBbRyUWJYDIrwCWSMHpxdf8HjiH/oQG3Cs71u5txwwryXtnDok
ObGOWVnkyarLRbd2RjDj9OBFn7XWV7fibOdxmq4FM9yoH5AVt6XGN6Pj0w0CBc4tn4LIB/VQvgwF
fH6zThMfWWVJB/ufVjMyafIZOUl0ujQlWeGI9HokmfxQ1I3cxgRTp2KKJmLP28JL0nsB6mFozw3/
Bqbobsr66ZW2za1X1ttcrRa6waoXH6laR7TI9WKyyPgBzzF4Q6HXWNmpGyx+wxrirbDdyLckNk9u
a7vfWSofiaTpKwcFb21S0DGEbPhNine5XqYOpTxlhIvXq63wd9UCLBSjuCoWgEpiZmATJGQRJIVj
wzLV7nNVLAC2SdozUN1/5G5a7NNAAX62SrVAcjNMxNxWAKCGHD/Jn6deyX/rfj5XO8s8MroJWQSO
NJ/7Onmo6TydeZpmz2KMYt7yKBZzvC7Uz6wby5UEaxjPT2XRXca5LZgTaq2vjpiMJl7recthH0cs
49SWCejk/9016rK5qcuxfJwR70ZQSoz3qd00p9hl2Yq6XYX05eGQTE7ywgMj3RPQZDZJ41d/Dscu
TfI/Wy7aTZcKf+cWefuCENqeZ4hSyO5xSmR5Z7gdfeCsv0lmr3+b4TzuJCKKa8vr+rdyQJ4fb5Ai
xmmb7JoEQTirsXgYIEHuyxC3c8RBjTwh6XB+5Hl956nx1p/Y2uQy3tcpLV+lMtnVOELa3mbuMnsb
85x9sbrzOE/eWzyXYNmBgr3Ww8lA9l1Wpc8JakMcO/BFVzGoRl/AJVj9h7vPR2D117sPVS9UyXsH
pdLwcptA6a/uPolUmtY13fR7ZuVOjhiYcZeZufxCTOlG42zDZqhi56GXPrZyMX8BXcONjKRrT7Kd
nQeWGK8zHtiNNYoM/licnxrHzE+8at57eszw+R0iHsnu07ieO/VgNYLLjWMXNcJNd43T4Bv/zen0
mNlm24r19x4lYo0M5PFkdpye8sbP1sh2Sd46Nzt76uGmMb2DzW++6qk2I+9T4S9dTRVe4X0XhnOX
Vdx6deNZrK3KYquGgeEFthAxZFXeIZS3xyO5GTMCurTqmQXJkzDp2XvvV+3necaUbuA+4Yhf5wm/
BZO56UHjRBbAyZjldRNU1j5z3Gb/aXyZm8eVedKiS8Wpm3i8A+A89+EyZTlWj1FRnu2xmHb6UK3U
458P44H5AEBgXE0CNTBkMT9h88wiy7eaNzCb0jDt/PErYNgbiYTcJMzyDtwsowfImVZhR4PmwQLL
SRGAQaWZsrPNQGT/kGSQOM9pWj/bA8/OlpKUTks2dqpl5n91nFRX+DjLcr0EV9DSh265ntIt0scn
o2Xh7fMq7ZFrmjLkKoPyM1FbrLhHkhs9pntLk2tFUpDIBQR3mfe7yUgKiVEQ7cOl+s0+oirbXD/I
8J1Qxw1sBlV0Bi9F9j49yFU/Cw93r//dSAqLGiG1anutXQpUSSh623jSQp6D/FYZT1Xqisd0/nPg
3jFus+QGqTOwJz7EKjZhT2RjfNEGimsbJPPKxEpFZW2fHFIkO5B47BNVPeSCv/f02KIVVWwoss+1
dkzHB6uU6QnZx7BeiT1turppz7lM3hutEH0wwZ34OaanIO4Mu0YpKlpMgMLVcShy934aPVtPDPI5
CP/9O/ZQs/Dzd+zgTYeBg2rueDfr5+94Yqlhs8YxvqeZ+djJxr/3vQyJank8RHrVhNn1rS8d/x7m
ZXpTf4z7GG8/xgeZIsG7tmdlpn2bvDS4mq/HncT7VsR/pk3wEHSF7EMsoNYp/lgZLj01htwh5LUg
5hMGrDUxUS0cWq0b/UTrnp4IC4SAVU1wRj14OblvId5TIxsTyVBwPOoiV/VsgvJYK8eDC8fcMtNJ
V1o0S78AwpxdJKFmOKDvhenEBUo3fJGg+vrxTI9F3bXnEbhb1KU5/1bjJ8pid/rC4Yqslxku/R5T
1Nzx3b3nOHnYWS5uvEWunP9gcbl//xU9OId4PXIAMiVqQakn6WrLS8DlQtILc77TsksiYNUWkih+
Nm6b4lvUctcRWIdIuXS6FFVr1BQ9VJd4vIp0cNYypeTWQFmc2xzEGiS7tzdEZebZqtHjKWg+a2Qj
kuiTQmunAPGjxk7XXR8Y3V7I1CtuUfkEJFKbv9VTaoEqCupxO/Xt2VE9NS6IO+8uc4Fi5mfS58eB
DPaztEVw53npsRkr59nJZ/9O6WrTv9K1SiJkfBKiQNUk26j37ViBwK562Ti/95A2995btEsvGb3s
mNtts/33J8x2Fe0JF0KNLYUkAczxXBfluVyb2qZNfOfTjyOdoa+NwOVgy6ZcvhDLJ5uWZYjCI3uv
H/r4COZwfGRDfc+ShGy1pMeR1+QBIVRaLcOh9KMa38RuHAnfz25GwhKlX3jk2b2F3BLZ7p2BTg91
7VZ3AsBh0hTzgx4qxTSAqlt2Ky1qBao6P7pNj5VPHeTBPz21TD5rSTdTbIHkGGfmZsCut85suO4e
GD9b0cdyPWW4kxE+YlFjdsWJ4q55nVJHPdnzM26mZF9nXhaxYaAgURuVjGyChHQEyb2biiEIE/Z5
6t+kndgS0hyT3rRDClLrNgtkeyZF9d5UObFDUlCUA/tQMNXTR3jqCD25rNyvlhO7cCErQEQDkjCP
ZpDXx+6j12iNlh1b+j5qcXjfpiqAzaMmGpOJPAb3riBBcpPPJbvRvaXRY2DIS9mSkx4Wsbye2tlJ
fWwr5Iwyv2QHOEHGC1DbL0jDaM5a6rtzQYT/zO2Y3yM58kzUHLtn09E0SRo1tDde4KenWzer1+2I
xeMBPmj5IA0ju2/xg7DcpI/IDaWPNRtRnqhCAoIe41WwFSBdbWNktB6N2OiPBlJAj0Fh+1W4yLq3
zPHVbC0muXvLghwYDQLwg2n4fsjy3DywuHpmJivvUNikvNM9wpCXN4kAxtZcYV4StFfzqAAI0hog
+liTRc5WSmmEdFB77ShRN2aX0DPSi+/VgnuYG4pyDd2QxzfNEIefpmV1N4cXgMhEqaxj3jbsrJty
QnK3P99pQXp4mla+KjPS2xJ87xHJH1rjgZ+7QgoG0urUoQFuJqSvZDdpamYPU+uFhRgLVPmAVCEf
8pTkKSw4SLrhyOHaSEAMYML/HCMVM5HB6Uc8H9hN2czf23hwnnO38rVUpZnznBnySmI/pZbb9nOe
x1e6AbjAClArXyUoAHagLDMPuteNk7z09BigSAf1IQrYqCrE76nEREcg93ftej34fJe+RQDV8QwJ
+x4b7L1fz/N+4n1xsv0YkJQxx7f9yOXagOn4IHiVrkjJuueS1iCujw0SaIb0R4Yact9oaeF2njoY
wSkI9kM6p2GLAk5ennCkThb9ideG/9Vl7V8xmHJvZaCo1JXFnwWAklXswx//9wX1b+A1SmihACE4
rraHxRTqTzzT3I1ZOdat94wsWqTla0C66mvkRWfF4QJmGwBrK9MsDhcwW2l52r5rTat41y7Haq1N
p31vi+p++s3x+nT6AFDCkF/dNPaMxIoJyTMdK8NPRrHbwyIK/WGwQ6OerPnoZ8F4IkicjYy0H5+r
JkahmMAdn5G9FPaoIGQY9pmQtHqVfqp4IcKMtBgjY2TtJ86MRRJaN/Fg6dQdakd0lnilVET1XBfb
nnbBOumYu4P7W2/pYLvPvaQPjsKaUJ6LhT72/McMsbddC8LKNuky79kYnIcUaMEuoYzsnKlGGr0o
/6AGLCfUfrRuiFPaRxbYdB0Id3jhrfuiHdCPqbwt36d6Q2xdpvrB9CrGylgBNPRuiA9kfmUVgA8y
0R+7gKmVH/TUGxuI343Tjf5XJIg/uHgovyJn74fHJvcPp+J9GKCmwCuAG6CCrjs8I3JPIh7Y/WOR
lfOqRqGhe9PohrVfM3IuS2PYjF7DbuOmMrdTT5CdPxJvZxtTcAh8jx8cA1VwvHE0j36NHOTZBR4W
pCLd9lPl3VYZNdauP8s7G1noayGQCl1molhlSM16QtWLNirtcnzBwuWEPZ+st9RDdlxbjcYXT8o3
/CfNNxgAN56svR8UnBDSC3ZIYjLs6hH/zkDK4jyjIAEKMdVfUYvM+sNKiLlqE6sG4wdYoFWMoR7n
E1K8G6T3babEM/9gCd2xwmdPY3+e8HAj+XvOdhWiBQALUASItUP+jdR9yOocgc3aB8/K7avnNEZh
TpsazhG1eZIbP6F8XZh18pqP7ssYyP6HkWebvqdk44rM3s1pmkcCZX4euIiR7Nibw9HL5hwLYlJt
+oZVjy3PsFwyh3+ltdygWEx3zEVaIHWk8o+1a3iXRosuUHzYIJSttAKl08cm1F2TZ+jqSZduoA53
OlkiMfrqNHqyn3YjsjFEsbdRpwb1A8zmNjZT+9C7pb1JEnCFOx6DYWyQ8ofD/kDqs/xWYmNG+bHS
vLdrWe6MTHGZjMS+M5iPR6/26q9t0qCoE44pff+v3jbFc8VJvkHycn+koM3eIAzurSyLTSsBUjK2
xQxEvWp6TLX1oRpHWSl6vOnlY/IxtIy30nrUEipPwLsr0vZyjn8c0yfRV5iG4o0jXQv0Hp+u4C8n
T/1Qt7cd9+9sI2NPesilYIrl1nw21ZAfNBwYYmputRK1NlDZK0PithYDe64fhbslnonMvXZCHYiO
3zpgQZ/dzugeO5YekyKf32xrKHa1hczpwZ/mN0QPVEWxoD3XKNf2aPfJ1bR+Hr5LHrw6uTfvKqe4
4cHYo7iESkqe6PzeaJHnM34/SsvV7LrOXYwczbssPQCdRt6RHkIxki8owN+9j0kXD3psinqttbAy
KtT2/jeYwbZ/zVsgPnwm30bEyKV4OPFaRmRIXHtPtVNyKbLSfvZROBa5fVhrq8Mo/a2LSg73tdrI
ZRBsgVy+S0q3SEqnZ3ZqW59+mfn34/TMVp3z4wofx6W50WzHBry2GBmcdhj344z045PZDvRm8t35
Vo/oBtVrZiRRFojG/apo3QJeAHJz5Ivvc3MVNOWB5TS+qQOaPeABF7e0iXda0g1pU7rFQtFEFlVV
EIbO76Mh8OctKy3UP/B8wGAoAOKh4NchdbL7tMyCsx7SPSNth1WfSAM7xk+FRXmzKXky3yKHfU24
tO9QkZM+zrxGNQWwQrYSQapHZmXmEfYDOLPc/trIsXhKLf+H7Gz23KDa22YuY+tgxeDBEuKwlV0k
7b4SY7C2JsT+HKDcXoXyQ3lVbnPuile3HLMT7YGTaHHya+TNNbRDwLGsXmdpp5FhHVxR9bcoZ8RX
KP9pr4QULh7zkYpbcNek1RLUJDGMPUyJDgW5gANvZyn/pLYYwzkfunVCU/+5r+wHJ5n5Nz64DJZw
1jy60nR3BfLgtr+ZUQhDrLrYsrfwZa2NrDrk2NooJ5RxWa15ZfIX7GXf62mMf9g2qqv07V0BcJ3s
Yg81CG1SUTABC3o3FgK8oyb11iVt6ZtZGRs2Uf7NMor3Gfj0KIsF9GztuV5701akjRjPYYJX1fyG
glV9VKAm3tGu0vQNNW5QInU8xtpMiVF4CcTy6YQKVTXSRFEwrTNUvYU2Q6rzPNp/JRa5HU0v/9oA
3g4HEaAEalWXEYzS/GkeUmsV45+5K1A6ANVfjOGGMj7vps60DyhBxI7xhDxU4Qv/RvgxKhXh7dL3
+MUQl3QQa5wT7qJikpvLG6eeJeKgwtknpjG/5RP2gGoKnvs4bm6mhqOGlxoncStXDpswTS1cUz1d
TTPzmqKaA1YwYy5xtg75tHpajtp2PA/+wtaevxJ8hYgjNn8kiPitC9dnpy6rm9vCyuMoAdL41ULw
PTFRR8s0RSRBSj67SWAf2q5J8WHt+jUX/Ja7ufuNF8WP0hibJ6+uq/9k+qo3X15jCViqAsshtgU+
CUpyq4ytX5aqDpX/vKIX87NJefDQkBff6bHwImJ8oENQr/Iir//gaYaUUKPrz8NYO/eTbSG6jPFc
5uthHlesavzIqaYcRQyxYmkxbem1qLWu6P4fbWe23LaSdOsnQgTm4ZYzRVIiNViWbxAeMc9DAXj6
86GoNv2r997dfXEujEBVZhUgmgSqMleudaii8uJNbnr0NWgWwnooH1P4F5YD0Y43I5suUVfCdem5
+9Jyql+NXX41KFN/VYjALTOhZfu4i361LTxoitrkq7Irxy+hkz82gGae6rk/ZE+5Ckxj/NIfq9gv
HoTqv+/8i2RSIeaEnU/u9+X2Xxum4RTppbW3U8dst1YBMVplGRBIprALLcidOKfRzalzLMHa7Byh
rbzW749OnAcskGaiJdn2g0Icg8HqNq0/QDL1fw3SxS5thkhH6IGGNXXmL61pn1Utbi4yA02iJz3O
XUrcN5ewdFKyrK5YER1WT67TVmt43dkMqWpJFjwafrRkECI9sH45bvUYw9L6mZwaxTNxrZ0n8jU8
/7X47jY88ov34Xxy1+FQnpm/KIh/pKY3eOhMX0BOOOQPTQijSAFRwue6jtqN69jZVqkbyBYd+63z
TXGOqil68ohqyu6Rivgd+UNQLvOgfGT3Z+q1fzTBXb9SU24afvbZK0r7MNphvZTNQRmfSBvBkgYm
Jq/9e0gXqWEXbXoQmtGvZH+QBw++1lTPRjuucm/SqIQvN2bbsgRnJX9sRvHn4danOq1YmwX1z9Ll
ZpBNsO9wuMe+Ay95M64GuA8vXgVZCMsNlRdl1G9nduJjUI3FPmFZeJdRCngw+IHujLjrSJNn2kYN
evfBiqkLG7N4eExTz1+Wbt68JC1spoOmdZ/hrIdRHHrPr3DePLZhWfysy4Z6DN+HHMXaulbgRQtj
9IlgweezUAvt4PhO+70Loiejn/L4V1+bLFfn3M/QJNSbdMlFnVuFG935PN8u0pbRkjZjzgv9thlz
Punfx3kJFei9yHWwlkS1PRNCeL/wwh0UcdYT4WHjrijDfiHRNW3gKHBnpCU4Jb6R3ZOnBnuW8cEv
h5PQL6I3YiEaD4oBDi4vNe5U0B0b2PSdJ7emNDwCnfAztim0J4tYa5W6mPRceYQ/u9i2LAbuBnjZ
74OK9Walp+NbUQUHCmnaU6MmxtYhkrcg8Bn8CvN1lpvGL6Vs34qk1V4d+G5WldtNDwaF4LvJ0Mu9
4XdwwitpeAAsEG1SGC0PRq1FJxWilzWx7eTVEOknUmHdz2nsNl1ihl/HhNR1aY/h2YwHnjRVHu6C
ujculMGHbIt165sjvrBkjsdFmhviFEHiPcINW4qDA/BT5PAGSgOhvvczUxvhkrCKCYYUyz73on2j
um343LvjuHFyk1hjUI+fW82EC0DxnsdUVEfLLaKl2prR566IlZXB12Mnm95Un7omEJRmtO1FFMmT
Pnt5hZHusnYElzE3Cd4R+VTC77klunsz5r8hKY1gRVVd/GhPafI4RaOzAFah72SfPIxdv1JAXT3I
lpM70a5Ow61bFMYhTQYLYn/H25plw5NBTZVVo3Xdc2IP9kKte/EFEutLzLcjgMBunSQJ7AN5DIuA
0Qff2kkj7xJE5os63V8XBkrynQf1J4QQjNey1aZdl+XhWjY9r+8o4+WXdrXyZwlEBVDo+6d1uv1v
7z4bnQvSgZYLAlL9tySHJiayBHalPEM2BLeZbxjLsZr6B1VkyV0jap9a3rB49guWJaaeOT9KRV8G
LT/im+9o6d1+TO5ZFuAelflzWc01EoVh39wz1IquU6eKBxGL9J2ntvKZe8Rv9eU1V5FPXb5I0/TQ
EvH9WbdQoHVF8qVtenMZtXF+NpNa3xXsOyBI0+Jz4M5hUKUIvmSkIgIW5XJQL5yEKKitgvMNoVPm
SVBaWfTsQJ8lM8QhmK/nREAaND9BpO13a0ymj7Z5HOTOzn9AVlAb/nH1QR7NIBmr2gb/KCr/v6sP
wje+Ce+U82zoirNKujEpX1PLX7jhlGzFTKnkqmIqF/K07pTm0M6HqyU3R28pO0XaIC8xje4yyKxh
o9rTSXc9JC2y3D7Is/r32V81hbBGkntQNOzIXgGP6fqeBXjvPjmazqITkpKDplTOsU3sft2Q+Xwh
Wx8QyuYDz8ojWWXrhxyUKRGDnLjbqAZ7fjmoSQJ+lqggvMCpxlI/fdD1MvzRCbF29YZfSRUUS4hZ
8p/RUHx1Wnv6DGi9WcaGaj2qlOytiySyT21sKrupTFBFUJPwZI1WsaHkSbnzQvNTCOx8nXYarDGT
BZh8DsIo2SSe8wzmHlhjxp8+nOutyRekIKpLZiZ+EYlnrSP4y66DCIRH10FsW6vfg0at8H86NWi1
OtWj6yBKNevjvG26XsnXFfGs+jYpEjdKt73pZeucYrbo09QGX6nw147CQMthKmOPxS5RxsZnLdsM
Q7Az5xhkZajFwqpG7xqDBGEFQ2Y0vZQp/Ftqoq4VRbM/l/2vJu3HL23XDpuaeMoOgjpn7q6MuDjD
MfQ5g3MIhOBY75tGfwXJ69/LLnmQTS9L4fGt4uOHfrPRYWjORL3Ox8ekM8ZDOGOAyYDUR3l2O8i+
BBQxxIRHnlBuz75NfcoTPV9MqW8dtTmC7Nh9vtDd3D7qM/5ZWsdOtY619xTUQ7PXs8R4TSZvQ5LO
flIHJ7zUoXhK9YEkmNl4lHgl9kqZdGOtdEBiirKGV434+0r+ajV3zHfe6HbXprRmdrn3tXFrle0v
qK7YvPhwgRPGsemiqcTaqRKa8+gXP4zRUY6Q1DonucANtU3kQAp+XfPqrt1OROf1Hj4iGBDLBICj
UGMAhE34Ipdk7DIDqIFCKNDjMHuC2OnP/old35Bb2dPsb3WZ92bqx3Q03FPWqvkL7KBrU95RlJV7
lv7uShi9uoOwkP+ALJwWWdu6pzYJixelDdZynznCQQR3U5MvRaJ3T+MQltvSNeKNTBT6SWbAFW56
x4SP7DWPz6WqjZ/SpH2+rtsRhTBWk6GoG9bGzl3mz9Tjfcv2Mm6rz1abnIM51knpyZ0NafabSOB4
NViXPVTQMew9pWm2EWSHj2me6gu3VKYfMAWaSfMr91XrLafIpWDXDknm+4mifOz504TSQx5DsHTz
yavWeVPz5JNMOUSOPueIHMKt89cpRydio0dasJHWvt6jZzR+g5kzH9mr+/x3Lr20aO/TyEmOnVVE
wA8b563L6nWTttr3rOjUhQcz4yVlkbTnf9jdpJHwXrK2f5YedRaxYY3Sl7ZMq23n5tFeS7vqsZuD
b9LDUdVtafXjqeSZtmrnlHs9H4RqC/DWGQT8Wjiyr7djOh3boG7UiV+yIbo39LSCx4xlaEGLAeVZ
fo1n263VGggF/B+bHOf7fBH/+e0Pvc+/v/8BcxtkfjQSdf8OVTEspVECdRifJw9tJU3A65cNwRIZ
rH7VF7F9yMbGPsizoPPZAJl6Gq3ixlcWou39TZeDyuhjge4NsYlDZQLTzUP1OXESWLd4VG1Hs42h
JIDatZkxOEaoN+xzAOsgOrSA9QsUGJiTg82T9RNcLJ9gu9UfZEuFOhdW6eckImqj2bl/x3O7XgW5
Y72NffHDyazsUkLXeJ9MPXI00KHdj55CVioZLmHbN99Aa/6wKNZ4q4msLdykH19jo4uWUZ2ekzEQ
90VslVS/usV97Tn+LtZEs6/ZnWbsIddjV/VPg65OxzTqvmiT3j+NFRz2MRWsG9sjq1DyrvsBP9cC
/SFtl2ixsqv89ttYA4XMzKzk8wiMlYDE6qvGrz3XS+cVvgsYqk0739pV2V1CuzxBkK6/UQe3knkl
tQVgNYoiPDtxdRHoWO2HIbIP/kyWKQ+8PoPyKwTUrDMDXqFFEfW/ILNSQeBQHOt9DgsfrLmh1gfX
gVSMlBiv0i6CJt4aKmgOfPOh5um0FH7lblwBomDheiGgmi5xHl1ffTC0bvqqBU29QC8LinSnLNnw
jJtCdV9DK++/uW5ULCBvbdbx1MVbu0bPgieAePVsO4LHKey/B9a4rYNKhIvOeO5z0/tl9cqFTfGu
JTu/Gh0PNGeiL1tIyxciC91tYrbeAXLvYQfbOUXRBcQoo0dBNYpKqpear1PeDZs+MuxN4XfswPP2
QS9d4mj5GH3rEnF2Sbb+JOVEzMbxloEPMziIGajzVbiieiu8xyFToartw3sqq/u7ZEyPQxDGF3mo
KlU7KInx2M9diaLUyyhzrXVpFdpJOKN2UkX5eXBLcKJ5+dwX9bNWe+kDOCL1pVC0T0WgOfd6XDan
0arPgDrzY5nFMVu4n7Ha5Uc1Ch69eBj3gZNF5qKOCvOoEID21hOqEm/CJmpcdmq9kU1ltGFzZnto
671AK6UdFoGS52+mAo8aTCDhQYdFUGs7d38DfoUecK8K2FJShsE2G2F5lhgueUgIYhKumV1kGzDY
F4hN81Xvjy9kRvKHKo1fWJ009+MQ80uahHYnRNN/Ul2e1LaaZluCJD9474pL5vbGaRicnZWaMAGD
DCSgZ4YXaVRHX1z6wXHuyin5Ro4RD6FZ496LgI1d2xFFIYuxoRrRH/J+XRJZ/sQypltDusRrbW7a
VBUtVU/r9jklSpvIK8elaBsFigTbyA/XU8fs2Cax4nJh2KWXqsDH1NURrxD3pQi9Oyhmz9UYWw9u
1m7Zfa5Nz/hRCI0VXtx+EzDkn6c2K5d64dabOnqbavK7MTudsYubX8J8Eq4jXpDP8o4Q27QLB0IZ
tIfgIYbdtjqDYvV3qogyiHV4pmdKV55h/S/PjqmdMx76B9kljT0c1lshYJ+XTcBN2b2i1d8SUsJF
41jPdaL28Hrb9VI2nSiYiLwlX2Mlt58prxGPWVcs07lVFmq2iALoAwd1UI7Q+Cqsw/P3szQxemjJ
7K+3rpvbzdczyorUBlf/PdKxm8MYpb9Q9nHvhqqJIQL0vQPxy2yH7kJwEjA5b0MEBe9JJcLeC/HT
w+TWztrL1O4gRHD2eDPviqzIDpTkzFRsprfrwNYfDYoFNvqowsNZwWLvA/4ANZ5QfQXv9XOZXura
AnXgTtmF0q5415t1vYfhs32AdAHOay+t33Q/P6kVv3RIsPYQ+DZf4hq5I9sxsrNB2nUHkErd9SUs
llWhp9CUO9Ves5lNWMr8yhBw2DqG9tVmY6Grtf3TLbMnjTXEsiGoeBbUsgrkHH6ZRn0f8ix8C3ru
UIRJcbbyqNvVY3vv8lOCmt8V28ECK6M6LrEFO9RfVav5pttZ/Cu3T2oTEsjlx3y2yT2/OaFRQh+l
NY+Tzf6oStvi6EKa6sXkBP1Aac5FY3bLvCETUBXDMizq9Kcass3yctYktmvmG8RMisM0GdZJB0cC
PaTQPptiPBEDcUlUehqP7E2j2tXXKLSmtXBVpFNM4TzmjfipgcH51pG1Z0fc2Jes6eIDhMEALbN+
vM+8eftiWd9irQyevakdd1rYdls7YImkReOlG/PguwdMDj7IbHyEZ1/s07RWN3Xed6+EJ0iQ4BHN
C2eUZ7KLjpoFOIBmpzpBuncmz95rU1wc+b9MtqPa2g+eWXmrSFTBuhtibzfq0XjMS5Eshsjzny3T
bCiVGO4S5LIEApRGRbo3GNr0hASXviWD3K4luCvgs1xB6lntJfSro7YPpIjb3ktr07mLDlj/s6r2
+aNKYbNRttbBqnuEXsxe7LtOC9aTq+VvM4c6WZfhXHmxeS6M8Ec0P3MteFHLXimXkU4clpJve99D
n7odkH55DHSBNE/RNd9tDw2NqNN+KqQsKjVyXirVnNaalry5Y12uoFL1ztl8GDUol/SYL6pvK7pC
KTcqDlPtlDMNtHeWjp5nm1s3NpEw/N1XKoN9qC0eLPMs0g0lBvsMY/3ccZ0stbVtAKqhF9PrqATh
2oUx8qQEBAAJfbF+7o306MXeFydBzyUy2F+HzdOEVNNSn3RqNryDmdU+BOaudoIv2FhOlJgBPaEu
1EsbfZ/3yIlRbz8+RDA4Z/mGzXG0K9kprEy7019B/H+FM2L4RX4O6Q/ClgG77VpBj7Jp0X0QxL55
XKbBhCgBD2pTsS4Dz5EdZOPxCoZ17cWOA2fnJ8oslZLze9XSz2Bm0tXkNiy41HI8Tj7okcywnE1s
G8MKtlYkXdTRORZV1/Vw2XZPVuFkO9l3O2iN+y+XxtWJqznAv1iNAMptmle3QUwqd8zoU09dI2zf
lnFOvJAtKlgIP0MbwZim42D0OfgeEO1CR+5ritqTqA22gESonjLyTItKN4e97NMyw170Uws/tOKe
YyNyfpKLohAY1u/AfQzQDtxGuvpVnaUGpeigqQAwWviUD0XjHJqoFMFCMPmsNFH6JtRQB0AASDCr
BpcAeHinOnp/6CbDXiaDOzOFJOhHRSQkgyw6quUA796E5BRyN8qqciad1J7nP46OeAzsAEJiO4Ck
N1YIsCTdFl2F4kI8rbiwls4XitYqKxRd0GmDEuLFLsb4NBDXIBTS1i8Jclv3XmI+8/2xIZ9fqkk+
V78EyYPTEewZ83MfU9UjDxW7uFXVkwAeZy/ZF1eNf9+W32XDDkOV6mCRrBynns5J4HvQyrfDtguN
Ccjy3Kda9hZ+I7AXc1Ma2C2YD5ZylD3oYCZL1cpZACsdMAnPqY5dl76fpUaZoPdF3hWG86YlD4vP
9ZQnEd8rxKg2VI0qp9oCda2oVrnNNM8/yQNfA2/ftc4DUqjTyaptXgBZfGkrSAnUgsciK1jnok0D
AnB8MnurtpyL7GtdSEiSZtohfagvK7PxV11qk4Ufku2k5vkKkaZ7sk7GWR1HaJD8MLiE3DUMfWO6
U9haVnownV20XQkhPIBgXfWWavKaBrnplXq2JTb21od9cgr7H6NRkGhFb3bjuQRuywix2MZvWIvN
Z+jFNPm1U7bloXXuyfKOmx7WwDVhU1IUpeMuhJK++UmYfKGelnpkU2k/8bzXlm3sB09gUaK1Gdew
/at8KaLkK5srEvBdnRz0zuLVMjflQXg6qFrLIzqwkCZIUmwYA1eKSPWz0TxGZhNAUG6nlCXwAceQ
utL06nTv27qATwhK+mU5EQ8wEytdRVAEXeShCjWWBVR3b7RAfe+r264jYaNXe7jtzauf0LR7Enr2
MSmgyYPzEJy4o5l3bUSkxaOM61kL7eZRNBDhUaPwbCLJ4CWqcpkX6n7XaK/IAVZHAgSQFs5Nq8yy
ZTyKeJPpJaQTeU8ReEkF7DZV05RcbPHd9WN4hXMh7vitIVbQmsPFKqCwGb0UAnnPdw+IHHwK4yJ5
FGO2NLu6eQ7GsYbs1T2XRqvdl4FSP8OfbS17yrR4wtKEiMCHUYDQjN/691YBqKpHZ/c+j+0f2jTF
r0EW1/tIDckIeUHyaieke0zEy3bSitRBu/BDswS9gpVKa8p1EuUJGlT1kfcHMBa6B6dHgjMs7IXN
RvPgKDMxV28ZO8to0pXiq/aLRZ5zlwFgWvn4vWSEEijhdlW0NGkiAKZty4LXu5I4FiGWsN6awETX
ciwqmsG21MpufR3bATrjbU+cb3ZmhddsiglkvLQmaMxtzHGqrk1gWrywxkHdSOdcpOQ3oem/WtUg
ydd1R2DsOnYY/JVDQnsrnY2+hTckdP2rNbWbbkVOt9pJZzUSJN56UkLyT0gmZDfIsCZb+Ch2luP1
Dz3Vn5ssmkqI9w+gT6JnpVn2miqeFZR0n7N6+BSOBHELM0d0tEdPVDEG8dC16d6Keu/gGEpkX/ta
7Ws1KeX9tas3BLJUJJt9taTUI2bHDNA8vHOFKx7kHDkcRyv2zxEkn8Myc3LBEi9yVsCn00MQDNpj
pg3fc4JTX8sy1BegPKyHzLfiXTS4d207ZefOSl46NQlebYjp7ijtpiDJG4LXOmkRGlAtRHxmK+CB
Bhb01LuT1sKsn7Km6M9B5Bqfuq9NlQW7mX9sVQqrXkAGV6+g2qu3TUySk7LuabxD4qy31rGFkNr1
VGqqmVpWodV5c/jj1My0Eg5swgeB9Qh7evDJ5s8jIQuMd/CCTwbftoufwqk4txRLmA9xMD7KVjzl
VMXn4rts1fzRR8NBoi8aqvDTVFfdwR3I0clZ43YyNj7IlFVsK8bD6KvvB1PZO4oIHm7dLPhhv/GD
F+l060/NTluHI5niDwZ0WtVF5VMtcHOWLsQj2OvY7lH8vpzfs2G0kNV6SRJng8jO+OZONiSvLaDm
EcL1k6oT7gI7vXJh3luEYz2rZEIEIA9Qi7yfpYjL8/POeYc7kANIq/b7LC0yWHZ6Cko+GKSztIpO
Cf6wppKBwBYNUQlir9dZm8ZdpM0EcK9btDYBlplssJhZGOUhnll70vkgz26Gm9/N8MHvv3C5TT8B
iE/gIOPCt3F/ewv/hcuHqf6Lu/zbq93u8ubyYfommIF5H8wfPo/bNLeb+TDNzeV/+zz+dpp/vpIc
Ju9S68dq04XR4+1PkP235t9e4m9dboYPH8T/PtXtz/gw1e0D+5+u9uEO/qex//y5/O1U/3ynbgBm
yPCNYvmREfcf2n+YSEWxILwx5V7bnQk1tmS0vbavA/4YJm0f27JTTvXnqBsx7kf/21VvPip552l9
s/w508fxH9v/6fpsZth6CxNiuT+Yg6+zXK9zu+6fvR+v87H9n657veKff4kc0VIDYVUohd+uevsc
PvTdmh9v9G+HSMMft3qbQlr+irlYGj74/VXff+HyV8P+qu82FZj6boXGPQVQ8Yio5xA66xpE/FI2
w95t7gczb0DuYAWjhep75forxW0KfZsi5ELJlMeKcjZLx2EMwMQBXjn2YYtabQFtyUqaA4RAzNQ7
gfmlgk529ZOXHiqPVWCpl/pWHw1nhZQrPyui3qQZgF7OjEVXPiNJbSQJjajZK5G4mQmOrGFKlOWN
5kh33gfeum5sSL5vxMqybtKvftQoe9OH2hst+GRLTop4lJoVj6Ayd2aVt/eGa+ePCtGXo+W1Z2mT
XhW/3I1n18NKmz2km57AphMSbLmTLrqvskTKWZoyq3RIywIMlxlri9tE/+XVdbc/O5buE0T9iyt7
Y3Dsdf9bkBtE4HJXnNCVm3FgOZw/sg3fWrgcUu/dfDOYv11sRGaXQzHgUoj3YXKsPEg/7/cs6Nyh
6W1SvKuVVLQYdUwWQJ7KA1FCJ6Z0BtPtcHVKXPcE+nLc/jEG5Om/3P/oRXExdZeDoaKO3IQ5e03T
Rns1cu7lWUr5dt+j4fShnwVRtGJ9ynfow4ChDY99gp7P7zmkhzyUbG8XnW/321ufPAtTp99RBvnz
Q7+cpGzcQ11O9p00yi4nFZtMHcW+Am8PZpI8IVwmFh+Rs8zt2rv2S6Psl2e3A/A6+yCbUx+hASxP
XZIpfh2/j5XDGjPyV5FRo22UQQQJBKBHA2hCit22vObMOIIk8HoofGuBUBO2s6GL9Ir2LAK1Pdda
6dw5vfssu279MPw+W1nrstfAVR4y4Mgb2BdREptHyr7rNeRMt055HdcJxut1pEEtp88QTjZbWaYr
z2DJurzX634o3bXB2peLq+16Lmt2ZfVu2I6gHdqVV0WnkBzunYp6LgpXUqBbqRSbc1+BBfTP81Yz
anUp3f227odDq+n2Imj6bNXExnvtdKJ0nkt0g+ro28EoGzjwiObLrj9cPlZeS3sQu5Rj/+FqKL6Q
w2UhduWFC1TYI7iDiFmbBoXSDXKaB7RYozUkaeqXrFAWragocfjtEdpo/Bq5yJb6/gPoJ8kAn29k
pzMT5lH/ahEAWRW/sUGNBUOfHZA5mmN7/FIeI7Koh1v0z9EK+JrTtl/IvnJSqXCe/VqyYVc/oBZi
jY4UVNZN2VxQX8k2UVsjM2zFsD2AFMyBg2TxSvhefSnFWF9knzb3dVdGCGK0G9mW5g/zoBP20HR+
sO/tRhx7yPGOniBDvJDt2A+Ng6vfF10xzKJvs4HgE3iAwem+hfA7kLjX0f1UkCm6zQAb6ftcH/rC
eT5fR8b3XxeTrrYaKVtFHy7d/B6Rr4s/3ivvRHq1Py2JIWh/vGGk5z+8ka4vGeHDPh4AelpS4ecs
fYWMaZZGr4K6sG0+8y3JQ/r7bJS8Sre2NPciuY740C+b7KD7Lcj/zw3M6dOCwCdVU0hzLzIzUk63
Q+43700zQNIVmMhRGmX/dWxPNc4ymGpUuX+PJarur+Cs1JbmyAN5gXBiThmUaFbwU0URIGCtWitO
82aMqJSgGozAcx7nbEyjBm6KKa32CRIv6qOwiB2og5svpc9NCdpDfc/cdGTdDvpwL8Wh3VAvlixG
heIvGw2xM0+3k8U0ONOO15z2QDGr/iDPULBf6RP6z7d+HfaiY6ZbW9nlqYBqF9pQWluH26bEj/G3
A2E9/hJQ36tIgULmao5ML2HIv64mvZv5kgPE8/JqtxsI67w5IhN6vdof/XlagY6BGkpM+h51lmpL
nFp98rqsgoLQt3/o0bAIu0x8c9tcLGuK+s/+b98Inb0PvsL5XHOZtArv7UAjBdA1KvK0XkM4KYfM
Jx0tcTVXdkREEqTDe19BYVUBhelGjrgOlvOIcA7qVaG7aOa56gIc5UrOaA/hTrp8HDLPTWltdJAj
pLWwqlWqO85gP4BZz2EejmctWP5EO6ROBGXTr6GNGGRlNelDVSfQX8LntbGoc3mWvvHQf/RV+8ki
TQP0QdFrZeFovJJkzUCj9wrFMAnNGUasGvm7VVYbSKvjAnSQVjm26MhDqp5hevXSZ56lSZ58Uc+U
KsTricBX4KduTWmtZjIWac2K8hDVJoCmBmFpIB4LFEgBTZFMfZBnN8OtL5ytIDi0rR1TrSD95EG0
zruB2o0fExm+SQiSqLcB8hIfZpKXGGE7WUiDdL5dO51vCvRVc6qANRmOWa7tETheZA/xG3VQXjuq
bwEfAMnCyFwDwNfeKksDZFWOT2MhqM9TkpRMeKC9ObnqkPxU/VOAbi8cYHxh5+Fy1hxJ8P1AvPe/
m9UfdLgxFAXZAxaPe0u4FspHPZXZ4LMW3qT0x0iPgtewnPZBRbS/dePpuagKdNI15RP1c8W93sXx
Ipi9KFpk7Wy71UpavQR9azmltMopqcoTR2mNTPWPKXPE4+SV3Bad9YZFuud7BQh6p3tUlaTdd25o
bzIC9p+UKbqX7+GbRwrwc19GjrUJG6tdWmavjGJRT1a1levkKY6Mg+nkyw9rZYoqWYFPqmocrPjd
+t4nLVFT/2EZB14/i+tSnYTPziiap2RmMDPSFBYds7lrVaGI+99NkqLBSR6mHMYzbSxPtgIxFxMV
uwbO/kd58AB4lAlYPNmC20I/VSb62r3ZJMtszIYtEmE9D1kGTPz+H50sbSF/iuDFjakRWo6tele2
nXOSLqPui3vbnba3Abo9JTueoFTVywGUMqOgbFXR1ed63Sl5KIsivE5iaEAPw5HEp7wLBxg+zMW+
hejpv24b1HS6AtskNuY8/aS4JRSjSfCkpCs1VvunomvE0xjU+jJCIXEn+wYQt0dQUT+8IhBPsqsq
TKiCMvXkzF0CdPomqdHxlB4lm75Hw/osbdLdjKkj9TJKdlrVN+/GzH+DO0QcvCAQh9EfQKHLU3ng
8a4o7eHm8NGr+j1U+simX7RBtZBtlW/uGiXm/jrnzQcC/9Ff3kbLea16fL+P6xSyXWbOsyrqYPvB
xW7Q3e0C70XKmEhVE7dXIrCDs8qJKw+3trTfBE+cdIjfPaW7ffO8mqQrCYlxqQXwjEinD8opsmlP
gWIs//Jqcgx71BBdPJCJqt4MD46tJKt40JK1bPZeSF9vDA+9OzkLAQfF5oPBF+mPkHzL/mN/MSDR
lGmHOq9TeyEnGdwnfSzFfTBL3ttO5mw8dpYXW83qhV9PYi+b8pB07qNq9vFRtqo41i6dNaAHHIYP
xdzyzCC4UJh5G1LBwnHqOmvnjwi5LL2uhWXAy75qlH9HSzheJn4iurG4Dp8vPJih2DRRBk6pqpfA
e8SldtTwiUIAcJX+kzwYsd2CILLQ/pr73Aag6jQp7UpaydZ3D3mg31Wm9z5A74EwWKPCj5wuStGy
tTP15Ub6g73Nj33h/Lr5UxoIvMtuLtKh6qtxiaT7uJPNqS07wGh2tJRNxU2Nx7z8lCXp+9VgRaoI
X9rO3kjbBNRNYRC0caHNRr4a5EhZwf+tNGlxkn1RYQEivrXNvUGh3El2+PMg6SWb8mBEdgyOBtmC
D4ZbU7N9cxNaNhjBT4bmlqdhNIILVcUkm5CbX6JqBSxcNNOGLDxE1m4UXtTIXcRjieT2B6sca3ZI
Ls++qeEGT9KD4v6P46VHaPL/9VdzzNeXxtscgIKRSQGE7lkR9QEhHF5JneTIyVG8c3KVdk1lRgCR
gCW+120c3MUzxnohvTs7clDxNoazPLRGbZ5KH57xuh3PuU2RR4bY0VbeEwLTb35j1cdryyWN1ijI
pSLTysfx2yrvLvsLa0pI7I+x3TxWzB9HribWjlx1QIUTGmF1UiKoO3NFDQBgZ2ryNJoT/nNPocbe
nT3kv6Tp6lT73TqtXJTSf48JBPIZYx+8zyMNavr/c57btYf/fD9dP6lLw4KhrEot41g0+raPdWvf
+v+PtS9bblxXlv0iRpAAx1dJ1CzLsty22y+MnhbnGRzArz+Jottye/Xe59yI+8Igqgqg2i2RRFVW
Jsf7Vtb3/ChrLINXr4wfM5sn+xEtwKD05kcyDeSdYyi8RlOObwgoFJOfImltGmrjpAMiAHbrhUhr
6ZOR3PMVKXxEE5KP5qtmEbsxZCXpPlpJ4HwWlcnltpuEr5t1bC6R1DD3cZ1bs56VCPHIO9IYSnC4
v5MfuRzp+lUtxPbtvSYY4x2yfNodfiDh2YUCzHosBVSM3226coB0H505DZvtBZh3wGWpQkDi+9Iz
C1peKoxMNMHA12eFbwpoUd4dQ5+7R5tJbZ3kI/o5huoIrER9nMBCfvzbkBwUIifraDcTWmv/91ha
KYvDb44NRrTGvlYa15Z0Bg3Et7NC2apMs6509n+Icx1XAyoYyUw38z9xY9GQAcarFTEAs+o9jkx0
aKI+/MBEmwFakAUctG15eDKcEM1nqC+bZg6M82hyAJiTK1fmIO/SvcReeklDq0brPTiSNACYp/KZ
GUjCIwvknMiLN/p5jQnvNPeJE11DNCs945DiZ2viPQZsrHZeZfqmrJyHNrCb3YchmkN2fQhCk43W
erM3BFnZJbFN60jU8BNoUizJuwOxxQeKB76NIUwKNnm2cvoKNy9oAKTHyX2bcCOUd3k2TyUTzR+t
NPEdQGlWlVtnyHV2clMaMb9UaLTyuwp5MtOy+IVsgWaKZVXa7RxCDokFFmBmK/YVk7+60DL2SA3z
i94Uez2J9JPRCajFls8SvWIXSK3zi+yEdjLscSu448XgOc3lPtXYP3OkiWYtoNPNcknXvH2YLOwA
CAEsBgrf1oHsmfDEsk6mdjMvdfsw5KYPCL79+YPcliufDS91dtDcC0GYgB0jVztLN9b6LaD+6NvS
sKVf3IyGnIC7pf0ihQPzjUjJkjnmtsTNcbPdlpnUMhN+p6B7Hp+QQntGQ6X2KEppbSB6UG1F3mSP
2gTOMgAff/wZMMbufdCESMsoYo1R6uiT4SDyIjJAPbL5yq7zj0NTDSmYvBR8G5L309wSrPtbAYz1
cugsfspT4IHGwH0BvtUIINMuKvQuoKEzaypNIk2TmCfkdvmJolvIjEJcfjiU4p+stMx9BIqnAzpJ
8V9VaxUIdrShbEAiBisImccDUkLklSqEzujQtGiSmj2fx3YsIHHU/6g8NPMKiqPlaIwkUodW6Hqf
yNAuF2C5z9EGjQOfjEjbjjUS9hOeI8veqgv3nywz8wPQwBVSn3GeH1ogopYQaTCWNKl1M8+Puw5d
cUDBauaprvSFFg4SHYCK6lkNwRolz7MWhuO9eS29by6T0LMTGvCesessX7o8gd5LGQfPXQc4ktGX
8jkA0f3CE23xHDgZFB3K0HvqohaawhZ6djuOjiaUDby94fBg7tM2kySYhwZRPVTgnSMvDW9e6qv7
v87NoNG4dAZsyYXq/uQd4DG8iQ28K3jOyVZsJyifAcUuUTM8DGHtk20E5HJazW41Je9Lw2/UCiYa
unzPYI3vNlq1BX2K66do2/3K0uSpRYvBRe9rdh5yKGGSvch7iFzogJF7CtSL9me8mhkvwVRDlssG
pA5wrfQrutvaRRt6wR2wgNNDpYkL2UOW1+ssMC0kxnCRuBXrzgScSIBn8xkKAFEy/hymMFiUuK1d
+kpAAzsK661u5uEDtoPA0NuF/TN+ZQL8JxQJejN5sRPQwry9WYNvEp1PhYxWoLDI0AP1zqNNRrQa
ZL6UTnYCGs85F7WmLbXQwtPs/SwskColW/x+dvPOZ8lYnroC5FhxaF8ivL3uSDCEDmhiN++gqqlv
7IyXi08OGsokuFRV7u4o9hYRceTObAuY0z4LH0DuV1yNJkv8QAfsv2zROJZoVbW0eif7IcZkOZly
fA2TJvGnJv0Y0aoSyX+NIJ6oLIlBhhnJVwiUoeGjANXmBuw2OX5Fmg5lEbUjaSOIhFg6OMHsSETI
xNLmxFHbEPIHIfobtNg6eOAM7VaecpDXy1z8aLLmJLWqQVOI2tN8mKbWRg0YMmfNiTi0WY+EL6+9
6kECmLgbXI2tx6nSnpDBmiM4mn4WuQTxkJ2gJapAfdjgWvvA8vIbSs+GovQWD+BRlHehM255gY+9
1EtZri0Jin+KpQPXs2+gsDMONKq7eEJPJSSBsCm9x+Zy2U8NypJBbq6EdMYX0SIPV3JkR6ZWyC8O
K1bUAg16VGyHu8hcUZezyxxj4dq2fkKD4hISfr12jQMp/dCFDjE6ZUCLS4fI1vW9ZqkDsOY57iI4
BbbWZGgp6L7nuDeiUqA8FK562v/TaQHlpkWDdlj0vdZyvMTqfg2yLws1nMzCth6NC8WvKRDFuq1C
CQJXHCbgbg+TU28yVzqguYeJ8xB/208hRcLHQyYjczGBhWN1m3uLo7MwbTfJ+1KfwlL3rHlG3sYb
UK5A4wMyFish7OLeqjJsNM002TRMZKuWxdhp6hka5zt92llm832ocm/Nen1aEkN/OubthWzC6yfI
sYzthRz/0aaruejwQ2vqLYamZE07LDs5GisqPN4Iouey5Yc6ZtQV9joYhi9UtZzdM3f0v8/n8qbJ
Ies3c053ZWev+7L74sYrkF8uLGg5nQYJNSM/1dDq6RT/GhLJfzEgQ5f1YjMLBPwOFaoXmUQB3u20
Io3IThHvS5PdVL3L7/F0SQr1Xu0aBEyVYq2mA8QMbB/CT9PiZqMzxZ95YqUHGluKsVzwEqJf/20e
FDLQFESRQ1qHp3FIHb+s048xtxUFiNc2qEb9tPva3te1dTf/PWgI1iu0RYdvn5c+JqpscxjZ3cJB
FeB96jwkzycbMr7fgrCpFwYbdL8VuLMRuwBUmn8CUN+fQ0CLgWE1oP4FsvI2rPOjaYInlKJokhP2
YF9Q3n9PEm16eiuVGLEx+p5ZoN2tSuWpMaEks0grezzROJxQ5+8lSolk01TMx0B0Xfu4WznzbHIj
J2ygsoj8G7DXHMRDyS8TlbedVkh+T4dJ9M4K4tKhf7M1aK9DCVEPF3mhm9gW9+FqmCbvTAdkq4GR
aJDzLsYADI5G6Z0jO+V3zfhKAR/MXW+sQWebL8l2WwMpPeCeWseZ1yCHXRjeiYV41VSX6t6vBxRQ
tp4mc/jswDvHD5Re+91t8drDz6AyO3z5PLYFgxIoYRStGkgNmwtnJfqsHfPcFpD5qtVBBZCJAuiQ
OB9NFKomAqxszRP/XOu2/J9ryVK8QMHB2LssWjg2hOfokBiluQmNoFtGoBfLlqIEKRKbPHPXKV26
vs+9+z6PVI5qypZDOJibQEf0PEbiCrX4wniLdtCOc19iK/M5+nY9mqGr9ckmzdG7H7E+jbrKeI7z
6HlMY+cyDnjdq1Me7WhIrTve5BzQhdaeqIcnT7zwkhgHGlBQBGZ69DKaj7Hq+yE7ooNN2gM11Vho
Blt2LsDSRotfDs2gGHQgv13qtpS6lIMk7onCDFFGl6BBn59aQ0fn1XHAZXJPVbb0oFiHijg+A07/
Psr7uwZyOwcy0aECq9PGmVIGMkeEIfMIpEWCON3q5CHVINZej2ai5BHL3t7SViKlRxyd0gEcjsFK
GIaxoG0K2WhbQmc3223GJxstYKLqt9DdsvMjNIACMgS+sA+kYWgWdXaNnkGJQdGJod31jTCslI1v
WQwUmX3E8rWG/sl1owqkU1rla7QZpGuSq7h5Zch+jAYQNCjpxUv0KTn+J5g8DclboeQ4e28weYLT
o0obzXM/OeallDed8E32PDzsPHQRVaX1NFVg6goMMPq7vWE9BR17DcC6dCZnJ9gCJHnssc4h0iJZ
tCFzlLvsxAf04Y4stp/GUm93hV6lK/JaYQs5SS9BHU1dAFKQbxeYlxydTxdAMfHDBWK3ddegMgXq
FW0u4mhF6RJDpF1omFsA9EmDLTPIoYHA0z12gYxXrRXH32s0ckwM/KedpZnrgZU2SC3K9Av02i4U
AAClA7KLkJ9vMyc0Gn2vDWyCvcB8yabcWgsrxNfKAmt9Nubgh4nxtesV2OV2IBu01K+gty02N7sX
N8O6BlASea4YzTd/TqWhRmBKNRd9uuWHufIhifFlsrqwqRad0qegg112SFTRaZMAgiXU4eYmm5zC
aDUNSASR4/MS8zpVg0IxstArzhr7eDsMXd/u+wrQpXd7CDTSkY8g2lv9PkXLYT+1H2JKEY+bVHjf
IX5a3oErmZ0abU0DUEMD+GLjdXy21/mG7GShM6HmDGnLTni3uZlDg0NSEfC8Of73oh/Wu13sj0XD
Nl73RRu7zpKhc0rtKWgDYgWuvRnH9HXeoig7nX3af6BR+KW3J+BpVQTwZWwdJyOyxWp4i3XUanUU
v847IPLO+5m+HlYAOLmHhOc1UjpFc20zNPDp2hQagNw54BGunUcJoZ1HENb8k4rK/WLg/okcnhEc
p6RpDowDCJn2Dr/ibz4sIk3oPzVxHhV7l5pj1extTmBowbEN4+YwpaX0jUEuZV5iV4yM9qvA/XnR
g8Tl3LQ96Dz0ELuvKJ9eWwfcD+CLlMusBZejM8gSEtRFcgb0eNzZrtQ2zGnLi2t4NXY+6MPiHuiW
1eVlPNyPfctePk0yRKOBbdUsL0LxHriSOTtz8GQO1Qm8QKI/qHHWqVXwp7QZ7zLpZj+gv4dOSry9
PYBfs0GPKSIiTedPzdBDUgj5s79FvK/xHyPQxOYuC3QBr9wu/QJeivyegA6dr6O69GTJtkEDWPRI
gIoy0u39CI6tGeaQVxxQT6hhrPkI9qoOfLubihf9sixNtickRFLE86I0X6xoUQm0JC1KGAo0djrz
op0hOz+BaAmgxXhN0Z3hPtTr4ghtA+xAJrebh+ihby/EG2vAhNwJGFaUiezK1CR6caQl3tchU2KB
9zjRDPyZQd9vA/SIxiuQfITHyWbpubXcdtlFUfEDCjKLSHjeK/SyglWGjdYcYQm9X0AgdOEBabe2
oYyGP8TvfCroANpzWWUGHI62kJQ/vRkt8GAvekPD1oVmo2hTLxg4H9QDObRX5TghvSbz/AydQwN9
1uB76+pkBKDq347G1rCXUI4QGbV5Rtp7+BYrR5hU5pFx8BCfRqSqoHCpt9e3/M7AnXw9okB9HCsD
DGC91L+J9DkJk/wHMn36MvbkdGcA33REA/stoOhjv8k04PmUzKsU3drShXOwZWA5K6RL0nUBIkWg
jIx4dkMNzTnE+PeAfihN1xla73YZQxM7/csAs/Y50P/P3Qimj5sd3Di+mUHE9y/xEOiMnlnslUA2
tuAiK0HvkaUNfqVKn5fGuhs2C5SNra16Jiy9yhgXpp2Lkwhq/tyi8tIIJCGRHLiLGsgrE8smeFZA
aaWB75CGpm3+90k1BLvYVMgTklQl6G/VQQNPJeCF0M8Q02+bciSRaUMRZgDsSbd9CXbjynDrY9JK
eYnUoRgtv61KsLurER0A+DfjFi+dyuLlnX7uUCumETgcwccBZN9JD8LDzZSMTX4Yev0rmehgd165
c3Um5plt3ES7orF+QaKnO4D7EzJG3Zj2ByssuyWI0C3UmIYK+XZlJA9F0tkcTmMzzH8Vma4DL5OO
R2yZDL+eeuhVKzymMaD7Bu/l8NCYYuiMDmBJA29BeryZQd8LAGfVdW8TmrZC/+ykn1PmQMpIE56D
e7LG8JfrIB4r69BdJSmXj20fIY9qeRemA8sVjRXYQ21DO5BzGnQdDZVlvSGv61r1Ng+iYEleF4+a
ky2db+gslo8WuKCvkAMom6bplmWjnesB3GIUWVrozlay5jtahzX46bTWIH3ysrYb9gb6XcGGiU8E
HEdyn7BqT8tSBJCQIOzT6gcaxQWIKLHlrI+0GnJWHUjsawkaLbs8xmbhLiyjxzZsitiXAM2sKHjE
oImKB3074Iu846DRPaErG7fmJqwea5BjQL+ojr+X+KMFSPiEkAtqV3qYjNsuLAC4UOq82E4byziO
arDiKU1mEuUFmiE94aGkRKNNNNto0DxORGIssyD/IzByIAIQ1PlaL+p4ESnBZk2V4AKl2pwhB+T1
o7gjEzntFgQ2umcOEANFBDnsDkRONJ9st0UMqwNGN+/uyK632gBJGmhmoV/fODZdXWyrKLgEk2aC
+osorcKcgcjKAEfqFCQ/cjzLQa6iPFHr4RRaMOnabgoAn5QRalgIp9M5FNSVhd91KEt5TbDyvOeo
FPJ8SwFIzURbQBBrW0ockCNuzdEHiXKzwg2W35MjYy1q3qXxDIKMbO+UZYEbn8c2Zt55d5WArgFk
sSGoEEzTUm+c5FkMbrlwpjz4Vrv13TAgIb8Yp9cKGz78VUuBDpK+/pWa+ZM1pMVrp+G/Fv3L8gv2
A/kqKrL20vUlEgKmZZzcaJy2MnS6fa17wyFGgezzlcvR/HhlS11Zi6q7SpbIs5TZK4r2H6/cd+lT
UuX6MinM/jzFxRokZmDjnkxtY5ZS+8YHfM+9LmVX0IG4Pij+vSN6/vs96ujGhg+Jfp+C0GzptHX1
YrXdswJtY/4/oDZCpXNKv2mGpj+HvZOuGH7092EG5U/0byf7GDr1p1Ekk295U/noRAEIoyPT+A4h
jbePYeBjaEEYfu84koCfPoacvH99jNh0yz8+RoMXmxPHe/KyG/F7rgfIV6AIkT+CCra8cIHbihqZ
no4DsHyFI4s7MuFtq115Le82NKTp0QSsEg0FH+fp6Ot22qWaCrQ/esxBiuxMZrzqeWRdg9LIL9hq
AZggrCv0BKwr9JLxU4cI0oFsTRgq1K/iugLJ8RUIo/xiB2/TIQmGemJsIZtgdvqxE5CepEOrzlLA
322tB7pUjey4n5BbyTgSp8oDch6o9hj6TgdL5YoEG0wD2QWUQKYj2GChqaf/IHML6cE9RZFODUUV
k5THqtYveG8JlnFVgQ9TDmZz7BWDCh2Y6Hu8H4MMOgb94+7mgDQCovX3aDk2fimCrSixc+bIn+2o
eJel4L4Cw4QLMlTgrMkLzmtvR5W+nE3dEhIEC/TIB/4MHJiGKFoEweBuytho+Ap9PuWdoYzQVHA3
uoN2eKkOdEZeBha3hVDeWgA70w2i3BUgCTtPEX9kxFKrRtLWH4nClnxqdPOpSP098s950AudIyve
cDSSAZYVDJb0UwEOJXoFnN8GyTjGFXRC1MsilcrpMEebgqPLF6X528GTmvRlhbffIbK3ialxgBRi
+Qpg16rKvPRZxk2FVj/YiZs2jT0wWdTZbHelYhiDnOqrst/iDWb+wuvbgHsYci+jYmynA/Tk0S0y
QJ2ZhjdvqOJyR0wAO9Buscjy6C408OASYkCnhSrzeF4Qrkaesz1Vd5zyfppk+/wpanASVVvcZ9j9
XzT8p3XcRuHCjR1z5RYRCpy12uPzdrzUEv+lVNboGfZsVF4bueZcMlPnV7Ds+BqeN9BMsbqjlmG/
Rko1LDPwOsciNBEpHRvIvhSApkftgbwis/YStBUPYRiZtAaZe0iLHqMca9CSHHkw4JFSqLtHZQoF
qy66VrKuQb8DoFLN4+hagrgfZC3ucoJQK5TjeA9NwyBw1rVpv3lTbKtpKpn+Nl9FkNNBg51vQZMG
vQONIyr1T2lnAnOnNOsj/intzFmuW1FzJO+kKuPkRXUcwREoZm9e+jXRMHLYx7l/C6bfGu5q6XE4
FLEzLgvb0x61UP7rTI7szTa8n32K05JQW4xtM27aIuWHaHRBuqO+tMBBPMhqlFerF/wAUeoMqob4
cjag++bYvXyw05c5+B0/JOACnfpysHW/sh0kiEBicpjaiB0kE/YqNxO+INvN8bchcgmsXtC8m5sX
k70SUcg/Owy1foYn7kq4HBJfmhGd6ZCX2SP6Vx0gHn+b6Ay8bt4SnPKZX5JeJhmrpAVtiu2CAu3P
6DgC2D2zv9/MXIbx7Qq5U75dwbGA3VKscd6ShVHm04xbsK3l13DId5oGlk10LyWLOh+TtYDKJ7Tk
XLYTk17f6arSq0W5d9A7QAxUpRdP2vahRc4JMgs1dFtVBDny1twZ6CGbJ6G9uFu1EDeTxhTcQY5U
LLTMq76KCuVIi+XRIQ/66hl6ZLO9kVApgiCR6ddpU3+t8K5qGGX5wIsAbEW5BNJY2Xs1HR1Q4W16
DcnVa2h3TxC5KFfQ3kuvg450C52RbVA2qWx09v8nTiuRXih0cE2PY2QsPT6Bbl/d0azN1EvxYrJI
HqQOzDJZ0yw3luOAO0oVcehX+N0EEmwPIjwaCPLWTZsYGxK6mBx+Zxml/pDmY3oft+wnmSnKjV19
U5imfFFRuudseA48jJLYxrsmupkt3ARQj7euZCujaDWiyfHCLeiTJBaoYB2grjcUQRNMiXQnKW6T
TU3obbC3znkAl4UxQHypD9bu6Blw6WYX9A3zI5X6cmC3hPXRXmJb9Kri/2Yfpgzqs3WwiMaou0uL
wV2nrC/9sojyL6As5FvoUnrLKBD5lyFq0LTshM5C8zBMpgBJCaVzRMEGB59Pnw935EyrZHpIQUIW
4tVpgM7WKg9L9si6Ib4Mjhi2fWq7OtJwtthXeFhmi8EIg53JN4bVtv1Pcmgl6K4OORvFfg6HbB/0
ZiBCBTBWDRaWqRrvzLjsnsXKHs3hWddaAcGpMYOaCYZh1SmGSQ0ysGoIVdIK4gpoZaFhPkLBLLSG
KyrT3sXt7BOZ8dcFQ1EIkHuVNljShQpaDiGYLXkdQ74GphTrNMP+7va4RXYkk4sYGRJoAXx4DNPT
9vbwDUZfNfV+CCBfRAoscE6QeTmRiSYy5KBjkCEdTbC7Yw9pDOteVdnybhQP8RSsRReFZzJ1ugu9
46j5ST4y3SbdbH9OEuNUH4xu+Enx/6+TYioA0lW61kWe1BnPXhIC6lG1A6+/yyY8aAneNq9FIMrH
Ig3+MdRbV+008cLFy+QJdIJ8Htp/Dsl7C0bGqj3dhkOKjjMjC+uVp+0CU3UWj9yd7jEKqc+4/+uI
O0WxGDK7fgAkhC2tPGIXlxlyDVnp5ggiuH4/tBDL8Ry3PSO/zFcaABNfphpCGrKsm+9uHe1aA3jb
RQk4N0gKIBSa8+9Q3olebOawZYpy27xkrynaR6d4W3KYAFjqButtSbSUH0N8d2PRDi9ayXpQM+JM
ogdvAZ2D4aVocU06G5Ttr3Eln0AT64GwdDmKPFqT2neAtMrJdkBxUYM42adh0zUQCociJymFkWZY
lTPn9G4naTEbCQw8jNME74Int4Bs8AInZoDnzwJSHfPJR9d/idEB+Nn3U8zXYce7VTQ5wS72PPni
QM66G8rqqTXK5JSBIXoxQtfjhcLiONV24AiGzqbpLCrWe9skZcEmQrPiCs3Fph8PFf6vq2zqVrzM
oPtBYynMDrQipumPEBWCLqg9+Vx3NsAy/QwsGe6Itx6gK3Gms3f7zUT2yTLmeKK4J5OlACMj7Hiq
hjuyk4mc/6v90/r4jn/4PH+uT5/TI0TH+9oDs9YeutrWhmab+EL+PvQgspWsO3dFCt73enBRuiiS
7w13gtQHth35n6YDyYiaMMfwKYHQS+JAFSbBXfrfS90s78vN0xNQ+tpjDoVwpYZglpb6FrXV0jPc
bE020k7owHx6N2T6gvcMvNh4lHIzNHYojeozbmxwM3NhtW53csAy/yWu+dsDOKnewmYYmQrzRNmd
wBpif0l/h01i/Ndqf4bR9DII8V9s49vPJ2yMocB0FpUFTXpeO5e4jc0L0J4D+ofxRS/1YybAbEGR
rcnF1ra5C65Ehk2Jim+mGFSHUQOuW4qRmmUvmhZoOoYayxyjrgD2ZevDFfTVHJ4NwXQEbcQ9RdOy
o4f7Fp+LQ3o77kcHqBUz0PJtBh3MJ71CSSJwgvBEQ1D9bZpcxFcNinTXXPKVVD2uacYZup7ackHD
aTL4FmTM+uzNxghAmLEotuSlJSMIbpxoqJaUGTj5aMkC9DpZF4qTFQagRdE8JCuiJaO8iTq0TQ6Y
OOTgjpRL6cJqgiZeHK5paKTRcGA6NIv6OioeQ9SNrmY2p1IooKlB+Xyb3ra1vvSczjcEh0phmHiX
sUarGlNqodXQg3bCEQAadz3YH/4dMbji0Ix41H+KAHIKaXFV8vjLGg7276sx5tCHxztLznwgcZBS
sbmJ46Ro9/tEWxOR/myb/SDVB8l+3YAF1io0Y2PVJqoSDKym6Cqujw4NUTKZh4SwIUxNNFiz6Yap
eZ9EaB2KejfRiELfJzK0IxyjEK3UCSvPXZYeID/oXAENdq4OY09o42pOIIl1IFleuz7y26NPTuFo
3kkiZSWUk0xFkd2VTsbASovZaWwlPlrqmzVNd/XWwE60+T7PVpMgpbEBvD++J5Pu9nipAvHzhj7B
2LvdIYIe8IK8tAZDDa7QWX8h01Bp6CAanHRLHwHq2vXeYrYOAMjvTwRmH6h+aQ9kEXoO1afpe5DE
/Y4ScC0IcjdT3VVzAm+IubjDg/ZCTvqSoRoL0fckutAXLEoF2j7+nN7mVbWKbAb65iJ1dzGeA8Du
ujvh1fmjxZLiMcd7Eh/T8RzWHN9xi5lLi0XtlpxASE9bDqKEJU14n477VQ4SV+n4rl0md5xfCTTB
8BBaAdI7gX0HfPdpjaJyM4zxd9DgfrM76PuAaMTb5RHUGJ0sM14xkfw0UVaau7ISgGaKlaYnbGcp
CL6h1XKLsrihoBftBXVhaxFUTbZ2wVowQAbppUtjDrbTDBUMVVkUSspF2YGsZR/sf8ajZnhiXhN1
O7Quj4CwpkAqqMzfpxxg5cTVkscoaNwcH5KFDWUCnQGsmkWMe3jfl+DSGIILVLyCi22gyoLXY2/T
Q8b2Ao4A5PxttH4NrnekCBYkxv3YfZukZSXLzItsRR/+K3AGO1laih24UUtSLK1BS1p1A80+dYW6
Z0jedlDvDno0vamdHe5LNmT8QrGjYcP0VQRW2C8xdh54bfl3GD0qegsK2l4u/hpWq9UIyPwepvYx
82pkp4tqndneLkqrdT0Ylft0AHACwmQbMaXpAbpg2SE3NHMjgUI4R0MJGHtpuNcuQOq6Zlb5lcXR
1zgaql91Ar271BmjBR8BgW6i8lfn1V+lFhVf87pIII2TOlfJ8GOutCg7Q6Di7Sq1MX68im3GiY86
WAP649ea62+sMVCaHg7AbBFHzAcztCFnWpm/2WiSouBwQwMSG57rZ8i9XSESU+4tVGcgzGOZV7KF
7YsYzP5hMPA48CzIDjcTuLBu8ZC+AqSx1fGW2hjNZT4892KCaGlp3ltytPdcvazawG6sjVQmKGNP
7RnF9hFo1z+Ns3g8GbmKTHxzP7au+7NM9aMOlpPbiWMbs8X7ffJHTJl48ikW9Su9I9PbMr0oyx5i
822g78g+eO454i6wD9n0tQshO3BL71IaWNlNBrFz0w7X1Hkgh6cqhFIFpCKMVYw6IyTnkumOB62+
pADLe0pFbS6jAs3qTRtmy3bSw/UUW+adBsTtfDA8Fh291vT7PEB6ixwUMkBuaVngR7YmW4/+v5Vu
xSGE6br23A+gCxFWOq7LosXfry41JCBbucdLo3wBe64DiUpL23dqyNi69kbnuQJ5zcFyod4XKe1o
I5+cZdeCwn9ytAJMWNWvSnLtVZ24afV2YoAfN20hCGIZqC4WRmY81a4Qq6hrzfNgQFsgbeJ8j4IB
GB2CyfMrBlWExAiKZVaBfCdUQnWFOutcoL0B5MFYN1D0S0bd8P9zDAXSIUnAdhKp6NtidBbl34pC
eNhu8SNtOfsymu6ZNh1JhixNmLxXPtphkq9h+Laozem777/NAx8KWO5H87WBLMMCxEfRNeKBu5Yu
MDYDaAxPLPFiv6tb46nUum95OULNPAYPHt7qfoDumS9GNUljvycBfDue0NCTgFlT05+mcZwnQVZ1
ntSUSGgBbqIFfXqIa0tbZtOQLJFzSg9hMIKknTwiSOTbKbmmVEcCxcqnPR9RQCtUW2WpoRE8NiC8
Di2w+OgFYNDQ8rZ50MykWpZVG73KfDg7Fnq9Fv3wrW9d8QstU/9EruU+ORkHD7M7mufU0VPoPrXR
Hn/Z6pRKzvzWdJ0rS9rnOAg3k6of0WEopQdsTYS+cRpnHOXi1Br3BlWgPsS8uyM3knsaCR2K80J6
04YgQeUInfK+QUZvRggp+BAoWf5ua20wUJAoNQVT3Pg+l1BHtB7F/cf1rAbv6G4qjuDfQHuK7mir
W4alN/VHsKQDc6OSNIUJUGBp2aAqU+hodaBJAbSd/JttSrw7Q3utse3ex65XYZesayP+huFqHo5D
bp/lkCfo3I09pAtAnBSrAznAZBcsuFVEmw/ReFteNTLrT7dgy1HE3ml1/RAGIffYH628ARf4Mwhi
vFNbVhZfCOQDdh4PnivGgjvZYt+yAvx+bXMwkM0h6LmaFkkcaLi7yHwFPBFEDW73p5FlFcisfbox
CbKbsjPvikzkq0EFkyfIUIFb6C0Agkk7B3+6+dHqOeMGyBbB96/YDm1FjxiyAn2ZdKoT8eHNRcbB
SEyg+oDNUFNIA+9DXNQbZbSiQCs20B7EK4fvmDnMtnkFLqttA5k2M1rkVQ65CcMw7+N0qrdWLLJd
wS15niAECY24pP46Qu7R0ULtlzvUW7tkzqtw8nFJk3I7qbdDZoB5xOvkmWPJeVKu2ye6I5iF2CJH
ZM+TAuDa7r1E+gwKfYtcdSrYqlOBDtVYL5G08k7cHAzgatTWHlwbEeiv0HoAQsa3OOyawFzSVjXw
5kj5LN4n62U8bKCPBnljlHPOwAyP5zwd6hOzoVDfstyG+A54VPS4kfvS0y80spWJzsBbkm07W7Un
qKm0CDkKLUzXegX4nRM0xdsqXpaJFeuQSY0NN4j9wsRGc0wZCAlvl0JtCZ8GCJotrTbKZBskSXvX
glTBd90h9ukXVaqflf4/rH3ZkqS6ku2vHDvv2GUWtHXfh5jnjMixsl6wyhqYxSgEfH0vObmT3HXq
3LZr1i8YcrlERGYAkvvytWL+ACU380StOvDbM68EeP/QRwe/0uXaBeJinRT+uw2Vq7eg0LzpXkRV
LT+Xo3VH/nQrgjy+WYeRrNbzRDJorhZki880D4LDoN8YWIIgEyhVSsV/ZaTxr0Ym7Op0EO9uArDW
k71xHbY0asM81iHvn8wk2raDZ7xm0oCSNa+HLbmlSKFnBjb29diZh3837Whq5cKVoOGiafNA8oNF
sMBaE9YOVYPBOnfGdkMsZNRMEFv/1IxUkyjL9LoK1nNvIBGU0PmvEK+Fpw6aQocmxbekph0hWl64
HgoRVG/iKI7IqAQuUTX1BNjDRtH0UxMpg/iclm06NcNB6uew1H5OMyHjcUlC/o1aYeM4l67Vn9k4
jk8tb9o7DTpi1BcZVnStM/9CfT2Qi9d6sMAZgCuCUaO6YYG1C0Cw8hRrowZM0bChvrwzjXsXhIE0
TjiifhjaeEl95RjGj27+q8QvbysTYN1FwLsHmfMUtFxZd3QV1xNgw9YuMe0SWjrgi5pcUE1TWY5z
o1bCMxMYwNjYULMzgOHmqX+hFg3iWKAvECDojtSkKZknbixNHgdFe5J1dXqvqagtLyN7iwVGB7mb
qNz3qN2/kAuSMtEFGhT7eUCbN/oWhQBAUKhJ6CDyuJkmCfOq21uALi/AMOEjlV26i6TygWYubVtb
mJoTQWSr8Ve2GINrmRXBFdWS2S6GvNFCJ5/KRJkdL8WFeulAzsOB+6F7nZzSGg+XGr+Bad7UB1OS
7qThbh40X4uryxgJKGz9lDsrFFwBQ+KHunl08Mf5WAvkMgZam9qf3v59PGRrwRAEL1t9m4is27mo
FnoII+dHlIz5d677yByw4ikHXdqfHNKaPflDUU4OePF2u3LApkvNkGGzdM/AI7OIXWjacyMszyzT
rBez2YxBHr+UVV9d+jgETluZBZfRNgVwfINklPUyD3pvYrWeIJI1jsVxejP2po97JI4KlPdBHunT
QQQAvEXdAJVfdNTq3UpnkHlnF2x4Yqv3V2TxTRPrnLQotkHGoYbn2D5kXbNm7TRm8tTkWArGbdj+
KBCr0kzb/tUgjVWyIXl1WgQ1MuCzsdMW2B5i+X0wyhrFdmp4ALGbafjo6fUTUh7dOsmw2q8VFsJV
+IimtvG6ZOJCLaaDTWFs02ZpDAbwHapXePK9NwxRLl85BRBTaujHeN/r+Ub3wWAag8IasQAUwneq
RiWzQKuCG+QBeXsPXFHYC3TM1L8K+Uj9AbjdVqblj0camKmBLRW3jP1jlcXDgamyiqr1+MVRZ9QM
3QD3adCdjFEHBUknwc9YFfJEbuQxamGxbQU4YfcAH4ml5+QVMp6DNtUGBFlSLGJDl1ej88oLsC8a
0KxInbqyLPD7LJU46V8jrDD1byAEBId5Zn9njdcc6eUk6ti/QAZt20Z40y9rM+w2YNKrV/NSTw1w
ZdYeySRB07fRPQsgaYRHm8TtvwZZuQfxjvbTcIwThEvH1wbMAkuGev878GZpO0fo3Q7lpUBtqkHM
Qd1iolf7sY+KuzGw+SIdeHTOVFVqGgMeLSEJNLU+7E7j8GaVy/zALXApziQzgIVC10cTDOyqOj9Q
R4af17rIbOT4zQBKrkIfzhUY0l7Er1Ia4iU0+xAcuWBF8yvfemnA/7VJDNlvyAmsre9jTLeyX4zv
dpjtZMXjm6is6MHMLQDjMx30VXUSP2RNUZ/wxHmlzjGKyjMoqs+8d7OTNaTZCsq4EFhUTV/gDbig
UzoEWoJHmOoZ+hQ9DMKdSqjHXZOxc94Aictu9sCqSwb86KLtfP1LVPfaqqhMvqdmiowF1DHlU2qo
LRhwtosIzDBfgqTqga3QvT2LvOSIqlN3ieXQQqRN8zzmYXTWtcEHgS5gABCSbVda4YWHQjWVW6Pc
9LCKzohXQhMtrJEMAwprBSqb6EDNDzdDzQawGLjRCFQw1m+o7ADDVll8813E1FXEPNFrCaSV8C69
z4sTKuLc1YcHUhIoAUikXLrKI2hBKU8e0CQqvoXV+xzkoUFxDlxE4EjGA0m/b5FMW48VakD6ojLu
UUpv3GeNv6kRpbwjjzxOLCAO/H6B6BR4dlnijgs8bYY9OdsWCrOboQbmCkNpRK3mRDiyXtuFHPNl
6WqbvnNeTWhq7VPQMS1axQzjjEF5pCZEaqwnRzTvzbAf4k2MUuVVXzXuruQQDKO9uotvvWsKGa9o
I0+91KTd+uxstzI4IqiTLCir1dotqIIT3m3i2tMAUs7FobEt76gDtTVlx9IAlFw9Mqw0gOyUOquH
Pt4OwABNM80Dfp8TkSKoEq7SCMseMwPQLcq79OqneKP1I7tVAYcJGIJjb3pfZ1OXuJBEsHO5DNtM
JEsW5c0q0dp0M7XLcFSc5bG1n9pGgJdvVfALTVHkbnodeoH9oRoMvN00f4YSW5DU9YcsPuahTE9Y
7bwfRi8B2Of3dlSU3TGvj2SnEW3gW6BR1YlqxrowBTYfuwCCwQy1lFagmQuyOaoD//5iyQGKWs80
IHSGMDrSqEDaRXH+MDqD89g3gMkM8Z0A5dwjWSxt3IM+QlwbZeosvVokpWBH8uDISKzqBkpotVa7
WFGhVLKpwCFFQyNIyR5QjOUvqImSWOPyP1yJWZW4xoC41MjC+yJzUCk9VvmxVYe4t9AWQ5QDMzTm
Rzqj7sIWPciJrR68jR9jQnKnfvIsxxJ8Pr+fUr9Wd9UaUlrx1s7CdEW64ftcVYeV+J2szFqXZwEA
/tnJsnSV6aZ17N3iZxOkAqUZ4v0QJrY4kc31wK/n2NmROkflIcDWgDjahwv19KigA6UzeNVy7Tan
qcaORUd9qF6bj8pyG2kGMlGaig5aC4pK5UUtcqWBY9ROA6eM1l9zzdP/fS6yf1xxnsv864o0s8m5
dUQtNh6feBhVKSpvCcHrfTSx3TGfkhaPlbkXy4nPTepFQjzKzPpsO5o892YT7PFqO7RmAsQO2aZT
DwCVfWIYB7LRgbsl6pnVAWUGoDB9iVrsIMDb1bDhSQP83ku0l7KtijdueS8efghvoIKeToAnnU7+
1qUHPXuGVMZBdXM18n+Y4n/dBxJgqPICf/faEY5zqnrXXhDRQx5l0aaGTu3EDmExKLuUpe5cWnzl
Z9N7jEfTevnToMAz64kd4l8H9UlpvYSWHZ8kR/GlyLX+Soc2Zhm0MpezZUQg7urGakGeRkr0VVds
lrw0tkaMPaorjeHT0EwstaAqgmnKzgBXh96roIS6gorpXasgMrZpACJYstnIUC7qlnFQg/Jy3aGm
fh+wJnsetHHLKxOgVmXXrdSf7TIs3u0MjG37Cvi6Z6fAHvLDPvv/3V5UqF+j7NWU+FLZK1BeQpN5
mJJlFWhrT8KvH+f8WdaZ1bZzvH45588kUpiIwsbeZk6KCTt8zUK7P5JpskfLIkBFGeXcRi1IT5FV
Ps6XFnjgbKsqGpbzNHXQfZ6aOgYjm6amiXRQOV+Fay5HAxWCjTsiMJgBknLJStddanWTow6gDy5T
D55Qwx51LU+5spFfbQZQUASCZEszTGNpgo9ZJNh9UNCkJv04YHk6zTSb5jmrON3ifcOO1Akc2H3i
ZOLUoYx/1ecMK261kJlWHnjxlYON1KwyeeCZ3hXZAKou1aTlisND5NpkkB7J5nogOAAo/I46Jzc1
r4tU+Ga2cfPXPK02eJ+npUG+hmBWIpsU+ygsg2jaDozW1EmH9mPaoMFWYSixqupbzdmXLVZ2tJ7x
QuAgqEnrGWq6XidRiITUxNykXtSy4X5JT16IXU+HCuJt0I/f/BZbopDp3QmE4ljjUZspI53RIQ44
JGLTektDA7Cs47WhhlB7niEoQPBvdfX9b/Zp5k8XGTI/XjCPyw1CHN2+Z+GDaXf6VwYhVj9w4u+5
SLpl3SfeBRLA7Qk0HignHAr/m1GdycGBKvGyYOCUr/qyPHPoiKyow91a0Jh6g7JztXIrGZ/9KMwv
0QjsAVJb8XfXfOxKY/xmoSh9BR1brpbNwRYpYsQeGgh34p07fM11u1nEqRVeOXftC3VgC4DaCtWh
ocRu6ig18C8HJuoo+urAjAjUio6CQPWNvCebbB2g7IZuuK8QGdxYoSbvgiwy74xavzVqUZsglUQt
2WrRRgNjPhSBUdASMmYeEFXZU1HLXOhCTag7OweQn0+d5E92OgxILR2c2N39blfTgh1aOxRGu/vk
/1E/k45adERBztT523BU7yJ/rMvp4831NuQGSCQ/jmW2nac1gak/J55cVlrTn10XCZ0emPy7LsDr
GoVm8X2T+oD9FlBs6GufLw3bKF9YU6OMT9bZV88DCkBK/t1PQZ7EXfFL2HyVpjmDfug9kkEJdilZ
syx9K/iF1Blg3Fn61sc/UKNXPdlCDOsIj8ZTpfPiaCC7uhk9G4tKkA8swtxrv1tmuNTGLP8FDu5n
4Qz2i6/1CO4j8n5xNV3fFzZK9xn2ZLeEe91StrrxdbC7vXSN7JfOxoMY/OorQJsQ6AL7IRPNIpLd
+KCbPNkGdpUeKtakd7YXhSvD7+RXIOm3Q5lmP/Uh+iKyZHjuZD9g92nwk28I+4Q7u1izjhUvTCAc
qFytdtzHzIuOVR07yzJMBCiwneYYe8b40DbGA3g6nK/QaIaaU2C3J+iHlfegaXsjO74MojJdJc8c
tHW3uokApI69leajuA4EmOFFy3l8rowIm33L6t5qZ+0mMf8OcA1kspSD2bjDFjWU0ToxU35F8Qu/
FgEKvBBwKBGvd/KrAe01b1Hm+MRjdkcm1HBpyExL34oWvVbsQq1NNlKBPvCv1m6ml8ULhI3lwVLv
vakjQLXAGBRXakVuUJxzMzrPg7ICb/0hikHi+TERR8J4hZsp2WgEEcGC+n1i8mGR0Sxyr/5OZG+j
4uMsUzEc23zBHUX5NhG/TUfyocOndtmH47EB1lUY3gESNgvHBYtHkVmXCbMwQhoDwYFkQxiHkJvN
GQUaz9RJJjcyzqbVvfs3QLgjTRY6R632nCXRUdhF/aWIbePeRNDs9Ad7V/HP9sRsvzhZ8+5fAQC0
JPYK/G6++EFi3vchqqmmSBYPuuad3xVJkBNzwQ1KmAQqVcvBv9DWLbgnAvuKP0zx1EGSadeihHvT
DpbxZcSDNxQsesMrDPQpTaqdBuGMd1Cp9kCUgYJkNRI53eKpVyObAoGh0C2nkeTgBCgCo5EWEBV3
IoHoOPtrJF1TZ4Ao0kgn8vQvDcBH5ICVHmovwnUe1vY9EOLJBv8M/yTTGHzDEK/eWY1VIi8QWVAL
Fzr0qC3Qq1pm+h3SRZuhZGOImsRoDY4u43tio7IQiNnk2Rl1ufJNad4VMtS23di1B7dqhxPy7BAf
Z0V1X+Exj/K8jr9iGfEYpAD3LqL7UdRgDCtZqVRF7NdG0/nyT59tFNa/fLaw1D99tljTILKrar+o
dCvqm3zZWFF7mIqzVBOA/vZAZV+Nqd2jjqTZlzJN5QKRVVDIUbjOq1m1tmIwBkxGF2nbtddH2gJp
bI5da8s2PcTMllEf4K9OxqaI8Y4OndOoVLx6deBCZ5smhNg5K/ut1TN+0AAJOUtX9Gc6o4NICjCU
Ba67mjuqKniLGz1Y5DXrN1YSWnuPldG9N6iStgFUJUCenFDiWb6Qx2BbJvKb1hOqf+QSeuzhocej
xJrT+p9i/NMpOY1wohQAS2JnI/sI236w0Q0I7jrMQw1KkK0rBSturKZdGC2QgR1gQY+uA4i0nY5f
yC3QQXPqlCUicB32GnHctpdWuXUhavnU8D+59bjztxxQRMhYMfFU5/kWpdzI6+HO25hONG5z1ZRZ
uUygG/KS8ko/pKYL2XFt1F91p/85JL53RaK5vwObNirWlb9l+O6yEQyZKzVtLviW/IeEvU9bIG68
G3NUtoNaGwy7Gw+YsSWyi/GetrbULPUk2U8bX9WLio34UxOxzHifVDoy0RWqSz0Croax0y0Mo3PW
Pvf1k0NoV7wkOneD8ozr+xWhTnMMW8RpstFsTygyAb1EDqLqEwQ6A3MTligqL1gvN9RPB43F3xK3
NLc9NwVqWHCIedidi6YqUMqfOWCQ8dx+Qca4aN59LFeIZdk0yP4qb+oQLOzBfwmlhbRE8hZa6+Is
ZAAwIfSlQCoHiUaZAs2P1D1OsfJqN2B8axceQpP9goy16qEzD0iZfVGxu9leGiaoP6ZeYa2MEkDD
HisDB6/xY0M3Gm6h6NymNu45Oo28h9LKEiicIW5OB+SoMomQ7l/tFvxCHLz+ZPk0ktpjGhvQLF/S
XPMYCAkhFK8OZs6std1nbnYBPVi70cEFfimNwDrr4slQcC86kJnOxkhaSzcZ+DrGSoVhDxJ4pzHM
l+SSkm3weQ39nshezzPUsf6E3UkEmj5PgLUfqmQHXx3oLEydloNJwYUR+zl/TdZ2rG3Ad5WXw2wo
nTfDjnzIZDvFX6NpyrlNPtQsityxl3OPa7BiZbgQlKwlEkaSx++HBNHIGvXyaGe9V4FwKPw52TLq
IXenZsWmy7VfFIH8FKRM4xgqPxHI01ug2U/YO36OZv4W3KTBnhM+abH2DBS0dTY18ANKKxqgFD8k
52rIOLiXhHZDEZq5rNrIRIwnCxdgjOQ/+jBdA6TIgf2IIVzjBNFPkVRvRei2X+oBeXvNjfR7LHg8
cE82Ov6PRbrHS6sDC06Nan6Wrl28XHE/OBx/i0QOp+lUs4R2MGqsqXhaoZJI9dDBlUBmDeZT12M3
2MYmivZAh/EK4OUNYp31gzeW/gnFgvWS7JoA+WJRR9VdGljj1Xd6rF/UgAhcAcgYFc7RRn3xo1dA
Tlfq/CksxnrRg5HvRIdBavlJV4fZRk0hRbN0MnNTjACES96cGzcsnnygYO8bL1jqZh0B17KqXZ49
OX1bPCHyCnhjKe7JMSyyC1BS3h216qT+0fNqmCaBXh1oVbMI96Gas1AbWjyI5J6a2eiMK2CB7C01
W69EehAB7g01hzhosBurvZWlLgqu0HiP7Ia1pF5k4rVDVYDegno9t4vPbYsVKvXqvVnfIWRwo04s
XeNF6Qz6Ltc0awTbclqjIKM+tFgcIJSUp8EZv63gTGeaLL+AL1vuTKNwxoVZBR0C8AOY4I0cG8Oc
H+iMDiFUAQ5BjMPc/JPfPIxGkAsNm5v//1PNl/xtqt8+wXyN3/yogzVS7DvjIYggsqxBJaRY0Ol8
APGHsyqssl9AKCE7zh0sBiV9VeR/DaH23O2pGecmnf1+gaxFRtJgYDn8f08TVR8fjK5Cn2Qyzlcl
o1tXdrFwbeM2ihh7N/Uh5iHUnFzolIaUZfIC5c1qr1lxcW0hDekgFXTiirGTDuXgAAWiBeVyMK13
m6SzJN1oEDU6D+oOADZaNJtapKiV+BhLI4oEaLmemefZPuqo3R4zPInoqnPHAHod6cr0wr0IK3MR
de46LWN/OV3xY2JEqVC4DQ5vSdfOBMcuuTKS1TQVDY7Ea8ZkdDdNlQmjXEexVk0uvuZfLJAQbcEw
IQ6u0MVhOmNZ9372Bxu59J7NMtzYGEcH/nE221w1zTwrdcy2Ciyhy8TGHQ96N/++7Bi4qSIwqVMz
cFL/XpiQ0JapeRcpjwryaruodboldVa2598XiLfkldTP0yApoBSIIh5EvgAR5aLhd55lXUCTUv0o
R+eiuXr5wxbsEjGccFi8IGlOLM7AzeTrwZ7V/RMB0gmGHiosOiIBk302kQfZ82q8Q5X5Qh+wIcic
5AoCPfuWxAm74IG0phYdtBFszpnV/uiGMEWmrwUir/SrZum5AVgMWB4e68xW+/nKfW0/ztLEeLfR
WZfZ7msUDdlCL3L2OvWGW93wH1Ih0pvjOOkNvNfuqWnHI5kgDpHeWgDx7wI8y6Ca14dLcuu6WwQy
pit50aGtm11qFfJMrT5O0lvNi5eCcTBpqJnJ1DfgrHA1M9zPtq6w6qWX6OmWXKgjEzmKLgoU8ZCN
5owqyImGrZ2u5quGTFjbtAcD9TxfaGXmnhk98FqGhw+cFKN3tN32RsPoKwEXUUHmtPw0u1GBhjeZ
PsL8FVLsKCXYvy6ziQf1tfdZdJo/mWBBvDBAk4iaVPzByLdx62ChaS779K0qMwCM1ARdFbnQwR/B
AdIYjTF9K5qUdT5E9/JcLOfL6i33dloF3Pr8Tbu60w66J7/MfzgESMH7L7L9/Ol67vh3RfhKc03/
Q78vVdR1uJuaY2kfwLAhVTGN3DMTIglakfffkqZ9NLM8fUwg2Xhgug6ErrJDz87SivYyYh0O8KfX
bFpQGe29vLSfBIjuyEl3TWPZunp9ji1HW2lOkS8EBPgeut54lu3Az1K13NIfN8CKgDm58o2H2u3r
qwfSq9ZLjQcydQaovcI8jI9k67uw3OVxoS+nAY4ZPvTGJhDCABMnIHpYV3fJniYHJ256QFTEWFCT
Bvj4sWiu0d/I1I0IJWZ9V29pclSb5KfE4j+pkz6uFhtHpHDDu+nqrSWBNovdNU3msVRedLu8kD8d
/CT5VqTMOFGrx/JwGzCzA50IvtCo9eENSJUVdZKpgETmwq6D/kDNdCytHYsRrCMX+ggSlXH6+EAG
jUHjxa9GfUcfALQe+iEUPbaS2FPJ+EWPre422kxcy1H+CKTvf4G0+7CGIuCwC3s0I6GtQLoFjGbi
+6eyzqHAhwrqL+AptEGJm7fHsosBXTNvk7mDAp+oKvCFIEazfN9xg0JtN+H0Zmx+itTHsePl4hNQ
z0oaiIkb1r2Gj12GwQvlr0Odv4lGFI8lkmw70UDiB1Fa/1E5UGoba8A3u/mqIcj5ljgAQKbS/pVa
2V2bDearSNoBeqAmv7lW3G29yuwPQeWmiFOkOlgD7f4xHaCMyyHQ+V0Nh0ap/SvGcJYjGIyfaLAJ
rAw/jUxHSYKqI489DcwWRorisyzqn6FRAS5n2Gc3qarPM58hjYiA2uTmovae3FAd8T7boNzm2eLk
e0BEB5A8HkDzjfIObZEPP3IWAV3qmy+QHa4ASjTyXdO36XPV2SdWGtEb6nmyZQl49EUwUz8XxoDU
mjXEbx8jZQYxChpZuCFg25alr7QkQYIo5NkznfHQTacz+Qfbn/xC3dDx3CyzT3k2zbWGI5jBdp+y
elOOzRkeNGd095Rem3oZsmRrR6tQZvKRoyNnmiWrmh3Z+yRb8BGJ3UvZleXWBf3Ai5mXE5+Vm3nG
OrW8eg8UEsR5s2Lis8JaGvakBYG26WvPyt9DnAxVaoApOCQgbpbSXCvs/DJyffBgV1H6b9pymYhF
EIvg6KeQHQFUJi0u+egg4WLIFXUgT1hcYmgIWqtk7FfAUAXH2S0YnGgzhBlb9jaqOSWAGkeRd91j
JE2+BktZv5maI4jYbLfGRzJZ9yikMYLANTtRJx0kA2EYirpu1KLZ+tR4n8025PtsoaWFm07wFhEv
z0wXxJkF+aGT9Iz6Qq1Gz5pd4uf1kpp0QJAXxJxhc7ErH4BN5dGAQGxpKykRsv1hjslDDfj7HH+6
ilVB+7XswD0ZDXb5oKXGkbgZAqiT7lLUWq17dVNAoy9WsWh5V0G0+8GW41GH+OsaD0d2jJowWrbe
aJ+atLCeddClT7R1ghcHsFCWqxCouS/kFmSVfTL0cOuZRYeieveN7pimgXBFhZjFrdX19tiGnbfS
wzR+E/m5qCz/a5eCdnVsx/ig5xl/UAOpv04LaOiYgAtZceru0wzzuI3p/ggR8ImiVr4hWyqXne1H
19QzDIi5jmAZtYoRIsrpu68DRRYBOUa+MpA87cDQC+4PW1/1dGZhqyq58BAuwNnUq86s6JvT9lBx
91AmpA4gxRThtgGgd+u0NpKyAk+iFssI8PuzcevjOXOrGFLrii9t+mdE7bBqXARd6X+ZRV1yg7Kc
0uC6Or7ufM3AtQsxRfnVHHt9KdJEQksvlLvW7bSdjkznnURJ+BJ5ufG16vsTcWj7HOydcSG/6lUG
OUjUX2gyyR85Su9Ruo2zsC4hG4pH8qOWiHfb3EtnXNebteQ1mIFsPChRopEf6CMHbpad3Kr+Nn1i
9VXcEmRf5JFHYgfFguTJz8tTUWj+YwLCpwOeKOoulMNXZc90vC3MKLIPLgNVyt/tIxIZi8Joqh0e
f/0ZC/7+PDquhD60XWxTs4wXld5DhIB6WBSPi7Zyom0hB+iaadBB8HwV1FLN2cbSbNgB21bfOnVo
QKyP7AVs1KSO2VY0rNlUgdktCeVGeDfsgW/MdoM94dtmu8aScasDO7zIiKZ1VrbyrfqG3Fqz5gJP
j1AzzDueOto6VmehO7yfke1PvQCWgj4HWMltgl/PwUPqYNOMrHyqa/7DQpTxR1w1GwTi5FcjD9IV
8FPDRXgeIntG0Wx4xtylyUdtEXi5cfKIEYECxdR2EJHDOic8kIkOTEWR6QxpCmi5liOEaAFe3SRM
oFpZFdwRiItsIACA/o3lnhHIKS6+evxyYb6aUJbbJbaDR3Kp9ene1jW8JaoUGuhdE9oQ0zGSHwHu
Cs90nW+lHyUrw3Hyi5/q3jEai2bdCy5Q6416cah5/rCb/NdQdO2jF8XtNgiKfB/mDpTS1GTkMVpQ
XI8b5xtC+8kqYCNfMd0bdqAQJIw6HXzOq3XAHHNNTYnivXv33cG2nK2b54CLD+3DyAOU9qdxvkdO
AwWGUHi4QRnk3VaxsxYkex656z9pVgQWXrWqc1SpeMYjfQXIotQeEF3DX0HGYbmi2v8Uqasdcr0m
XmGsvoFIsb5FCMZMNmpSB9Dt7c5aagwECJ3dmU8oA+8OtlkqbmoP4cMa0hBz0wWBIv6u1jmxQiCk
PddfpophHFKtz25Thw/MabNTN6TBkhi93b/sorCyU2EpzSVE4Nfg8s0gSlgucNsab+DbEMD8m9mV
CXcA1wv+EZkTdw+6V4NwSD1qh+jdt4vAaGyZIrqPDJBXiwCJLOwNx6+2DmWeXgwvkIt5txMQAxyZ
k538R54E61AbUWPQtunOlnG0QZIDeT1vxHMRuXKw26AoJM2ynZHm7RfyiNrY3iYQ51tgsZUvJ+r5
VtP77R/bRDyPfBmqZBzP35kuqOEit4H6Gf1JRf25Sb2I+Ms9/f2rWP5L729jZ+dOTVV5mtiO4XiQ
A5Ku0D6vjj0iABteG9YDByQMMsd8/FEEd2Uvg5/WWP2yHM97EpmBnWXYByegwOtpjMhLbc0HVCrR
/aYPdr1NtKhA7EmtgYRa8Eh1yPzRWur6t7lmeq6rLkEmsc8riPvYqLyWbt5AoHgQ75XYsx80GbA2
7/InW290/E5lDW6a3NpkDsDFcVqVZxTB8zVgT9VzzYzvVNqoud/x2Ep/zGP0eIxWWuC8Chf/TKpa
A8K42sxNv+mrDeSRo03GwvDkDCi9cvoXQr8XRQdpuigYLp7tyZMpsJGJq8D41qSTg9U/6L2xQLag
AkIEt0SBFSbCwnZ5IhmaXDUd1aReq0NtJ/Vir2g+Ue+fxqZuhMxFzkGgqvELlglYV0KA1qx671gJ
HUtNZZe1C8KAoX2thFdYv0TKvHvo0a7AcBvmtyhUBQwiPoGp27G/c9QQr0CrYd9pJVT/Bo2lT2FW
1GsoSY1nlHxlB7dM3e1YFtbVSkpn2Tlu9NqZ/D7PCvsXCvuBb/TFj6j6aziLBOAbXWqCyB/vCvAj
+AjF+PnJabsA6IH+mW5/sps2d7esrCf1IX8w8ytqu4+cQxhpFiTKy6jdOiICGe4IQaK5wyhtCH5o
VzDYgImqBGofwZVF5cTySM12KN6bVHqIt8Pn3uHvTepNdJSH/duxxQiMTsXzFahtT07D+N5XCyyg
EaHI5lV5dKY2HZRLUIx8n6QsPhlYfBKfQSLkz8Apoqsre/teH9MLkSFYXFpbwEaTDXkN+fgTVXrh
FWvbyYvM5mDBq8/gpVauH3OBv2Ly4k3pboTXWGtEKAEQ7mv9JbbADYf7OrjxqAEfNx7+Z9TIIAcV
dBGCLtI6j4CKQxyxse7bommXhcH7L4lvfet8lv40qxbDVR7KySpslfT0h+tDaLUPHR2CbCHu6bAB
N4ockCbpjPgcGNq3TAvsaUHZpUZ+KpLoGy3TaIPgocp14VldeqDFmm/jN4hi+HJNbF7E6yX6IDtr
NV4VivmL7G0vUNqh7Lb0lrMr2SHTmeHF4FcLEPaOWxTN5C8M8uLc8KK3PEAZNAMX2yXJInnxUEAN
qEEbvSWQBnB0cG+YLA62fx+ZGvF45bn1wrGyOYOCiZ+x6uVn7ECSndNrz54Vx0criTehmVcPWZZ0
VzdlALRIKIP2iLks60DXd9SrdU57CkPv69SrD+6PBsUfRyyOsGtxbQ2Sl4iQkS8dQFy3cSTX7qgV
V767+uc//s///c/v/X+EP4srYKRhwf/BRX4tYt42//VPV//nP/6bsS9ZkhQHtv2Xu36YIYQALe4m
gpinzMi5NlgNXczzzNffIyerIiu7rfttMORyCTIyAiT34+cUs3n343//x5QOd4QwwWEhJNhHLMtB
//evVyTB4c3+X9CAbwxqRMaDWef1Q2O4ECBIf0SZ56M2zS8RupXmlkvFqoBK+msTjyjDbVv7B1Ln
SJ9n3zvNnfexfh/EB1SsbGJaYfVCdFtAzURytqYg3TjEKwe5VHMRjGW4mVUG47D5o4064nMAIMxt
mRHFInKRjUkhEAJmIjr4sffRRs5lmrg6vuN7yBMDPasOIkuHE1eHIWqqdY6HHhiZfvUmVfsKMv10
KzodK3aRWhXwSE43u9BYcqYJoKagL/79ozeNv3/0lmVa+GYJgRy0Zf750YMeL9f62rYemj4ct0gC
+0BNsWmVmlr5VsVImqjlRD+hDrp0zOqOPCzUPKFUWwdM7J+9qszT9mngfJin1xXNBh9aiBVreyHq
4C0JK8ONeNyfbEhiHsoCPBkjclPPE0if8fFaP5Qr+KeB8VauugelET8Zj/QzY9V4aYOI703TwDMX
JQ32f3wvHevPD8fWhWGZ+GpC2M4yDMHVh/fhe9lYIf4pKDn8jjJClzGkkRetqoaZVAmMxRzUwahm
KTwoRlbR5IKHFT7U/ckxcgII3s3u5DSoOcjz5k5TUpOmBAf4JTE4OL8REDyHJi+MReMlqEw+kGXq
+XiOyWwXkFjze31YJFNdGotbP5b07cK2ExTbsnA8z93vswCoAqHYCuLIub+aqe2JCYtFeZm6dEqH
Wks8lEutqEHk9x+cb27EkxXojjxoyeoDVdZ8CrZXSNpBDHtNWll1lo3rAvwon/V/he2Hw6y25fT2
sUD6aPdBY4sGz2pbsnmfgZqyEHL/778Oxv/2DeCoE1e/DwcpLi5N9eT68A0IINwA9Kpe/YibbALp
kF2gADAYtVPilHfYv3U7as0mm0Hlocra0fW5o5RKqK28qT+KUbHb29VuzBztxNNAdODByj9MQx3k
G1oGdIZz1IN7RQU6p3zS3gQWOjlklPwFSILGBgEYqNfdDUYGaK5X+MukyfQHPZiGVQYmG6V2DrxU
mJU7xwr4KdYQKWR9VD3wFOxZYx34X9SMAdhq1Iym58dXhwfVxtQKkJ70JdTrUVBeDirgCzKT1QTg
6Z4llndHHkll9eckAjgZ2RM2azeQlINdgzQNtKsgRBQcUoltAwkH6rk55kabuBzKJUssNqDYC5qe
+Z2sQnJG3xpuKJF3Idtvj2YoY5cN3pUoBAXWX8isQE/iVqoVIvgK6qY8cmdqQkQv39u34iqyaUhj
uLcN+22uNIMOLxIGCDABmoRFQbCiwulWidTdSqgLkYkDK/3VJzt5UKcaaf8uz6YzqtGu1Mjf097s
NNIIh3naWzn3p2v+nraW+fY/vu0m/9vzTurYp5pS4IUrufPp246UbiRk0Wjf4jpezTw1AOmWLgML
yExRYyjaGiKrcfAOODtfyBBmYPZaEKUNNkClG08IJ5MX2ehsCqfh3H3/wIozz/Xn/PNFkSL+aeOR
Fw/g/UvVobOvgW6Wd6TTTIc+e7hZfCeN7wrQc7YGgLSQWQMhIljXNKjd1pAv2fgeKD1BiR8dQD9a
Lqh3YIqnEwNMpLnnAVZYYUCPIt66zjaGqi3RZNy6eEPkW2qCX6J1IcaQb6nyJEAV4tzLFJ/zrZeq
VqhXV86fxkJhM3vKUXO+A2/3T09tNQIlb0oHze9+TEXMdtSiTkUEtouM6meq8A2ogZzcQRocf0kK
6N8awQy3C2OUQnd1DBDGKC7lqLeoGRTFStSeD7k/DSvAgL8CGO76fgkmhQFUPXi2BA+dqj1nMeSK
/Ua7kGkIwQge6AUiD2CR3lUtkg4I1SqAWIiQnyLfKbGqmwWDC+H7C2ZNye7WMcTSPJXaBB0IuN3s
NEnbQE3v1pFlHUBHFAULPXM6dFV5gbJnf2VRkd/p2DATm+HYAfpkMzFuiHbQa/OLBTDwFTUN//E7
sOWnnwFjXDfBrQAIpGCSf14TIevrVHo5Dd+gJ1AhGZENYHuDgJo4DQG/z0UKqIvdmD95F8iZ3ITZ
GeABNpC+k+JLoUNXPFrZVF6pYYT43pi27a2pifJcAWZTcU+tmUEl9H7GSdkejA4aBU6J4mHSthoR
Bs37XkONF5SuhDHhl5Y4MlgHXRIvb36cemTrrUoJKs5kT+GYVEKRKC4SxNlo7/9nU46oS2nsYs1s
Q5x4kj9UipyfDkUM0cSuKqAFDZMHfslVwm1szcBu+gAyE+vmj+QdX3aol9+b0cBdOgP3vPNYjoif
qPpAsptjbO5RROU8Asv22c57HW/DCHmbHqkPb/MfjzahthAfthg2YxaCz1y3pGNyU3z+nyKHWjdj
beXf6rF3XIg2VLsGIl0R8c0Tez3xzNNZHmf1DjGBc871WuzJWTXT3sMaXfJroif2SeZhui2kDPaN
1qcnRLmtlY11/gPoXQD1DMP0q50OAJpgXwrlQ9QCIA7xwx7HaJGhltSonAIKyUClRwjGrkwbLySk
vSFvTOj1DNFjiYxICzjyIuiMOPzLyMLGzVCCDd2cX/xxdEYpaoR/3znkyKby1DobfHA/SAYlcs8H
91Nn7QDv2BJXCwfdqjsWptgRsUtjOUfPkMW1Tcb+GjXeAY/A+LmwLzbkl4+4lfhIZ3Rwpgq18lEH
SqQ6YVuyVbKrV4bh65t3BmG9fAR9pbfRIDh59FToXFNx9luTbA7F1H/5zm5qgKUVKw+RzV1d+OPh
dpi6YjykSbpN08bYcu4DZn7rnds2VHCY5U07EYHke7J6t82gj8dVi0wN3joHXdFaKBOeMe/2LtdD
yCroKCz8bSOXvo6+sHasN2Ala6pvEWiiVj1Y55TcprZIitF/S3mG8IMVjod8TLMXVkWzPUdMfjcG
ESg5Yz9443kdLlKLyYuZZtY9M5snS9mFY0frGCqam0xDZW5ujAFCnx5qY6E1PPTWQ8bzEEpSa5LE
MWtGDSqjMEEJqHqokSg3kK3c3PxwXUYyWP37T4rr4m8/KTwbbcOC2gp2Sn/btQ+8B0tlNvFvYPWt
d7YJZg46aAhFr4EnbhY3m4ksXgeG6+rdJ0sSwIKx4f09inw/Nclf6CN0EFP8SXbZPAQaiPsiJVpH
h1HoS9PESuRmslCmsRhRqbQtDfCoUkfALWjo6bWzJBvvY+YKRGhAy4MS4wJlKDs2lPIRqtmQyOBg
iaNmMZnVNm6cAKtO9AKAzg8sL1B3oZqtI9il080TtWLkZh59MQ8kS2p1irfNvvNlCJaSNDuk1uRv
W3PwFsSoSCyLn2xz7P1Pv5tNE40HzRylHPtpXMud8SB6pM3B7vPWxmn8DOUEbcUMwIuNEUTa1qR3
biJiFGpM/k5nrfXjT1eItrYHU7kKCD244TD0G6cK7KWXd8HZUYdSF/kR3DFgrQAxlyXKFIFv1UFt
RA/PWOubO60ywIBPNtmJ4FxpcbME1DwDvvL3uBIVR5vE0epjGYC/l0/Nl8mW+nNkYZlmpkjoULMq
eijAx5BWpWZtJOGKO723mZ0TD3zkAIQfqOlrJSpbgvZi+RV7DkDU5HDxV+sp3QfBxcMoyhAhUvZK
bzEyiUIesL0JL3Yu7aMfm1eTkBa07gbjq75ABcWwvi3Ub4t66jXAFLv+tFzXUF69GyAau5eTh6dP
047RvgxR4jro6SIyIIpZjPWBq4OfFvWBmlMe53jaSfdmojNyIw9q0kFv7PrgeazeQKciBO1762wM
D2UVeR6Gr1aeQ4JlGqdT3Pvesxwvgd2Fr7oHwrLJy7IlNQ2Zmq5t6cjkqd68yYBuYt4V7ENvXm19
jdmIEKIF5JYM8vQJRE6AYYJmm+yhshum/o92O9AhlazA5MNYeuDrgP4lNcFBAELdQsKmOqj5ydZO
zbaY9J1W6/zk6QGKH4xYX1DzdpCq991FpAvw0ocbavrY+o6zd1Ua0QlFQl5RIuEno3LlDyYUeifu
nAbswhZ+35dv2EtOyxBFmIcu6r2novXwYw/LNzMGTXVkJA1SynrxVhrmCRw57YNjBnIePim3T8NT
gM/IjqWSuRJhdAyR30IBgqivdACkOFpEKIDZUxMrAXapJ4b/AzzGzG7A/Y1VotP6MdC1TyHVsyEG
hc1BDTrwIQTJRxc56R3ZhMWiiwF6tzZH2dvNLROvcY+dzyIoNAmep+us58ZQkerGBg/XQjGU6bIE
XTkqtpW4m9dZl39/Q0AJm//5jhBCNxwsMCQ3EPU0HedzZFeH0nVuh0G9SVos/tohNZZAzwHV2Qv/
NUwlaCGxFXLsCtXD5hCiihF2oOLsNfhJAcoIs+BV6nkCATBhnRF8GJ9SYAXILctFdvADhCKpmQtQ
tddRr4PoNIxQH9YUe2SRvwGAGP1Mi7MUSkw2Q8jERtb1TdFvLxEtb6+mh39yqpflsUk6ew9gRb9p
KnO6y8F+7hojM17UPF3jhT+n6X0eQwP7qYUEe1GcmR9YbAFW1e6M4pOT48c5fhqItqqQaQtWNr89
TdpT1bftmbzITM2xLactGAG+kp1M1EmHsSvxZWyEtZyvQMZaTVmzoVu0WeZvyPbhYo7dbPC0qQ8f
bGmXpcdGL13Rl9BgpSF0KYGCyI2RVOlHG/loosqVLmDn/tNdQ54dzxyEzDYZpH93vg5m0ATVlFA2
ZahZdhKsX2LdEMcI2jWHMmYeqCNbrTtQO3dyf9n4LFw5fFwleNRAaXCKxyVIxcOtbTXpg90G9mky
vYtlBmgpU5sgyFo3uoB+jkiR0/TNg2amP28evdB/ghjeBmepGWO/hpFITtu7xob0OM0h1UQQE7hr
rVacyMNMyniLfBGSMqqTbDw2V3WmBXfzlVI5rtNxnPAbhYcMy50XTdHFrjZhHYM9UVmN2slWTDJ7
Nc+Qe+U9RzTwNqnNptBF8XOxoVnNqfDOYeLvHYF36hIlslBpKbxxi60aDWp8zzxCzuiF3Mk0AOqy
aEAui2cHrukFjrlHVRoiqKpJh9IHx0xiGUca5Tu+tq0K/E/orsjGDZToAP9xJv/QDEFY47HApc9m
HLwvaoF6dMCXeKlKtYw08UZUBz6BHg4aK3LVWCLIloMWL6BilN6TC3A3HGWd6llqGPnKiMxmIzsw
bNfJ16RPkvUwmeHO1IziOZm8LYMex1eggmvXanLjACXe4ap13TdWevFXYAURzcwadnZ8GV8Mb7IW
1JFZw8+utLX70Mvj41Q3iUsXQLbogHjUK3Aw4xn0lZB2GPCvoIsk3mMO5gQwEg/JJil6uakRvnxF
HHWJuK63NpIa5dYSqU2tOfRRiXxcC/TmEk+XaMcQHAXvAD6yos+wEhhCvVx6eIh5zM/uqZdZYeda
oeZvqBloEhg/iBHPU1X4DpcIQp4d2eoPEIkJ154x5StqllmlX1Dmu519mwGcBZDPyBEg599pNruw
tQ2Ep4UiOmEPhoY8bYo1qLqt2YJ94jIFCnS+VUdrsj2e7ZAfUi48mfCYkBVK6Wqo+4X1r3suoBMV
IYG9oftoc908cjN7v+feci6A2GfzPauvwxp8H/mKrpoIVHVMtg10ibqAOtB9IwfTz/f1b/dMg4Za
+9s9+3EFEQvkoi9NNqx7LRabtpK7Avlq1GW2BcBOGgJACzodk7YClBt5wiK0xRZhPvQ4Wo4K3iyB
1OHs2eD1FwkHIdpJYaXUHD2qDNZe6LzEPIC4Otl0UO4GRzqdrUVn6Auso71Mi90gxAuAxw9RXaLG
qQLzIRgYkgeE1pOHMoVKay/vyQFAGr7SUV64omahx8YVg8mRhkAVz3H7oM/WZKsRlF+04RLywOMu
75Ll+zDMWwcNsGptCS56o0sedF80l5FZm5tHWo4t/sw239JcWDLJEz4RFVYrCqz2ccM0tPIHSBTq
Q70jWzbo/XE0o7epnNqdw8vEZboTbcxmEHs9ztKTP1T1EklVLyt2TpxD8k3P0kUSFONfwbROMrv+
OSbT9x4U2s9OjoRbVHkZ6iRABonsiL1hRuPfDx64lbLOSL8YzAF+AoMAIt/giWB8jQRHNqOZ0itd
eRhzsY8i7KNBl7kpHAuUW8ZkH5oo+Iv3RgnogAbCV8sRpxBvjbVZ+AwVppCRH+NSLnUPOCCtXpUm
yGoSII++Or5+Bq28ggTod4Ez4EOOAJ4JQiP/obX+9xJqx6/WoMdLsx+9hxqcrS6kSXSUQk3v1waz
RbH/dN2w9Z171AihlDQI+mcg51H0z4Cy+eN6kK1HjWteF2s5FmD1txO+rsCL43oJZKWyjtlAcXfs
K4pVF15n1G+yBv1EACbFrQ5222dpWvsyVbNWki2dCeJffOjYJQtj5DdpJCr6vaAcHzzJir0NgfUV
DUizzWREzheUWyVr1vT1TgUxHydp3VE/It8ZgBNlfw4KfTij4jddzgOlfz8x037Ez67ZDXoQr0uj
8r541XoeyJ1uZbRTvmd6ixKNoHqdbwRI8oWW4YOLoRZ4MuySLXN16wDz7fOwzZ4nJxi3BugR1mnT
tm9xMS7IQeOoWYWeZapW/+VVOhBko0vVAoQGoMQQdz5wQUcLrLAudWiiXks8NV9ah5sbB/S9myAe
tJfcxH9eXRO0j6U7BU4CWANQcNANL+ePK+c8XAAD5l8tzWkPnhLWphFVBBQcUmBvzWT5m2Eqqi2U
ecbnKYf2kPqg4xRcIwjQp9g2axKw1MhYTHglPYk0eypHqNqEwNhscz+GlN4MBgEiRIBPBPWhFtL5
ihyJOphvP2gDBGvV27TSInEt1MFJsLYreaSt6PUZYp98LZzvgTXU8wu1SMNpg80CX9Ig8uqAaB+x
nDxRyxpaCSWaHq/hPDc2WOayPaoKFzaQYk+JqWn3sV8cmNf5L4Od48NBATSgzqH/UlUM0D89HVbU
a6V+4mrm2O2oF+jqn0nh6GdqqRkNIIueMjUjKBshNoApRInr/iJQSAJosKJQ6gg8tnNsRYfVaVcO
xra324uhOlD/icLKD93aUGzx0LeQAYkQGQJWEfFHYfw6HQMLylPT8MNnX3rTBwF+26VLkUseY/Ma
NEsH78gNJHrMeAmJ0o3ROfxcowbrOlV6gOSqfnl3zjRsz4c2dee2AQgCqpbLBupParI6gzavHt0n
oUyugIv4BxHIv1orQZ/ROunKaGp8zehC2FB9b4uGrVCdoa9QA4Cod25FL4mvWatUkznEntAse8gU
eEFcHKk5cGMLXCZWUbmnklDFKh+z+MUPqvjEldAdFtLxCxREnE2le++9UTLELljMxh31drr91cyD
6kJDNX81cR1VPElZ3CH08ETXSTOz3NNNpWp+0Cj8801Rb1qx+aY0sN5isRCXG4/CtCpCO2OgVTMD
KGThYSczE2iQy0yt8QEt7Wse8vXKySaCjdtEsxOhqUPlJNJ0csvGX43TALpDGT0AGzU9IZAIVXlU
zFNL73Ms0aBQQC2H8R2f9HhuIdB65KB1u6M+r5EXcNg5F2oh8vyAhEM+t4A0fmkHm52pL/PTbywQ
4cykr3vIWIF9uj/Nl9CrZIHfhnckvnyQDleLTI4ASambQ6IJPB4scQ7Um+E9v2CpCZgg9VrCw28q
sffYsetPli2TZaqfGquKd1ABzx8ny442saYzl5p+ojcnp/JebUSK8S2Gdq8/goGPOvUGl8p5LfdZ
reWPQ9zl6ywa6hX19h5Pj/WIJ9o8tgF3kJM8kmuagb7fkD4W7uqiQdt3K6igJGvqlWAl2SOzklR9
fU445DaSOGUucMn1WZTQvgZQDadRANwRUjDeejaWgUQXpHruorQzd4afjZBJVHPoAEelPH2t+mAH
Dl+QRsZe9sBkn57LMDjrGtNyAKgnbNgYt3fUK8K6OXgjUJheWuYPZIP42xeRGgAnKlMoe29LG6GR
JhgZKnmMvMbTF7MPDHBCL4DgKTVphFGsg7jTr2RhAdZ6o0jiNfUFY9zftd04u5NHP0AEvi1EvKWm
EzQdxCy662QPX0Af1RzJ3GiA+uIL2u2p6delieo7lNBQkw59ZTzyJklOdCU5oeQoxNsLZXy4UTro
woUejYsvSnLXm4O+4nrbrfCkKddZk9suDexypl37v+a/ti7l5I6ImQGqilmmiBuXOIk2BsKmD+Qu
silbGvpkvN++45vYA4kXZKh9CDVMFjgq/CXUzsB2b3N+FyOaepSas7+Z6Cwe7DVSzsOJWrMJIjQL
WQzDBkXm78OhfcER+xq7Jdg/dkEx2KvERO0PRZkoBEUHr3aUCIm3n2NQaY1U+TBk735ctv26tSF2
KYMidPvYZycmoMAHdGzqxkMSfPd2hDW59etm96/9NB6v5hSbvyRfpx3ClGWYg4q/AV8F5T1uTSKW
ujUpRZIrZ5TuwhnL76dbL42tAVV2K6kPO2co5KXm7CcxJllOANrCqrI2osAyDKu20whxjmuDVSh5
eZH9NPbg8PbTXq5nXTGDPXVt2NxLU5b3CU+eCTtbRL6ztgtgiVq8OlGxuhgtlBqj8D5HyPEX91yi
VekxwLYljsOgADLulwvxzsVDULqghxpWY58jk2LL7A5coNGOQIOzjaCD1tDU7ix4WACDuzKKAaoA
lu7gQwO5eDCZgLFnKCYDFyZ/ol7I7kH0G1onCeLH68FHnK7QejDMMiPXT0EsV6xqxjuuDiMYYe4Q
k/42GlW8pxbZndZ4H0o2OuiWNiDnGNoXwcH/HYKw/TDadfcoQA2xasqgXveqaWrM3lmRHy6pNzcj
AA4qE+ApdJKpQIJCcp3dUwsaUqCsHtP8ENX+x9l0tg79yrqHenxz1eJTa2T9PeNafe3TqdpJr9EX
1Ec2y9cg7Rb2CAgpf7LJ+NRUrXHsovR8G2iNg76g5qeBPBN6ApmPE2oke4Qppvcr0YAozbxtbjhO
cs6wTgARCUMIy7e3mpYZh8zrrb+dYYWP5LwHRGSD6BEiaYhSqMocpOT7shNHarWDJg4Qi/lKLTqg
DGZcRnrGNzztQV7fOf61QzxVDaZpvLDR1K87dIEZARO9mrEJhDgCahBcrWAttCSDLur0bNCfFIHq
3TUDywEtMD4+OkRVdUg4107UQl4d7Dk9e6ZWZffdscqdaZMAQnEM/QAqq+qAXOf7mQhlu2ni8o08
Ela+26k5JslSmEUEqU6zAS0zCuMmpGQXEgzy575M5EVXHanqyE0AvEGSDOqKvJcXFOC/j0AF+M+p
MFDCJpJd14TNlbPJvDfBCDsZ9TXN2uZq49G+rQuEUciBbL0iyNKAD58H1blm3ttyndknSwxLKzZC
FBBk5pkOvRwAiYKuNLTXRty06ggcBf4fVY+Jmt6BI6RGftQLwO1jB6XCLbHNZdKCTJDlHIhsTjLo
Tiyog9qqV/P878BBg5MiAGgnk73xcDvztTFwC2XTfPSasfzYe/MbcnGEANS3QCU9EJwdFj3+/WfJ
QuNaFvKe7JWWI2WIHexWV8mNANukdCis567Fgge0tNhyK/tteAblpkOFcoW7xgCL0wRtsxdsJCAK
oM4qZaMzslEv+fVdFXzudWT/PjavvGop+8DYaBNH4WgTgDgM6hT7sQBDgzLd7HSWW41/ah2z3kgR
T49m4p00CNf8UCeAEfd0EpTvFruCujX43zrtwcN/oo3aYK9V7C7xsIcI6T9Hp7WcIGDljD0CJPif
WupAHXwygr38NcLBX3qey+NsiBltHZtPrpEPzaZ3SvaIf6W26RM/c6mZ1EDfC4RtFtSshxjbNKwU
/Co02iXXjHXfR9E9dUoNom4lfnkHreHskSauohKBVdUMLEwsM8TaPUR4wZ09Oncg3VsVgTGcCSJH
8DldAByGSsCkcL3G5C9g0QPNZ5wWSyYT80WzMkRrtaxE7WfJX6qifhsFT+58xD8f/2GQxkbdzXLD
OmWQmte0KMZaCZCyDiea6YZ00k8u3ljW1uKWWKeakW1G1D0gPu7zJ2ry2sTOSr18qdlAY3g5pUF5
P46JuTcSqS2R+x9fdRCJLbtWpEeEXLoXxk6ZCR0R8goKE6C2Qg6v0gGRNUjQ0iPvNPKiwf/kxTXU
R2XMChANibsXE9BcNUPRtO+Xpeany8KrTvp8XWo9c0fDSM+3Q8TBkVjop5slZXiPL4CaWlaVKI7U
gUR7dgYhRHvUQXb9mqX4LeM98wTlPGubjqVYx6YuXruqdpO6Cr9FNoQ9/KJxjpENJuGhM+1FpDrU
SK+K4qekbN5HMi+dR5IDQMfvI0sj5fNIKOwG38qkuR/zZhtCv+Ur0I0DSNx+VlBnXZRFZz1BE6te
5V0fnqpSiw+VNhhrwETzB0RakNuyO/N7O7ULGhXn41sbTOFLg2C8m4H4+RyYXrFnAvE7FIbH16hG
Wt5Pk/JbCLQVYvfhz9jDG1Ur6tcplCV4jOrgAgrVbudU+RsW/albDiZiURAjAwfa6HzBgnMbjm34
U4n/xFFlvGUpU1gEEd6xxjO2jhNb25wzJIlQkwLp6n54M60c0k54tzLNewPZ57llQp69kuWPHcpq
lgV0c7ZM5vmjjlQVSqDltCzMoHjsx16/NFAQxU82fyQPMThbfxqTOzJZlayXkeMEO/Kf/E5sypQl
LvUiiN+cQRl4T5cikxMMLuSn2ntqNQGXqMGDtg/NHYaVtrbyCKww6mYsn+cn8L58Id8hT6tzGgqw
ICBpDoGpMH1E6OrcJVn+hYe155qAge4rxymf2YRCp5rlX0ZvBMNta+JLAX2b10L/Ru4ac8LN4GBh
T01wldh507/lvC23UJus12SGtq/bmFGK+qLU2OVGUK5o0k4T+xw/RgAZG5SpcnNXVHl8jXMTWlZm
hgWE3UGzLe88vApLvKsRTb4WTZ5cgrFD4WPWx0sgMdotmO00JEhV+/9z8DyVuto/TsB8KONGTQ5G
IsVi0oDtAhwvTxHI907g8RILsmdsmNzC7/nsVmXDB7fGST66WVgs7XSsk09jyLHegLx7/COMG7mo
bQYNkWYyX3SoUWfgSH/WdRlcLKsMFpN6iGJ90G0k6pVW1LRKIRYxAgVHanr8qfOt5jnglXkeUj9G
GhOTdZZAgX0L2s+oW1jp2H4Hw4OrGxmCE6CePkRMyi8mh8Ii5ET1KwiMuvUQN9rBk8DpgPDAWfOw
0O6jESSIAXgPvoiuPRs0fopBjdaH1Y8ig2zLYDc9WIuhx114MjvbxdjuQO0+biOvbi7pqIFpG/I8
z0gQ/ZVGXfDT1yECz3EfJTOenMQZoNCE356mCi+jqGQbblrtvgkmKBh3mViF4MN91NWDAmnM4Ztm
1eB3R0wMGqrdNua6tx01IKub2uBPADE626JEEIKaI8cTELUJ0dyE8C/fGrKO52bv41eaQg7Q1fPI
fEr0AdlynmV4v6LZiGhA08pnZxvp6m0JcdG516r8ZmsjIjSPDXIb67wkgPymGltYyJ7UI4Mkqror
lLylkFLUurk3FSiubh0dzKyqV8oi3PpMG+feRKFo/Y7pc++URN4GKXYUKKmZKxuJkLDkfO4FwhiM
eQZI+GmqINT5Rm/ALUxNvNvYZmprUHmosdnQTxtDeBASUtdlnTFsACpH+eJY72qnaLbemD1Bj2sY
Fqg8rk90wL/3/SziF7uehuNnD3ID1Qei4SJPNtSsCwhvZ4GAkJiSVE1NwznJqVlCism74OXLbRAG
WcAO+iAEJiP50cHPo292KNiOWtRpaeBkbdN+HanxN9coQSwqiZALu9norDH0RyODzO9t7hpqxQcn
EPsaSHB7QW5ehDr0EvxRLk3MUjx8FiEYFVIwDxxuF/NySPKUWn4XY0P+4fp9jJeqibr5FfneLmYb
8U44dXG82VtfS/fgc3+mK9/mDjPDWSIwxuY57AfPZiifVhJEdNBCqA8FEsrxo6q0/GVOkkA0C2ob
kI/5fSqQSgOnEWg4uJa6OmAhx/mUXJsi0RZBA41K6vmX6ZokBOjLR2pBXXJU81h+i10Rtc1Rc0C7
I1H1EzlYm4EbWvZM7kof33JqWiK2sW8K8pMupP9cAS5HdjY4fFdWOpax/Ti9shrlkVbttKegaM2n
FNEAssepHHZTAMT3PDmkqpAjQfUxYiBY0DKkAuhQNJE8VupAzaYRwF16KPwiW1+WSFIjxw+8sqGb
iExF9imyG/sUJ7XbSj4d8BI2ERtTHZZndysEvvBeiTOss8mRehjA0eQdqLE3O51Jj70Po+Y8tvLF
HsUhQ4K1Ub0ZR0M7AtKQOGaK6i4cRjMEiZs60BnZQiSMXAh8AKb+Zwfo91GU+3tYpAHNrhf5/pOd
PGgo0uTeusJyeb7iP12MxrJKfkMAUUXmEPpNem9c6wr+TcV2t9q7uSAvsRy5s3x9VQGqhiimciSf
nvv6UpdavzFqOwL5swghsl75O7tIk00f+Mlz6MX3RCkw1V6Er0Xz0UOCC/jfPTytbNxxakCZLMGq
K9sGwavGz46Gbq9MDv3pm8lOIhCG3Nq3EZURt1uelydHTUL22dkeddvtUqg8irZt7qC/AFY5Eyo2
qM0wJNJ9lb2FVFu+KEfR3M3GIgNe2wAIkGy56qgrwEexx9ZdmmbuYDY0lYB+Xd0qMQdt1JdJ4v0f
Zee12zqytdsnIsAcbqks2bIcl71uiJWasZiK+en/wXLv7UZj4wDnhmAF0rQkVpjzC/3mq+6TwqnK
/+Z5/psb+o921V9K9GH+dbt/30iV/9+sUEUfVSRR3jomdnWJXza4JO0hFwLiIeMyhQDmoRbgUEpm
p2r0S5NFuAUkFFVLH0mz38ZdC/yab3mvKt3WXY1yZivb5i16wNYon5pUZywxU+/kBznhkrHNH03/
XbWpmgYTBsD/WJp81bkO3jZpWazgGad9SsAKPFVPqrs6FFbAsl33vc+/oersRM8Q0knk0az88WgI
HQyMEAXozbG4l8Q+jgnKKE1UGSO/XZ+jalF9wCl3G2kMaJuvvVUDfGJjXw0WMnqiMM+Vkw/yJRKY
YDsN9pCBHz8LJ50+DJGzTXNERx66waixiAFIlHI+zw1CEywc4xvispiWarCSc7bO4Sjs+TfiExsv
WFUNin4Ea2QFYJZsRDaKtH/RIpJ4g9UiZ+MhR68XeXbS1nWXXjXVzprm6aWWsIpSF7cJw89Pn3fC
/JfgSoQIas/rV4jyGi0CYeGuvliOSR7Xm4ua7NB/yupMHWQqq6MtLQTQ4vje/e+B0Fp8X08MayL1
zYPuyw/V+FX/r77L1CQrtu1/3uPr0iT3hzM+lTt17696dfZVt9R+epf6z181X12/6tTD5Aty5D7O
nOvDql5+CaC3cUvE52JH3iOWXIWaF1v7yRdyB9W62i7iMfA651mrOv+lLs1bjSXZg04i9UX2xhIu
XldchlEEL0vUyy1xF4/PgFZbju7eYvm/M9disPpLLxoQHHWnbGgNvJSSH6rRQT7rKeJ1Yc191+ZO
jTVhDMU7V8dolXgmAwWWQZXVqeBHdAbR2l2caQpeReR956Ucr6pk9sazKPXx4bOU2AS2/On2WXK9
o1gq/VGVgpwIiYuWRml533Szgko/dsuDOpgAYXdlZOlAFKgrG/vvhhZEJTZEvr/rdKd3Q5TkaEFo
KIxhrx+/7tCgnfGQxcmhLNLh7qsewYhgV1qgLwOMabfgD+0denzurQN0c7MrLzvOtmeGcqiBlqwH
i6jIvRAkqiJ2I6xKqeutGHeqZWJ5Skn1zVLbDFs3RcIBy6tbj5FYpk13ejqPW0Fk6yfKVI3h/mz7
rt/quTDvLK32rvNAWk01NCgw4GWrfwyjY5FA7v4EQvMPs+yqs8DABGHMr9PMAYJLWlcumyw2q3Nn
uPjZTVp0WkkHXV70N9dp6xc4dBUZsxIyWGnXL4IFzqHFHn6rWoU3OfftKN4IRhfdpocY6vepfKrX
7CzKS0voeDibDnGAUcZgDljt9KV+ltC+Pw95Of6z+FNbXIH4tRZfiArFF3UWLVXyj6Jq+FddsV5R
+yW2zOoSY+l2jC3OsSUPNSUJGY9ZwDZO9PYyxGn2aDjtECaNbH7KwX0JJt16yfvJhqFoR/uiHqJv
mkCOGCjNz2ZBhrcc5u4KQ8W6n8h2bpp2Kh+mNNHlIY5jbJtAeaERM0YnQ+b4p0ozupnrgV1Tcx0t
e9tkhPt3YGBZpMsRJyUaVTem6D+Er7Ozuoc6JG4KCDzeQ5UDl5bYy1u7IO9pW/N3q65RnyWRjlNa
nx3SAUQ40rnJNUPb5Fo1CTrIMnKJRFD8akjWorA7oE8WxmRfDRoMlXsN4KbXlFBBSum9W3GE/njS
ehdopPW3sf+JAJ33HuGLdurX4CBZgiYEwRwfDV1oqMKNGo7BrnYnQV7vxhjGi2pQdarVMdjmYmBA
H+CwzQZdzlATi/cQdCDEfc9Of+pz8SSbRnupgXYd5WKbUNtL7b10tI3qAF8p3/ZNbt+pK6MSqI6y
I8J650kYOvndv+1ROqdgtsuth8x1zAcikuM+FhquOv+tU2dtljSYEwTtfg7mId/l7IyGefL5YXKt
OjhtYV6D6kUVrIoBIhSA/k5T5f322rnPd6y7i53d+WL7dRXiltZDbNVDKOfIO6gG9SgR2AdsreL0
0ykeGg4AS5m8zXWXPww1sgUk9Ak4t8t88PAN3SneoR+RInDtgHl3bf3/vsoZ0ua1x5BMs8zhhmDX
cIONgPyNhXc4maS7r/o+LUkUL4vPdpBuqiEvdB1eo3lSF6l6/l+EULpxDXF51gPUCyLso+9+0x39
XQlNZcEBUqv3R4sllhaGX795UnO3QwC+zooTKIu4qB1BZlkPTi3/vppP9B308F9W3P/hdvE9XOgM
6aH11FvlmhIHZ7M0wuT2Sy5TNXTD9FAWub7yzgEDS/9eEccUKywbzEOsp/69Kqn6tUr1CpYkOnwm
fs2yAvC30jzq2YweNfGkCCDqsKykkKyZ/iaFABddrcWb+dBkC2Kvfn8njW5+cBaBuCtZ940PEvCk
GlNvmvc4k5c71YoH9HQRJd5UqrUVqNzN4LhUo6qCaQHU1p4fVMmJiDFE8i5ie1OaW+B252K1mBkA
lG4LAOkbVfzycIfvzUemytPaRzZat1E+77rnT6cWruSz76M9YGqY+7LkXZ41HeKnH0yv81pSVbpp
viGdXNyr/pKf7AGaF7PO2sMHRvQ4JDYBfG4WQKZAeAakmIm1lJlesYxjCTgx+tTF46y7rB7t9J68
lL7lgcZHpB5NFrYh4+bj1A414EoTSr6YIdxrA84Z/XvcOcEtP7sMNo8enLRinsm2FsI7wDCH+eMF
7t6uivc6qzVA+q62SUhPHknHnhDHTh+DiMHdGKvxu0+g2+5QLTdM29pWbGWv6kxzgBs1NaKmpsvX
mkFP3rRWvQqBBxviT8zShGKJnDElj3qEA7iM7K1fmURx8xVJfvSmxzlYV0QBNOKYvx+WQHXPltku
m1czjS4+Qsxn3v8pBMb2a6W4PtW6FZ8QYvgIhvhHksXBIUqN4JhHGrEttsPMkim/ouXVSefi4K5o
Bl9Op6yt+V/RlPJTrLttJ5yRWLtB2Qr2SX8z8wj0eWO89JbxPTBMP9RBhG3tPiLaqXlha5Eg0meA
P2Pcb4aRt4coQYkPW4eVnVb3+i0IdCwByBOG5pJAACIRsQP07GnnGuLnlkzHbhx75mW9yC4TsMUw
qbr7nnB8TMT+d+6UBoBBq9vFldHsUccQ4WgDMIV1uEFrFaBT+mG4/fKja/oDnp4nuTgPVt3ql0CC
bWVyGnZB2pYh8jt/Rf2PtkSRnL3vH+Th+SzkB8qbhywovw0CMIlZ93trrp5M0Grh2NZVaGrf4jLf
OG3DtNJ0WPIl9o+ifEcLb2/xyZQBRpKTJ//oLBO2jv0GG6A5Azlmd4IBUmhnAyEDTRs35lIWAKyc
72ZqLgC+WVMGaZVs6PABO3JXl0yws8CAranza+qCrF5i8nZOjm/HVPUH0KI/tLEsX/rorwZZ6UPT
yleN6CjrhOVaTwSQRLqKsE0Fk8fibXXDvILH5D9ZGpTKCC8AkRz/FFncXhENwCCweOmHwXi1vPMA
gnKjRcmLAS9kW0HOROTCXSOe9qlqy6u9TOcKTYynJRfXEQWjnQFFZrfkfBkkeodDCp70nManoOl2
nomhaFS12EbZ42NvpC2Lz645pC5CnMPQ34B+bO12HkEh22ej8rVQh7EP0q5/9paKhOVcLVuEGdpz
ko0oYIDNRX6M1Czwda3Xj+MIx6yyS4Cv4LqwciDbn3rYCtWkiboeB8UBp5I0cq++B8wZJ6mkb9xD
16fnoEz1jQsCMkGA9Ljg3b21ZyTtjKg0zmzL/c3YwylvInSPYKzZOPaB4tDPcLjlmVVEau6auZHn
PsdMAKUPTht4b0X4j7bF1KkoK3c4SL0/VTWBLtCRdFV3MVTz5w1ifLMyRAbEtIwHyB7lGZeqNkTO
YdpOiB6dkyA1906vP+hm3ZwBki+8YamPhRD7462EFI1c3fyHucqFJrMEjzJZHRZYGYTMfvHZNfc5
FuGbqPbwZSv83094nH1kPhu42WvSsDR/QjJ/TqI+NMnpnWKrRzU7G37Vkq8nCZZbbbuIWtfomZOB
r8pVOH4IHtoiT9HUxozYTV7KdGl2RQ8Que3/CC8nhNFBAUrRetstWuo/DG10Eou/5vzDJJrTi2H1
r6UDbT6r64+uLLSdF0m+PMROxRQN97qbDKTwSVQbsnqW6fA9bu0Odc/UPeQuCZV67PfR0JYbnje/
CDEdgpQPRNQiCE3hDPdNxYdlFMmLGMnrmw1blyg55JnYLwSUj24i74So2j3SwK9jrW+S1S8J71as
0/ARJKOZ77squmvr9hlpVLnTjeFWR8Z7anqEamR70dlvoCk2DDuYi85ZM7WEmH1un4oE58e2a/5K
jKoK8Wm39PYvc8bHfLKzadPIAhPh+LErLeOIanUb984WVfDKk896kbw1tp6iczGx9fXFNfXceN9a
I5JIMdjUNhAn02CRkPv5e9cGS9jn/rzx5F3dFaHvzm6YBKUZeqL29xXpnmsPZLGNZXctnZ5orqj3
CAzCw+oSHZ1W2b8S088QuXDerSqGkUXI6SHRg+NYbDoi9OdKm/8EHppwTvDhjOIpd6zxVJJ5CtOE
dDGT87RBCGAJKzPwN4ShpyM7r4LsGoLphWgu2dgxBvuTvcdQxgz71f3WKoy3oqgnsKuIX81+sM3q
AT+ZHHJqMmYXdRgSJ7uQHb0UonXPQKAEMN7h2c8hWBBZQsdBwy6h/SuznDdnnH+1ZkcOLLXvAGNf
aliIyH0gUOCioWRF7TeJWA0aIcULUvvOdWK6D7u2aI91LMVNzODwtLR/TPoltHtR7ASLuq0JMWsb
OBmud8YIlla4m97AbbwxEwtnZD8/tsKP77Bqio5ytNLLEgjnFLFSOydpbpyz0YKhmZbLpcry8Vgi
DH4HNNw6GEky3w+piFnMQmsFHtPshxGzUHJNxq7Ocu8mujjdxe1900PrsROXZCqmqE9BzZK4bPD+
TBHv2KwoyE2X6+TNbSDxTpI4L64VYKG5JM2rlMdBc/HgKDP/tSNpv2k9p8eBIkV3uwcGZM3YlGEb
oX9bGnZORjNU71pDTjTIu+lUO7azhfIqw47h8n1yYPqk8FreoRV3gJPBPoBTRZGhR92ICQy3Uaha
75Pb9/haJzp+sw6eMsRF3mNHgG+ulvGdeDobtrwZ3o0gGkIBSuo9cCSxxcVv3+OKIQJtz+YdCtmE
0Lzd3mLNOmPCaV7RZA0ISHjRVhWzZDGvpQaLaErfly6vN/CSbDDdcbdv7IlJ1rbPqcueOIrt4doh
bHyV/K+XyW/3AM7YKzMBbetAQLUsPOeetTYRpeCmLa320uV8ZKO9GVyeso6yHHn7aQxrzch3fYys
95L2gDSRlN7YMa6S7mQbGxfI+F7XNYmZkPzhDwUpZok0S6Mj76Mv837I4g7Rqtrd4BBnhYOBcUjj
jF44J7m1ywkBhxbSdGaVB48Ts99+qa9D3szHXmbRdeF/0TL3Dszia5FGyY1Aah8WbCJYbmj6A/YA
qFyWy821Zybsqp03BBJA16FmT2KKnaw+ZP0GMkO3t1Zj4B41Olu38gd37KtTsOA+jNwpvkT18r3q
K7x3quXQ4FS5m+vgDXDwtm/HDOIL73+0gPidGz/hX3HBhmDC3S2gtdEpivI0DqOCQKtsh5khHzJW
lkEZSiJ0s4yxuLlafjXXoTsuCFy5om9XmZitVrcOE3cC8YGAAPrEkbPpA+HhhFeRiGR66LLIfRrr
gKC6I/ayt+pwrAhqVEHsb3NMEUNJZnkn09rdzn47nC3Hde+zxMj40S3gFiThMsNmQC1ZQiM8kd2V
VgNI17qbtc7ZocSaXeB2NAcW/g5P9qANU3M05vyaaDK6dLyqoRfXv2xv6TEnTJzjoFt3aZoRQp49
Y9d1UXWo4qTY2NmrdI3mFs+TGRJR+87oTYZ5TOYzAgjDPNRhKmPtwa1lf53cSQtL0vX3MkFhBB1z
/nE9OKfY0ZQVYZ68a29EuwE39AB/qhZV1tLBVN4zDNwa0IENEWr2dSO/Qm/c85OYrp0k24i1aHCO
Ix8XYeHfY25wGGKtCAdff7AJ6Owsd55Do9POXVC9Jonr3ZWd9qed+KImx7Du7bopd3LOf0sL/E6L
bt82729V32Z3xTBOoZbNXjjhvNEx73tQz8NAd8UZc/toN0c4aiUDTOk+ijAirMU28bQ/9mSPF5Tf
rMNUp5u0n5yNTPid9LUpzloyQAG1CIzOU3Xy5wG3HL9q7uzRuOotWyoLqIiFTaiJDQ1gWVZkiXAv
7RRM525i8WS0gzxAst2lEyoSfpMsR+EUEmhl/dLJ6lFDemGD6Lw8eFJ+GElhbqzWsHnDCl6+AM2i
foIlh06LH+PktcZEexTedkiks4KPjXmrs/uogzQ5w1HSyV4t36W0wMqxLNjyUiDwODMqL9OEI1cf
fBRRaePDPBDr6PbjVKCXLl1UQbrpOgEyLBlg94Ufv3kI7eymwMThNyl2yxS7bIYHPiBUEfduHOm7
xCveMMmatg0hsx0yxPquSEETVlp8XYRZ35VTuuxkxBQlXNsKvSgo9lo2eJtOZN0midIDMbjinCNH
7eqme2GNf4cBbIe0f3azDEM71LxIYTTfCgAco8iSR8l+NnZINCNZyJwPr6RrJDtWvTVZ6bOzq614
OojaNbYZAJsw8ZFYzh7iZHJY3shhI0BIbh0vf0yD5ILYZ7vrkI0mby30/QAd77h4egDjt0F0M6+h
0gy52PeYISy9W+1TMs9hjMfAPpr1nfT8NoSuXOwRFWQkiZJ412Xdh4Ek+q7p5fhsCMJCAvZNY672
d0GAj6/lEnuKsmmLIeozX5VPjMX/QfizQFQP95fZ2noFGJmYoBxofa/F5afNtpMZCWA+U/KWEp+B
57rRwAYCau/azcCSYo/AOKRxlCBAh1fdU1PcgWIlERiQ828nEPTFZM+hzkra7rHLY/z5iczCeEmy
4lGLmmUz6EZ0n0jrw7XJwy9Dfc76PDmhM2aHtgacqyKbUXsXj10m1NMLftRbA2fGTdMYOuNeBHUu
AqeUy3NnloC8piIEut+EEaLDB11jzzI0Tvt5cBZQEHYlsAtznccoyJc9HE0MYnIIqf2isVOfRAYQ
IGhO2MD252lMhrM6+zrErt2fRQZ0Ck4NM7VHuB18+2EuC//Al1ufrUKvcTq33X23VNcZAexz0jAx
ZIJNWwAvaaPu5nckA/piOjQkGHFMvBC98ENC/dfECNpz3pRvrS8IoJT22B6XFJ1cJurvpl/MSHX3
iLlaPfr+6J2GlWsIZGicMuRDsE+DtppE1odpXsozs0jJJmiKdk5fvbkpqIBuiCvuT6hF4j0t7Gqj
pRVCprMfndWB5Svr0DS/OoTd95Gmt+elR5q1GJ1Dy3B4bvUc7GLKsjRs2uoly7tfsiv7z89KnamP
KV0c/ADmaPFDAo/JIVodWtU+Q535a3G1q+T73rZ1OfHQHNwpGs9u/AqpqWag2xnYX7C7ICsbeNmb
VcalsZF6k5+6biHhvmyNMX80tCDblRP/GMk3x6hXJQhW8FJG0YZBan2A5mGo5DXXGC6Qld6k+RyJ
MNUjxJyK5jgiXLyJSpxCs/Q0dvASNRZrwGAn66yeADEP8sLe8krarsbDxfKXjTpFDK1m+xtZYdoB
okQqBPr3S1UGbK1Gm3gNJm1ngA7mOYFjvqk9eGzNT38pfhJ38flko4lfrun47I4p4wuHNXCanNR3
VZtTdW7Xgyqqg42YBz/z9av8X81R7f6z9+gFcj+PCcHF8mDU4wYD8g82J/1G2oXp7lzNRmCkzI9D
IwKSOnSI6+68VH6GgcActkELPjPxGiB3HAYQf/v5d4LPChnAydC6O0Sh01OhCSwOHvoaXbM+HR7L
qL7LGQfOKMfjGliLH7NAEFCzpB+KHt/lxXyQ+CUQDtf8nZe3WggwmnRCnC1PUSNKxu5F7I0xfvTI
ikXiOfWG11b3rcOwhgl0xxHnKQ7CqW3Ny2xg93SAiOA99y3vcDD44CVF9RIoGiSWHGUMkXIYT1rl
5rw6/nxN5hRRGk+TrJqIMwaINzRDcUb1Ca36TmNZBRnrwkdzQgtGc8KFrHOoTYC0fMsM8yC2nycn
LOs6PwfV8psvG88mQKsneyzxmzWzbpuSIjPHLriOyWIdCCrXsMY2GVuIrdPK6kEXkBoHtlGbpECZ
qS/i6sHJyDhXVYmRRXmAaL9sycIE9EIE3ZoSY4Pvk+kv+Tuo//YSlZm9wSa83Eptae5yhDMso9Le
aobZvTe1/qnAq+sRP1ly0s7S/Zry5OAt3WEALPPseUl14BUojxFx9LeqjFBMyLQffWTXG9s3BhCj
SXHVdPY9Mhh2dZEmP+I6fSWStMGV3v4Y4uTRxQznj0iIpzEvmKXmPhQRy5cyzpqw1bEytKX7k8i8
TyyAMcrTu/5IsOSJ1CAcl76BaEW0ZFvFMj+ZGjlNT9jLsY+C5bCQOtiC0rS2i9bJHcvHbVWP2UFv
1nhHQESqJNLaJb17BeiPhWcyPKEL+GhlVfoRabULE5xkgvmc13q1klfSnW65y5Mc9Y9OGu/l2DUo
9kOYJNtPHgb/oszPAnSAxnIb5zB/kywXkFvzmUFq182iuDSiHi/OGr2bgfqOVtscg6HVXrGD3yWB
RUgVxt426ovdFGfxK0jBnwnma/d2a2ovlu5oWMro487vBchGp0r3RTv5Hy3x6zbwwdbLaL4Q+Iy3
hY2c0kAG+YhLxdbH3eCHDEZr4+We8cAOwDq1dSoPEu7Zc2p3sN7JhP9p9aPtBNnvFpNu1tOG9RhU
Rb368djHANHYR6uJCG1oSfmrqP8gK5CSI03rcGnd4Bm0MUruqQdhuFnwnVvy5YEQw+/Z7E7LnHTP
o+z8xx5hi7QEz4z5entAHZ/hSOW/Cx72rHLeObm0IvwqfzarnqpSldVBdf+6+qvuf95CNbtLpMb5
yBTaCX1D1Eq11ej787QaMQNXZXWm5psh1emkyv84/Wr/6q7q1OFfdeo+qm42unJr6fUUsrcrihBI
cM2kup7qHksYwqn/qbUGmwXB2l5oQHZ3eBT+Xf689POYzKQBNUfbx3nSnNWhXqfZ0a4QH1NlW87/
KWtJwCpyyO6q2YyfHEPndfCFtQFEFD+pulq4jO6ZPR5UnTrocNP1dIzuPquEm99ihrGvizrcTE+2
Cczn66JSLi35HTb8/6jLNBkaxqCfvurYcSLM7FoPlV0Yu9Sv44NT4zlYaY1z1Wtbv0YiSJn6pu5H
6xtvAiDys6lr03mJErFzMeV6rOaF7VM8hyjrVh8piItDhinqkcQIrGXYiRhPbg0zGLZDWxBLicp7
txrknZ0VB5859oK7LUukJS9OMMcOOVv+S9l68oC4y2vZFt6qDqnvNLZdDCuxez92U8YKX7/Pp+6M
GIq44GidnBo2N0dQVMvOCgwXIyCBfly1/Eg8K97wQQfPBPTvy67VP9BbK7fJ6JY7fTFupJt7tph9
vXGrfNrItCkPdluR6dERZDJMiHIsvbf5MOivjTcCGO3ylU1BJKnAMw1btth6z+rfluwlO2UAjX3s
vC2jXW8F3LmnIkWkoJ6qn8TyEaFdq9rY7K9BIU6qpA4QheO9hPq9Vf1VXdebr4EztHeqNKTVQoZp
uu+6OQCn1iXbSuTjU5lEJTTYdNxpaBM+qbq0YrELOOqqSgFOtZe0EX+Qofm7wzI5HnIYAxiU9R7q
IMy/0tFJHtVtghoRRB07z/Crw9BjgWJrbXFSdQ3v7V2nRddAksOf0RmEvXszFqFjbJvPe8+P1/AE
w7aqi530UZRkUFWVUw3LJSmqX2pcV1XpuMwbvTbMgypms6yeZqLin3cosYU3ASopzKsCuQIHvWV1
5h0zyfiKZMt/QLefXSSyqbYRffuq/3c/QvwlcEjL3Kv7fXUcjPR5IhvHzgZ1bhScqnskA+2TNa36
OQ1OE6pOHYZKr+679RBnGlYf5rysmk9Qc/7b8NXZyBfvWJv67atKnc1FVN1/1fmZ+KMHLaufNg1C
v5XZfWWSMk4wsP48+6pztQ4QQRucVQ+NDNNntzJuiqNmAobpzGgkTm1jEKSL7jUmELSLWDPsVdFA
pnPPngTetefI1ySKVpDPGitcO6djIo5ZkgCqXotj0te4aIMzQaqJvVfivlpBAb6tsokwr0WbpPrR
lCD3u7F3X6eyHY8IwDdb1VpMMj92bT1vYxuu/NC53jlqWZS4OdE5XTMSRNIK98UbSrZgQfKmSo4w
8uc1T6BKqR+5L6h1o5LUiUdVVfUxqwlRL3eqCGLK3uBr+tGg87A1J2R3nRRZW61PtZ0TBP6LwdLo
qJcs6lSxQuoF/TUWOaqzxXBxg8FwUY0RiI6XbyY/62EzzhbvVV3f9PWmecdytwuC8k51xKqbNd3c
4xaGmWeo6kZmnl0iUaEK2N8HaT1AomHKm9TEpuYm3/Qiwp1rGqcboItsLNdcjl4h9yisFmA/4/RQ
ohbyEo+Pdd2KfaBhll6Mq+7l6D4TJHBI/hr9rgKV9arlA9GpQv+GFiiz+1yKV8eYZtb5jHIYKRWs
xS3vsqTQnb21OGgTyZYgemuKvngFIlw9Br19UKWmHtsXzzoxOqY7F39XD1TQ2TPNAPpWbhynMkpe
5UQkq2hISUGjMY9GGXubhJzAGuXzNgNIl11a2P2eMNYaG/NZzovnubfKjW2K+BiYW3dlobqrR5I6
mMXRsrUHq2y/9aaGPZXfzA88NDIc1US8umDvolnQIjOSx5vYraEammgIoppV/ejK4RZFjf6Cu6dC
3IStHUTPgrhW3rBW17WGz2c2QBetB3WWrGsMt7Lv4zIuPquMKUrPmjU8ZbL4Vbu+dZSWBVXcQR9u
Zol7EY14Z+0tf/l2ch0mYfxp0W/IA+mwWXqQ8xKyIC/JYXcdcAkHXXYT9al4xV8nZRvGvuG82pk8
pQB5fxkCYTjtVmC39GS61aU19HJfGcRpSy0rdwBYapLe6TcWfc1h8CEyJF2QhBHMrps9VC2BADf9
1SY/9HhxD4E0VnR+6W9nnRhhiWY7lic+QVsdZKy7mBgIjOXL2Gcru7BIzqqIi8A9qRfjDua9e4v6
mTxUPzZwNazplrb2yi/L5B5UcHaUDRohjlYesUArN1nhtkeCfu3OXmnl7MytJ5b+/PmFHCQJii0g
qF2mkegnqVUgZdylBG/c0DYfceJ8ihdGIIuhdh9HZnU/ZiWoL82oX02vwzpNlI8Ou7XXYfGNx06a
e9WG9Glw6TFkCSf3d8/g/GonXvCMLnLouqbzOjjWjLM8xuRr24QQHLFmnH7Xko7e4lMzELlfS/gx
LE8l7tSqNLeifpJBvk+i2kEfvcGAuhQH1dYHjv7ooYX/Wart5rEbl5Ot5zqyFuYxb4rlKtZDp494
PHQm4RpKdS+H/eBrLlpGpnudTMNjzzuLkIgOmgGq0lpbMoc5Zp7FRZite9VHg9Zo7padnWKh8VlW
TepAAhPrs+GqCp+3Eo10SKpWhFGR+z6OgyAsKRNMBH2nTSAMoRymitX6B0gCuFy9wp7JWgAnojh1
Jr0XX19OfTK/fBZVi9HWwzl18qsohne7yqqTIOJ1HYbm7wMKmN4Or8Vm86+GUQ+me5NH+erbWZ5h
hXIymhAAOdIi613SjmDQZGYIBmA98GDl/rRPBsiURqHHD7xJkATcYZnvVl8vVaf6+XMdP6ii39g3
GHdEGdbrv+qXRiJf1Loauoxxy1IuMrbJHCUwTjmUWVcCMIZiORY1SeS1LrUZPRECioFzuN2LcMrX
OmqSqyoFwRyt0MqSzS6NY5dpB210MzbSZf+iu6V579beNxAjHaAXejTAUtkcP6tC0pJjEm2+3Kmi
0QHlgIxXHFSxnsvsFI0ByOH1SmQ8xcMypp9/WFW5zrxJ2yJ+UiVHjIRYRzRRVDEds2nn2msger08
cZ36DBfDDVWxMD3n1kLBVSX1fF1sHgtXtDf17GLFeU1OpuExuz73CiyaTaPeqWKd6As/zRKPQvVs
rkAGKUMIai2pu6XRcCtqQrwklkmtOUapb7RGtmeXZAGB5LlhrLYredRdMkMxhriv3oTseBbH3g8A
xJeWM3waeZ+ks/xF3OJtJhL6UffQRUjKJ88lum4hphxViG9tfQXBURzryo3OnbUkiJtr6ZE8ZHms
EPF8MEX2VvwfY+e1HKmyresnIgJvbstbmSpJ3a0boi3ee57+fCS9Fto6c+7YNwSZJJQESZI5xm+Q
Z/uFGQwK7X7/Ztn5rzTJTGzIo/6k5Bh92yHoG2I/wa8jifiKCD4LA8Wzw4e4T0OQOJ53JkW6D/vx
xRxTbYUcJ/CNPDav9dhk4yopFLo3b2obJ49iI5lm/Eg0FJd597uFwuO6jWCg2x0mawQ0WwBXQM/h
0MlobDawWJy6PwOWH49lVfzASlbCFicZXoymoNv1T4pbqm94Ef5MRxsV/ejaDrm7803/d9Ek0WMQ
BujWxpa0g6Yvv+VGqDBprXeKrZqvvrknJRZ/0cax22lSEG5tKT57kvOT6bp80svgtx5kP5re10nv
FNZBATFKls3ehjlCY30ZxigwQX5wfC1670gSxYNhA0UqSFZavNhR0Tsb1Se9VAAEuGXZnoh8SMrP
3w11Gt7jGnVisgTKl2L0nIPhkPkE+B5vCx95TN0CrNSBha+q1r0Y7zas74cuVW6aXJ0gohcrslDe
Ts6IiBnIXRJ46Yn3yszNS0t77Pt3tWaS9JzVpn0Ykgb5wx6AcrkmzigdFIm8GpymYgd3XkUexNVO
P4F6yA8xEbAN+krmJjXTlYZa5ZHPIxKbpvetSOzyPqp8tKlSHy0S94C7LZ+IKRtJ7/1L74Q/hxQj
0r5DOxf70T8jNJi8Vh0cMr1qbbR+/UzyVtkbuKifPCMlKh/k9sZLZe0N5OcPTJLyPzoqmOSCfgdN
g8GUNfmoZTniEF3drGRE6nBe8bqbnCnBUwFKRZTEpjBqZQdxnuDY1EJs3FwF6dI7Zxeyyg0ZFQXY
X3gAG7ENzY4Jj6LL94HU6tZRyXWLooGQ4kMSOldRakEX3jsNMnZvthdRpcE+2FuBWWwqO1LuTqvV
oDwBEE0lUaVoBoJvdRydxAnT1+eo8WVm7hIcMsWd1D7z5j64QFr1IH8WpSxRvG1su+lOFHtWNuSr
65MoOarS3AMpBiFgtcNcpw6Ocmyd1ATJy9XEhknJjlcDy93pBM+Whm1URDJoBFowqw6fGpXsw3RQ
mjZ9R+BPgjRwFC0IdXcnN0MFarmkZ8cnxFej+W9Ogi5bB85wH0LCHYOhqPfKtdCWK/1TnPh86bI6
/GPWJrrSzJ1ulm/e4u5Xjk/0CzHN9aAZ/Y3vhPaS9/lPP0JoQhwjRCuvEad0DiBG9RdTweNTap1u
K9qmmuqdCjwZ1uJoJ5PpkavA2Lv6E9/7HDBMOST4KzCDgIoW3MQGcZRsW0Ruto3+W6cOQbLyCgfx
blMNboPXg/JyHbS/9X3sB9rdzhrtHo0Sgz6YlqMohpLTHJUReIhoonSmducDNlhJMLdPK9LIPSqt
B3M6vfDKHXB3F0F0uG2F1Fg3sYnCitGu6vqj5YXWrUYb/aEPJWjmKgC0TPdgRycjcZ7pDCKC/jNa
cqxp3Dpdg/qtttygfguw+e/1yuZPlkjuFmY/wCh1kG5w6dSdpFTNXBR1tV5uSoXvmShh7JvtxwKA
3VxUXc4ak70LcONRVPXaSDqvCeU1zmjeXdQNo3tSUl4MUSprqT3URpnRgh8Vm9YcHnPAIde5Chbk
sWP+v9KsNHiybF7zGu0sc8ARkNwumWKt825i48j+Xs608UGUeteuHnCI2GdqHETrsZqiwGVhrcTR
LOArHxsqobMqCndLneZEvx1Z5qPX5tWzEsAt+23ht9tX8k1s6EcoeLRkq5c6V+9ey0DuLyj6yLfW
c8NLqZhflwYR6xSUN6pqv9TZG8L+/XzRqu0QrEBGaG305nBRg/Cp7p3kgW9ggidWcmohQZxECXNM
U16JXSf2b0qt18cPdeI0o8p+lLXrbZS8SAD5pNaz2NglUUILQgAMdepyWQKkSy6m7DYRHNV7Gbr5
3Y1ywmtOGOxFXRKkxCpDIOZ+muXroXBx8wkS9yga6xq+xRkqxZoO/CeXzXobM8xuvSYo7+WY32oC
hVf0Xst7FiFyq/uSu5ahg+L10J2tRm+5ARz0gU9tSKSClFLM8i4PZfhYhfZRHBRViq0pBO8r56gM
Xf4w6P3ZLP2W59lpr5Xe5SenLxtQQYOXXEsv36b5VpK7fFNVVrlRDG8EeORWO13SrGsbQdEIWze6
JLq8NcziS6W5GXz49uLm7dVoPRTbfXJS8BJ+uE24M3wEDyKDlU7GDMDJleLQBxj22CkItvIotx7M
CckH0y236qZmDrKumH2kznsVqslqBCW8xisEIqnL11xk+8DHwK7XwaDLUncCMfGqlFaw9/ggEOCW
gaQDUm5b9SyPaM3ViqSRXICdZEv7uFffWHcx2IBe2OSa/JA08RGDdulSNDn02Lazj0kLAU7TXsOq
C1n+2ayTQXsmrW/fx8RQTgMZbeIdNcFELVsl6VDDmVrJPe7SqBOTvh1wA3DyNlrVI99IFsNXuX1W
/Mp5mkT4BkgM5lDo8B497aJXobyTsG9eZcHbOI4vZIQ2Qa3ku8ys7XObaENJIIDdZTN0KMCbWnFG
tOwLCIv+6Mp1u8vxeF2B1HAf2vQXl/FPyK1oK3Sfu7Wla2RuM0m5JMxVE6OXn7WYK3dFMp4NBGc9
H5BIIo3bDHfVDgLqoVK68lQ2brmVdbvbVJblXWK7HDdyrX7xevwDQEw1Ww/Pl0Ie82cD+Mdzoeqv
UhgUB2zz6gsyieBK+KZs48qqL3mWESVRO/hbo7v2iqG9ACQ4NCWCjHUZrdMy3ztJ7xxTbShweAIQ
Zba6v9ICuBFl2xyMYkIEeo2y1Tt8sAAI/0Cq6TujXHLQyZKvuVvtGjhcs0adjQge/casJOB6UV2f
FbboJADXQkuCFXuj8bXXTNg28o8iUgd4dXp57gAaHKUp4KFVz2JGrUzTaqYodKOGPEjsI8ySYnB2
DLpaflWT760pPcQxPF/EUdZx+Ax6+c9oa8WJ/JvMlzAq0VyTT0NWKDcdhodOtyfda5ZdBP7GKtZa
6geXJi28k9czw0gU3t/Bz9bQO/EXdLqp9+YJISurRZPCCl4xr2aCGRFDNYuy3Pvm8MOeDMh6G38q
QoG1Tyh0BjtUENzK1rSOXuvjCOFBplHSJ8ShyilS8gUiQLruwuBXleSYxAb6gW95G4FYQd6q3HFD
/5QxFjE9YXiyD5hy1IXxRGBEXYWgyzZYjt4xuIVjZlcaL7GWHf2ScTCUdNz92mqdN8QEyvQJTVP5
0k4Gu8I819IHg1Q91I505aueu9UbkHq+orJCkayGsdeotl4U2WtAWbsg835JZB5QYghQFCKU8bM1
uvytRtacj/ahSV18T2w4TapHDkTuoac6TI+vXgWQZ3xmRVKvyXsWuY4NZJyscAN4jUPZ5+ctY4JQ
bwbIxY+9Q4C9VJuBrLB3Q1iFz2ddgFByMQLOUZa69CAvMSMCm0UwFsC4DIdHrwlej7G3M51JfbZo
f3m2myBQpgFvtFWMg9GYAnjo7v3RQm8fwvyqUaAy1b87SIMBsN9thYGlX5oWUWdrpae1vEZoOtvK
WQNCuZEwYFFkCflI9GI8zyWxkNv3oRhuvW9WF0KNeCk2A6JoSf0Ie/lGpLlaGejJH51BBQWqusbR
Mu2T5LbOSYpc+2RMOJ0ibL5XtnPJA4ZZvcIdVI6L4jCisFQrPm7Mmb0vmuYd7wMNTrDpbaU8Gq4d
XkUXi+BxNhGIvVi9x5Z9Bv8wMMueTOHU7r1n1U50wwO+hGOgqjXuqsogUSRhQaCi9nSybrlxKOwi
WxmRWe+BrmeA4hwD0A0fgx1k5pOVkpRSMzS3kI6950ZjE+XJlE0Uhvt8qPV9WxbO19h5gcvUyLX7
czTLDZx3vqXOBJGRfgZau06NxDupvdev1UKuNqzUnUML8GxvgAMFd0JKSnJZvDUQ7i0jI+gh6xtm
gFenN7qnuEOjyKKEmAxmwrr3kiaSeV42RZdZc9Fk5n80Syhi5Wg8GC5zR6czwDHaCUDPwnF2Lga+
a99BfU1h6FuzZF6psser6OraeSxD0qbMPn7FqbpNvWg4ySPyTQhFPSuh99uYHKKg6lww0RKdkdUZ
H+JpM4nn6GmvXGS9rJ+7Fs/hOpxGbkpO7tXPZcBUtyjjfe5Z2N7FFo8RTNhRqll/NG3MzMMI3qJY
RedQz54MrTd3fRqw/p42rn0dnQYeWq2E26p5jq0qOvksD06xawUbLYMAABs7OBum/qx6GuwNp6dH
YQLWgbgivhduO6l8HlWX4BoxGPo/AmdKchAYMHPKSEMVBpaoG5PXFQjM/26khnxRi7Zp5mCXoflI
ark5SI0+cWrCLPg1WMieT4kAaVS3qnuSCgy34Eg028iBY+21oLEGrxtYcbqcS2jkgqD0kY6anSt9
eJqcxqF2uOamR5VmjV1lT58j79fqPCw9tgGaWX4Mr6RBenJUQBc5enYGkXHoBhgpwJUeGr15lmr8
n1I9jDZqU6TjWmDm/InAb4A/21rdkMIpGO2HPlYUpoJN8uiQmjuFVfE2Ajd6xWsDtGH23e+C+FVO
8YJx6l925tK5RZTAmkIF5aiy0onpUJZjK1exGfiEAbBypI0rWqMB7jGpFFsJsKcLUmAoU0xrpytk
o/KCP3R6TMKcIbtvrE1phMBDSCkAgsvGdYZiWmBlJu+FudYZ8q6dAqW3BCggNQCroorfQ3LEvYYE
WA/R6L/5SMEhPrrDdTHfWFYPwX3CGwHQ3mCzV5zQ/40l1LfKP6xr6nPdJfuyL/lMggqMrMjdyxEk
oRoeZ1keLf9blubaFyTkUeTsb2rkGYe4k24jQYCJ3oqbuz4ZD4TvcqMdQqf3ydZvnHB0jn5gPISk
0taxiqxSLacI/2kgxs2zravDRYnDl15mleoXHjKKPpThyaSpcNG1iSp+DyjQ26wA4SVlszNJeIPl
ys1ZOCIe/jSdpdyB7dpIY0sDCwGdcVqZcPVp3FabLDadJ1gA1qM8vIwg+J40wAhm6lW7Ioy+5EwM
kK/EQrHNSaaK4hirCXO+PAGgKeFy3Ng+8yctBv5ibFKv0dZFnrUH2BHZS6OX1QGbT2MtimpkVeCN
S2PlV1J1ZbrM/1M35kbNvV+DKQ37LIzHM8IfT+0I2Fu3zejRQ8rl0auUkswwUphWa8VbozSLfQ4N
XPNgZ0gREnMJf97E1LA7pIItnyRjhgvv2CdbVtGPGnEORvFNkjw2PmCx76n5gmlZfUwmzEw+4ep8
EBZH3XoMJtxoqQ3yEWCEPyFJxWZQgzdJ0txt+N8qUS+aJ9NrV55yj/vq1NDpcAiP2QqgZ6WCnFbK
wtu4u0HWmBj6L2EFUsC995UX7zzovGatwS3q+jtC5agb4nk362oIjJDADSU6CwY7tFDyngQ3xIHG
jSFJ9j8Gu/JO4LKMcctklb9E7Io32ijgkh3EbjQSQYKFxb/XlRloX7tWURDKpf0wQQqZyyanrAVu
7VV4PbirSFKmOAK1HlisLVmVb5aUbiLZs56HX3rbgWKeblw1XVHsLfhEE6/1cSugiqKyH5MhOYiW
gVVzZ5BF9P6eX08XEa0UXx5WppXEG/FXRmhNk4BF+Gxy9dt7lbwXCiOWs4bk3h3BcP5spufX64F1
SFGjFjlgsYnE/Re7uCp7pLQwvhPFJCn2fi6p+M9Mf1MK7tPDO+MgflL8GY736AdFhzhJW2ydPP8l
zot7D4759BjnJywqBV4qdcm6GBNpdKnrc7XZI7WCJxOgjxn7K3oDtFsy1P0Q91tZLb8LPLDYdMCo
mxJ+HfFUJEeSojMxIyqsmDHerrYi6T3jvHzZe29hLm6dCq97ZBygNtZRdRfP3ozsx464z24sNYZ1
owvQ22PqTnorO8UWy7/aR7NteWhgh1Ug1JW3EY9LPA2xlys2aV2xK3qB4asueeVm5WRtesLX0QF9
JnanDUQE+oa0LxRWUegLRiNABGDOMSuacfthV5xt4UgBEtnW0tO8O8YtaCgzOIjf66uKGHW1Cevo
y9irJ3Hn5rsEtXSVGfGwEfda3JWozlj/1wriKxMGQDwTcYbYE3VzdxBlsdFiHEOqxgeiiehj19zE
g5+7prg1S28QR0oin6sCDPtG3ArxR6ptyf2pvUxdE0FnlmsUP+rJNgS5y/n+6qnVjgCvtB2G8Aa9
7q4UaQ3T1t+lI0TnWh1u6jR0iM92EprWfvRGkMDY8a1k6Jwo4VboCRlRmv1/P/zhbxC72F5Bdld9
dW45Pz3UZFKQJpq6EUOA+L43yI0fTABZ/S2Gyzvf3BlO8eGt+QCq+HwHNdJ4WQBrcqx2mp8q4za0
/XepSeTtcocZBE+qZUPpXgYXuX1KMLHcib+ldYvHGHfkHRqN7biuEv9Sd6oEzGMah6bXWpwp9v61
zmnyEeEAP9qIntCG8Y4pDEuXqSOoPdJOOhzrpftMDcxipIGurjsk2A6iB/eN0R2G1GBZUmxTq8P4
yJ7Alf/6u2YWH10frLCTasAVJkDK0vfG8GqrE4BRy8xykrdheJuGZdGTRHGpy4j+TCOSoY7W1rWK
DsxK/GR5EmOkaC82y9v6oYvOu+L4WDjdwan0tegJ8ynYCuylt7oiQSDGQhbs1R6F7uPyhi99WdSJ
ojf1QrltdxUgvb1vBTtxTBedXbRYzv/cBUVZPDWxN58jyvPup+Oi+Klu7rZ5YZp/hx5s5Ujwx/rR
gyu3ioHHZDEgt9YE4Tx9OFQHoqmnslAd1B0+FOTpmReIJ96ZKsag1mM61s8WcwPWhxeViMUoZ6sa
6kQKKKUrm7MxYVXHPn9OO7vZ6frIVKJS5Y3sZcRuWgRmViR4d4J3MKSTXaQ+duXGC/JHKyk+PHjx
q6IfzK/TUhaVSzdZ+opoknVxfWixHxSdUWzKabgWe2oEfUkP4TyJuy8ukoFnHMCs0O1aF1r9Wrwl
sNqpFbsfajtb+5oaiCiJdcuAa/AWUt03U3ApfG5YE0rxkTg41JBwwjf0kfoatMDdkTHZinssNuKx
h9P0BKFc1shD/CMd1JMTaslOHvtzpOcIlDnNQQwyCqN2DWc3Rz1342fe/AXQ6l+Q8pOjuKB48mKP
kb6e2DBm0P0aO+cJszh7xiy7kXl38TzbpaJHLIOBrMjWkfOWv0+te2XTDhDvl7uYJxYjaTR9ZhI7
MTauAV1IkErgBXwFl6wxE3eQHxVNyK1BOdHQRekVYzvrmInJFnjdYj/Y1nEAmEM+dw89Eo3iwFwn
OIbNs6t5FRUoXkbOTVXmQRgu9UOpRdpOXF/8Xa4Z9MdafRy1tN7JuvYsnuryaMVe2jQ/Q20IVn2W
ofQPhfzvAm0ZOCTx7RfleWLH8jTHkYblAxj/rZKYKez8Ou2uCLLrB6BpxUmwdrqgKU70hT+5nyTz
8xVPYhljlgfDB/o33uMrfXDKjQFBGlkMS8PhJOMlsBnBNygEbnNumXgyolt7MrFHA3iwm+Eb8t/B
XDRYRvTlSc4dehrvl5uwHBV7osn/finmaj3spat4n8RMQfwxojjPxZey2JsrxwDbDya0CDOIia7U
mAcZj0XRRPzsPOUSuzhs8qrNu+S1/8Lq5w+l+Ds/zDLmc/PUXgMLuJAQxB6DD72Yv5IcIXQtXpPJ
fH5ce4P+jtYK8WS/jQ5Z5fvyVjSfd93pCxoABmm8eJ7HiZ4qZnTLZqkbxoSUg4JSpAJMbJqEiX9n
2cwoSVH+MJed//p87GHiXPsMXbeW/Qp4+s4kSzWu0evNSEL9sMUfopcn1Vblo7jZYlIn9pZ7v9SR
CELz2oMAsjQWv74Ul3PF3vIYlwPL9T6dG6SvDUIdjGGMmWLgbAACpAdRFm8edzxiGT8dn//4MVey
VSB18odppHiEc88bv3sQ7Y+iuwYo6QKanp6B3zRIboie8s+74ux5qAKUUx3sPN58poJ4MEWWJdwn
ToggeIijy4FlDSgOiM3SThQ792enlOlx/uunnjyTPZZ3Zp7PzJ1Z1Dpq2pA/+e97J/bmVmL3c1mc
NF/1Q6vPP/D5LEkhsVGbL8qI1KwYV5bZgzj3n+qWJuLoPM8Wu8tGPI+lKPbEef961Q/LGdFaNPz0
U/9U9+mqn37JmwZ8jObKxofRN73ieDiTqyjGea0qXnixIZQCORMaEYv3Kcy2bJa6McETFPodbYpa
Y3duJIZbcfGl6YcjYtfVPRBCpODnHi1eluWN//RSLS/Q8qKJuuU0cca/1n067Z8uP7+uYzqR+7MQ
tF+/sXFoY1o7zYXFh2vZzCvZpfwhVvFPzT/VzeuJ6bLzL4jrfGoz/0IXORdF6v7IjeOvxdAg1qBi
b/lGizFkKYq9ZUK2NP5U96ko2rktggHtT6VEEiHKTIh8vJzk3pneii4874paUR4JZbOsTopkpzrZ
fRneAVNBG1/K0jjRyEVZjPzMhTwiSkZi2HPoyPWMelyL4YHoP5KsFcrAf+lq86BhysQQxOiS5SMk
TMTfNuJJis0y3Iqi6AqWWPQvbZZusNR96kLLZXqviglZ2DC9OnnUN42lxuNarH8jAAaEi6L+xau7
YDe/8eKmLJt5WF3K4nb9a1EcWF5dUfQIpPwdvkX50xVE3ZhEYCeUiNdoGeznifV8XDyf5cwKrxIW
b8nRIDCiTRGSDyvHpZk4V2zExGApir1P7cQgutR9+MfFkU+ndE4hbUftCirwqYRKgWuAaEGkXFNA
ckwfrhxHvPouhi43iZLkIO5MHrVpchhla1UllnEQT3h5ovO7/yGY+WGqsDQVe+LhB1lLRG9uNAe5
UgvREy0MkElR0cruRicnHYOaizI8iFd0jlOKHtCPalh9FS/y36hWKXtbrLNJnVQkB9M0OUZIBMMS
h7QmNmVFtnK1lF3Dk9A/841VPukOW6OBARkD8hL5MFTF2+uqexacbYMEQCCjXSPuqnguZQKVSS2y
lzyEZyL45Or0gMca0Z16jmd+uv3ipn54RPPSdb7rYs0idufXPCA5OTr6sBV3WfzsshF/wFIUN/ZT
3byqE0c+kzmXluLw8i+pvq+uTaz1VtgYYhXnpe5bk4X9XkMIcKvCmKUI9QwB0uyIzyRHDZXcmWYh
0zMddRxgnmoU4d1UevdASfbKdA05KpNr7pX1SrQam6Q/SGOub+Q2AaTXddmqCnjVxcZJbH1tOgA8
FTBFlziyd3LgG+kWySAMl1nZb4lKghoerGOletUjnCxyzYjGQjxPLNyLQvkSu/3LhGi/ecjA3uDf
lBtU43pUOSiKugTBoyQiPVH2qECEZhHfQsdCWVBvrkOIFoIFbGGnktvfO4Y7PsVF9RO+46HVlfyt
T3VctWL3Pc2Zkpf4wJ9cTwYpnlQvrTMa3x2i9WR2XY+Eg1KjjtN1K68qyy/lCKaXJXn+qsqxuUZR
B3hVgGyXnE22ADqh5DE1CvSbZHlTIBGMMlQOjhsjxuKhn44QSsJMoMNRwI+UfZWZ+cM4RMWD2BOb
JMssdM/SFGFhgvBGFnqbvEB+yB26bzrJs30tT1J+iVxo2JGgxLGZAsAr22XlFmYhqtcyhE/NxUhU
RsFwUycZmCCn7lgPV5l9AqlBes0h2F6j+jW0Q/DUTRuILsGTK0fvyGpKR1GVJ5h0o7uIKleG8Jlm
kK2xvKcKNewnmUzoUywpynroe48VBAdC0wFaFZvcyxRLUTxkV0PXNQ9K1DiP47QpE2B7Jn0LdjUt
lgO+msRrJbdwRevIzugDZnN9r6IL4/4eomB8mEugOVD+tehzy/lFYDiPqMwE68KvV+iealtLMfTN
MFQpGm+A6TNN0U+mBdQZWKuyUU01qldYwSODgQN47vj5pYBqd6mmzVKkf+6jjBhqh7SRCTctV0/p
qMfaWtE15SQ22eD9pzJrC2k9OLDcHT8m2IyowUvrAhi1zb79FnXpV41UOrhw6P68Wzp8ZpCJoBWy
ApWYdvxNuvOLn0bqt6GKQCsgiPPi9Qmwa3SwHkeFXLIxRMa5sNP2pLZhfYjjMHvgEShQ/mv5VvUS
nSuJ9austS8lqkFXO4geO7OooL5K5S1sSRxZiD1uRVEcIBX6ivx6ui37VYtxx2qYmodKjClfCJZr
Oo8MNlWWBO2WMWPz4WQjfbfiUT+LS5WVrjxYjn+AHIZTZ4Is2o4PTrFZ/oLai/74/hjN1y21sX6s
mnqbysjarF0sllsvuWNUOBK0zyrWyqZ+hmhR3eCetw+Ejo+ihNFufcO0DjJU0iPWNLUQdZaWfz4p
sl9kGz0uXAMBakP7IWIx7Uow6C7op7WXsiOsnMeonYgDFkoWR2QwI9Bs3ApVl+o9YpvKWhTF7Uli
efpUWWDCpvtj9j1Al2Ka6IV7s/8z/ztxlLp7MyvhnE33D9VpEHnJ4OBPT5/pOx3lFLErNoU3wnBf
yqK39TUSkh8qxWFxpIHcsekeAc6AwPPQuSZW/x39UAYltfxalp5/aM3OQ+PdL97zfCeOh51f7mIV
1aZilCwC1pKNWzjxwGPlBd6lmTZdhO6Jrbn7DwfaNsZO5s1zzXALhSE8532Ch+G0EXuiTmeVnUEK
QFEtVIIKv8F/aShOmVsvZzc95oD/l1NiuwNfISv7z5epmwyR2+f+IZeJBq4//XWitfiRIcvV6hLX
E4+CtKNu1DBgUaS8BtMmRWDiKoqD66JYGLgd5HU5JLg+Hc5llMtXSyOxh4PemQ9fQx6Zk0ObqIqf
Fw6eGIMknaw3Ayg+ylLi6KdTRVH8cI3q6MFCCHw+VfzahzMSVd82OQCNzwemv2rIQ8iOz2Nmfo2x
JwW5NNrxuR6K+Gz3AYATBeXNJiHPKJOt2EaZr9zl3O8utlr+SH1FvndmJt9Vv3xoGGAfyE3DdEF0
kK9fq6H/ZZW1ejaBlrzZCZcimZNfY9QM3oJC+gIf2XsUB/Xcu7pZaD6JYyCFtzGEuls6tezLt6hT
9BfFDbJXJTqKJnxzkrtcVdAvH/wyHi6tp8TXftog7qd2Kz0q2TWrccWYDRpvKoo2EE1J5Lj2bznq
cC+1iV3CXIrfEqdER1vR6rUoam3VHTRcUze5bqCIvzKNpr1heoV0kdGr2wBC5VvVYosgw9fbT/zK
N6Bg+cZMXP3QY5n5lJv9CxCa5puRfx/tyv5iSHZ9SvIA6SRTbb5VI0AK2TLSJ0R00NL12z+eZdbf
gGypmzHERdys3BcF8BkatnUH3pO90K+3I9aw8IX/UwUt8u/BT3WqYYGKTcZL3jnlFr+2HIU5K3tJ
JMM8VXEzoLndZi8qjOkb1u8rcVACxvYCAuMLTF75KqpMtyK/YHf5XhR71CSOijNEa1EsQ1t/GsnS
iZK4YtPJVxmtNxVG9NkbRnAJmeFr5xKtGGjRpYsKm5leCbqHzQYsHrKeSMtuC7ezTuJIW7vOVlc6
g36H28noMvIgGBO8tXLRruH4BCdRtALZBKYQtGdRNDEiwgdSdS+iOErDd5tv/oMoDW3yxHidPmkh
+B639w5+0EnPcVLL18CFRuy72FV1afEE0GeL7ET7nDv1axTW8hmwQvesqjWvSoiqfBHZF9FA1KOL
uMulMnkQVWKjo3IUmBAYykbFcDXDPTYxvWfRPISO9pTqz1WV7ezGLjAsLLfImOdnc7Cyc9BAlpvE
gvOzJLOpmsJGZlYeNqGDi5ZqBtWjr1hYgQ/GCwph8TfZKJwtupn5QRTh6ACpV7O3XO+RpNRasART
M6Ud3BWafqBq0h53ZbkGKF7E30BRJ3vo+NZOJffxzTS0c2pLxl33E+uaRwYAi6lZPci/B9CSRz5t
ypVpnYIbEXv2tBmV2F0TwavA7/6nbmki9gyp/l20qrL/p/PVGgBMY4aPZT9WD71UAJfObKTvQHXp
fIl+p7L7qved+VZZPfpAqZpdEl8zUTYuYhBx3filLexn0bTX4ksZaM7XskrljV2GxjXOHQxYyhK1
FHRhX6Ej/ZQQv9qG2doGNnSRc14quw+/NwoAMUOzq0dHb7yTZFrRPoh9+Y6qSrkSl7fGr3LuVD8b
8kbAiPQQHcZBOxCzzVHdzY1nx0RznNfdQthSSVdRUmYo46JRdckZUy9m7m9aVw1PJeLkfw/MbcTh
fKmFRwL4GRn/jTx6crgRx31wjxdxtdCyqTQL6ISFpR/nojisOkrU73i1g7mlp6jPhh4Ze9ns4G4v
lzAs/WwCLz9ZviFtYyVTsaXqrIMB3veI1011UTTd2plRMjwN+Lhs2lquXnkbZaA/tvXO3PkZbR7p
T+W82F3ElLTPjN3z3awz/SecRMQidcZ5eh8vbRJZkFS8cVsWRfkQqnV50LWiOwV2beDu6+bYEjQW
+liAVRn4YGaqObJYbut+C73+NQp06bcE0nL+oSRVkIrLjF9D3H33Jcn6qphVgtqxMt59E21wpije
IxRqe59MouKy5MbnNg6NPeGA+NGGCgTGuTKInzGQme7of2MAfod8KP1SPXyQQScxw2YSHnm2/jtB
GVlt2hfvbmhVfWsbMMvoFFcvTs2asGkL5RHcRgM8B4cleFfWhuCa6x5UVcODqrcmSQM5Ts6j0iRn
sWdZJSlAJBCuTYSsC/41N8XqnJc0dr4qQyhd9dZxuAfI95Z+XJ5EsdFQnkutsDmqYYswlcK87Njk
QN2yynZePQjpq6Lz5Wtb5O5rUI7fVMNTH0RpnBDglmo8iqaOYp0DxXCfRMlvvX0d5/FNz1T31R3J
JWZGdc81y3p1972bWN9CPpX7upfrvVV33num7suuNN9zEFlY5hTlofO67Cs2d+vWCOwb68gLJg/Z
Q+lKiOd7kDea1ldWc910IMjIOOOsOzFZ+j1iRwMvEcJrWqD9FnaHBmJqvuU1r0uDSiu1TWE2xq7D
UvChmTZ0jGFT4Y28EUVxgIRt9lCNuG1hWX0G7MQve00BugHD0RWxu+xBmzYmUrxnW9KuqVWMN6IA
X5s8GN6HYAJ61PA50IFCci9Wv4ZjN7z3ZWCs+6k+mOr/Z3sbyaWlvWu7XAd42rrybATf/nP9pf7f
rv8/24vfVYsO5rajb/XUCNcdC/bnvBvKZ9XS1f/H2Hks16ot2/aLiMAMXBWY3kha8qoQMkt47/n6
20D7Hu134hZehcBNx8TkyMze+s5Y1oHLqO/WDTmD35916y6AIpu7cln3X6/lyQnOSrJ3scozcZ3o
i9rSrhp5y5mR/bNOxj7azsX2d7d14xjbtlPX6A2C8kbKWh3BJJqvUamHYGNyrXs9HBsvG5XiZp2M
gv+r6J9UR2mqjRom8jmoEOJxk1oXILTL53aZrIuGJiG6/1nOKq9nuAbr8X+3rut/F9dXrOtg253y
iIa231U/7/S7nHLTm0frpuRwvffYf0Aks18T9EycVGV+sH20pOpo/pmM3n7XANCRLbSHG92yMBxN
4K0UqRxRfUVNjPD40JTSVlPt+Rkiw7DreNcVePqELOuwfkaY0c7XV61+wQnbvvqdQqFreW/MK25U
jtojfSM6rgOatlWbdjyqdQizezHcWR11fsx19LBAnMvga92wTnpY3RuLJiuU6L15EKkogeu0/l1m
JtIdgOjOU/c2NmLJPMN00WDHACE3hUMIgi4mHuudVGX9jsEfWHztuxLtG4iR4TmKcYJPura/iZpe
2ctxmx38MRXXMFDxxJDK+SkN02+aDrNvXhxiB3+UhICOhfXvHX4yO23sgmtVNM1dsUw0mfAwLMAl
Ljto6iJFamjZ0NvyqqTo4kEmy5vBLrrruv+6GwZPG0wjJwzQgNMkiyc7LfN4yfbJXQCsA1+1Jr0F
OoRBhI4xmtbJ4xYftPqqB12yq5DWXJIMUYU2ivlsWnQWo443TmY2RIcClPHJFpF+IO1RHO1pHo5Z
NY4HSY7KU6YVGPv4fXROGh/E02Ba56Sc8HqtSZJEXeJv47aVcWCQ661lFyNCV6DLAKD6W+oT5SaN
ze7Oh/YEN5jeQe44dANVfX8/d1j9YO48PkQ6eOROOH0XkpQKCvmxoQbthqOsPY2WBcsb7ukz3jO9
U0XTePHxoQJBnadeNYURJCz4cTybEHz46fyRNNbGx4/shep1A9cmWrT2c3RPL+l3ZMjzh5RoHyR+
kZfrAYnywFK3WcvD2R/Erl/ewYrx76APrMTiYWRAZUxAOmkx+SjoS1Q78W7Ta8AQMBtOsFHH2zox
1YXGPwNdqy+2PnWgkLkCGBmV+6xRAMkA7xuvMbQWgvJxnwspevAl27yaCmra1Qg+FD2SO90f9n06
TC/CYOykKMGDVXClKFNegA2Qx5eIBsBNUA79fn2VGieHWhuUY24qg0cusTiiCIoZqi6dwbqNIYff
Oj+rxAQQcd1lnfvXSmPZsq787y2/u4/ZyifkA37fZ11XVRY6NAp4boZj4FUvW6wcW6l76jCwPI6+
nIGv4JBk8LbJWw4oPZZFiHb2ZmoLfC6XRVVMiJaEXhzWRT+tFQd1Yuxg8oBIzjAZFCwTNQ/xeyrF
VJ5GO6lwsGBunfzus86t63AaZ+9GpUVpyOnG+v943QwwqkSg/v+897r4r4828RE4EAk5/1r3+5L1
88eonI9Z+tJMYfjAPdd3itjUD6qPtqLPtXvZNv2dNoSSO+f8zaZdxLdGVezXpfVFQrPv2y6zL7ou
7UEXzVe7a5AUtnn73I9m5WiDGby3gfSAoMj+EoqyzS1uB3DA3UDJ1YgdgPJ2WfxNMuMGOkj8UUV1
zGOnaV8Wu3s30bvyQp77JANxvyAUqC65UoVbcKazkwi5uvxuWLcSYP2zn8CSp2hNV+6eaJHBuXl5
h/Ul646/i70xmo451NQs//Mh//XW0pigF1L9p5QeVYCZy4f8vsG6mA7ynuJXfPSsQTLP3RhgQIR1
KI4vUh8iIVHNWwHJ8TY1lruvUtBhIELrZx1KXyyVUmtvkiq4mDLGJbEM6v9ncVmHU/dwiZbJuo4W
TGWDLxpVkGXr74Z1v3VdVcvZVgy4AqyLraHlmwgsjNfFE+n9qv6IEC7YhVy/KsGE/K0vpyezZNBe
T41/n89579Eq1t+pXQwN0xyzG0sDqhIDcbtMej/sC7pqIThG9OxjW3XQUxsmyHIXH0w5uuapXG0z
xrq3MqxdMgZkr1O9lkisF9kj3y50yXlbz4kBAUWfhXjDU/TFb1Ljs9T9o0wiM4CEg64pqRNC6cei
bA3wfSQZKGh03+Nkn/08Lz61Jn6XBFlq7pY00NM1pOs9blgC1IIO0jObs+HRr4cGpjkDiHXraIbl
KcyQAq5bcyw8z34/N866NU7DDM9LmHLr1qk10mstibdkeScqHvlNWlf367ZYWOScAC0Rk0c3ZStL
1xgnIeYDfY5u1rl1ImfB66zK1eF31TqHG2roxfj4/Lzqd6tsZuYuphDlrOvMJgQ3aTXoToGDur/7
/X6OPGSXRhTG0Z9V9p1jXKlQIt2PiV1SIvIpniipcrKtTjnJ6KjQrEfKLp1Bxawb1sloQQ1ypWWf
WpKmavv7GsWXPsu5hGz3n7f51y66GaMhW9/89916bDrc3pxK7+d9181+GvMR/9pzNiTJxQ5LeJph
IwRb3l4aaiSCKFj/9cJ1w89Hrl8wzGR/awvx9LNOW7/B74dPdsIp6JudfGjC1vs/f9Pv3v+8r/KV
BXAbfr7DchTWuX992eXL/XyndcvPh3ZldhMDdkUqvtNbSz4Vy27rDr6oSfOss+uWdTKth3+dFVYH
umH4sKkIXaRu2BJtYKc2NpcmiSq3xsAiiJCaBU3+rhfNBEOPnsZePhihP+9Mu/tLW+7kpYAV5eiz
VxOsI4WBH4UNH8weukOYtl915ttbYqaTBcI0qtTIU4xpQdnan4aERXbcOVLNjRzQrACHb9nkGBvc
raw6eWKcuUeE9yia3nZ6Lju4HtND7Vc0F3ePSjDyZsj8IGIn115uzmaM/rKi64mEziYlu1UI9T0s
hrNE1XMqsEScQDCUS8GvkCg6JOh99+iIGabaySmSlLu6TaRbOWbIW+JndFv5J0Esgr3csmoYe2RS
aXL5Wadg4uLMxZAdfl8VkMnzshrkEr6p0u26AQ3aezujuKraHinnfN9U900qhtuBQKg1a1joOUPy
YaZlBHhZzBcJHqUSkxUccrA9qDoTskM7OiNSU2HTb6in114ZcQBbJlPq39UDOv6sOJnBoNP1z6Qg
W+yiMRu3agFrbF2XQ2DYzbiskTD933XdTCAB0lTdVbjoFZbu32TLBByFXZrVbWuAa0pbuDgjMczt
vEyiVCv31mROzrrIHUS7jaFRIBhqflb9rm8M8RzprXZcV1lSpcIlG2fsQptis65bJ5rqq5SJYDau
u/xrA8Q8bWp+PnhdrasF9d2pyA/rB6/r/HBwDLvVvHaqqVgvX3LdGCVyftINAITLKp20+tU0JW8I
wviuKDcFguDbVlGiO2rm32NU+YdB0S6AyNPziFnV7TqxZlj/YK307e+6dOpzTNwg8yeyFEtIGn0N
z+vumOiJfkuyX/95bRcZm7nwcT8K2wYXLYtBm5/iMTTrpbX7WcYhqdrWRSpc+nzZHpa6elqC57ix
bmab6KCfK2pFVSdubTuRbvToFCwLWhT/Mxn1+rUja3mcRLoMC9H74P5HY8bvfmMC5SidufWub2TK
hYF3RXSL4V13LYvJ+zmj5jIK6DVuHajIzU1RZ8GdIEl2p8bFfekH42ndbZ0QkqkOtkDlfl1c91Wg
rHt6Ref4+qp1HYqKFElCcmEMN7q2HNi3aa7Zt3C556OmdW+BX0MJWdarZtbjJBU7fmyh/F93g4B5
oHIfXtY9iPxu5UjRTtHM+VdMUbuXAtu4RSxq3uIgVm2U0MLLYJzN23WD0gL3lEuKM+viugFgirhW
KQEjzhsS5NiwpZSsaW4fcf9Nev38u29I7hQzs8bcpWoVb62JjglwluFdiRrCw54l2WgmZDTXbCt/
q9ka5HD4LXegnqM70TZoQ7WE/MFIPtTSUkyFFi+TdULsMuOWhZunOo9EG2WAHZ6EWYi/kPp8wMP/
zC2L8PWe8xYvP7w1bPrvFmsVH3Po4zqHXXNG/frYLiqhbmlhXOfWybA2Si4TBrU0Tq4rQdd2O1ul
4j3GAF+K6SH8abxa+rxlwu76RVZn0iwto9hF+PA7IUZG6rAuZ6vqoRfZs1iER92ipKmXr4A3Ecoj
Y9Uf6RVgN2iQJAXg7h7XiVq144zBUb3wN/4zq6b2Z5SoMDCaHOzjurnvZxSi62wMdgbkfxJT5gCc
T9EOyt7PEbMmLEgSOCOxZVBCXI/iz2ZgL6clK7ODfYLdAQoz5AtiI02ahMSu+zt14suHFpEW1W7E
/svTlfsAX8dj0fUvJof1FGEHtm0V8RZOwt6MS1dtwtsU9ok7TrZZf+/v0V7n1n+AGla4EQHHSsIl
7SR3qlcngdi3GLUdDa0oDwaDhKSKa0eSu90gjMeUX63rIwp9RB0y/zCngFITk1sA6WdJ9+IaEfMi
SsuXjmtz+bPWuQxow6YCC8Jzt1eODWSLoDIodGklJL4kHc//OjBIlDluht2AUDQVV5Iyn3w/Cbcq
1D9FFkobTT8XQz0em9AYfiaaiMajry5HLpveMkWtjkh+q6OdV0DH19ncsntls86u1qvr3DpJTL+i
28mGhrH0zheLHUupVQh0CDr+zxOrtM38EGWAABaN6PIz18n6g38Xu0yDLKPgm+kvGqZ56VFcD0ex
ak7X2XYm4ZVn5uT9/jPrefq7uM7ZyoC9FQJebt4FnEAm2tL29zvROxHuOqGfkqX3fj0P1km0LA6U
OLZz1JzXVaWvY+4QWEQjq61BvzoaGFLP/9sXxZ9UaWrcR7UcDdiiGvuZNTt1OCRAvhDJc0wXPkQl
sDFYJ+tiHEEhViLpuyakHE4YQ7bO3Jg9rihSPJ5Mq/A0bLraYpycIMNaN8Sf2pOtilGMKvs7cj9f
djo+KOUC1iUewTe2wHAOKf1E6XyjZj260eSSFVXowCijUDqX4dmgF+YS+J1Lvb1xhim7ZgqPiNyu
dM+GsnqSq9blllFSQiezWFbdAdzAMrSd5TvU9+p+HnAQMiw8ac3ntm7zraAIQxd71+PF0gTbqMWI
UuSO1GfUR2gT9HjgctOIb4SqGO6kTNLGl1psYXp1C/sfPN38qIn0kJcl+TssiaJGvFZDhWfhlG7B
L0UbHaFf0XbnMKhlh4cjyuSwKLwGQUbYnQG/0k8SU9KVZEqvQUxSBS2VC5Qt2g7V4hHdanThkqKg
OO3OpTrgb2w1XgmiorHINfbjd2NyYKzexiqF18+9fQ6mJHYjDLb8PJbhmmJRGimkq3sZ8K2G//mE
aWbVf8c+imyZTip3nHVr58O6kcp236ohBwEOXSQMjrQI0Yo3g6AvZniyrSV1iREk8VjzZfLoXu4t
igI7xjQOebLTpAkhsES/fzdIOyKK2aX++EbwHG6sCf1+KRkJbCLadKyZ2FOgzbHAo9G+yQ8Pcnva
J9bdCAJpT8VTPtNMi3uGhQODnPNHl6h00cx3AcBgK7BkvLY6AXMK1VMofbc+3jL1eFnOIDU22ksa
zn91Nrp5w4OyYpAtmf61ULvPKoOOpHKJusrQY9Y0DdQbQxPHHDkWHgnRc5E0OOAa6MRQcHsp6QRN
IAqfEzl1jXZBisBadka1ffZ5XnhQXh18mfEHzSjhWHyWUdkRTIi5d+nKmSB66ZeukrZZ0Ph3E8T1
ubI+yhRXvUAO3qde2rYWA8FB6b0lAOwNLTzRK7fV7fBLgsPqFCPexMo4v9gVCQsSkIr018QiEa6R
Fh00hUyeHct3EBcsV5tSzw/7h0mxthjh0j4S0oolCZlqKyMkKflMKqXbztXYeVOYllvJegqlPHf0
OPM3dZqTn+nzrW5IxXkOecOhJTMYKcpNMMYtaMrp0MnvjPxD157MftPV902CVWuNXxf5/I1hl69K
24NnAZBkaZget/0THbkasKM4dHHxzByiQcWd4a86NoapTjuNmROb4V4Xkuz0ILuMWDwBEqsETZJg
vlLio0r28hj3FQtiqKx0e0ULdLZNz4Hdv/tBVQN1Kr7i+WVWE+BrafhJc27mNeojFoqPPf2SVF2g
pQ4nG2TqUttox87yyLWNU2eSMqMJ2PDVb9I3IEyM13jQr8VI0T61z0Jlt0wZLppM9M89Pd70uA63
ZXP25w4D2XzaYc9r4C6bh/vpA+ds8tUPSd69KR2G8nI73YqYyL+bF1xvQSIQa3QKfYI7dA5ksqNn
GLBhwDnh1kUHECx+7zlITl1iCixp0qEcCbJCoVRuu+PYy15qkvDHUuCklds60/07vA3bDaWd2B0r
89EYM0/LO24EEhjaNH3B4z71FJuCd1O3kdM02TP9oogcW8bQYxLhl0T3plFjJLz4xNIZPW4aKX0C
5n8HOs1ymufegEBXRQm6++FgRepXISVfWaR+NpWGWWANmV9mDEWGe5cP3bS1MooFkUIvu5XSRxRO
wYtCFnTMgP0NU3Evx9W1WhJV+bQUYv9qjYn1wsAXDmmVbXrhwL2rN6NkLHLn8qYPYycqDLIlS6Nu
FYyHQuGhkNEjZADvg/XCXdMI3Fg51Fl0Y9KI4ZRpcc2S4jvTzENVGe9NxMBrFLehlWaekNM9jSrk
g/wWv5bBR1dvDccWN7MAVLVX0YG+6bQYIs/QJ54h4UavSu3kSHo+er4mfVqQjUK/pxE90jYCUym1
NY3dNNYP2LxRhs7EjizATp/JZIb5Yz7KW4Gr99YKDfqH6VmJdE4zqXix5SI+9m4QWgtD7E+vhdDG
06dpblMP/sxDWM+fxWg8q8V01xuumhnV1gjGywyaMzEgzzX4TyqGcSnAWFtFA2ewUKmoieaQ+D5t
2sZuiCTPivC6f52i8s0O0gej7M6jQU+jPDyFbbpv6MFJRs6JuG22INlA0/TnEHAgDW2A0epU95KS
EbhUe1rN9QlVXk/3VVMMJHEnmHHwoYEG4F0R6G9TO77hTZ05Zio9NhYgmzZSX5ss+RzA6WnV+Iq+
7C9tu/TFaru5jw6dyB4mZORuKhd/yg54eQSHqU/oqOZ43AtMxHYFZQB6/jRyR828owAJTK05BF13
h6cRHoIW+fGhNf82ogFNwRMWj22s3nMB8heAsiOJActLOQfblJ7VNr9LQPM4yjzoG2Hbu9GwD69Z
A6AP2tChGPUW3n5Cs/xEe0SIjyZu7CdMMYorumFa+Eyw6SpXZOmT2SEr3OqfctaeE3l46fhSDP2e
I5owIH2mT3Ytnbjz3dNcVjpdZ3Log6uCM32hq7s2HvZj4W+bfTPk24bDwk2CkT+1w9GhthcR/w+g
gM3yGpGl2rf4qckNxmKjfU4KWJ+dllBPybdDxNU7WP7fNMVCOaE/LR/rZ6Nrz6rd3nZW6uLncFe2
wZueMW5EQoZ1w5C+mmjq4ZMWvUtpBpcHgfXnzLlBRQBsfE7YUCsDEc24sTSZBuNuJxhnHGxGy0V2
xXq0Jg6IZHJVXC7ds9GSVJ5Ta3Tg8Nyk8dg4lQkRUBY0HGlZ8FAY6d+yHWsna9PBq+wOx0hEh3Uo
H3rZ/mNqBJFTCDk7D/qT1hBll53/1rVcd3Onbg1g3mbTXzSyd5BTEg/EnSGlVEMrH5QovVMgd59h
ENLoFJBC08gd1r3GQTY5jFiezNzQlczrVNNG8G9ZTh8PmZfdNxmMqD6R5K2qwWxo6ugPBvCtD9ue
BxyR5J39JY9dd1YAkTEa0/eW3z5IYgK7aXdvooU0PkkRfS/dW93Y26AHKdpEeBTbie2lpAhqChwp
jfFeLktcPARhlYjdKiAj0MlyRsY62Wdzbx0wmXw2I+A9PMG7vvxSWmLjaeDyLODrxNFZSAUOcwMM
xZjTpYr+KNx+PNRJdDXh3zNH1TmIim9MRkNHKB1lJe3RbyyMSvIPBXKdNdeoJBQcwfzIwp8zv3RB
dTIIFoM2v/Y2RUP8RUBdXRAQPRFrP1kULVw9WLwi1PFz0hkBJFY/Xi2bR40xeYnVLQ6DPM0NDKTi
Bo5q9ZyoFVfH4Br1LN/ofTYSjKeJIyxiMCOlbyOIvnvy2e1JLxZClj7CexuHR70YNoqqjwRWmGZE
JmwHo7uVhrE8RFJyqwUE5HjS5qqe7zQyU1U1DwS0Yb9DpK01RuaREHo0wuADvhXs1ISevVCpuAI4
aaRvkn7vUZEcfEMbcQZuqVZesxKMGYh74aR02+5nPai9BiKmPcRuPOuXurPpTe3+6tIRq+VzhDFr
ThIa4CO9d0m5Qcp4G/dCbOW8egWycOzyGeJzsSCa3yqBcfVoK4j1i/CxFCaRED1QFkkCp5ID4s4i
AjNJC3pu7Wha0rGGNAc3NhD3GBOqEP097kBA9sOEZ7uhboU2Paiyca5irsCQI5wITCWoSv7VTb/3
0hbicLYJFWMXGePbPB7pnHlM6Uh18AWpNpnCccJK/IoSg7aRmfG6gVapnZYUvP4sQeZbettc6CEv
anOSlK2B4ZFj69K9KMS2B3C73KQKBw4qUqiJBurdQpfD/SPhxiZpJ9CBr32ofaiGNG19tQeWjIQU
oiHD0zQFb0dEqNuc/YWEdoDABNvEEP0KMX4bhTCSEu1bM9rcMUbS/TrUJO6bpBB18IKqfBdZsgpV
zvQSXE4dyeYsMXX1nYTLXzyUy1OfULVWKdxPWBUlqvIHYF/m0SqDgFJTPDkp9OUFm4gcsaeqFPat
ZCd0uLTKOO5NpbeIA+LSBTXXQE9pX2KlAkfdnqSIs62ohdOk5WOc5siRjCNgTG8uiJ+H1sbVlySF
Y6ThbsBxHGrnfDVoYS/F16TYn2U2xx6NbCWnaXdn5sOr2QyfkET38zS5hqq8FWOkQ0seQPQivvDH
WodPMuQudRC5FPd9Yt51jYUsI84uvdVRQKlkCtn2a6y3ONpn2oPf/umEDKobhigOYjjuyKbvjWF+
SXVxForBpRu0+DlRx6hl86Zk1NEX+eCFkXyL4cij2uOKaXf5NginP6Gv9/QCmncUVDBwiX2YzfOL
Zf+xDIkmEXVh8WXt6LZtTIBNgAm+LvBitfAmKLbYnDt93VFvCHdSmV/y9BFsnk2x099zTrp1GWqb
MVYYifUKu6pRvpFUQ3OtYxMA7CTpR+8C3uB2R89Jbm6GSn6R0pRSS6fu/BHm3uhjhpeCQavMzg36
9jOsaL3XtQPxRZOnBBiD6ehElYy+hhs5ORBJ61CHU1yqIttVit7gY/BDSG3J9enNzStNcS0r/prM
8CWkTjlNXeZKPWzA2Fangzk9FyJKN766SwUF6RwdKhrUYGPgA1OI7iXJgyVDzcjfj/nXbKN2eSBQ
K6kVMq341Um7GBHpZCSP48jTW8fVe1sOhBy90VImbCgPh5hE26YNQ/mr9PHISMLy2gbhVsNIZGtP
46lM1I9UQrAbxpDfF95Q1X7SkfRIQbzYSvSoOBVX/MaWTMaGNpfSMDTXfNraUICniXQ7/VyV5ycB
dLYCWWCFEiGlqhU3aP9Sn1xIFH0VfnqWTQmoeVziLOTrlJ6iZh8C2HBoWjKdulC/Bg3sVPqoGGa+
CwrlzVSkvTmP5E9sunm08qsoQJ3C6/6CN/NORD1sKzW8ziCHIfsmiYsbLBSC+aYOsXC9HXmaciki
OMzfaYmh9bv/xt/y6ttYLEfcoxSMzrPefLKV8TTVwEjgzOElr9U3fS3ec/4skCh3UWKrO2mxXA7L
6ZzqMtT3KO+2UcQ4TSb2L8vhiWuUNhCa6pfbobGpg2nH66iCdwHg2/CArdBjoqiShwPW7gkhqe8M
lU/30Jc9PleW9kxu+8HMOqJNGlP1mY4zrKuRTpzSxGaYyi3K1wh4uTZpsiXXW9W017zKhvpWKfRS
ZfRMkLD9U3DwnHzQ7qQ0IWUotJeeuqUSDL2H+8/CU7GDc6iLh2A29kpKgC4CTPm4OxEBQNpjDGup
sFurTqPRGJIwCatbOwzuyr/ceH0qPwPKyjHs71LBSM2o0dPEA7YoQn4Ja4waJrXAD2p4AECabunh
uo3N/kxZAaGflF5FGrQeg8DzsJBbJ+1eeQ9y693smqdG5sRM9Ce8L+5VI/dEgE8hFsBQwDGSnY5N
zdWCrIsO8X2jyS9dq39IZk9emU63RsO7LpZJxsQ8/8050lBM9IequyYVHHBuALTBLfBm5dVfBq+W
FJxnSIUgtc+Jaswk7prPshq3lSk9pVgSO2aoDe5QEHjLOt0MPmcLUUyXFzZScSE7ukiPhd9+5AIJ
RdjNQClpf6q7ezMVJy0zGleVOmKqnPZ7GUD1GEuSJxZ/3s5WNkjBsaKPi88wC/eAK451FG7lRP8K
rZo8VU0VECdVrBSjnTqV18TAULSu0kPZY5nayeWGrvD3RGloF1Vx6NajTZxQeI5b+t/8HHCwvuEr
nLrwxoxymoSHcy4p8J0MJXQQPfqD9sdvkVD4/vecSw8qVkKjUYQPUvIGMzHXZ9WVAplurEG9TrDH
PK1VPs2uPah2dF8MVNZRAH61/nKww/RtUvrnJEdXjdsC9KuC3xwN1ykZLkVMe54fvBNCvGOsGjpm
0W/1cnrrykWXJ/MglzKbjsC5gD2u0m1HbL5kKscdVbzQ0yZSs3KkYgCvkk0I32wdR4qkyc9Zip1S
of/JrEFQQZde52A4yxUIaTu/qNzChWnt2qKw3GwAcpe3m2iIXqK0Fu53pZefupZ++GVJr6Va3GXQ
Glsz4+Zi1Lgt6S14vNOcDxsf/3i6nNBqK+UJndG9KvU0p6P8RWWxnwawhCHeoHEsk9Tr8p6zkZ7z
WWieTE0VBleAFiQfXNlt5zHGKTFKtnNgnlBQvhuiekvn+aaH80VZzbhwhTwbCbQ2qfPsvKAH0wp2
ah275tDRcCzhFhXPV8RLR6i1867StY0O3oDnj4IfZepaKldXP8v9Hk8HKPq0gY9WB2SdH1Vq9p/R
JHljkk9xNCI6zuL8oqVPnUg8DFRv67B9CXtK4MspOE9YTNFYIm8DgxMF/cR1Tv0dGfEX32yvZG5v
fED5jBLQoaWVssGF6JSK7L4N1ddsNAQDvZCwFj2VZUN5Ei0Pxjy6X1sFApmkDMnjcs9o7B5T7Zey
jT8Z/T6gAm0PYPPxVJ59D93Li16e69J/JTygHyMkRPFJ1J8lCjm1gtlKN+nJxsrUPV1GpPXiSSNk
qAL8IaVzYZbSlbHm85iR2507c4tfdu4VujEwph/tbTaDoplFmuzz+pIXEgUC3mBjJdIn415nQgsh
It/aj7OEbjIDWYlJVjBawbGPBgaNkBOo7UtuGevYFk/6bmoy5SilVLAqlAhUIkwGalYoI89QdtNk
VwfkcZFTT3gwjYqW/ZGmBmi8mTS7dfFnHRj6mOuySX3PRMIBiL9UeVa1mI2bWYGXweL+NL5YIgLG
jYGFYY6TW9nToTCRpCNyejPIIyuC/lNT66Q9v2c7KwSqnfDJ9AGxZ2jzNKd1s+uJ0OuBZ1hfk4CM
2nv8hd+7Nl2UXTx9Zmk4CKW3d6b/beLZ6U6p8k4fGc+ahna3WBYBPsfpq9QBVC00QntjUP76ucVF
Q4Sd+f6HFovOJUVkeWADhK0BcZZzfpPBbcmqjtGwhGyhdApNevh88zO01c++oX174ibsd/4BEjOA
dDJWra0+2wnQb31bTtKlWj4uWiowmkH71AD53rae4OeBPcxxlphzt5/i8ywbf7LypoxF78TpcJ8H
VJ9TyzrUpSClad4kKmpy0/qqRx2If1DdTnp6Fy+lA1vKSBuO9UnIweA2tcYVYeMCj6rsiD9G7lVB
NVLDbz2C64HLWjvkvcBQR2f0tteCUACboLNDNiASKGYJEzXRTAiNQb2J9fKmjvuXMVuMFse43/la
9j1Ec3NpIW0EpLdlnZGyFtg8YCeN+oCmbexQfokm82IH32qjUZOt8UOzGHCWkZVze4zvs+HJ1yLo
QhZjtDDQAgeJtTO2sBzGYnQtO2bsbOqDQ011F0ey8pzY3K1hxzK6JcUyZvhDKdFJdGRfjF5cGWM/
GHL23GRWupFqEdFoEbzAGEHCbqk71EyyS6MHt8Gl6dDEdojMIUmqzl3SnpteRayu8h+rS7V1ljCG
1JNkh5Epr1JPGrWwrWwZ7zNK/mwgVen3FFdAqCBxp+I+tCNjOAnfJStPLTcxDAVFU/+gpAABZQ3k
S1+UtFWRsNLLrySuYL/kwz6dyDMrqW4fVHFos7ZzpoDCVDOTfDLN5L0jycfTppCcnKaHJi3CQxD3
SwCtvupIXByylQG4k7G+lbOMwoqqfxRL6cl/q8iwuEoiEbu254acJW2y9TFAGtgRjNz5BmdlXpDs
7GR0J/21R1/n0qNSbuxch5I+UfYwFseariLjF83dQL2MEwYyQrKrQygVhHfOWCfdXYVnutdgb7QA
+U/k5S+BXrlpR95mhKihDKQ1iaXKQ9xXED94IoSV8N2qi+RLO8jbjJjSmUyU09GMY7mQb+xSaDsh
d9UWQuRhrmLTMZL8f/g6ryW5kSxNv0pbXy9socXY9F6EjgyZmuQNLMlMQiuHxtPPBw9WZRV7tm9g
cAEPhXC4n/OLdahj2DIFPByCwKwPPfH2xAXgHifDi50DMlWbZ7Jm/P75BPSHiKwf1fFdWhBWZ9+K
Tm1sY73SbdBiQEWiyqNj45A/rQRB+9IYFEix6EGmXraeGoOHcV9/QaJnnVvz+rOAGjd1eythJk2j
4iW3J2Pn6AVoZrMY78x6zgkJ4DTYb4DhcxLBujbFTxzuxtoMuS2U3oSAXRMI5I/GNsu2XrJUZEtH
y/0lkis5WE5Yr2W8xLItRwBq/kte0oGXSEb+wkYqrKVpmrOfQnW0zPi1sflufa2xd3GUAGDibw/N
50XYfOLK4iXhExGJCWymNVIyttu9Wp4FsDjJjkh9DoeguFcJoXBH5QufX2UdJjVy37Vgu8dra+W4
wWikI+vMKssh17O23bJYxkG3M9m4Yy+cYbHamvmWZLGBRszG605FiHkLXNk31Tabh0z31108vho9
rMvO6Z5rH64nMCCxzTGiYYpuLkM00Un5aeISRFgn+F4adrty3PYuIIdK4NDTEUYJRsLmdvmOfjNf
0RhfO7VVMJ92YcB0LrYbOcSEqgRPqxOh0zEbaXHYzLmTLR+5Nf5IsP7Lkzk2TDdDru8RKikmlhUW
95xZau9DYL2p+s9umN6RnsHcAqFwq7pOta2ijOMTh/bfEN/ialO3N2oKg4KUIeo1NSQT4h5K3517
csw2Lj5x2K3rUPnqCdNdt5rAcC1KihOZP2edTi7ueCY5HdJeS1VjpcM+B3IvK1b2tVuEfcwlmhjJ
isf2Pjb88c72VXIbbH3MHEiOExTDRkELHhzyY6Ok6ka4VzQuWBiq40s3aLupVokKD+K56ciI2H2z
1IO8Xg69p7FQTCfefXAK6+ZrapMiM37qXXR12e2zCeap2HUDUCO2A+1AAjr0FNbsOwFv/BLgR6IU
mFlj7rTqa+VdFN1XI8DXK/VPSQu20mzfe5eAfhkTggdd+dQQFMDvzUP3N7cJfhjPnc/2MEa9YQ1B
502Z2WuhMx4GB+uCLI7vFbNEPd8aueWmslgUQFFWWseez5k18esy/1CN/nvTqaxY7H6nMfdsZ9Ht
vki/g93AvRL1U/K97Ix1RzzwiWLuqjAm/GKl2xAJXMCGq0SJd5mKobPwjWtVe/FdUXNvG9Uq4Ete
jKUHPJAkuFZ51jps+v5cumsD9OzKHUzcNtq3cSwuPGFjVsHGwiyhz4kiBwdSbsZ4Juw27DswbQMg
P5XvMSQrtgrxo656/jKsCL2GhRVxRuAkDYr2ktswc5UfxNr7b0qwI/uqIu1knruaNNs05D8cZ9Zm
MdkaiRpgXcevoqnTNvCm+hLNB4voWwaS9k5W2WmFlRGRhzKx+bT1bEHjD7sM+COYXJ25FGN1V/FQ
8RfduCor5mG/1J7iNoq5D9TXGnmJlabrzjIwdq5tWytz8l6DKDRhuRHTLuqsXwufjUzWw4OIF2Io
qn011E+dU05bPTaidSfS8wBkjNwx2TlDpNWWPw/Gxm6boCM8kKslE8cSjjkWlj4yFUSH14ao23NX
ug9pzheaT+kiKzVxbrymxMN74/LQd0s0WRrSG6iOXYQ/EuQnzNiEw/e+1VARd0jLx632YtggC8v6
W1mh5AKji6VQtvaEc8nIiK3KyayXLFrXPtTBjhQrmjmz0Ub/EYtx5dtdg33hXSLaYYPwN8hF/+xN
wSmw2auwLdskehkueyUhHqP1dxr+Ayxyhg+mXMSjHPeqGeK+ahPCMHbwko7kP02eSwEK0kIZfw74
B8e+oZ0jy+hWTZ4FGyXFGaHS3J+OBUYza16GpvMXJjLIS2dUl049Mj8b07s5uDthYJMd/3RsbtAp
S39UA9xa1WlY+ymYGOVjcOiN8lkkgCkabi69foLHcfAECJ/AD9d+JFDxaPWF45k/ZsYJC3HUSWpP
N5a+7hx1kNcp+Zd1F9h7D8jPHUTFZ222GQ9KhWx7wRfgmO91CtkSHlFB8HUz+C6iNnH65NnkqXUH
jyK0QO7sYrx0BtkDy/S/hlcQKMwqS7+f1q0OdL8Tp7FN0i2wjP3Y+RfsQqC+EItItAGojsOYwTi+
Zrn1IabhZJrthVUqssXhIfHpwd2pAAiqN4nZcnfPqzPyKBc7Dk2Ws3VG5MTYVVaz1wZ80LPhURkn
7dSCBdLBAW+KaJcJlriNZ3zoidEucrt+VYpmIs6V8DDge9NhZlaAnoQbHhpyacTc3nSzaY4aZrFx
6I4bpWm8VT0VS88MuVui+xRlhmXAXF+ILbJKezCTPMoTVYffX35LbezE/MHAcVr5CKz2LTGT740I
J+5+fdtX/C5mhHkhfusbe6q/BQZByDie6fQxGTQDjye9cIOliUQZEQYythZfcye6DcAnZti7uImf
+f0fnO+iFN4qIF5AmJagf+2pC6VnW2UFH0M9PNS681Gmzas71o9kIfylHivo5DsYZ3koSlU+2wFT
m9E75FEVXINtE0g2lgfuos2mii2/StbZ8Y0DQmnfNb93l1UOTmzOZuUN9Hx2aukK2519N9iIP9yN
xrh1+AflQbHNmLh9W/litNFPxM1yIs/VsC1UYG3Q30PxkTv1Kz5TRKPz4lKZG83nycmcjrqyt8vM
DvXj/LueuGDTh3XrRkDqVLPElwHeaTnbzygjADtfe3f0DxKa7jqcvNMAJG2Va0gjAL2OKhVMrxfe
DdakLeIoPJWFgmulkR1t2GpJXmXbZrTUNbA5i9VFv2xze6v1Q4DaWFlhwVI96AyMwhp//8S8E2xK
AxiduDuGEK+9qmGG345l/BEW1Sw61eyNXOFz48pp2kRxWN6yCZs90Mb+RZtC70BkYznUeI+7VqSt
Byd/CktxNVqMIJCp5m1Eqz4D6+oSLYfvbZ3shK1QRbp8GY0qxlVGckRT7x74N6J/Q0nGaiCJMWDu
BHJqWzVKue7LSzOp2iHPuk2fK8GqSliUlfWuyDXWrcSEozzi1xvytRtOpyhjAvLDKl+rZXMXuBi3
Byq2CyCONE+p116qQFfuvqSDWIuuZgnQBFdFY9Hf58V7QEKvijGj9AIlWimj/mY31cVUm13mpeO6
0Vjvpk1iEw8yIAulKLL4/bUJjO+leQgMZk18Ah3SYT89MA6FaUFz77wPPFLeCH6ZlftCBmU7YAMH
p+VgsCkNA5YRQ6BfIKxcwl69RH0L2kPbl0GabTTCA3ZmXwfdm6E8LEfLCiPFEaxrKfTXeoieQFiy
HEWHymo6iBq5fc4n49E34geTOWXjOu02EdPWK7U7nyc5ZNFlW5Agw5pyHcdEI3HsjCOx0KvBWAGj
pOQGLHZKcDF1RtQcLndUhNux0zZO07AqIdjo4VmwKJX0aA7i3Y+796QmVxFPC616SKu25U8D5c8v
vuih/R4N1kfbFej16ytDTcst4vfky0aEFSp27Xb4nZAsCfsyFwTPlItRTE+h5bzEzrBTdWNfhSxV
lUY/Ir8D3cMEo9PyQLRqt10cf2qmsq7UkgcG0hCdZ26siies2n8XObKByXfTMPFhS/YEde9th0hc
2hSvk++txDiZ27DRnj18WKvK+xq2MyI+Co9KD5ACoB0uENlwtDJ8TwudAHfmPquouLV+cUHwqAN5
1T1WHbGYJoAMWzj2CeIYhnZ++ZBBZFh403jMW28VTRYuSnQhY3I00EkhzepuLFc8GFb2Jmq8yhTV
QWsfQJraPXkm4WXDg1ZguY99o7Fgs1ZMuWSg0UgAhms+Jxh0QjdBXswyxFuutisFlGqFa+gQ6Rdb
c/AMRTcwJubelv5ufuSRF3id8sRamGEONx2qj19Z95VRny0xuEtyjWy7Ma1bKJVxTVu7XudgenoX
5OPQHPSWbHBAOkUoP1BywOqR2OqiFyhIgkvVHX7annx5mmrsS509IXjmxkgrea5N21ZrXzKVEBiq
SDMjfatA7K49m0UJC8UetsqcBkRPKkJ2Qg1GggOsfv36W+Vqm1aYx9Zx0EMpcYZMmLMRtHAKAppt
c+pLszlpRdSeCEBMpPV6ZQd8pF/USjnss9osH2JTSR7YVs/nsqKo4T+iU8Rj0/bRgvTDQFsKS623
v5rpqAzdGlvD6iKrgAOQh7DMr5+DxH0QM4+7w9qa6vKBOEz1AFzssVQR75BVBvau58pTd7cOc68U
A9MN7zZcfQ5EIB2Wfq8re9kPsPVwP1TY18+jygPckl0IoZK0Ne9M1tV23SxB2FnIuPxRl0buUkPU
5yJ7oN01gnaJCWhbSX8xh+7Xgb3dvWvm/d1v9SZrA6R0ehJaf/TXKhsVC/NInlQ/f1anWKudAxBG
clBZnxYj1lOhdWUvsin1yr/GeHo+VT7AqaLsmztZtL0imT3gpnU0xO2TJ4L0oFfEEvOgb3lyNO49
HgjLFPpNs8yd4dSrTL7y0lF49TIArLeXxTj14i3EBnN1Gzjw+yNehQTN5pcVKapziXbrKl/K9cpX
si7mSb5SH2HZOPluQECC7n1bZTu208pSFiOYp6fe05+zSuF9qOrFqLT6UY6jcSWhDFEd5UBWDqiv
yj1/I1ub2FqOYHph1aTFvTxYaSU2ieCvhVRWGC5bu0Dros/qpWwG0Vzc84LRTuDBzCw+98miKQR1
RVLrc5ykHgf2A/mWIIW+aRojuhBiDzdFP6RXUvAzcqAs75Goc1ZFEHUPCZKaqxpVhcdRVPbSh33z
xNpLLIPeTl8aom/876z+NZzQs3NSy/mSD1a+SJW2+GaK8gNTWeiSIn91uzj7MZQ5tMHYeM8ngOyp
W/xsBlYUGTkVMhzFslNLJo5JvfoDK5qFOBKtApKboUJj2jHwA6yJWe509J6KbUgu5INExMFopuo9
Fc69A8L/e9THX908FG8qewJWb7X3VSd3u0jidNxEZYA1iqdV95jJo6uZOkxBs+GyrAuSEkrlpLD4
6arqXjZogeYwSfjlWhZlg4gIDsVBqrDcYahbvzIY1jYQs5UsNvMAhaO7625wUdT78zXwei6AT5NH
s/qqCJeTcNSNYmioEM995PgeOcHtUFnd7a3Khrz2221ek9OSXeT4g6KC8+9C8v1FBZ4NRvpu6hLs
IkmBXnALynZtZcVYgpbhib+Zsm6UIX5ExCBaCs1qvmWpctatsg/IEd9Prh/+rDLrDYC399rbuosF
cgNttndSoipedVDywjg4eu9u2Lx2/P8znby40X3p/e6LVSDlElpr2AP8QFMy3edOaX8dbL1YBkE/
PXhaVGw8O0NuJ6u7O9D97hbXZv+CrWm9MqpEfQFRGCOYFF4rNXnIJ10/G2WG0IJh96QmyAW2SVid
uXFIFAVFck7YOm0NtBZOSWKm27ZCJSXNSXBlST+eEstotkYOqiA3Sf63ppadtHbUtyjbBCfN0+0t
fxTnmCQQAQomXP5ldzmgk20JtX9nWHF4z2qEJZ3m2D+C9A5dCfu9YR++qJtgfJBdI2tSiMr80XXo
6t+6GtCcH1Q8vrddYzH7tskj6Kn4iPfZtvfRNkVtmXCGrCPgue2qsg/XPXahq1KoZP38/j7Ta5yV
Y39a69HU38sD9rLO0kBOYiOL2txP62DiBkZpbUumNoy7Y2LZqPoEez2qhtt1YUxQ2dV9cUcS/H3C
zQ+hKiL9YP2vTekhewNPid2guytwUQFj2UMGhpdwb6AqvAK0M6xlXV+4/j2rezD6KG6SE6KfrHN6
Y9WPyDPJUh/62RmJsp0syYHgp3m7GPc84MyMIQ+WafkYN/Mf+qwDzylI5dr6vv2zH/mPlY603UVW
lZ6bI+kmdoXAQn1I02al6j3oCgIozUaJTX477CDDNWxE+JjKlBDL0uuLw2MBIMBcSWwyWd7KdSUQ
4COOe+spiwjnE2qaD59DyIbCCpqLTUodzWkXGZi+vmj+qO5k4D5XUt4EN+b/pzKwbHWnaIT45YWy
ozzIBniopIPni6epBD6eePY+mDegVSiMc0f85xJkFbAWVAO/ETWsSfJYxVUvEaqwJvg4RUvC0XDy
j1wvvPsogHjjVcTTZX3meI/IfaiP3rzcrSpoMUrY0j8vDkWJKpQ14jbtj3m1lvVtyI6ob8tXsjgO
4kQD9qoxqcvMwnJWC3vlUDvcTQt52ow4l+ZDh5S5pRxklYgTWmX5diprP9s7D+Jamik/f6uXxd/q
LN3V9lmVrHuXGCq+V+Mh1MdfB1Wt76OWzzqZ4MWz0LG+aDHkA7VMym8k7d4ts7TfFCd/aTSt2Zu2
YW5dLQ7XXmag+oEG/ItZaKTPYHjkust8GmjoMok0esXxElNjJkxQGcq6NsaDi8qWP8bGClQ4818+
nMeqyj7GElHPtta/BFatgiAtXHbsvXLXv+50rUNWVCV1v1B7I9j5Wc7WuoHa5erZW+lpX/EnVx4Q
zC4OuY7MYORMABKGdlNlZfraqSTRRiXVNgoUrm+2v2SAbN2+diIo77RKpBsVgti+aIPsxR3HPcHI
/E3rjQLWk+8fsrCLH3wz+ClfbtJdfsFqKC5OkXVnPyDLMMwXzO8DBCU5rRhsYG4H5hY5ye8xkqQn
eTDyoT1VZgu81nKROFDYpVcAJE+GHpnDQvaByzmfAtOGA2cefhX/HEJ2z8ryNcvSYvc5dGoACzaV
rlm3FdSAYZj26LZ4Z1nKEwhoTofsvSzGAhQL8NR979Znh4Rgs6+JgIAOU6NlUSnidezIq8a5WX11
JvLW0ZDWb0WavQLz6H9g0XxqWY9+1J0NJSsPcLAvpkXhQhNYKGzk53C0F8BvyQYQMm5gznT7DJ54
A095FpcrnAqFOV0rFxHW0ltZ/GxIUiXDBxmcZUe4+xK9KB024gaC1EfXDitvU5dAfPvBrveh0d7J
kjzILtbcTxarmV1k9gHxssa5jwZV2ecuvK4Mljq79A4RBR3y1Sqam2UfofjqMk2JiQrLog+P1R9s
6ZW72yW6li6FHliXW2d+p7OGs4QlLOcewhCD/Pkat+t7PxPcWbxGDaTgMJRNv1k24LAfgiTLH/x5
yxGpAqzOn3Vu3TarhBAY0B0k4WCu6Fehuu6x0mNxhMvyyp7YelKhVaE3Zl/L2kFSNgZP7nAjHmWj
har9ChxIuVNLcIJNZ5Tb3AHvmjZG8Bz5hbMuO8QR9HiARwW9E/OcDqrbkNlPUwrKxisC5WNDfs3/
yDuWpIZorKeMsdYAZJPjYBnhqoxTCEQgBR6JZq4HxroalmE9TsIncOro7DAh2bE3R9TdMJt4IVsd
g0zn2Dj+kfQ8AqNRlJ7L2hZnB8QaKXQRfa+c7E7ksfUijNKBUxEgBzJl0WupEECYOzh/v5Jcak1Q
3Q2/gxe5XWkzYy3Lsdav5JaIuDtV+tSnMJQQ8IzuY99HN0prClIkqbPtR1s/xDwjgMNkLRntuDgy
vzXbMVOds8n3s3aSxLgvUuzvIlVxnoZZsgg93kVVme62bv1pXGSzB0PrjNqJVGdK4BLVrbkqB8F/
KufDrV8jzAJvC+XXFbKlGUccknvTx4IQcjs57jWIxPbBNtrwsbTRrIgQelvLojzQwXTs9oGV/cwC
Qnjos4Oso4NmEg4kAtLvfa81cabtgoOdp+LUh322TrK0edGj+If8qTXjZ2T14XvMvUowfcToYr7G
RaroYM7XpA4xBRGb9ctkzOmD3v8w89s1uZdqC93Nfl1T2eBSkjQ/QKnyDlozegdSnuS3ep2ERBXn
wSbh2SBww6Ypl02/n7IINlZKG23SocpaTApMeHy46i5qPj0qz/iojwEiDAtLdTnmc8XnoUkjDIBB
vT5NEGnX7YDjeh0NxrHI9WQdWbHyCkn+0nMXvltRdzXr3niFt5CTFq//rauftRe5dDXD4Vp60a+u
v41qTioe60WVEEZ800VuPKu+KJ+C7i+FqHvTOlu/tWjeX1p+v6b0yn5bCx8QylR1OIvX6sAzFsY/
CVHVXMvTREMQIJoPpRejMOleVHS7DiKZ92vyNEeDVsFT9e+1sowyvLibDELW3qjc5VZwgDJiblNS
xXdk5ZU7WQ/xneCprNSywUUXee5N0s/LF7JXa2uttZMdalkrT+Whci1yZU4bL0qUM371ly2jFnxr
PREeRub5a8BfY5cOBOa0rMqvfq7lV3nGKvSlIZl691k/+IG2cw0S9/LSv/cFbfqrb4N27wKNgxbZ
YTc4yYOF0Cf3UWaunSpDu6Rp4X7L088+9Ui64/c+stlWLcRaOoxlImCGwZOC+PshzxuV+PR8qisg
vuSZPNQBzy7gSeHis67T3bE6fZYTe0o2cYaOmbwYiiNKTb+NQ7iSJE1d20xXLjmyv4zBwslZ5uOg
gq8p4Woh19d50RUhg/waqGF+rdLRgSPuGytv1LO/NuyaDgG/z9rSMJwVmVZjJS+UB6SV82u9E3NP
WVH34MNslhxbeBoZTjOvE+nGE2YI1UIWoTIV29pAaUkWdRPKqAJX8yiLkR2teEDqT6Wn69ckM59k
dR+h3dqYeMjFYz6+1hqpXrYQzl62KpZ6wUlzusco23ys8+k2tJea7aGP2xI9JS4i4zGu0RViPzq/
LS1FTbCwFOPc46v0qvs4k/z7uzXnd8syLNyQSRpeP9+tHDLh3WY1As0VLP2tVELPeFxsmiIAFz2L
pd/U0Wc99c9iVYcw0TwgNLJVNkxDyswuy6maf021NN/J0phVB6ZKKD6ptvZi1rrQAqPoirbbsKqJ
Z6+H2hmBMoXZ0keo4FywFMI6ybdIPwjks2Tv24WOEYKdrtzZ1yO6WkodXcGbBWwt+vsE/4sjAvKH
VhncV1Xn5UdvgHXkedeqS57ruTr34NmIhHR60ybu69AY8ZJAfHSUrY0d44kxJi+BBnq6MbHYGXrF
fRWQxja5iIeNvErXe8KRbRyfPSX1Xqb4KF/SVTr1iNIrGcD5pfw4JpErcmUri2Myfp3wnUXDqi6f
6sBfy5f0GnJj2oTzddul+osJayyJ3FOTGmQ8VBVyMUZWJ5yynVNfWeReYs32wYWaj+OYmsgN/dk8
KGAYPi+ZpmlkEkVi3+LRaliwTsLuMQjb7hGjJUKHKeBQP6CI5A0GMv349tlDa/3nPjbSk+yP60m9
NTqIlrIo5gHnLO48lrymF5m1RFPE23qGtW3aUVyGHL49CwCg9kLh36oiktkadvAe3rdhV7zj4ZSB
EwxmrwETtu3UuBD9+/jZsuvvnqHk74mvA3+xqy+GblXrBmXCI9FI+1ROWoUHkud8i5VqJbtWLnk+
vVfdhynFG25UI54klugfptLrFvL1bEiKaWdXb34JVFGpBhZjSmIdakiV6yKy3VeAAyfZtYn1r52r
wkHUbY03RURHfobC76ulwz7qj8+QsIe6fYYiY00lP4OANfQc5dV34Lvdxq8Sc5OqybQDHJCtdIQ9
nmWxE0m+0kNVfzab+lfr5AXGX4pqolc7kkbZBrYzeRJDiV9UfNJX6qiKM2D4fl9pSb1DNhkdUSVK
Vw66eV/GsXsFAm3+dOtDnSrTR1MxTSBCHkMo5+rJ88W5Jp5ZtAgu9Eb+1mdVuEUvK0P+Lu3LI5E5
LKPms9+KLSLP2AybzZJ9AL2rqh9hR2AD7TeZfU41Y+0PSnQkbeQuU+Kua1lfuTpYIIjO+dGwinXR
9FhGBC1XGF6E8Ys3uLcB+r3hmLhqabO9nuOoR9MECzqXqjgAxVOI8dbYiVBbC9GhSDA3yC6y1ev0
4kACARX9mAQVSmCbVATWySS+ebLngyyGaW8fJswlZUnWyx5aRv6IpI+DMnUeQ32fr+0LPI5CK9uE
uN4spQA7TNfnEqH/xygAMFlr4CykELoz1c+25yaPpNPDW32ZOstW0+tvqG3ANu/eURvnGQb85T4o
TX8XIB20dcM0f0x6khyNonbvRq8uEYBu31RUm1bIOGpnpFNxQGvTaDNUSv0iVO05EEmPpA5GWWPu
vVoxHiqx5iTHtqx6PECMEdX+Mbiyx4CMnQf30Mr7o6E39r01H0wd3KJV3I9xZM+KYu0JCOYB/h9Y
S2EmYq9PLCs++7d1HW3Uhi2brJOXdSEo/DFqs60sygY1Eh/I1lt3n90ckFROXWQXyJv2fVr59cXt
lOVnB5RlWJrF44/PYWrDqbbNBKlPXiQb2jYaVkka+lAuGEjWaU0+YHYdZXtZ7Arf3uRRCRpCxRvH
C6xXly3dofcAAchiPY7hGqUadSeLTlI8N6S7rpCp/EcY6pu6aa3XcgwgsHkP2hCbJ1IXSPAH6k9g
WOo2FiVbGlknD1GU10c4V9CW6atOhbHxJ1Humy7/ChYY6rnn6ytNdeOHfsytq6l/b4ktQJzBrmKP
jBmU17mxEEXyoJqRulLJDq1l3a3BL78ao64dZAkpRevq5d9ld1kTWZq6Z9H613HitFBBRTTKWjhd
B5G0qb8GcKhuY7C5AK5dTV8hv7hL4ZGZjkn9a/MEFKH3+vhZ8v1bSc5VAyoXn23d30p/XicnuT97
yuvIOfWPek+uep4A/+x5e725bRbc+V+u84YA9GPQ74N+TE4wG5OTlfgPbTZ2O+RYktNnvTy71VUD
CbMeZAPdP6tzwUy/kOV66n6kAcB8/BlOfmYVJ3kmD3U1oqmipy0GYn80+JoaDX8pm060K9Qgu4t7
fChvw3yO0NXKuNbiWbtvHl8e5FgsCrrFP//xf//ff/8Y/iv4KK5FOgZF/g/YitcCPa36X/+0tX/+
o7xV79//9U8HdKNne6arG6oKidTSbNp/vD1EeUBv7f/kahP68VB6P9RYt+xvgz/AV5i3Xt1KVI36
bIHrfh4hoHEuN2vExbzhotsJTHGgF1/9eckczsvobF5QQzN78gj93SVyrZ3rXccDBnit7CIPbla5
y1yA960WStR7LFQwCUg3QZyYZzFZxu2QTdrZZGq9IzfMd41aknkGlV9uFS1oF5/9ZAM5Nww0iwjJ
5DIiKGrluyp3+5OVZ8NJnhl/ns09UE7JWcaBOw3Zmpx8Xds3UVvclxFQWt8c/1LycnVvhd64+c/f
vOX9/s07pmHbputZhuvohuv+/ZuPrBEcXxA57wIb15OtZ8W5b9X0jLvFfA57uya/MddUa2vEmQzY
xoB0yHz4VR0LD9nAqvZPCsnNVWaqFoI3Q33vRY5AQoG6wbct4KRqF8Lq+6NctuJHlYoW95nwpQKu
f4nIhr+o+kuaNO2zAWnqIQHLLWvdtolPmg/FUBZTjaTKYCiI58/XWHAP1kFaC8j7rfUC1iJdTk6e
HmRrXiR/GX8o/zK+Yqj7vhUQLX0N11PfbxDrqLsT0ef//EV7xr990bamcp87pqtB+TLNv3/RrZu7
LFiD/IOISI9eDN+f/IaDzONLtZCygNiHWp78jj+b+wJZ1DrP7279wrqFKYyO6F1oTuJIWAc+bMIN
l9lji2nmXNm5M35Ynvq+OZ86+q9epWV/dBXrrioovT2aVca6c5vprWkWY008fMIgZqNmertvM9N9
snztKtszdjlEzPUSJqdvnwXyxsu6c6c3v06eBmLMT8wBvw2YAj94UD0DoOFySNEtnazh2jlOeGz7
8iRLiASO11/13RWfZxT4ujL3F52B8iMwF2Plm59duLQx89ulumKK1cT6ZFfEoDxCpEOQsI+GB9Wv
nsZB0zB464gluc38WQLli+Osx9ZSv6qo/+8AC9m3oj1G5xwO66PhYhIUFVaGYSpX/2+jzpcLAy2E
/3xraJb+t3sDhR1bc5kAbVUzLBuaxm/Tn5MpOSJayGuU/F7LbKztg9pFORCXSON4O7d9yzqAvlaX
wMNAqcumWwfZdDsIC8PdHqq4qENMB7M8XcsJk9RxtXWbENDkPJf6WNtuCwUjcDnN2h2Ebtka4xp8
73nDRnVEcQ6hcZzlWVu3z8Jpo/1nfYlA9K1H/0ej7I8O2K+LZNFjCxJP9UOh5yzgkgivNzhQXTZ9
ITqf7UOA8SsjEOMXr594CqlDeE68/tZNmZzulA0oKPu5px77OlY3voW8gjsXZZ08APlF0MfNtFud
LH52lg2y7tZ57vdZ/BzZnUf+bVB96I7srt2LNzRnp9Zt1MLIPCtJ/2oKNnQmZIcjRkgeirfzikyJ
sy+1Ic4RejlvbcuyaJ8HTfDgM5MC1ptxkRYY5V5X7/T5Qxu1le3qUehrWZTddA8ical1xOB8NHm4
q7NrF7vZdcSs5QpX5rkrB/XOawvHXRh2OeyMjKeY7CIPzdw5tIvnti/Uu8/6z75yTEKoDKBYxW28
GDFglJNCsbSnNHkwklFbDTU+H6VnxQ/yoGfRtykzx4Ms+UiLX/3kiyzIa0IHFWrwFPXis+63cYY8
Udf/+Q9k6da//YEMHVajp2k8wmzL/m1yTcC+Z/9D2Zk2t41ka/qvdNR39CT2RMT0jRgSXCVqoWRZ
0heEJNvY9x2/fh5AVSVb3eN7p6ICwQQSFE0Cicxz3vO8XpAXzxT/pjz0s+C0ePcQnCcxVTiOa9Zm
hj/g33Y/nw4vzaYwn2qkYRfQVwkvONdgR7rz0oh5PLoaMMvd0lSGlrSBN5wZL7xijfD7e5nb/mVX
SXM/qihGPVDXPWaCKG110MpuX43WvozaryEzAFbqkEUahi+UYsgtkKLrX2VG1GTZZ6m5cx2NinrJ
YLZbWtNotKuEtAVolq6ozyMGPgbSZ8e4Rb+7WT4Uw3ZGCb8VbAjQdHde3ga3fYTSJvf7u6VHBdwa
zWKSH5ZmaVvy2JdcOkuT+rq5XjTsgYFM2SXGhm6jy/HKKsbxaiqbAlOpQIDEbpH3BxKhtLscqhXx
7BTS2I8OxvM+LmT7fMSBwh8G9RzYNeAHkagk0EZq/OdX0bwPUoh2IoChjhd2rDpHEOrqUUuCm0V+
sAgRFuXBst+OImh56BUmCBJJEDkX0ortm0mZK5S4i2rifNuO2MROxRnrgrmCdQgy6BYJLP4lv9Jo
WXwIHEwxef4Gd8sGbO9tHNv1aWl99KD4Irhbzvr7PZYeoQ/QS+eOhwP417i4DHaUlwasO7992r00
7Q7ytt+9H/sYMpdhdDnmtd8+xtTlVWmculpW1tV8f6M5jS91Gwm7w869FZn9Sah5uvVlMtx2dhDy
pZrRQxugCcRrKH8p0+aGkKv3w2peu2y0CGojKc2tSftWN+pzZjnZk48ifZ1ZgX4stChytTn8NmqR
fYrmEF1I2dUhU+NbCYJlwo+ZfcuBTN5ZAVzCTiiEsGdT2XXWaf7uY/o9ZMk2p1KQq+BWUoD89veL
xI/e90R/vZgPNap9rQSYC1sikSeF+Q3wu6pHZmpS3L7sBI7Chygbr9iiyQhvw8g0j4VAOxe0DTzT
Gg6Ii4unQwLWrM+MPtVtNF4nityVTC4uP8Y/As/WNpwYE96Hvo7egcTYSo38Qx/GVLZMyCg8o32F
Ow+yT/Xjs2k49dEW6PnLKiuf5zjE0iNv1dBtqgqgGUSnK8szGAhKWzsoEhNfjRn3RZFmlKXOm6X5
salKsev1JDh87GqtuN/pYxVODyolUjvT9jeGIYIrcn5w9G1dv5FKBOAHMPuusw0qdXIZddugtMR6
OWzMHcMhiC6F8K+UsIx2MqQ4T+90/OeSClR6mmWAJAhpUrbIxYMAa12bnv21tM03MLrZ9yKmTMtB
J0g17rhXymp4jZUQL6K29nABNgDXdnl1l8OyIy9AFIQS+jssKMKNaGNKzuaDetjYRPKc7XJw2YVl
EJR4qygOS1MRSX9h+jPWpI+bYj31yZdkjtNOZZG5hVnr9RaDvHQTYtRyESQQyIVhQRNYXi47lw1O
QtDF5w2qbjNfAR37s/uyc2ky3Fo7aQxkyLwA9fVgVOExCKNH0j3OtUeJ83U3vyK8SOotLsbNcqCP
82HvVVhIqOkEZNwLGVbkMD5q2rYEIvW16DTvwh9AVSK5Q+VuRNPDlAnBhatF52XjK19aD1mv0oXx
uYG3eaGO1fPHcb2igLQvBs1d9mmifpH5EDFRsHtc0JIRlFrvFy+NSW26g7IQLT8JbiKJ/ZorJX37
Dz0KXwCILYxH3Rjzs+/AWZrDs0srMv2fWvMxZhr6+7EcgMdHaz42UrqCI2fqgQppoxtKD0gxzPdb
mdTZbrBBvi/3G2vD5pzV3YVn1Ftu0vRqbFTlwZQwsaADUElbd2ehZockyZUH/BGHy1InA93PvaKi
xymnDCgynY8mEdrIoC7UFTlQZ7W8tZYnyY3atO9/bfmTXd/lu8pDObw0I2pIdljXRys4d7CBJo3Y
ik0BfzYCt+rAg21UhDPnZQOU6moochMeYn1t6sbEKp5sLWTMRqNCnmnl+04kbZAJtTLGYzTiEQaA
ZBNSdH1T6F3GokXpr6EqLXs+dn90DVS8HZcDSaoOc1dhz+X4BYr4fZhTKDYEsOccyMvfiUiisfG+
26kEumg1iNKS2ahPbafLoVDVC+CPQ7tmkqi4eamNz3oSHh1r6r4I366OnS9/2m8MenSi/P819VP9
zMNnLRLduVeH0rlHV7h2wr44Ly0I2o8qqZXT0tKwQll3bZnjX0PXzqfirVCmZLc0Q4rHoDXYmru8
mzVW49HWZvU1FQfbTs2jjaZRLjt5lQksYzSvK1tl0Umx2iv33m2nxv4XYHtyD2dNh7SXl6fRI6CS
NxmJcyX8ZifEHhmC2ztv8kk2BeOI0tzqzpRUtwB/6RLFHcWrzDaSXuEX6YLmNAFc3/1+Nmn8h8mk
LWybVTqSDBMQza8rdWqyM59yz+QZh8uV1ZUtpZ5KfaauNj4WNSRUNDTNedlX2LXKoJ+0u6W5HJgo
qft01qCo+zF3GuXORGyRTWs5OCn0yPbjhWGZKQaOvoYYGzkH5ZpNfbFsCLqV29wUL5Oi1BeZbwOk
AFNUX4h5s3RZmiDIOW95+XHyT+cs7zOM1dPvvy7VEJ8n3zbPIWjjlqMalOp8/r5q1DwIVPT+SQMf
h1JZRTk0zyfUebO8KoKEx3oomnNF6ebhI9n3nguUrVPvbAVxw5IgXDKHqaYjVe5slkC5z2LUUq8/
veq0RHvfN/z96v+/X69V28b0p52YNSCEDCSREyu6WJbFS9M3ovhiWUMvzRip8k/N5ehH549zmxz0
4qfOH02/rvhDUO/WYlDtS5nn+bUcgaZS6Hu3bKhww/XQ0fWdWTrBXTI52bUFasnAiOyVul8FZkDW
kD3oNFjbLCIDacSsC3QdxV5nkXdc1fza36wYMFuaDNGxUBmSrQImH7XZ2aM/MuQrwaDulmY22PdK
bme3mTaV50DopLX0FFxVDmhEaZvNezOagCD03njqo2580LPvUTplj0i1MjRjcr6yeWulSUM3l6I+
LkdHA8uwIKu+UHk+sJzgEyxvJtKQquj5E7w3jXmE6rLb1snKc92ZV6mPwt40I7jKfqK61WCbF2lS
eDdhNKIVicvwlZvjCUmifqeLSD9YoKW2tRlVz9J+VRo7eP10IrawX39//X8K7BmONIQtmH6g2dbZ
WvNw8lPsmlqvklICNbszUJol/POgnGe58WA3YX7rG2N3O8jkSwAN7zGsM2UL/sPaLs25Vxjo2e1Y
YNKrBSiMPIw6GQmyS7tUoc9RBoErvdk8am11WqIPaqWfMUbIv5pK0WKF2tN1zA2kAzeBklc36La3
PbiOuzy3zLuy4cN0SJKpFmdfrVE52xRG6y5HlxOqcNiaSmPeRVFiMJ+lPAjdX7oeoiQ6EEM17ywv
m0jMeB7V6X1cgQVcUcjY3GECZJKR/6Wvod7UKNgljorhvEYq5xjR8grUYX6ltaZznA8u+xG4pS7r
tWBt1Jq4RP/2veqd9L6ZN8F4i5gpulv2pDwIVl3FJC51iuyeSs9qq6gwbpajy9l9n7yfnTsjaDA4
JiBeC03AqG/i9YfmvGvs+roe1Ga7HCg1UMG/vyKMX2PqphCShJVKQJ37Ee9ufQ73/XRF4EWijXC7
/Tsc3mukmFz0vRqQy/OpCgrLB9WptRetLVUX+e9wiTHrcKUEjlh3SgUqIYpPnd9iPwpyAPLN7Bbq
R/Kvl9Wyt5k7hE0OhdYpI3fptJy0HFia/899729Gfa+3q2tp65tRl8kesBrWggSvL5ZXxhDrcITC
cY4OiBKqEkXBH4f/rc/7DqNq/7un8a9Pl/nL1ByqEIQFo8TSUOP8+mXGAUniBLPAs00w5ymxU2el
mkl7w3TdORZ5CsowYUGbk3RY/MyXHlUVwG3u0Rb4JkjMTW5QglwnXQGafGXMOZhqzsv8tKEm7NS1
SX6iw7JblaJfYW/H496H5FXFqnpi7E1vgWADh54wKl8OiFT580A6+6N6syO5YrQQyQugabnnUEAL
ofn3l5hj//LMnb8VJifwe7AJ1VSWXZ++lSGJDD9rEusMiTM+6aDSXAJJMRPYudRjCZWA/Y3cobgN
icyRQw2G07IJczxG/HmzNFWlBOcqG8tdDnj2aG6cwWrcuoooaTApuisDfXzMTdNe9wXyUrMoxsfI
39ltYX/96FVbXu/aAjzMYpBeeMBafIz49kvz3TldEtoPKMP+vG/pV8xe6++d537LvpEwyIVvKE/V
LFsGjjMZdwzD5p2nEXqgwAiW8XwkLKfqgHKWSu356E+9HQxQyGAazmUAdYFLYHzmciowWkevkoFk
epz3C3wJGCNKbgYIqNJ6lrqEpI5lRFcjvlqe/kXnrIa5tcwU5mP9WIx3SXNUSsxySO2wNupVHPCq
qLhqm7A5Y2fhXcjUfoR90ZyXXXg/qPjYjOF2aS4H1MQ5AAF6+f01opn/duuQXJEO81jbMQ3DlPPx
n8YhxJFYao86T/OAwHbTZl8XNXbWW6SBB0sgZ6rCS/J1vbuosZnNgvOCdVhEUPhj2KYoWazw/tcz
naoTN0E/Xjop1f7DvIrDcK6iZFW2p6UpoRwH2GZR+WVXd6OfbUMt9L9CXshPALnmFB5N1UbDJm3L
JoVHM6103CqkOeyXppn5f77l0iQasYFvjo+XzlWOXbg4hx4+Z+FkNSzYS/VMBoPIYthtcTCsrpce
cLGnQ4JykKKwHIMZsoQjGGlTPSyd0Wrm1x7c1uX85QyqGutN26ft+59Y9o1Zv1VVV4vtJ02z21uL
ZTLeRRB8B8ovnvRWg+kO9P5Swf/9XvXLgxcU6lOhF82WMdXbLd2ABkBKByDYNzLFrqqA9jCfjnjy
5eNtdR+c3nL68rYFGPxDTPl73RrTKa8pGB7LDj+lMAezY9TmS2XXh5GCQn81KEQp8jz8lulAU2B3
eF/ibtJcTxmS66z2+32bd9pheScTbdtP79SjGj87xXCZAPrAFQJvIQ/GrlVCk5fzZtlvVtBnahN7
PtWa/ty3HFj6kbJfk93X399Dhru2zNDH+JOOcUWbPscJRnvzIreJYOQPE5Rv/M3XkT0GNzCbrb3d
kJcbwi6/Icav8wlk+ixDDOe87Iti9/G1YDi8HdNhTajFR7uVd/dFjyk4ZXT5fZ7Oho110eEdT9Ni
SXZAlJnC4aKpUqx5U9diG7V6fouiUXVzkdhnrcyTa1HaO3Uc7POyawi9xvU0bwKsyT7NKAm2F+/d
Paa5VxoC2GQy86tKNNeBnliHFn3EVdD5lQ6EvLluBpsoeCcuMMiq1nKkxEjJ1NuwMsH95vVB96ry
B16vL6BU5VeZ1N46n1TjBooyDq5JrRyLZEouqR/ttwVqgPN/ep8kPqDALncxbiibEr4tzkDFeQlN
LEGHJfwAh6RbBeR1uaUIXCwbs1ff+1oTo5QMy5nUND6yAHGnMR+/RHEwS2QtbKCEMj4yuzXcrs95
kM4TWDPBjXjElaOvmkpHd9f18akGmLCuVeHcOoEV7HRZhBdxmo9wjTEda2Rh31kaRRLgfeXrpATU
A/jGD791LjqAK8/L6UFQOLdol8JdZBTT9vcjof75acmswRC6YOi3ENExpvw6EJISKRttUEC4jVQw
YQrQ+rsl41OpM1u6VfdkXEIwsnN6qKvLQ9B091ODP02pO8rBsgsV3VnGfKAv07ecq9LqYwNB9V89
SHP760JQkm7Pqglz3rS16q8TFcVw2VC32c4Z/+VVUp+xq177NeyiZR6hz0jGFiPMqzZotJvlgEAO
f/P7r0H9PC+dvwZTMG+Y/7Ms69PzwB4IJmlStFdTWpnM62xwiMsdLLTc2uQthCtdAyKKYvqvmx59
kUtEqfw8GCxnFAmlOsvdHxTYkIQ5DhO//8jGr8IgUxCFUaXkl0MygWrtc2JPR5ahZl0YXb1P6CfP
rtbN6IfPlbpG+Ts+2yIFBuR4AozP++7lGV+p4j/t9vEfee8tgBI9G0BV5xnB0ruOMB4xQ+qymEqW
TEu/UDsaftHMTZ4Q0B+DWln1PQW5WawGZ8XHrGh5Nc77qBgNzoSNDHecX330y3L4i7//Upb1Q76I
qGa1lMkzHaGAwcJCRzQlaP96OWNHOoQoj+L96FWCICiQ/6Gbgl0BYI20jbTPPRH11RIi7tv4puMZ
+PDRw1OMaTO0GqY8vlccRw1oQjig4lgHwfSKMZB/Oep5cGeKtDz289GluWz8pn8dyftcBqQm7j7O
z3r8HtfMkV9Ff/H7f642J29//edy80pEEtLQkIp9vgZST0vH1rf8fbOk08H/9GPXBZs2UZ0T7EN8
5ckMVvMmnvz6etnfAcrJzITJMHUb4xGB+HjMAaitdF/TwfIobcB6AdHiT+2P48tyUVbvV/P/+kXn
Vi+6t7e8IFXjB82n5n/tvudXL+n3+n/PZ/3d69dz/ovHFf//tsspfKt44P9oPvf65X35639+Ovel
efmlscmYgY637fdqPH+v26T5S6839/yfHvzH9+Vd7sfi+7/+eEH6QD1dTYzgrfnjz0PzFasCHv3p
N5//wJ9H56/iX3/8nyp+yeqX+t/P+f5SN//6Q5HOPxm5uOI1x3BmX0NiLP335ZBj/NNSkc5YmmGb
psRp5Y9/ZBjdBf/6Q7f+STmZypKVKJnpABX+4x81TNb5kP5P2Jv0luwGbaPJP/765/8pV3z/3f6z
fFFTtU/jlKrydvMTxkZVTiDo8zVahqVGsKE1DqBZMalIDaBsaY0O2XxI0FkeWqa4m94y3vRpaxOF
I4p6sJzqyR5KsWkxV9r71ngnrfSpdpLAtSbJ7Dcv9ZWKlbmDo2KeYjKgT+2w0fTQIoGVuFRKtQLC
SUQM3I2QAqy61v7qj9Gwc5QI4jlWmz7V+oC2VqNpTyc3kNR+wHUFx6WO5lbTdHIanr4uYvVVDmsv
EvWlwAZyHaRkRBo7ompa1bsV2oYfcadbdzXUul6DSQB96DoxvX1SN56LoBs4mjPCiSQVvcMpfMXP
MjArtsRmnuAZmaMdErGp4vQZ7HXwpSgm60KWcnTbEu/KjvlkKvMJAA5Ts7iehFvfBqBN0fSAxxJ2
yswpj509dRhjGEegtaLwZjLhAvYO1aKUsl6b+TVLIUp+ojbaOCJVweshxzVSJqZ+m3/PTPu7RzHr
rqxANSIXJfdI0LKfLsZpMvHgywSZEoCMV2qHN2DeUqVH6QaWEqe6AysO8nJnR+NDn2p3lC/qbpYG
Xx0IxpuB2pftiIaLn5UK5an/4SXDdVN5NwmRN7cUsdgZHa7iYVdYawoU9nEbGhcWSW6zFM41iMZ6
DbRo1bdgLjtD/erlcUipiKjWXuxtPT/cwv0tUT51W/g6+dZwOrHLe/Nk4pApS38XOfLY5Xq5JdIO
TS1h7a1Xg79TY5muRFYCNh2Dce2bzn1hZuaqrKpqF/a561tFhLds9pyDIMlr8NB18VzJFv+N1Jmu
PMWmcKkRwOudKjyMTn2l+XgWo5FdW1aQoOzInkvoUWXhf6mjnZ1BY/GztwjPhDYYzugKMwy/921G
uiMyh+dA5tRrWzjXpgbZX6Fiee8fQP+q+8aSj4KiHEodunjTOOo3pQy/OPXGcwroRDI/2gk+y7pq
vxCCfwK9BPGj5dctzfzFnvmLfk81iifJjIeKYu9TX8OHd4yRM1E/JCI3LvCR1yguw2q8pfCzNJ5E
EX6ftIqalhz3U70wYC0CQoPRy9zGjSiZg32uRHxc/wWhg4kT4Y0Swe1wUoIgurbHxXA3grkkk8ES
u/axfUtRdSvfzSkQ53ow37owMWDYwk3K6m9eAHc1xvWEL1S7rXt5B+BY3zzkBPi2GZ961VIxvyI/
vh5a66aKdSxAcEaEw63YJWzeOLroDJi/esSM3QvesOBAQGtIxg+Aw6WmPxuRiben1xvr3LG2KixV
W43BIpiQC8smX/XZObf6bkf+0Np1bfgQtBHoA8hDAzd0oCUPhQDaRcFHQMWBH+KIXeC5Qz4y7zGJ
OudM+dVQniPuuIYydzPUrrzKjlC+d9k6Y92yGroWQl5f7QBuuopUDl1i3xqKszHA2I9lG+0Ho2yJ
plCHPFXoOET6pnW41o9pSqVHIzdjEt776EJcX+tPvhPlqzSDlpaSekcYHhNkyvofio5gUEnKJ7Ol
vHvCOlvBrkwqxnOdBMGVURETeiqtoQ9WQ2Adjahd6+ir9yH85ZXamD+8Npbg5QYS+WdZgJ2MvZKo
sUZq0/4GHlVuYRYbqBASbp0mXee+EWyED/bQEd0h9ZKjllXEHxz/kcRzhoap4DIHWL/KOwAkkE2e
+mw8DwNLJW7KHjxhtop6Tz9FUsn41yAq07lA9Y6QHIyQNWTicK1Nube3A5weSa2AgeqwKEEFNazS
cHjuRyV2hTl7hdmv+C+wqvxGHa0PNyVeTTbyibwGgVgFmrrjVxucKdmmbXStk6XcYq2MDxm5Jzf1
otmWAXYvcPNDlFXHgFsFKTEQCMLs4NMnTLwYffZxwow4+ZYPoA38HmSzL4m9osWYEiFcJ4abhDtT
B32u2yhUDV20vX/WsKbAdI7SscjT8BFw0WadKJmn0A9+AOob3NUL1TraacHs0qqTHWq59ZgPl7PP
TSBJg04CvqZMKnLjOjZTVNxvVAdXOrUAR6sGOW6tfeBvmzJ98JC08jDDuSuow42OtwzzYcuimjXS
3Jx40xjAC9FSTXkZqDbdD1nOI1ZIscFM6robiqcwtOWl0zdXQ5mXFHIOj0qbiMPQksqCrZ1IkQM5
VdY4R0zrIgjk2lThWYbxdQWw/oLBgEEZfwRAvP3O9CqSJBYjnrMizhrvIpTQ0JIHUKG6+YCN6ENp
wQovu0pxIzP1XdWksizyYO6GI0YGcXuVWMxS+4S6qR5LyBV5m5ciREebV6hMJC6njnRbfba+ijed
3u8zP2r3mMsb24bacK6ZvRxb8CJDeZ11E6Jf5+jrdekamX2ycoUnohUePanviXXr+7gI9z1MPXdQ
nYfOCr6EkBZ9U8eDw6F8mpSiLLpLGCR81NbnlyX+sdJm5G/AsEvQKNl1Jsq6Dk0IT6Bu05cPpeTx
YnmOB4iZjsVEfKqLsQXxtGMWj/iwgFxs+IwKA8mKOIayD1lIdUpTnayyWSWxNxLusZ79Eu56NfSH
KVQdVEM9SFyQkxVsFK/iRiZss1OLNjh5kXUZjliX1qDEGpHvUZKDUg3Ll5FYbqRdZJ6t+qvC+OHo
BVf+uKUkvv4SgMEq/JwxdyCK1js5K1lHuK0SXGtTl5zUizrzufnMQT95GAOoYWsdJLMmLGpLN2yd
vZi8707zNY1MrI9nUCx+q/uggbQ8IHAG3+htFHu8Ma9bxP1gj8tnSyAjUHoe0D1FWDaDmUs91rRq
MJYEtY7nEhccYQqcgx3jFaJNjId3+9gpeU3Fa7Gz2sRyp0dbNM8k/1J0ovImZ/Z2kSAe3/aDQZg+
dp4p3ym2pWYzA+rje/yfHAQzPLVb3ysPUgjnGPEF2ojONzbG3q6e1o8TJRG7wChONoVg9Lwv426u
CfiOFAb0Eh4zeVcfCIW9GAR53LrgSZrB22Y8YrCqsWXY22I6SMO5RREygJJmJhga49cx1EvXrpsB
AUSJk1/JejoTw8BEB0dAv9EOUaVwebQqsJ9AxtSVEkBxyuGAsy32Uij1sGrwDhJzLSJmRFAmh7GL
WWC7wml00PnVSYtziepUEHcpdfRd2F4WVJ26jQlnvgpwOvc9Z986jrNO9aJbqRRiJzikEDmFyjTJ
K55LiNNzqg5922q4IrlAk8yj3hx4bXvfDZ2z9upewNfY4Fdnb7ssynEK0x5Nuyw2GW6zUtbD+5wL
5Rz+Q5KvOgI7NXhH/FEKF+z9nMDap9K6LHTkEL3FIxC/EPzEA2YWVQDiVUXuG5l66CKrw9G92Che
cO30nc8TbOQjlYIa4WLfeNU5CIk9QTeW+N0hk+RHqOrm0Kr6V8A040ElD7WNMhB+Qgd/qsI6BMNs
E7Fwun3SmDvqETCA58fEl8BySAb6yYFw2iaeHhPmLsATI5wlh6o72ZP9DNvhtcWr3AUU+4p5yEbr
PASRkUQShjod9j/1KS0wl5ElxzrVuh9q7du4kNX5xtYZlMfetjZGicEjCD2mm0w1PQNfubwHAPCj
14uXMbC20EBOqUYde5jAXA1a/bHEU6eNG8M1ooYIaVgzuMktU0R5LHNn3ZDcIe+yrfvCPmhqX7EY
aoXbB9PZLofBTdIq2up2fjTr4T7uCmqSCuAfJgUlYHQkZKu6dNaV6JKVZcfnOmd4N7GzoQDBdKOm
GVfOHO1LteglFOI6Y7IyPw0xWHKAkzvoCq1SrLOD/U0i3DRFi4RNybhPKgxle3Gwku4iT7/Bf1ZW
ZlcgEZLygpWruB/7gxkWK/wFqm2Y12/MlZ6Z6WWAFFn0GO1mARTEwt5UY1tvmqFzLc1XV8B1AThb
xF4DBdKeZpVI3bp8y2XtpbgfCpYtrh2Ol/4oDpHaWicQvBbWJ97bZPX5duSZ09qZvsmAWqzrGkwj
OjJKrPBQ3cZBZ2+lSm5/DHDygD1zbcDKNaeOQksT/7o4Vy5ibsADpkTXQQt1xI/AjEM/ANEePaek
Ue1IKU46ijDQW6TvqXWbvUP6C7gYzm07Rqh9nfYwIC5e+bJ/Ei3pO72a9lWh/0j05K4rGUototFB
whLRwYApyp1NEotrv0ZBNjPMvfoys1DXE3tHSalZh26sLr3QOyixCHey1B98m8R5SR3EzkoSseIZ
OrEKW9ndhaVddz5zCV9oRzBf1tqvRIiz6+T6pvKm5zvRMJVF2Ghs6jhFQM2FvDU8z62UGqcq5TXC
cnFFLACn4pwnnKkzJ2Gxg926HSCtFP7RAFIZEDAPjjIhY1OXZbdiUsvzHDkANUuwl2M/dmVd4p6b
Ib01UkDTPE5/SGlfBbW9jdTA2eWAOoEjOU+hoX1VhdeAK1DOIsNCOSr2BK0NbFu+UO7GczT0+q3P
kj0bWZuUZ6NgNe9M3cTAj+GhX4wrTRQvaowu0MIfcmvVzLKiKXNxyTLwdI7vHewSnRDnYHjR94pD
AryoRowUkauJ+yjSkRWRYCrbKt8GanAh2jBeYW/WYvdZPgDZTlbj2BQbP8QdsTa/FBHqSRBxjgmf
PIgqnntMo7CuNdHMbPo+Cl21QLQCI93tEusYx/gVIzbVVwGmRHqs9usuf2pqpFI5xdBbMgZ9GADv
YygIMyl3UaDdyWHAcd0o7o101wkt3ISWpTNFuBEIHDCkg5UAqAQrdDLkfk0NRPQGBO1rJEvzkljk
CY8KueJ5Oag/HKV69lvvSLXeltQhZVFEXlZa3W+0FOcgT20vKeAa1wpmXVbQGzxDYnXVakBdJ6xo
CEF4B7++yeLnnkzJpdbXs745urJF/63Nfmg9xSg58dmVaPGbNuNubfY4tw8KUHjLyFBQzk6Zjb3N
rEHdpGhPsTO8stFc3eJJQy3fUB1jTa9WpQqvpZUnino3rN6UTaoQ0zclzhpe5e3bOlynJF+IDwiW
p2MLTw/wZU65UmOAcQ5aYlR1kG1tKe61vrQPUp++pvY2V2IQLBGDS+6ppzhtNAKvRKsiCt86WOJu
5UsMyyQ2pvO8xPdYN+n4B6umYuwaOYI0GMQD2fIvlc6dZjUPFmCLrW5pb32OfacVcS0b5WUvmTm0
dRNANAAIrfmntEjvO8EQFTpELTocgPw0uhuCEnOfgLDMGpYnQrjsyFpsPDUloaGmQAsdCKHBTw0f
Y02g8g0AykdZ/zKZO2rAigNx9Ef8sdcnPEbuwATfT2Qb+EUZwEI0+/hd50fSotX0/nJpR+m3uJX5
QQE8ty8xZi2qhsfOvFEtubO456C60Ep8LT+WatagMfduNNGsx9QWpIAzSlqSSdl6rbjuQmFzk5CS
TPGK8JDhH82RLDlXEy/7BJtIYm87svSMZHG7XxaTsjKQ0PsDMGqQ6bdBj1Ny2f/I9JpCFtWqNr4W
3NS29tDWle8WCOf2Oss7tSPJ3TAiv/XKjRWY7WufFIcycSy0DGYGTMOx1qLFyTdNepynsBfkkw0M
TGXC9+lXb7j5HSxlImBhtoxoKtkQBojNTJVYqVqMdRQrxcCJx41yJ2w85oTob3TPPim9xRxyjFs3
9IvDDFmAGYHAwMOLrm7Gs6fkA5MTvEdRjCtm+cZQlK183ToZ5MQBRzxbWPFAskOPoAgkN/6VZl+g
SMPrQs5e8JDF8sDDMIZLu5DYgjvk3oV4DjG35R/RYQSXoLgapXZOHKm5jV088XiAFtAcyyjCnwv5
4k6a5qVXZMzolNjYVXhp43Ior+LGenIKjWq29FwWYEaZIL61gDLhtl6EeSrWBvAsxOo+WDMgN1z0
DCtT4eGB5kJexXIaSNZJHeEB27mtEp+FFJCRcCxKoI2j0PcmfIyZiRBBPjaVeJc34DEbu3tM9WBt
656/6tM0PvZ9e0jCCHa+vq2yYB3bZpCQlJu8HVnYC8IJV4auXY6jUm7NziiOVK83KMSD1hXUzx61
vzd6lhVHfe6y7DMDr14r6APWcvLyYz+kHYUqyluRJtrRmvzrmktpt7QojPiC495r2BE1Keukdie0
Kqvl5rDCIj8aZMgYZOq1BHt/zMNYPzZHQWX8MXNwlEt66eKP+Kgngs83OSkPvflgl0yjWxsWI9X8
sZRh6nchTGFiJepEIIR9TTfip2D3gdyFvo4TYfycG9NtRRHpWpqyOC4bPH5yvpS/2yo/lIisAGAF
9/OyGZEpYiXyf5k7s+W2kW3bfhF2AJno8pV9K8m2LMt6QbhF3/f4+jMSrn1Uu+65Dyfuy42oQpAS
RdIkmlxrjTmnvp8IAhlreSbA94qcUx3qcNeIiV8onLI3hJeQzRk097AVyYJHKc0cqs363Plf1oNR
4qUixdCcbP1vX5/SQr7017Pr15aosM9z6Of9teZFMqPIj+u/2PF6ktrWz2G9X6BCO3hi/ghK8R2n
FzJyaZ+MCKuPTt8cSeGIc66103iZFpvlFPUYg3beEcVYOF5s1WmpUodZI3Lx9Z2uZ5H1btlIEFxd
NzX6X72+9UZmrzVXKy4xfXtRglxEd7BPzFu6UxGUe9/j9Bv1I8tG0X/o2sA+TFju0R/N8QzaTDMn
XIK8igOe7R+ZVBSXYbZPUVUOR9ZgnBNypapTlCy0pZz8AqFhHKXboqmPE/NqxoF9tRqSe4YpGnFj
T8eLGXb5pms8bJjxe0650OPBvL7OEjbUMtliceJIu4tneO0FZ7AtSmVxcg0bqRPNxbk66RXGev5N
I9FdVNE+dPP6FZLFaJPqRTssqi9Bwma9tW7WPc6Mjd+LOeV7RKLsZoLQ8MA3s9OfQ2U9XvQGT35O
mJVHLAmpXZe+Qkq1SfTJHoVyjkVq6+2waejZ82WwLdrC3QCXsNCL93Zanqu5Jrqncn7lYS8ueeaA
WvTqYJLoelk3Ehx273Qc8p4HGiOrGrdPT04eyewNfaOgDel3c7bplgvYsNxQXJXbngTcdEriK87h
1c7qqHrWg3HdVHp/Xm9FsdGcOqJ4jaZIs42j4uoS1m75ZwN2W15+9G7PVdbqS3kJq0leevezWWBn
vH4PIvOLv74Rujm+MH4Yg0Mp6GL2Oar5Rqm33Fo8nzZOmDTH0Fw+T8LR4/P8cTZ8iaUmm5pI6d4Q
M4Z40QsJOvI++fNfv7Ma4+gkrn/2ptK5ZQE41YITvV9RMOV0JG6uT6crI+FufUAxTu1VuN1m/Z2V
jzd4w9+jjfmRrI2j3Yzz0UzxOhBjONgkkDTDUXKgbZqqyB8GW56gRNtTSzfUGpqSE1TgRPfaoQfh
TL3ajxgl3qaywiN/+ERvgQ5uwyJJ6DdtNsy4kMKgzGehcY8mylJj4C5z9O8Kx486kT15k/Z1aItT
uuT3XmW0LzBGvAfz77K3opsrWnpINNw2SzSn57hJTj5BYocEFRJUwWzPG3Zx684pU9yHpsffz2eg
YKfZLUrrBWN7g8TnISOoKSLC2je+1qFHNYUg0Cjzq0/ibbnpm6DeVZPzwVT4+lpT/lbNdHscM3vt
62XcOxU7AyKoH3GTP+UpySNzOySQWqyxzVvsA8pGbnyzHIEEWulwoblydq7VJpQnUchck5n3lnAZ
5Hj/vfEmzCWkv1i7IriJwYNt99UHGreEiA5zneGHPGPFvXSsQcJh28dc6vyu3GE8Ii4+Easshbhl
J2JvWMI9mWaWX+XiZ382nk+TUzksznrv1zSTQYGH1T5WJXzvHIqLZUvrst6q9d311vsvorYSF4xC
xTZlYrpdf2FGqBhF5eS798etz7I+2Lbil5b++qE2Dfcy2MK9EATaFpv1pvIs4wSts8sMvCtJflx/
+r5pxtL780dF49KadIhDtgbJEm3yLkXXmUQ56CsJffJLGJj+ZTJFehhz84TN+S5jRTi37Jwj2Sng
7t13mis2T2ARrjoe1UgkWjVzxCjEqFwK+F44PYbSuJhcOM8VZ1XMgrpLbthapTe6Wy9MR0SHGUnv
Iy6FOYtJMrzOmrMgSyMtDw5nAXx+rR9OZHJ4t1/iLiMwjAab271ij8rh5XeHvmyf45QaN/WJSkhR
kWWyQicjT7Rb+4ciiH5muIBtJg99uRwrRm/NXrSoFnUP8yLT7M0a78k87pyUTtrgNv7OENmPyazr
veQjy5r2h/KYefsd9LF8TtSrPdMYj4lC3Xb2/JlLts6y68R2Hul0lc0nz2fw5btglU1HnU3ULMlR
xzqKnyMzwxKt850t5RFwKCbYbXIIJMBLIRHW9pzxnAhKusVBG4EEoEjy5LfRJcDsjQlb9Dzkb3E+
+JzXHuVskE5s5o+lIOyiygku6/TBXu5NO9tzHqzOVoEsXNUsFpZIh8ngveEVsHW0ta1Go7bBcPFF
1l11W1av+kmw+u0ZFcMv7+TWyRP8l7MTHpfSJeu+c2UYD75AvzxdmOM/IUc9jkn0Ws/M2FT23DE4
ZcfiiHE3zVg8N14QaV+icLuU7AGcKY/4d7gbSocapjl5XHiyge5iMTV8Rl18JAuTjnGG4dHebO0r
Skma/RtcFzDoqOaHnEDqU/bcdnGzQ8rwtHAC5AjGbpoCdyvqjubtYt7rIPjaWbQp43pf1vl58ic+
n/hbxSTAy0lZKciuKJnmYDAuqkvAnMQFhq9JVYfQ2XRB8eBawPyxd44m9XPwigfiJxgpDPE3wA0I
pX0P0MgV7UPg+yn+4sRPlwWcnSWvBqYyBoEneVRux35HN2LX+8PRouVXJsbGVtXescWNRmBJqWre
iew49iPLT0naCRG5tM9tMT1kvw0xnOKWb9VpCGxZ7qQ871IsBJDKvDSu9clyb4Hn/CSJIM1rGmGC
gnTUecR9ipe2Sq6z4U47xyXzcxkkxmR6s95aNz14Ec79nEvzKHnD87HAK5rFZWovKGxF/kU4AfHa
blbQ6Y/Q+JPqlOtTADOHmmO8N49+m3zoawKaWL1Ns2ouZsFh7zYKxGu937beAr3PqnsUmNCnUz9t
EzqM/WjX1HCceccwlV8j1h74ic+CUog5nK4z6VXwZXZ0Sy+N3ohopC1VzQlHZ9vs49B76A0CQ6Wo
L32IAbGlqGNjt/BpKLAsXDcgWx/afGkOFV7l2SbWi7kZz99l207f3cVMtllOEePpimNAgUGs3XyM
qkDjBGQy46HNwkf/EpVsixE3HVcc/vUGgQIrtNwcOh3v0xPSSLakiJFWJBwrRYS/dG2TsOsVHMMp
ivaLAb7OZY5LJJTDdiiWnHigVG2HyBkFfTAEGuNkFkx03RFHJTY5Jc/FfJN6vd0txie/4F9SGPqS
tz6oyRkYRG6xjXBzv7SRV18o1tpss96ckio4k4lnpRlGqH74RYwd/5w8blgtOus/6s/qkWEQTqsB
dZEn++uEdwOS+pxWvF6hynauuWqU1DPv9wvLOZtj2B1VNzLtfX/5RL8RBntMujm3mOwQeWr7cJhY
QSnDJLxU/2y9tW4MdOMlhz7rIzVdWKp4p8kjITRbvkq7RRs1Fi/OQOI61wKLFhxNprLwGNKVpLIV
ff9qtjEt4UEPC1n+ur3ZX2gFEuDsEWo9xw5DIJeE1HUDv35xQ2M6FvSGL+vGiby9H5DIiz8h/0JS
NItdxpKHTkAitqTz0MaykvgQV5iKGpwW97hFjRvLKxsdCcN5usdlMddrbWovyg3yVvcIl4T+nPlh
1rrdZezUpxVB+1/Bev8vHN5/4H3/N+rv/0NYT1iOiWDtv+37/g9a745Nrv6vquK/A3t//d2/iT3/
X8iSQOzgVC3XUy4s8r+JPQuYDxmOpV18/o3qOf8CSUYr5zq8uhJa7/RvVM/8l+WxrlJKwP65nvO/
Q/WgBf+Bk6KXVEq/M1dKjc/+Q51HGFntkKSUnrOhjE8M/d96231QeadI4GZI58OZKNb3x3xKfSTo
xRnbF5J0uohVmhA6Djph6D0/pY3srkotjyroSjpm1TcC3YEkrP7XxFkDUmKhBM9TVmXh+HsoMY5t
5+ox8whJZ2G2HFqEnBucm2fimvCR6fcRiLpMXk1oglQIiPyp9XdmQx04RjYnavkbS8eF8hyT/zHP
rs5TH87L3iQDOa8JmJz62iOgmowS+stR/yOMWGx3vv3JJaRmSyMtxWkrwtGAK/5oBsspH7rj1Ffp
UZkoD0s9hP9jPpQO03YxiuKQYGetjCB7SA0nfZocsj/tZWiPIByVRkDmi5WHP4wGBx877+Rz18n4
RIDY10gmOLKVQ/RAzAUTWMwnd95EmHPiUYo0w0DHDrtTO5d2TGhiJUgrMIx9y9p2o7zQPKVT2+/Q
i/PmMOrek2DBpYOWcTxn3V2k+X3WZqg00O9Y1zGtSMnBCuLxKYsWQEosE0SSpp988/s0lOchKoZf
TZLA2QVfR05fSKuXaWtYxIzNSW3t6nFXx/FywCbXg4ZG/ZW64qUIfK441vxMzOZ8xFiGJyIdsjZm
IrKDIQDfGK7+OE5Pi8cXWsloPpYT9f9Sz8xkifokMY3VKk8sfUPu0dh9kyxZ1kfPXfTglIu6TvFH
WCKKOLu+GBV0pskTJnntsPBUKWvouN3NmoGSlaFOc5NeAiWaI7ovwnUof+bMja6eH4aHsYt/cK1L
rp3emNH416aN4vRvd9ffro9bH/I/3V1/EZBTDplj39Z7hus623yYym2T9H1Jk/k/XmN9vmr9zXoT
nzDdZkOi+J9vw04o/zZL/4UUzfzy/i7e34rDXr0Julru3n/2/rj3l11/tt61U2ntfZOA4PUv3n+x
3g0RA8N36Lfxt/f355HG8uKw+tqQwAeE8P7Av91cH7i+DJAmg3gHK0QEHlhgleZt3bQWBCD4QLd1
xxmbujAdNvaQq92gyzEG7OlBhtNzQehwOqR/2xiznd48kfEzoyY4DlAf939+No22dZDB0avHr+vf
rD/tfXJLpC8WYrvtizO2XxozK/e1wDtuJ7HgPM3DLTLqezyVONErdiULfeot6Ebjtt6SUe7vl8DE
ollM3TXzkPLgu3duEjHuu9oE5SAp3bRObr7IG+S0BMFlo6D8bva2AJ6vaDtkXxzPlMf196KjasfR
i3WyMV8L7OQ2JgPqw1CN9i0MXfu23urAKDa4Fn/EylyRKbUJDHasRSTOLSyMYRuYfIbvP/Oifi97
VjOTfsTcBD8aFfm7LJWneMT2erVWisaKhkZEHWvrz33BUqVkJOo3t0huCkXRl2D4VbXOsl1guG7r
o9aN6WbWn7vAIgSqj+mrcCVD8ST7NtL7PsocxihQc8F6VJNVuDm1gv/hNE45M9HOCjFItosfaUAH
U9ZJfihMq7qTAPRSVJ17bOoxP8AUsOAvc7E3e+TEcoFwQ/E43WZixY8qL59zIiHIOWEzIUnVSW5q
7+hHiOZpHBZ5zTnTX0Yneoie4tF2d0bQWQzHSuc8xeU5oouJnzybYUrkpU2xe5kca59Jg7GyVnB7
mj2LG5xM4rS8y+LNJU34RrPZHO2QNRitDgKiFwwRrYWqsKGvl+TpmbnGJVr40frzZQzpriMBP6x3
E73nr7e+1/ZFKr+8zdmZiIHoEIdUSbLmK2AMgCNpWonHwoaWpDvB3MlvDlaMC+xAXtctULyTcGFp
OAjEGt2nwabFwHnjNk+LdZ7zkaY9rlE7R6VgCgiEMRYJSfuDolt3rEYaE4GWIM8NoeHkdJX5fUH2
t2ntmQ6OvmsbkA2zDYQwmHPOCLABrPLKfmM0YPgt/VcGLR+yMH9q0EjscVwLdmU6DJs0JC1WJlV2
7tO53U5Gix9RGVqPnpMfcdnIvsRGQduYAlu4kXX60zJdG+fv/Wxb91HnIBmBC8YBNLwyUYPpMinR
ZdKoi4P11p8fvt9f/xCbByYM6+//8fD1ruDrOSjZP64v7Qk4iiqOoST0U7//wd+e+s/NIs8+t4Gg
Qn9/J+vrrS+/rF1/wlerbejG9fZvb+Jvj28KjG8gveFOTYsa0qgpo9aNr0uQ97uprlb+8bP1t/1g
R0fbpsLzj4LO3xZ7YDzPKTllTxYfIsN9GSQccO73GtSITnm9Q5BERQmEpGkkgivI3dKEUrK8OgBL
kyaXMs0wOZpmsjXXNCX20RbWQH8tpWE/ManDW39rdLp5s8TwQlk2n/PK+kJH4ewKIgqBqGxNU634
meNVHwe3OEVgvNTJFFyawYJMfiRknfATe0fsZgzTRSNEDgxrQnfcuyHqA9unv9pZS3Km+w8kHXQn
itnWC8qdZVHnQ4Qtmg3LgMRMe3B3bcfTY9oBfwRJ5oSCnD3YMkNTZrm3z5vcvHsCSKnu2mfLZiAQ
fCFzCoDShVRzNbNGwT/BbfkPcKKHVHNtUW68MVYnPSJ21Dac/FOtKbhW83ClJuN8zcj1wHJIsLh6
mi78XKlH7ebZQAewKRDAn0u2W6W5Owe6IdUknqmZvAA4b8XPREyfWdTE9MkwESwk5TlymEPbpon3
lib9Ss38+Zr+A+EGm2zHL5nFCizInGmbSu8DGZLnJoYeDDRHyHTPZM9v080If7QzwA0rsMMU/LAP
8XZI5U8KT6JrzE+u5hRDgMVZk4sChBHCOQA9hWqMwRtTklNo7eXNuWrSbIc0QG2NIX2uNBc5oYI9
dAuUKVORa2Q20JPsnqzF3KfZ6fNbkTZvxYu38paAl6MmMHNQTMYP6U5N3vfRM+l1TtUuRRd1rOj3
SdUSOqOZTqHpzhAdhqd5Tx9phTCTaKfunj8+VV4V7ANGBWdrFiAi6QkxbaWTCG0a5F+wYv4VAZd6
mjIFsd2SBuKeFQAqn5jEuoJ5gnm1NKHasTt2mlkdNb26aI61BGjNnOpil2bzOWoPkUJC05W/PbsB
gYVJuCJBGMfiW6kZ2RZYtgGfjGjn3hQYral5WvwMjkoTthLFRFfQz1bxQEewUVdCRmgikwyLaPlt
Wub5g4uZGYBlc4/JQzV9wl08ZZXwdeygfmU+NsbwKe8v3hBbG/gZls+aCnY0H+za+pysPitshva1
PTn0d4INhG12jMGL0XZhgeww34gSrIILTjq7NJxupDYDTQMoR4DKCGAOlgg/W7VH+EzDIRWEp6Fh
5t6P4hRp2tkDe3bAn8O5IG/FvDQCO4GSbENPk9LOcGo1OW1phhrqpj/1YNV4DfQyYJWd2YyzzdOQ
BPOLcrrProy/TZrMnjSjnWtaO+sfagyCNkbHacVhHo70BZdXDN4Mcl6Yv5qG+jy18iVJ2w4gPlP7
sKnTY4VCUSNxS9FsWYUdYcEhhzVR3mq2PElJpgdGrDV1Hq/8OSD6ZA9IOuKEwzJ8DTSrPgKtj5pe
98HYI82z94DtPoA7IjkTEI0MZmsE5nEnBQevifgCND7QjHw+876TqpVbp87xElcjAFBkHpwwfXEy
D2dAzdsLTd6j0LMPPTD+LKHylebzTU3qx5rZL4D39RInQ+bhOllGhiGG7WXXupeY3PoyDLPtpFUA
PXKAxdlh4QDlgUqArCZj1yEcCLSCoERKQOAI+6Ph+tthdkiZph1E4rn/ZLCSx6oq3U7f/BDe1EU8
eHI4hxiJiFlIqYglL0v5gpZzFTQKzPm3CLzgFHt5s5tDBBi2lkIUffJoDfj9M9qptVii0LKJWQso
DL6NREsqZFz9DJ1b0n33JZ0re3LTXYEGg4p12ngDsoxCCzR8LdVgaRecFi3fsKEBt4kc7mhitoIR
zY65Nc/ampI8Zkauyh3OnVoY6qcjFiHe12IVi2jZSK7PeO0KMNTJK97f3T5DZeKzflpCZCeFFqAY
NlKUCE1KoHy5dxofCtmwf4b9BaojIHaLCUT4lLtFcA0AEjYzavtIS16EFr9IeI4RNQxnKnQx6qtE
JUP2O2U6uhlhIKCB4KJAjjg1118bxgkbu+t+V3FIA5YPGlp3ELtIl6MR2pxIi3SY0zKGQLbD4uFJ
aiFPjKInsLgCKqQvVgM5UsP/ncZi2Ja+v0dZ+CFEWS/RB9laKDSjGCq1dIjQpWKbt6iRrMJ8YC+4
4cTyaKI3ImvkHpof6YnfyQTRqhQjCjchGqUCrVKJZilEuzSiYVpcwEw1xTt4sReQVfdYaMHTUHys
qDxrLYQqHKjRKkaFn/pAluSRj16QwAS4b3YOt1QO6pRoaZWKfggtteq16ErV8TXQMixTC7KGkmER
+qzexVuCyaahIyQS39vYuAwcnipcyfZ+7X4qfPNDWnD4GZEWf6ECy1CD4dEOLoc+zNVCMdv45aMb
67WAbNJSsoVqyJ2co6ytU+UMr03CwsKfn3C8YOWPGq3o2b2MFKI0j0KWyMu27LD/Q8HGxz6QcI6o
bUHdNqJyQ2cBuqWFb/SrU+yheTiSuEyL4wDY+BKRyyktnOPCSGqcFtORc/mty1GFli4UWJlEX73Y
+SaLONjIicaWkMUzWckN5GmVLz+jpcKXxZ77Q4+Ob9GCvjIyToFYHsuS7zUKSdqibNjGqAA7LQfM
tTCw7WgjTB9j9IIWukEX/WCDba2WE1ZMWlEXdky+d04HBBIM5SVOmofBxxCujYaFWDvbYwQwL5iW
wNCbaflW0KMp0DLOaBoNB3Fj3FW7GSwYBVHj0IkLP/tJPm/XJZfQ8kh7FUpCyCM5ofZdHFUf0L9c
PHSVNvpKpO13qRBcZlp6qdBg1lqMSVzuQaHObLVMU2nBZtMuX8piQcKJOkpOZJxmXaUeZx9eLHMk
3v3pKZapu7VHFSDBVMtxGgIgTJSiCsXoPP52tIB00lLSUYtKfS0vzdGZ9n0I+N7Yn4refEHNJMla
ooRP+ruVlfIayosjzfH8lqZLgKcog+m4sR3WoFcxjcUVNiMnJ7F+VVoAm6OENbryVyg4bQbY2Wyq
iBy0qMXEM8pFeciCh1LZ4+Oc0+owVICDuE31GfnxmYwzrLR84AW0Y4EW57Lg7W4YLmvRbhwj30Wp
uTz1KHo7Le31tMi31HLfGt3vSZrlW+XuSbuTZ2NMnmI7tPZmjk4E/x9Kdg95iRYS51pSzHUyYH0d
nIRnh4+jBNInILzNG/dT3Nu/BZOhzRQzuhRaE8GpGNRZS5hZ15UomiMWTehD033lNc6BJBtkzxSl
hw3Jzcu9RxVdc/RfYnTSjCf20ZwwaEVBnWopdSoQVfcL8e+pvFngHDnY4KVcmmlfaCk2bDyQS/i5
gCpj0sPoutHCbQ8Ft+HMnzpAKa60iLsdVN40wwFoScvtDnYqfvR0ZnZ4E8XnToqXca6vzTKrHdZ+
6MrMx8yySb4EjhZRf1VJz0XRCO9dWD0M7TBvPaNhYY14Yg80dAMTOTFYQomwqN08AaOPJd6ITspg
fKif8H8lg8POYbwFl6upezbDm4ulxsVumai107In1ZlPXxiY6SrGp+SMULxMPp+JwiHC7r+0Qbu3
ulF/FVQ4geOSg0AncKySR5fAXbrALRi78+TYyLPy7m5FvB0WVXc+Jxt10aOIbHFwQelm4gRQb7Uv
lRo/ppX9UsueFW+nyN420o+Z1UMVVDiQEUsRk7MU4fQakTkMIbVLk/pYuiqgtXGcp/FjnASYyRrR
3fRr77pAwuyQduXJpfWPcyoOJqkpZ1KNx4O0qGPcxjnX1pA89H3xkIGw7/XZAiszqjkZyFNLlz86
jAOgeljD4I95tK+keJiQKG2GCLrRRvm4V4b4WSHeu1IEkVtD879qWCWjh4NIxYuMp/Oi6mqkjA5I
BnA3SK5fBnrXX9yoY6IJKAMCsylorf9E4tDX6UxLPgQA9tOPsagQIDSev8+5OCDe/5VX/Xirwx4A
GmwvIWkSLbwDJQVmFhDVjkdwUfAt4rtaFvFpyrkougmaUUO3sLDXok+O6j5ztylrYju3kX67isTx
qTwFLc0Fl1NHQKwkE1IxsHR5DD37nib+cGBPds7BND6LZHhq/NbfBloInSnj2YOhRz9ZUky35zLM
WbuiQZ6YMyf5Cb7p6pcMvAc7yLm0ituSuR50E263c9sg8BqxVKltWqQhMMyRsvJsd+FvwoGyU1x4
O87k8UYWvYvun+WGvahL3S8kVbqcgweuhXvVp6i+VYdJfNk9J20rGMxS9KDxs6750JyZNTCmMBld
h9jK4nx2qOfk2XJlwSW8+zh5mDGEw8iUvXfpxVlk2fJeB88vdm3A5b0H4ulb0Ph4ZhFcgPZn7FCW
rLD3KepNqJx578U2DOFYcQmskno7O8F2UIvY9lwtay01AZz+5aFFuFZj+DWG9+pSxcXOTg7A2W8d
VoOmkQ2UGMgbY8/7NodVpmFa1sEeZl2EBCr6zdgEEeEwY/QIb6Lgdj1KG4mMahlPUKvPTVAg2um9
bFt1piDZ3MSHKP8ahhNLlcJ/IU+65zMu6NYoJAayp3g2C4KxyNc7IoX4UFnkzmeYH02mWW+X+k3S
srbalyarazDUtrwvsTHzFb2mc0Q12xjoER0W2ZMkGhB+B0WsV4UHP6+9j0bmEHobOZeuwKVY1nNA
G8L+pZbwBYwSFWY0oZ02SHIUcvxGNjpxhGbystQPqIfCO9I3HSya1oeFtfm+aF4K5CRcT2jkeAbw
mw3wnJlcP6aCxMU88Xc1Oc7HYcyfiZLvsWJgWSrM4ksr6QEvEzLidPlJKbg4OIEWDI2qOfsQ8Y3R
4064zj/JkSV0Z9KDmKZo0yv3g10nv9PJfhzy4bnBQG/vuYw8rK4CssjAkVQ47OW3Npjyo4GOl74q
BekiAertOX7OqMzOlq0+9gsjdG86xsRcNCZB4cz/QJdNatX4haZRfmA4+UJXtES+333s9EFKP3I3
Uy9ui8y+jF0YX0dykb8vQ6N3Nbgfa0SHw1xeHeIs2ya9EW/JfThOxnLypQDPRmd6UB17pmKkejS9
8TAm9svohmjLnZaqLFp+L6NERmbYHPi+ua1/BKFmJcdP/jBucKn66eAycozIjW78+jWYwn5flJXa
RlLRvwrU77z3pkNVO28LNu4nLpsF6xvc4RmePLJbdPt8Bq4HWK5AKDB3bfXV0Z+NJ5PBLKDU96wN
b+hHnuVgMvYPkEv2wFCESn0wTZvYd0x7rBbvtiUjmQDnskNiF6SvW3vPDKmBl++WXUIJ1A3uHMpi
xUapGDa2gIYo9hnuzbc56jfoV6l0xvKxYhfhuFYeivEwonucvTYgWFgUWhKDLhv5ogB3psdibGGc
1SnvK3Nj5gGEw3yWDXZupBAmof3TIUq+yXrQLOFsynT6VvgIGKzZr4l633pJR5QIB6gRttnJyD8N
7Xes7cdrLeVb3hX7amL2inw42kizRRI4/WSNmXwihSXfOf1wXRCc9ENDFxCjwF0+7oco2aeOQ9EW
9yyf6YJtumxo9VT0F5qujYdrDhIJVuR129J5KZ6EYvAc2ca8i2DDcI9BbOMP/oOShHY7Cf/8zJQ/
05CkGKvJfnZAoKeo7oOdR2At3lUBgyuWlxuPk+cGYBxiiBPazugM+pJhsSOFOT/gsnQ3sYA/lw3r
Q4DSY+WHcMlYMyRjf1EZJLyBssiP7Rj/gJhdo54/z6DlW0Hm02FufJLtAFjsIdFBrMygSr8+Rj3v
uHQWZzMUyEZsA2e5galKkz/aSXubC5qHDUGXR4/WMaoGui+t/EKcLeoprJ7O6GgfYpavDknKdm/Y
EI7jkxFb3okjhq5Bl35QfcI1c2waTB67HiDSONSJhSWsVN2xtNRTl2HJ6JiDdhg4DEOpbtL9nMVq
3mDMR3mUwNwUZr/j/HTMzeIbldV9MQkZNfzHsVYPE9lstAWNt66iFzbQKTiSSC23MmvvhhuFW5Cx
ej9jA4/43CT3rXgYip/xXMUbZzyLlutmK1FpD73gcmL/iN0+30XlJ5k9jf2MJiYghoD4t25fYc2y
Nwo7QEg7F1uDLoNhfATSGVubOtQCUXJSXNmQue5M8wkaMToWhirYoUYW9Zm8x7b77HnN0fG7/tjM
GbjNQNRFHRMq2oNQqenmBrQ7hx7ER1bWB6xcrg4Zh5tq8oZznE134dfkddi0Hp24RIlT0Y0eWKJP
2DDExYclFd+YTUFunkU5T4ecJGXq0Jgu9OiAipnfm0iFHzk3//aigCaKYtCfJGI4ZBRK+8Y6x76X
PcU5BJMlNmkXFreiD/GENNDVL2lzEnJ4YvLfMsUpUH0lZA6YgUsjJ6NRPRDeYISFupvT8CWq+dCW
LuUDRtm1HzoUn3UXvbASkTvBTi1McxvVWXxeWlqqs/EWeO0haO3h1ZvdI4G241PcAtbabmccZrOc
MZkICXoiFe1YEsJ0GY2QNgIuzEeu4rQ/2+mbx57AQOLUmdHA/tHCO9hZuHUFIROgduFcfu41SNcZ
dXFBsYcuLB8ZPL7fX281+tfvP1v/xA8NILj1b9b7661/PAbDaahQJzY5FHgGYjChT/MlyQ6GLz79
7Wn+vOr/+JR+JjF/mVux+/Og9XW4GjKEfn/xP3/pJcW1wwSQVdpITRkEpyHFAXT7j/f353mKjngr
BPyHvz1t08DG1Sh3//nM6/0/D1z/Ja3vfItgOvfrU0erDOX9VdZHr49bP7j1brQyiEVAcKj+mN8/
UdOximMMtBk3xudgcGg2KHqVcVK9ZQKDjsh0yx1wDcqufkDFkhlULgNXzAmbK4gaLrrCsnbgwtrM
Nv/w4ErX3PmTwFZFJkfXxO83JBOUFVv/OeMMl3RiZ1vhD0r+cBOVSY2PbD/uE3fmNI9MalSM7zHd
MwJ8eaa5ZTVfFJ8VCOgs4VmIYsuG70OGXZWz5Pig9umDiWnXJp9hM2dcGBCn3Kxivg518kOPMJrZ
0GuF6l7J5VvaIkbqkb1i43VUsCQblhieczAK40HmyAAR33B9SrDZaIcu2dKgQJQWPJmSE2riQQhI
J2avH0NQdvhpDlgov0c35BRZDD0MsnOtE3Vp6ghMXxKyjYSjZxa/KbLoPsXIJlyXCKUqF9exy78v
DR9vyYhLVt4+NFEWK9l+7grRoK1nXOOx0yKems5c2E5G5R9ppMGouvM3SS9vHo1XOB2EomIir7sE
rQZLGtDzkI/YHKsU2W4UyYODdThYDpUDId9+GwJ4JQd7aolgHhtG5nb1kmfuTzwIpt1Qzz9HvIkp
EG1O3BIP1STkGmj1Xb4fltcoFM9lxvK24ky2g2hNd+WX3qQLOi24t1t7Icx42xixcxpTqOmCqNKN
3zBAT+Klgjvyj7VZ8XzpNQhiUg3wv9nassi2fcfZdMgoN3p85s7daCtEMf3rf7F3HtuNI9u2/SLU
gAkggOaj95RLKVMdDClTCe89vv5NQHVKyqy6p8bt3w5FA5IQCBOx91pzFZ2uLqSIHjqXcQXEriXN
nm8jFkQKaUAW1PIVXkUTvw5c1Ih0SGwoMAQXBVZ3kqW+CgRJAJQ4iSfxNiCMESOPiK9JVXZ6xAtm
TSB4mJAUYBXOAZjJbV65iOdb+Pp9ZT12Rrbs7dRaprCWwCtveJU2kwNXmQjCaz06j9WYH8yofkl6
sGzDRMTwm29q31hrUyNUzq2l3MyaJyuX1b/gMPVJsPeZD0m7SDcNQ9jCYKiEro/XP2GufYJy46Ch
ODUMNF2SFi68jOgs4AqFcI26IxDug5kXxlpJUp3+jO9ubI+qcNJkGnbIfVXqW3oomM48rzlqieLc
CiT9vS+TK/7ndSYrEOCK9y8rrv3G56YBbemWyu5g2KaB1v23FR9J+LQGarQATuxor1gmcg3Kedgo
6Jw1IQE8VUgAXBD7VzP0g8NgIJj+JN38E2X4OXlZ+4eNR/0D3uAkhbQZ5f268YIiCK2eSLc9Yo3h
Sj7dPtIIK2Lkp6GXlgrIvY5ce2YHSsGQoVEP1nX00/zbf18PY0rJ+O1HRCqKbVrTYTZa1m9M0ygb
BlFG0oOm7A5YiEqxb2ra8yonwa4Kv7ajl22z2HrQbK8425EGJ5xiS5vje3Er5dw6dUFmJqb/Cezv
IZjhehVzRddwHQqP0zSKUO3sSo+cKhN3f1edcyxXy1zSDy8VetJpjBsyC7QXyyYuGij4NnIyQmim
GwxH8lTH49f//m//w74L09IQ2hQ3pNpSTj/Pp323UfFz1a3v7S1NTzCB5tkaRyqoK09uclNfvgf6
gugnR2TcYczaJ31Kfz8eGbb3pzTx2l2idmIHqb/du8IPFkAtHGxvGB7i0ceiq0/hj6S5z2v+f/Lo
f2OZIlP+9Bv/TR39/+KX15cEVP87GXXGn85v+Y8wWvxhT5Ex9DF1hCcccX8Jo237D8TSusGuoNPP
hHv8qz5amqBKVVrI6Kl/0UfrOvMTTiboL1XD0f43KFPtN5DpdE6aNds6Dr7pxPTbcRhquS4qQyi7
GkH0Rrf7cGkgUVWARe6o8lAqS3dVgTjDq8As9LEMlmOLFOLTNvun09I/rYac2KysDUZy+Ky/HBej
VpXs8K2yK/IsXwyxbh9rt3mVlfrDSesVJVoGX1WurCH4YeKaSn2+3hu7f1mNfzgrIRXn2qIbzjSZ
5qf/fHjaQgsrpzXcnVqKfOXGqIZITSLiEaFLK/dUFxh+uDdW4Hwl7lphOFdjT0p0mhGpsq2MFuR4
kBbrf1ktIabT8q+nS2k4FlL9CW9rSHXafp/OG31UmQWJOqgsJtAxgpRsK8LiqoFYPyXSJKmiJ74V
vhlVnHEaPRBqjRhKF8BwKpqBLT0qdIbC4sLnHdqcia7Wx+VJSubxrn2q9JTTjZPcdJmOHO+vm5he
ygozTbTK6Wut045eN1bR/joWwXCgUPiEeDI/9i5VDCMg78GDVwj5XX1TChsE463p3RUmrWSn77aD
BaFQGTtlTz7kT8el2SiMipIUndiqrnayiM+uFldrS0XH3pZRfVaT6kfbO3RcOoZSapOe1RC5d1a6
KBOpZCHZgye/oQglPVIWOrAcMs5WRM8evWiv2ZzfmZ/WFhl0hVJcZPiDtKAb3JH+MY5iB6k5VWWj
iBGy6t0DlbFwYzcMYyrnqCoJ+gxE/IBm4GrSmFmYcmdbdneCfhDuKV7SOWXaHQ22YJhFwm28x4u/
i6e4gij5ORRqsldy0Ac4k9/q6QeZUlm64CkxrWHb10z1cdiRwRGicEEvxfVAHOjxE3Jf29uuJUui
GIK3NGEo0kPRSpziJ8TVm8zxbqgxLUPh6tjji9vwPo0LlEkJHMJ2kpVkzqqEjEwsxoDFbyr2tgwu
PBORugE2VJbtyUvEtlKg1FoNImMFlYdR4v1zy50E74ZqwbzX4HdtdS3ctw2jKq8tp1neMM0Lv9i6
Ni4U0J5rpffiQ94j1NPI6pY3Gno9TwJCyU2DwZfvPtGZj1e5RlEVwdZt3ZOrHcVvmhgE/DtC4Mop
cLMy8ACpXeuvUvlNy+8DDTSeQ6DjNVRfvTY3lpG5kjZwYH/qJau9ujWi7m0yYJg5gsSqctB0oMZF
1xLHG2mjXnDT/twMWsXorzFuREKzOS599orB3/ZlmS8AYX0fPI1aaaihAaAhC4dRLCNtoDncTGpq
C8JJ1dBc0WKv3gBglICTcvOcuuXJBPS3CooKBqKmlztKLIesMcyVb4nmgNgZ25QiKXvMd9WpUvZx
k6AvXxUhk5f5OeAor2RXTs25HuxM7zPBqsxN6eW4e6enSJvA/zQ/nm+IaPmiOXr8aZH5+WhaeH7H
x3vn5z4ezvdKIjm2oUIvcZodvxcKwAg+ea5vfZrnz68KfZRrxtxPup9qI5VkSgt0+rLqOL88z8O1
DhtcNiEe5pfnG/QdPoydafH3qTybtGRSodFw+Sh9fJrlB05kL6hWT5U83vQxZ58fjlZjG1Ssp7d+
WpNBVf2di4alrjBRi0IL39fwY93eixXv3zM/O8wrP3+8nMsv891iXl1OIfgNUYwIi56OGTpvjYEV
p1LYPRVPe+0iSFU6nbUthNhhyTQP74Vnb1CK3ZBSs+3w2awH5PllX3YHv28f6Df/SJpr6w7ho0Ul
KE2sQ4ow5lYW46Mwmp81VsQ8zvDdmJQ43dxHBDQ0yc4Y0RVyXKDM5MS+gD9iX+Ky3Lmqh37E0tdm
4IeLVoZ3Ic690DKubqTiFynqW92zyR5Nm+cY1ZlsUMcD6BCoeHA+mF5ubZG9XdC4uqc0fdZU+9zn
ABjrcGCKTdQ9Qvj8rW7RFaVWuUsNKOCuXoJ1pBq4pIx576QUbbI2vyi96x9GP96LdhgfdCPbEv/6
vZLDegwEFh/kRKiIsojTc3GbjrW96Kn/r3If3mFgAO9InNCkyTnFG5KKtxrIrpI6zKQ6oGXTqdW6
IiiNRIakwehKwizAVFpxic7pd7wqpvZWcPx+K5qr5TcZYk946/UP5hXWyQpQkpdWStq1P3mL6+mi
5cDUsIhDKG06WFVDo3CR9Wq9SZxBwj0OhhU5wF8GNKa0JImKbBUbcUJ+rHrfvJEwkjp9cFe6MM1N
0Pwou+RNjONri+jShL1xp7SSYD9MO07Epc7rgvyaxmpC6EAlgTCF2VH8ZLznMEMe0MmhaWr9Ae9+
1L5UE2YCU5i2NGSQrS1gRQu11I/+NJVBvggBhBOASee2RuvZjhpXUuiqiUVBqWgpmrjUt+MbyLUp
uDnUc3nu/wyy9pAU2tEsix8arI0N+rB1XlyL3v8aODqFUMnkTxbNIZHNWnaB8WQ1LwRw6EfNRkMS
xEW/UzLlXmuMcttCWzOoMixSzXrVk+LN6nsmVAFNwWEU1KSduEb7cdSs/hzbYlyKbLzAF/Vp2UAO
0ZUUNy4tBBW5p6OyB+gAjypp7LXQ3A2mfgKUvWWIAWBVhQwr0Rvo/rBRPcabwvLyHcV+TdePRdP2
a2/wAWLUkXKTMZrZt/3bSFkQojPJ8CFxPiRXPJO7i7jbo4JN8ngcJN85xPetad0GkUzWMjdPI6qp
SKaY/FOwk1n5YJmXrL2zBU33vsam1cD+KPWXEiOz4afJmpIUmnHb/0rhCeA9PnUkmuDB82uIEJdf
IjsaOheo3l1GToGaEe7BKSi9G9WnUmeOqMuNuyFpv0KFtpcSkN3Rd7FZtJ5c6tYNI799ZHqwTunY
K6is6cL0d6Umko1FV5zf3Pjp2BH7ln7sMwMdBQF56zbPt3aiPvdUnCF15d9FSt27k2B1k4byUhFw
FYuC+87RoXu3rbFqkGqeLSO/9mEluEIV9EJ7h2ko4aH9Xk3qg57YN7YsbrD5AvhWxIKB07fe7c6q
kI8lzP4FdpZFqxwKG/jk2A03SHPY0IN968L8MrV2CvfEvR/4UHK9uF/ainMnXZuzCyW6pU+fsZcm
F+FyqFZmpu9y2T6FaosLzgsXITpFDg6gBXSH65Q+QmEEJ0qJB+lBsW9pY/XDyaqpqZqKekpj8rXG
tkFZc6czDYZhQ8WSuJPn3ECK3QjtkYYzzkxhPMjxaJMbughcxCRq/DCE1pvdqy8DTWHF/aIgloxE
eTEZ0vphdu85Sblww+EEg/lH2iVPGR3FhYqVFPApSEYrkT6aDie+yDgWOKqGPrnEhYX7Lx2YTU2v
zM+9v6zFFmMpa1hHWf5QcJHZxYhQ5qXcPCnXedPDlOPyf1EYxAAGZrepdbvmn9GUTRgl6WVMgdfo
PQQCPxkuek62ta4Q7VPEBdpiJ4Heb9FtKXOORvJ9VrJwDPi7kGcECVXQj37KHYlow8nwCrn2g/Su
FC6miEqejVqX505jpJeNWr+RTbkIKBKB1OeS5tLvIeX3AfUC/+G0JkKtxzVd7ISzKiqsqFUBLhrU
mMuxXeWNabKdfnr1mF57I+OmLyFotu1L55eQJSIHWE1G2lZk9+65IbruTMU9GvmbZZL/uk7OENre
dKfzl4rSPyukqMU6WnHNcJHp9vY+UbObChPMNk3FOaWYX+hjc7ET5Hkq1A1Fsa6RNPrDWCMo0w2D
i15tXDTAjdKN4/OriniGt2R71C30rNoG61V5Jlqxuni9emvGurqXSZWccpjSvq1UvJeKpj/9iHmS
hBsvBlBHOlKG2EUb0H+27hLNyh5Zz9pLMNIrvXVsQFTt6yJvLhSo0wvCgy51o0sFDGCnDcVrkHkH
Q7i4i8MuOjj9eOc23XBBlSUgI4C0SqKfvsU6OtHWQBO2thP2rAgV0qUzofMDUGPQaD4VKed9s1J3
ml6sslp+s01+lbjs8ZdYQ3vRS3XfRipa1Hw4+HZ6jSPyC+GEoGUwU3c1joXJtV9ZF9owrOBSFEdn
8PdpbXcXACvdxdG7t86uUMzDKEut8TF2BpALu7CjV2zVjFyEjBBbum59sY3g1fH6bgdxENMjmn/q
c/kehegPO+tvTOfVAkBuZHDPppt2uiGQeNCW892q0cCCzS8ZXgM3ilTUifGVi/xPxlfoW6i0Px7P
L4u8xCM43/Xn15nIf2aC/f5kBRUzQsyN4CrrAMqzta0JzzDfCyYz0//4cF6knN4x3/t47/y2j4fz
vY+PssXAuSrGNjd/8vwBnL/J5LX37mymmngO872PG+V/es4mbY9B4z+8r+DED7cf97dAo/rxUVIP
IRd/PE4K8CLzw/fP+viqQHf+s6Twj4kLcwjxY63K8H35T697onG09fwpkY2e+NP3zZ/XNM1zaQ+k
natlrS6z6TujwuREPd9F5LBHmPwlHlVGBVjs/MlrhzEifrKw39WTD6+bHHn15M3TJ5de6OHXSyfn
Xjp5+IrJzRdh6/Ox9wW9xOo4slc3cUPzCG45nWgc5I1EV1Yn1YYI5/hsJ1VJHnVVLeaHrafF54B2
CrNWs990OX5WbfJvqKbYjkA7cNi4+hr9uplj8yBXIi21vU2H4iTjcgE2514SqYDia4eqIz5Rwo9P
uT/1m0hqIVrWwvVTtXu7VK8hbKOaYRH44oHVI3wPf96A+6ce8Va2hy9MxMdTOxk153t2qTNIyByu
tNML2nSTGjY6ODfcV0Xw52Le5OA0kGpsiObywB9tC/SKp9H8BtwkPYcBPI1xYE5QRSqcX8Nd2TU5
GmoNQBBgK7RG16PszQ3u4X0Voj0Pi4L+2+REjS8oDs46M5WDlxbGUfdu4snIivSAkYMYuLxMZhDO
pv3J9JKHAkIc52WWKD2lO0UKArwhwjZSxRZ1IJknTNNjKgx98Cj1Mj+Pth0zdqNF5WC09fHzQVPN
F5VTFTvbF8dkVM2j0tY7t2B6iMwQ4pYTJlurD16wpk1ZQMHX0rGC7aQ8P6mTBXi+N98Yk2XYMdVx
qU/W5NAMMIJBW+QnaBEuAJWe3gR2Od1QmcFnPHmAiyS1jsh5dym2i9Wgye/OZGOWZlkeUgQGyvSo
mfYU5hfUKYUFJu6v53xJaaXHntp2d3nKqDeczK7zjjXfQ4HlbUJTp/uj6QMDx/rUdI21M2czdlcb
2ygMn0ZH6PkKKUlkaic5vTS/bnW5cbLrXTn5YX2dfwWjNC3VbNybOTPKIauPCoBOur2ET/QcJCfi
jJXTfC/2cJ8ERpASbJOfg+REenm1CxpTKVaGqSCriounsdEPJbFFa73Aigt5Adv65F03ZP0NSboj
em0zP+spQ7myDDzySmaHJ/nXkvPi8420j6HVPFCPjrATITk0Jr+8GLgSE+eOrz6hdWxP25BW5nia
bzQiBol50XKurTkTQfAD42Tqn2+UYDL5f7qrKCE66cnb32Dyn19oprdk4QQv+LTgfHf+tPn1+aGc
WAK4U7T3r/l44eNb5+c+HtJ/wssykQs+nvv40nxiHQzNkzHDD8oJxzC/ON/kQBKGiZbwaf0+vnFe
ZP7MYl7zeCIwuBOLYX6lY4dzJk7Dx3Lzvd9W77eH8yK/rcb8HfNyLRiJuCnOZegmW0/QRsNby6wg
j+6jRp7sDtJsAv0YRXGQ3mQUnHdGbnzNYqFcwlJPUeNRnmSUHiwj2zfPjg/kTlbkSWV4B9X+u1oq
ULFhLi760mxWqLeA+MW6fqL4eOOZI0ABb+UP9Xj1wqdK4r2gZrHWy+i7zjh3bVuOw0mKma7IYFEb
HJ0Cy94iJ6Jtmlv6z8QRBEQYoVGoAMN3/XgQga5uEzTYpYXbSzT2NzcdVNjT8Vefec2W6gbTUYNk
Gh7q5IaP9UJWDAdNhxwgRbvxxsE7j276nKiD/dT6L3ntb/KyxxGO+KKEDauU7W3acp6tMVotByZP
y9Fuy3WURt/wNsbMisbuJAoKSV1jfG9E9T1qYrGfKh3rNoSqX/fhpRbtt4o8j8TED43oAmBLdQy1
J+Zp5jEe4vXIb7TmfI57dFJFKQStHAsbURe+gnsXvg5uHdjMSmLTAKCviQnsyLifSG0r34xuxdTJ
Ea9m7pAXhWkk5RC807MIDcgA7AUC9ISDycxV3lXXvuSpNKtR0VPvQSsZbMfGAkVZqa/omZ5r1dQ2
YmBiMQoDhNPXMTS9+6SKtlOcO4Kv+tx1XP4zEd60hR5sZNlflda9tAMFHQ5lcYh3Yy8ipmDKoqmt
EnhljWQ9yNdgn9KdG7vd0RzHRRdcldqqtqHqHnCnWCdYouMqy/Sp0dvkl/o5dC371EGHfaid4ICb
WuyzNhSLBlsiLLDG3PiAppbgq62raJguZYnADViNG0Qc5p0WehsMd1BfM+vcKR3NYqTFYZ4YhzhN
SZAglORYBN2bnsLr4cZYM84edn3dQe5J8ddJB7q0i5UCmWxDZIHpKXsGJBlJIQq27G5YqwmA8FAq
2sYXbQEfc1RuYXReGhvks5UmVDkaWGNmk+u7bAh/CnJQrqrIEJCwR1FpQ6wcdFuyQpsNjKJu4wOi
XDdx98qsj/Q9a1xHtqnvi8Smj0+K+9x4+r+m7780fSdi1KcW3d+avsuXOPiZlWnwS9/3/V1/9n2x
EP5B8IxG780SBhmRdHD/BGJpuvhDqKbq0O3UBIOgj76v0MmptHV4VaouUXBPvef/cLH0PxC92AI8
PyNKSc77/6bvq/P/fG4oIr22SLW0bEsatJgpWP7aUKxHI8uLpukvaWcwesvUTV73oFuY4m+93G+/
ZKLHTyMCJPeBaa8UgsfIUAvybeA2961Lommixt89pJr053xwm+kFz+8KDDIDmvSaqI5yQKnzHCh2
vsV93O6JNtqBe/rS2XZ/TcOhvzq1bb3rFH6JXP0scDHJ//z9HxOqA9BUCgAlNNZ//cdQjucREc/t
BXRNsu0cPLm1+D6K0tz5k540k5RrNCLStmlJW7dpKvtUdr12oSb9VmNrPDp9e80sSh1ol2HsN0oN
nrO1zmWUr9WubG7kVNLCMBfttJ7xy8wicW33Rxt1wQ5J210mG+1BJlm51PSqXbth3h4Dm8wAS01/
1hkS8dKydRx6DCDTgqxtUoWORsPQJqoBbvWyklvETd6aSAj3iFb/xlUUG017a3yhTGcDzGJCBiMr
Vbx9OtjKvTXmxi5FNLL0PCzan3buf+jOW/+Up22htQLUBufH1n8LkhaB9LkED/WFa2K9oRuIFbIl
qcarpffQeigTczJ3lVGwsoESbNM8fEYY+sMWHuQwp9CPFdqemPbEtW0bY1dn6NZS4sMWRbilUWLe
Q8SM7jSvXLCh9S8O0SKL0jW/enHdMimxukWbt+mRkszaE/bIhRsnYhqo3QNBTqgqrfC+B+YKBJVA
u22M0n8hp0xuRqj+FgNwueKgo2Ke2fGV5LKV2qB1XNFR9zDOdtqDIdmWznhjM1d8HDzy62gMrWrI
kucIYgBu5YPMg2gZDGNNZKJ5h6Z53IV+nTzq9aUwm+LEXPWeSVZ3+LhpnaA/DEMYLP/776H9/eCV
wlAlezljF8uYE5Q/qQHolnjEVsbVJTVfI6hzRxs2HZuOjL/Sb5hmuNiQWmFa575FkR6V/tpyU7hR
/rEucHzrqXlpaqGeAlwKho+vv145RaE+/vf1/E20QJj3JHNCuKBzjuFm2q0+raap9p7IKy+9qLpS
HcKItikms7XpkzzXDJbzL183i0Q+iSTm73NUKqLCRl0n7d8OfSIehrEo/eyyqhQNYgvNIeoFCwX3
xlqjhn4Z6ggWKPqW+4IDaqHiBLWQNB4dlfJqI9Q7eWcMjvdYG8x+1c7gdCaxdDRgVAPlETgPXZbS
zbfZZDypaBmdM6LVN5BFaNShQz//y/abVvjXf4hjTTeR+9AUmq4mv25AKY3A99IkuJjCeIa1DPXN
Z+fvba3kdOUVEHsidS0lHrmqzRWs82DlSqZtm9Aq7oJA91at6q+h0qQLY+BsWOXazXwTCeeNEBO5
N/BlbEFBgZ1TR+/Yj2mNxrfc6OT9nFqN/w7FAa6ihrBft+io9pfJMkha7UBjRzuoQSE2FcTCiyrd
YqJLyCf6Av4Stu2guaS4hGhbcbHYzCDqpYfFjVNAXm28vLPxlkY9KSLxUqtp8hH42VPupNWvVHRF
K9W/KCXjJ5cLKhl9gXaybUwD+RCNO8+Kq6ObpSgSRJ1e/vt2BzH5t+0up8sjXG5iplEp/rrdVasx
U9N0ibC0l7Xb6/hqzO7WNsuvHfyDo98CMu1KG+CLP/yINDt8MxJtBTegeykiqcG4EBYlLJg6Uae0
W2rq7l04KP0imJaFrdMbyvCjQcmNGWHf61b4HGbYxrHI+9fIH4abIkblUJoxZyKiWl+E5k7tyTtR
2CYahspZo5aiYVQMNwxYuxOut2ZlCggLXqrdd/oUUKwXpDYwH8Hjp6Y7xVSLTSp6QdXKYrKQdjt4
SMUaVEV8oZW9wFH/rY16eJVGXj4KeVvqVf9kVyYiHO1fBE3wPf+2axvC4IzAxM3BHWfK35RWEMED
EJS1ca6BOC4LLdaOEI+1o1r1VKa8QEPNaOEbmV6Yb3rbdZWlMi1TKihPNh/v0VwiTcYcAthfH/Np
EVOGMBnnD//4tLZK0LpLeg/vnzu/7JKjrBBrxVe8LzlaKKXTACYkewr28enjla5E1YPy4tMb5xfe
v3JeQT9RXex+4vH9OUL/WIOPLx8cqm9oZRoVrAGhDf/0P30s/efnaj8Szx6IHprW4a9V/LSy0wvv
6zQv8/6lTZ5c8ehrZdtszdpWj9m02LyAK0obA9z0eH5lvhnmzT/fFRyyUXHxucZvtRbhBxEVJ8Vw
j4Gmg2CBQF0151bj1Nc6vbEOldzd1ITwLTvGsY+tifEwrqPNUH8ZlAmHShJSg7c+FONPTIOEf+Ge
rCPyGHsi2Pyof80TgmPDpiV9GTb6ks5o46j5F7eRl7Cipwr419uOZfqk09fdYBw7Q0dYB6XmYThI
jlzwc+poMRm0qbI2dJdEMQLwFnld0i4tGCYgEr/oOvnKQ3/bKVzOPdpRwSSr76xmwm6ibayh/0SS
RAlbECHrltnCVvv7LuU0SlGXirotMT6Fb4zOxiVBUQbe7YNIETARR/cEpfhiBT+KsL20kQzPgaHs
+dnqTWSVN1qrX0lKpPMX4sFQ6xRFm1UPK9koFCoSctUdO9iiobjzDTT7NDk3HL7PIn62E7on5kCy
XUAen2lUgO+FnyMAQ9mXYbIkyyHkw+xlrtA2jaL8lEUFKrbAx4AptK9YFRQcmgfAWxcPF/BRqVEl
wANZ26bT7ErSpaq0xKVUYFsgFO5r5KoLv8InrsX9j9DM73VRQmyx9LvQK8+o5mwMAcndSMET3mK+
LXBybck1UVL3AfGIu8KPjIuyW6dN+12Sx1jGabStNYr0CK2NqyGeozpfEoFrAOrIiYgz4EaRj9cr
VrolKkM7ZuTx6hoBZkNAhvwO7+2x9C3rwBX7GKEkWjV+HGxCuyRkQGM7TMrUsP8eFPFdIlMK1TZn
yYzMghz7qqcp6n6QBXCenh0stYmrcesTjoAJeQZhBaYK5WswGl69Q47A5d0vTjjttvTN3H1DmhRn
9ZQtTVDyAgKZvtAraE9jEzK6wZShRxIYFYl8I5S8BaWdJO5B1usVsoqRZiay156QHnQrUtGJoleG
5aj3PyX9vrh/FGb4w8qaDdzuFppdeJdCXz/RvTuQ006cRlfYm4KyA1a5V0P6J6oA8VIJ7mqu84s2
0k5pEd1D2LWBOmH/SKG/dIO+EPHOVbRjHZuPPb3Ga5cL8nrp6eYVHv/CKlc1M71Rze59I8fKnllY
rUtUPaberLMQrExQEeQgPWfTEnJ0cFyNulWKkTffqgR1rKosLxcNBYtVjVRkMeDLJEydUytiiB+j
aKHq5XWHTXs55ipagFSietPaS5PU0UJ0lOeNkbhBJd6qg3XBF1huEENTevf1BWIw79CR2puG8rVV
vCsnLNBIVfQ4NGRpdU4+7FLdALc4pGszUg/kv4NAkfHU9vJuiY7tObTgfLgviaXUlLUj9gMyRJmt
k1w1kJRnecOlfZBhfDU6n4CHEngSndnlOGK1q2xcWiYFuqYS+jJpYFWGZvVQtMwHaU2eFAm2v5cc
yn2a70bGlwvLyb4w2NqEofMFD3a4wd5BJwUbYK0X39iHkIISYbgzyBYAVE8ocdHR5KTr+k2x2X69
2eL2zKFZiAzuDlAUcsSjk21l5VrGqH2yRtzrjFCpc6fproU2sNSVglRpx37rKoiyrCHoqUAemQ69
mjER5tOWDkwKRcJWHpUAbw/igqdWii1TMWImx4mDPW7NIDz3U1URIYrKCTJehUSvrVRsGkcz5TwZ
MysaQxHexrAoWn2obio1JMUY3wZB0fwACIQsC3NUPkGb3dpxNnCjF5NDH6NT9ExhDN+tvqwsyolx
/eRD5O5xZmLxFVPecwQJt6kvg3mTFSiukYmRPpxb1bobUc761m096vbaGJg01olzLIccWBMe70FF
3tPjct4KmIyyKJQj1svW1o9JDuGkNu8DuHYe58OlXxKaAaWCnJ8yuScilxFoDaaCedFUd0y3mvlM
Su5Jb2hBRanxYOr2Sbr8wmPt7+0WINvgAmiugvFeL2i19zWRG3qGUKI1XjjAsGA0wZeIE+dyKCsM
rDouZ0bVY0SIAU0iFMCRt02gLfWOmq6Gku5WGfKwlPljEal3izwbv6XkNIH0hBrihJNfyfpaFv3F
59QJeGnbkNq1kZKcZyA9yyYx6eP4MfV21KgLEShbFD1QW5R+uMmoOazVwNl3hsYI2jDuNSX2KeBk
nAF0xV/RInoAY6UwNqHvkyjQxJ3aQXmfm1sKEzcy7O9DfChZhlKmdd+aNHrTmgotYtvvKNImS03r
v6oEH0HlRX0ZiK5AL+JPpcnmXFBaXomO5ovXoAM10yerJMlvZCenVopwBkMZPYhi7yenyik3nGDI
BBDfuwAR4+BqX3VTAf6hiu7YAg+7ECkM52haYr6ZH0Zj6l1Vy++PLuCv9fy26f2A18zvyH4npdyo
3NVkZOxykna3cIzCh6BWf86fUXXDmSC15qngeroRCdGwHVmrZFrF6XKcPiO1b1vScF9B9gWrzNT8
S19n1SkGE7gynFL51qLZmT9LjgnR3lzDb3Wlz0gMj5Ntk1CrD/2ULoWMX8iAKX/oiXa0gqr+qgiQ
P7auZCfKLt1ZUf0eTGGTPCuWt5kXZdPj3QS1cx/67cDsrSMJchzL2xJ86+L901pidqr4uy6Vbhmr
JBWrqV0fbMjyG41Syxc3d76a0/eqTXRuXel/HRpUlb3q+ScsYObZi7hkYOkenkcvhi9jFT96iThh
aIrmniHPsWfWvB5cAGltq2m3auOKxbyYKp4MkYvXoSK8kVZieR28XjuYVV1sOrWcmrr247ykCR0q
THz9qfHsfh3Inl6uUnkXwtEVIlA1p1WeU5r0WWGWP2wvgP9oGeG9UxIapg8k28raUgB16Bjop/9F
oHst1bR6JRkecdlo+9dGZs7BIl1uMykMmMHbD/MG0uLihstV8RSb5MlwHIBniArUXbILV5mqly9Z
1sNY4lNzKwBrk2XmXR5hvASC1e7SJijuYgO15rwI8JqF7dvui2IGwFk0RUBasKKjosSIZuzMfHQd
/35e1Gu8O8JuKRsUqg0zxsyOCfvdpTQS0i2sRrzUMVbbaXurNhkcoAXbO80dK1hbfr4D3ajeuRny
hvnTujZZ5o0NktjjM8yKqKVGG/JTpRaAt4Z+oFmQZN878aTgE31pXV9dFfAwT1mc1Red6uD7Aqly
LNEzv4YBOARFKd1Tqyj+BavCxPsx0u8AReOy014TC8ijEF12HkSHLivTfKzRfEWCDZ4dTrWIh41R
D5xdS1ZnutYJevZBvqLve1+VsqG6WkvnbANKPWt5U62SzOaaXBmgoNvdvBRDPhN7hp9f/j9757Hc
OtJt6XfpOW7Am0FP6I0oyrsJQufUKXgkgEzYp78foKrSibp/dEfPe4IAQSOSIhKZe6/1LTFo1s3y
AJ0G3OeoPSzvxw0xiGAD0G+z3AZWKh1r00+T/OyI3fx6QzEeYyGC8HasjPRGr71gUyrH//D4Zy2P
oA7RrH2ANVcGT+ccjyYacTGqD4miePkrTtAXaxadxjVnOX1WgQcuhBHvPeZXubyGbPD+8wXFdxHC
2HMxD03z4v7dRay7PAJxc7CCxyHvsghlBlkJ5na08/i9BJK3/BUUn7DLhHtIUi1hbVBPpy4pgy0/
pvEtHez98jqgN4xV7bnZPeoQpEtcc3eogbFERuSLz/+jeKCUEKfNcC9NLTqNYON2GEbNV6YHp+UR
WaTQV3NK3E81jkkTv8QuJQy8NT3xIoiLRP4/fCZ+FpAWNyZnstnNB6fWf/YalBNOHp16gBteAZo2
F5Srxtqbn6CjZaUu6Tzn5uyRclnYhEAhPwx5Xp5oOumwVdQ1TlzP862lQ6J1/fJ5ubMCmkABtXLR
rPnqdiCR7etV02x6QDbfPqWNdI9Ondtb8Hrjp9szuXGjTzU0xQ5ApTgGuV4/mxT4lrevu6onoq6w
LmUUDlcjT5zV8ja7DuSg42WPrbSsU4IkYbscL+OKRaTq39FGMDsh/fDQD475Mnn2YXmLMJWjTR+N
BuLCxLpzIvAcyzPdzEcES2rsPfZZ89yNjNVfd8DzM2lWv6EWxn+iNdNeD9zsTU/szfKS3YBjxp8S
Fu16E96rEec+wL6GNq4M7qrSUBi0auOukol1M6leA2XHZx+q+EiZZ3oRJTiYxhiIBh+C6b3Smdrj
uLijzQHkzIbuOFSNCSfRLh5bYgK/3hWUOCLCRA9I07EvvkZfYLlDxtNtFqF37iA2AiXNWOMObfZJ
UN3ybtsJuEotE+cY5wKqsBlSIzbFw9e3I9sSJW8lGctD79aJJSlP88+iMdrnnsLoo2f0OWq+vP/6
B+ba2eRC/+FHdbuzrJKfzCDcZ78B3Dp/SM3QjPXyE2ujPrwuPzuSpMCSpnv0UD+Hjkt3ZGTDCQVM
s7WYEqgQ3qaoUHUpiIHEGLgf9HgJoLOc+iLiiKlJaXV71xbepcpcZ+d7dI3rruOq2j4EuiOOqWeh
jdZZrMLd2/f6TE8JWtz4QedfUzU9jKqxLyKQW92vAgRMLVEq0w93RGpuJngHrB4tRid7G/CLO25o
v3x4ENo20kjQ4/e+eBZ+cExI4FsVYW2dBlARTckaMPGUd/EsVtWRDe8lSGi8TWb3qOX2B2UMjGO+
89KaUGNME0dy6ypzF3uco9KpiGztmhYda1afw9qrvjYR+WR4/YJs/qeVJ8ITMUAtu4NDZFxL2mwz
1PHeT8Li9H38349bHrxsrDmg+utmC689Kqfz8rTlBZbjwKn4G8vu90GG8WAtPIfmO8nkrJ3IRD1l
Hdx7G2ZEpxFrM/lyvPBasAXgKG/hjr6UHthXQlhgUWpqAqqiXpL4jXBq/MxekWPeIBSMpO4KIByb
rNWZ61Ydc/6SVFkjlD3QLOAyjQ5e0YcjhPii3eXup6f08agFhjqJBiDxZItq27V5y0VgSLd+d/Xs
1v16wJLYkRHMfCrmzbJHdArFqQPEj8cs79foS+RJ6b+EpvGB4jkQeNmMpABDD43xBfXmjmChbdwW
4zapu7dERuKMTIRkPbxDHlQK26mvhYdSMGrkfvl6OMvk1syA54qM1AoXc/oqrbvn5cNRHa1OGG4L
vZpLjmI6KfsHPBxxJpsn3JVe8myAlF5JqZ5AjA9rBH0kKfcN35Who3FLwa0khtB2y7Hl3nI2SKH5
38QIsDZkJa9jrwFBAIOPiUJUKWu9vDGSfIisr1jFYbvhE0+phvjM3TMde5IZhy2p3cXIQbfC7G7t
NNkULUtL7L1bY46q8/1WIj+z5ElEXHhFCV4pdNvwFGbwsKheEfE1/z6+Xt1pyERYbhckMK/TwUGx
aaujEUKLpWV4mIy23EYMVbRY4HxMdK03rkPJIU1y0lwnT1u7HWDsTjX3rV22+yW/JW3zYW9Kj6CV
kRhEDB/gJZuchkgVaLup6V+AVe08UfsHEQGMZ7FoKyc5gaebY+/INGg62HVDR8CC4w/G7BVEVDcH
khmpOW6N2HJJsw5/9lL+kXoo4P22yWivWbd2V1b7BtFJPpE6DZD1ZUlRXtKS5WxsW/YaOmeU+LUe
uSHikK3K3AmVofUyJYF7CXMCcVvvThN1fJ7MnPlhWvnHlqdeZI+lNZeBvWtqjXU6APlt6iXk9sEa
24dec5Cti/shNN212WXjHi9GsLU6o73VEvIJQN+/KKedziq18nMp7ephGkEnwVdwLw7BArvUgiAz
Ijta04T0dqEILQCJhnUKB4UPZGBuMZuGPS4N6wAMP+pY1P0+iht0oSE6bWbWVQ2gd3yK7D68y5Bp
bq2c6BqyaacHjaxDPMIW2qyWmm0Wp8kJy6VHfaWeVnlvgECeE8pjO7iMqvJ27pys95WK3tYi30sr
Oy+BF8uGlNO7QOoGy1nzxp8HsBgd22+bbLYc9oIISd3TfkZZ8qwHZPcwAQtRnLcvLnIdmQ00GyiI
eHotTzqqYNj1Hw7gid04mHexRSSiJx2W4H56iEn3MbY1M3/O646MwZkX2plGs4edclPMmYvfG+Gi
EZgaE1RWIX6EcRGsSgHBK3b931I7hi63wOLhf11SppcNJScy8LyXQHTDUXKCnpRKr0mZO7t89nku
h8p/9jrCJOkqOC8wZCRVxYEc2MjgNEzmjTla2lb3hrcooydOteauMBKdMxGYdN6G5B/mAEJhas2/
c29tIfcjBhwpsgOKWUVAz4CWwAMrIPHjL8bzEDI5gtR6qvOg/dosN3U0LDkKBe7RKZ+7ohfHfv4k
y6awNGcTllA1B9LpT9O8qaIu3xYlgjlDxxlUTgIPlv60ZIfHIW9h2fhk3X/thf/s8WJQhGt6+Vmq
+pOacwmXPRun0m83lzv0ytsUqVsdon+isa05KTuri+fIRl8dGwjvl823Jv77mI85aJXGML+WPJPQ
QuYWg3tfoR8EY2u5z21EQkI4kXW0BKAsUSgx3oK1U9QA621vOE6EZHhGhUcu8POKyPWo2NB1ozTq
M7abBEBWK1qgJtEx4sXuJgo1tn6POw3QTViJc2/giFIj40U092A1lId7PM00SrkiLhuX2fpK6Am+
tvkraec4TCMPqFLOv4rl42QN51DIcl3X0Nj77W5Isk+9RSvrdNGmHg1wpPM4tQxbWL8pfFAzpBES
3lFeI0oHEOQ2ivvh5NjA/BC6YB0JemB+cwhkmhbRMZNEtQEXJ7PR41QzS7346zZIPqxMbX40+7Qk
OYJwIBtgXlEH1altEB5bIdfimJR31ZoYrXIvKndx2D7hDyBoVHK1WIaDZe9fxyKXHyLCXDqu/C5a
JYJthdrggtg63eazEj8TWXlDrzAAAknChBYjg570aNh7KPXo7rIYM4X9hIKz3ulD6l8H19y1LHM/
6cHAMw0g6uLtnPhvkKvc19oN1gHj0g6Q9qcm4rgVHVxvQiSNigfiptwlQ1x/BIV5SWixPhXYys5+
Z5E6+xg7wfBQyim4LdEYCEvrTikx3Bsrprdk0xLH/GfI/Yiv7trX1bgG4VRuQt81KRAGbr2VZk+b
Ju9iarGmQ5C32BeZG98VfVb4zN4LtYmLiJJyOi9XPOcWxUuPOdgjPMevddhTfX/vOQACLUMPD7E7
7iAblncFTP7Rda27EN4fIFlaNw36aITk1RtgIVyF9Txap7g/F/23gU4MLCZ5Wl9a7yoi8iH2zU1X
RMFT3qV/QEStLsstavFMAQWDSg75Zi0Dx34dSpC3mmd8tPiat+BzUF+YRfI62DhL5+Ne1dFFMGPj
6FpZ89IUzV6I1HkIevHejBEBjplFTalW7sEEarkyJ+epItX71abPf6wgQ23aqJSvwpgAUkclTaH5
Xj8DPuFg28SJXO5kEYEkyI1Yw2nFtdnrxubVc5Gf+kHwo7YN/h8WgstCZHtdJ8yvQQFb9MODuiXR
Q16XjSWrBPHEAA2uJpSIyaLxqbQG8UDhPEVt2LIwYOIhnXy8A2tM/Td4qZXmv1iQ3w5z5gGNFKgK
IjbvonlvTKYCjx520MbGo0qrPiP2yx7v47whngNf13qcRghcY6f4qmW9HvJ0XHWpjsytmsKTNzEC
5S34Tj12TFJP8l9F0+rIZKvqJegyehuJpNhmT9rGtBCd+b7d7Zg3qJXOtfJHFz0GWXeIKkt/Gfzk
JAdCx1I3qp88c8hxj3XNGgUX9WT9VkrN4U2QzQ2ZcUAjJydkf4O6EPs0bF1Sc1d5Co9gRZTjfVMX
4P8MEf4CQVxspURKtCWD4dg3dfXS0OAggzi/2lOK6Guwbt0Ag7Vjmk9JbKknN2FoAEWbjAoWx9DK
a8mncL2xOChLlTfLmZ6AmzkngJ3xJ6iR5/Bf41JXPuRl3l4ss7kstwwP0Z6m13RuvBpLCBBbK5zi
60EbcvvVG/L9zEH90QfU2cIujW67fHivhwoXpk1z2XAs7+j5jnnvzBtIrTdOSh290G2ABqz61mbN
jyxIc3WH9mndIq0gJKPpCURxx3vLmSpyJum2hRZuLYFYpBxpaJshc8+wK603k2LlKh50wMtG/MMH
oKsRcEZfu31Hd+VuBikdMiIj8RQElC3c2v/A/qyxtvarGxpE7RqXsLurMken9TGOP7HdbP0pnt6D
oEMRlccF7her3VS6kGjQR/WoCqxebT0lPwfSPP3Kc39paT1kOJX7COtj7p9EpbYMZPE7AshoV/gx
uXWtHty3Y8q6aHg1gsh6rh09oYHIhcCMdfPZCeu/bi730uGkSeowVRSAuB/dgcF5GO03sDDTviYC
bFfON+tmeOsaA8Wd2f8psfDcgtBaRV2QX0fEAGc/xR9gIZs+OW6RXalaFmu3ieiVJiN1E8q7uvsT
Gy9z4jyNn+yQRgBdkvEQ6b73MBn63IYh59O2pv6p3DsOCSq66n4ImsmvOJi6DeKd4ppHc0p0AGqv
aBL6OGOWvvUJkICqS5/tZHgHMZ+uOD/8T1P697Vv1r96V9CaCYlsn8SB4g9kCZl5K6dyGJZFTonU
yUIQMpE8jZ7rPoVTH21TZgR7zQODHaEd31pD11+T3HjPkwh4+iTVxQY7bLhp9QIi3itS+7lz3f6x
4JwvYTBeEzCo5KX7xpEfET5h0pS2jT7jYWWrTqPtOueqU4+izp+M2lLb1JqgXwo4Eb7JuoYo+Aep
SViFaPIP0VR1rzznLWvsYaVqToyGVvG6JsV7PSrqW2MAFj2ybf8V75e/sskHkJb7ZtHhL8ojhE/j
CrF4n0dkDNU23O4YZodFKelAmYmQMRegWdmV+nx9FVtNZc42NqnLWGEur3SFWTB2JrCgLATOV5re
YzOCSpSidE8ERNLTc4R3UlkbHakeTXsrdy5ppsfvcUS0z5RrP2KD4MAuHVi7AijajIzIP+Xwhz30
9GB7q7pAuxTrsukMTLnty6DNJmNRkAXUyo+mMZrHPKrItJ/rm67fOJ/++yCqaC+VYzz1hpmfA1UY
DyUXzxWjac7Mt7Sep8n7TCuDHBihVi7sD5I4zehomEj+ZZqmezlRmPNFrYASWD5O+IDVmfLzPW0R
LmJ6NN4glaGukAhvT/dLXOw2mFYOqOQUkfaWfnH1UDVWs/OVMNd//QeVmeNHN5/Abg4bP8jkp0zS
HWpkbe/0oDp8MX8ruvVYZ4l11LO8OpOcZB8NQ26szhnIKBq0W0N1++WW43YhDdZUXiQkLuFOZUxY
F85tL4EsPYk/GsfAEMx/fxvJZGAZ4X32SGKnVcZUbE1Ye32rFI2Mup6e5YDwwgAU/R50z2WMq97t
fTJ0Q5B+lm4X53GUs5RIPxMx//emAQGttb/oZNz1KbwRVpxMLZJpOGtivMljI32GROUhi4KWHpcp
GSxZG1w5K0fE34aQ+NGLXwMk+XUKYO9Amyp9zItj00j/BI7TO0W69iitiF+hxLUEYXS6FWWGoZy8
cdIW4vUUYv7BvDPtzLg2V8tiWhIcdA4hKPa9DB5zQ0MAkyR3bYHsAQiwvGWI8gTMlp5l1QItRP+k
XeqQCVYNALZ/xlnUXihe+LdSeQXris55aeJ4D41kApRiVEeaxtVmqqUAJsBzlQOxk5d7zvT+NWFR
9WIO5JqEfbkdwrp6nzuPn0kMVtROe3c7SpLmnIIGAp8mv9hV360U9YWT1o9q71TlTyq8V5Un5n2f
AbHBh59uKom5rPXJRnN6kCTKlafSruULUK5TEhUxyS2cJp0sIe8n9XBPRt8PvQJqwxK+v0diXxBW
nZbrMDaSTSTkXnXNhU8ePkfWgLoIHevPcJ5RagPh0z4O4MQmJOresmpv1XRd98PnwuJCGdtSL8qR
BxlARru5fx9qG90Eq6sBDMOdnnCpAw3iTCJag6rCHVNm6Y0jrUfbo8viJtp0NTXgUz0i7EME/HSX
0/ughS8/i54mUNsUf1KjoatmeMVNT5zWyXSTh9oH1wr6XxwcHJrr0mLAnlwnP9uFGFetFXlHjRze
g/SNOd6iRS42aT2pDjORzo5J8vAEibmlTomFej0gcq75rgp+6Fws9DgqHivYJg1wu43ducE1MS21
r7y4O48iic6FEQHoEfRTzZZeltu9F6KOaN6SAD5A+ZeB4hqWRG9O5PW84RDVt7YRRiUvSWptcx3H
CbSMDjp86rTA8jL6TwZLIT42b8p6BshAUGsZ3VdpZmx56/mWApbxUNSp/sAJ3AyrTNEZtW0WfnaD
tRWpODzlZqslMtu4U2cwrsThPq70bs/1A1lUazZnq1bNuUq4yotmPEYI8PfMOELwNWa+1cu8geEl
mnPjD82ZtfKt5qLJClX/PDSEuWatdWRuUm5K26TMl8YkKOXz1U2+x6pO74bWqc96pl3y2Mxu/SxX
XOHs+ELlq1hlgF/Bx+R7u1DybCQhmSCFdgcMxoB9xqmcUw17beBDpGX7oiLyFJLiVvlWfqvVZM8q
h8Cj+VCRGchpC5P0u3y8rczsKUp076nTlYG8NHglWhd8TP3aDfuB0skDlmoKwG5t7rFpym1lZ1tf
UCfxjIOKya+KiJHorKbcRxpTncKZeWrVh+XS8U2F8+G4bf2QVoz24BXdH3oN/ofYvMds9My1pbDR
RMlH2nYkazvEkqpIDa9qpkeXQ7AuCjs/apotHzOHHyztj4NPVIsLVD+i9FdYNWqX8pFvg6JUo+Iz
ShgALT/Av7PcJcgxwruYDnC7+ykYTkmSYT1nniPwOq+ZyzSfClkxTI8SiZ1nntt4IIC245tIiVB8
xXgyrVL0FDSYvOGVOQtCyrB5aG24QlWU3bOGKDd9SSCxK+BIORQw5tpBdFk2yWDxuqXRbQJ4eY2t
yFqYNxmlXdLMMAAWw2tfIIaq0wioL0hAQoDxgfaafgrjNr/IkMuxXaKAMQaVHUg81E8ZcTOboiB6
k0rVnbLCN83RDqzFO6ZWDAVpy/LVb32YLB/myHCXttEM+/LFTtLOQZCSa8i2unw/gqbiPztmTxCP
t0bASqCrtRVXKeM2rLSCir3NWj0pnrQgE2edam0aId1WLGiCTIOO2BLA4cOjOBM3wUIl0tGQA6A5
KkR74NANguxZZmJbrZmbaGDUWZ3ym2TdNvT5PZwqdUm74CYC2MuSUiAyK2g4a4haPA9ttqrq4kTq
WBdITrSsI7IoS5hdQ17aUsQMHnwICUEefUi4my+t8KpTznQEjagIX6bBKXcvLPJL3C15eUVgsu1I
T7qJ94YuomsU19mzEwO8NvT+UptzN7CQxrWJbO9Y++Wb0cTGFR3LuSTa4WhhY3wmdeZUDnVKQ6aO
yGIlJDX00+THMJ5Uuu99M3zCSN4/mRPZhE32B30sddGgHd2zAi7o7xEOOoQa5YVCCMw+aX3xehqv
uuwttFktLQhdeetSesRMiLFZMXjkB6WChgkGG5c47JWyhjPOoAI8X5MemAOhih4GymcCGo3X685T
rNQ1Ku3iMzB9C/EXgpQmegSWnhN9kIn3sopo4HjOL9KmV24ZVExEHWbxTrCvSz89wTMzLpSp9EtB
q+WCHE+d+kbDs044DmWpd69DWEvWQHIWUfiqqAkf6OBR7mP5Ts35LmmwMdVW8RQqs7234Aw6RUmX
nnlooTf6J+RB9HYkWZxbQ0fcRtf0CMuZklFdWC86YJVdMmqU/zOa16aLXGAYvfyxLwxK9b78I5ny
Z8Jm7VXXJhPLV1ntaGoTFNjTSTZDYnw6/7Hwqks8p0VFk3MaBEWysRkPicNIt6LowexNJ/HcpKpz
HTqdDAYlX10p7OtyKI7xWZcQ4A5OJagZctXME8h3XFaztap6qprILG9G0/lpU9Jai1Z7LeppOIVt
Ta6CHQ13hgNfNsACSOemRURENzl1fHT/g56/sOK7xapUE33SYrMLiB1TCC8PdN8tKh/g3VKzvmIu
vle+GV167FoPinoGjkbt2YP6PknH3mFNS3eWZoG6apMzAufqwXU4mUpNbEyNwDwzIMVVGylOlhRV
D74Rg80LhbnRcvFsTjkn31Tc1ThTtrZNBGTuG89uktSHKMqYMBgzf2esDnTFECM2SUiENVkpuR38
tUmCJjhlJTGZjFPVZ1Fo7nnZaFItmQMdJRcoSMixKSOI+hGxv3HvtSI76CT+rKoodwk7Zx2KACJh
1j749j3on9ht1H06b+piVWvYqTWvhr04pzkaxjnu9ezdgAyzHkej2wIdN06K2QqlbitFxUlKjHLb
aGUVaXmgF01+vF8762YgvD1pLGKp3EAdOo2yIcT9fi/Hwds2VFIx8JQ+9MLYJ9a9fmxdzz9T0vbP
QRSnG5lOJHm7c6hiJsUNeenTo0yf7HncjYzE33dF3zwhDWEhL5VJKjdkRAibV3uMJ+znA1D5HLGG
68vigEr9FFSzCqYkfKmILmO3iEHH9tonnJih/mx1rbqEGdKrrDa1o2ZEDxisvdtBtO7TqDjfE4xi
X+tqOHsTfCpGsQkNnGo+grqb3snP4xccWuluuYlA5MYVExpxSgQrSHrxyRwM+1pZY428dLLX5Ii+
WVJZd33/R98b7d0kI6wMAjVQSwn2wloS9IoHdacfc1anQb3xUZc4NhzU1B66XdbrxMck7R0nGp18
kxwBvOOEJDShtzfmn2oMAJmeDvkiXS23YTc3sJPQPg/LZril6gNxiNbqHMjqQWkO25Obmfpt0Sdq
0/TlS2H2JH+VvvXu1tOhmCz3vnYxDghxFMJy/7CjCF1xmw4PIOJumB0Ehz7RkduKLH2mHRjcJrOc
3Leak9Mwt/bBuD+UBENAP1hTaY1PBeWoBp4JGapoIa0KnNxIhOBkkm1Tz5jKRN7maQ80LoqJx6Kg
cvLIFrJsM3hAN40pP4vtw3ITsVe38bDm3k2+cTNUJZq1rgH36nOuWJp+Qc0stlRK3TX2e/0i9E6/
5LC8VkXKJdEArfg4tO8FIWMPpiflo2CKrEXme+nq+jORCLjktPKvveWY1pFPNRXW3lMa8klMV49W
Hlwoo3Tv00iJqxo7hE0GrNIBmswqEgwZBhokzKgtLcRo/KAw+mj1zfAI/rWnjJ5hAHARLLd90Vwd
Sd4ZxHZrPcnOebZ9xJqjcNUbH4nGWJKKz1b5z00EqIhTnTzrifqiru7aCfsJbRaW7Sp0p7UTD/6P
2SVrph4K7XiOu9fRPOkl4h2qceGTLdFOmwDrvDgfbi0ds1mcyNk5IPIjJtvmZOpGeMp2uWX3N2ne
lQB/2vBTOSna+Mp961LH2wnlkoBB5deATnERJgIsmBXaAyVkYI0TNAuEi68RzclzOfESPavxo6uQ
J4hAi+4ZP5HbZ9j4cuRG1ChpFcCNjB+XjTYCpCSs0juZfVFvJqAJm77yEjA4bMi5kvs6tj6XCm6M
ztLQogh0XPvLZIg81tGdYvQ6ZNrQHlLqr/TTO38burSZLU3bCjptyKsNXJAJMY7VZBSAlWe3VVjQ
1O1URz8rgzRh2BS2laf2ekrqeGxrzt6l93UAHlgTlkgbr44DlkB0Jg/+Dzxowb2iwLWWuV/saQfI
LUOatRYOBWXDOjtzebi2e/Mrn+H/Exf+L8QFyyYa4zeX5v9ALjyrz/h3yP5fT/ibtqAH/wVRAdaW
7hqOadlQAf6mLQBi0EndCBxDh9AInfIfyv5CWzDJnnDR5Bn4EDEpSrDY8f/+X5b3X4ildUt3DDD8
vmE6/0+0BX4F/7KUMkZaM2kB4TKDnGvNXunfvNCiFkksQKhfXEPj9MjobNBP85mSf++6XktYT5cw
vn/t/vsBdr63ipXX7nqZIb4X3nSXxCx/ZCAUQE+Q124fvHTC6XetsG+iscaLTxAfLWGmfi2gg0br
T3ZIqU4zpj/pwiUICeGkgftL9hSuKRQ1mkurek62GUCSwgQf96kX3RYT/Oo+TgHbTG9U3LwVoJbk
UNmovbIeqU3R1rvCQ46N34xSb012etFmCAySnqzq5ZP4RVCK67KrGcKfHpddu5jy7uxPgoE0VLTT
tYqxb7krafO/v4rfXma567dvaXnUchBF6j6Rk7FvEcwzJMyyEQMjXPe27AJVzHe2HT+Rhi3oi/29
gUkmTnpJXON/OkYQOOTd5Z7cDv/etZfm9vLM5a7l6d83l2Pff4bYNp643P4fu//nv7680PfrRknl
HMekGUgLQuuFCesv1Vc331yOfd/xrQn7flzEQoRUwfnR30/5vnt5ynKTjh3guoSa6X96sIGjCE/H
/DK/veLX0eXp1Kb4O8tu4mHCqOOvN/uv9/T995bX+tefWm7G849CM+1u8/3cCoIQerBZ8xaHvrku
K2rUFe4Pqm3LFlADkPJFi7js5rlfntyiPuUR1eTl0NcDy/mO74d8vcby6K8HzXd/3/zt7gz0Hnls
i9Bx2V0e9a+XW25+PfI/3b38id/eZaRCRO0Bwt0VpG4CpGYVRjZ/lOWR9RIBF/QaXGtlUFBfbotZ
+bk8aHn4cnPS4vRE5PL81OXA9ytNBDMDyZ9fOZ83y973Mwm7Jo/u+zm+1rqrdpaZNrF2tSqNuadR
NvyYv3fbsGxOBczR03I/6cS4wBzkCyTkITU3CNzrKJIiiNbIdbbvC8dxjotUMJylgmUib7yx03bM
x8bDlMymtJI3schLv3aNWdXl8G3CxBbd37vLUfzJZ3sOulxuLZvlicvjvm/+9pLLweXu5YHfz1uO
hWaGnSAt410dTT7DMaKtbgRrA3iR2GlhMVIQceXS/qCbqD78eRBfNpYcGNTFMp6781HoCRWT7kbB
oYTx3s84ENsL3UNJdno21reTXT8JlAAbcxHVBsVQnFznhtnIeFw0bP9JzbYcK2cdJ5CvboV9CRZi
YxHLS/2Wgb2xXokGoeXgGe4hbmprv0h1wgi9Tu4ahOBOxhO1tb4gOE5SSuvCp8B17iVgn3U1y74U
a8BV0tfJZrlZIBK1FZ/C7NoUa2A2nejDKlqhviFYU6Xt2p1FsZU5MKo2dbCPgnZHVag/Gu2LY3Wf
aIyMXSGjml58C2BHNqQCB4orhG6Fu8GYHvHird2q1Q80ieQpmDV4UAv/2pN+Y5PE3LKmmSN1E3Am
jktO3rcESFZ+glToH4XQspd0+uzrnHbDfBosmxhf3dfe9zHi8oydVdi0NDiRlk0WI9KlmnVExQbf
NmYlccKAWutK27sNWHmt6jkFRopLa0jNck1a5KaEDGQGXf/1Q1yE1N8/v2VvOVbnxLl7nZ1vck+n
gYUU61sw6zRBTwDyPwLaZa9GTsIfCyjPUK/eaF43nLLKm//DVsWARxsNB9p8O/a5a6hD/is98d6l
7Sl7C5us3oxQyldQxxDc6xOara9dVR+CVpqzqYzIr8Y+RUQAr6JKZ9ETcQLGJdULYfhfm7o92oTX
n9w29U9q7p1Ja7I3mAwbWPYWSuEBSurGi3ZatokH2tZr8kFpJgDrNsZ7me7GR8ocVnxkxfbhx1gZ
abKusEbCET5ofxJYGlmbuljrJPu26+wPiHHZXdLtqce12J8wkeuHsX3b/rSq25rgWnkABocxv0OH
tPW6ZGvCHUe7MXqH0ic3+DbS72Ay1/YfLHk6/EkEujRr4lYx3tFZUC99TBLYVo8/C+tmTmnHXgx0
wD/kEa0kTLUbV7zF47GYfpnmNnXm+JNT0u+c6Ni5a11jjbrqAfKTnt7bz659sJ2jRdcievV+sUIb
nWcn2Ip2i7S/SS/CfYmtfY33Kcb2R3zj2c5uyvgCk7nSD9jYJc1tMtnjPfS7qVUbrPGSr3PGyzHg
2LwtbFQ1PoWj5hPStNb+HCoJ5wgaUvvWDBsQDbxiWF0h2BZo5nQIgTej/1Dm+759xXCHeeyuUn+4
3b45+WePZkiFZB7r74lGqTcQiHaMNfDr/oHsEgXlNXtAydna61C/jboTOA5CmkPsy589SrdS7PX2
VGVHM7spJOGr+P1v44AEGnqwyPieErTM6P/uxmiPF10GLKNW6k96O/pb8+Jrp0E/WH+mLlTAfXs1
LgXefPzqztaNt5ifRQABZN29pGe49P0VEYrxrC7JxqLNTLxOuBMWXarj6B4Ha49bhpKE0/yiPDzl
50iQGLc2koMI0Q7f+OaPdGJKzTDZruREDOm9oGHm7v0Ge+6p8e6y9owGuZs4L4jjw5CbZn+K/2bv
PHdjZdY9f0WMyEEazYem6ezQzvYXZK9Azpmrnx/V79m9ts/aZ25gZAsVmQaqqHqefwhe9OYm4D06
4obN/UZySg62Mb/NXEm/84D++5o2TOI1HUNArC4Kgci/6v0WETHjN3VWN36GswdXqFIZdx8UNOXO
ebIvZ1dDiJuEZu5JVQwJ+cDbqVq7yt7HkpdlLpkbs19xsPaj6I4GzhsjKVy0NMgRA/1zc6QlUNBy
3EHHQ+Aoo1kwrhGvfTAkT9GfnPQwy2Qi180+Qy23BiAE1P2Iv8yAMUl7skhWNtj/opeFaC/qMdPK
Gz/G5xCKO8FWLzXOLWltzIH6/mS0myneYGxO9BoUqJHuunY/zEc0fJVf8Ye5wO/H1dAgVb8e1IcB
LVlzIz+p0lqX3uX8JrLuojcDjN28NeHcmPTA3ezd0Q4NVQEUDdwn6OVy9DCPBA4R+qfW1vFexl8h
IBWibzCKsCY3zdbDgObwuofahHt4cqCsAH7TXIKvrXSK66822yYBQkXKU2eT1l6TAABtPQOc/Flm
K+cZJKrhASQLsSBYWXybMeIA8euTttsM7/iemOCCyPDmmzJDacQt3gg0AriApq2Za7lac5RG2sYh
aZU19/yWl9m6cW61Y7bNd6T/kAYgo2N3q1UbrJol3O+O2JWlGJOstMLr22cGTkirlsfuzdDeqm5n
pV676x7Un77mJfWOS7NQRCB2n9q3dbnlmvwGb4cT8S5TWzlu8Fy+4jiEqpfmHFOyTp6PFooKm51E
r+vQFJO/7IeTKW/Cry66nZ111+2lz0VyuYLmNWFTFt32RKtxacZY9Dl/zW6qQ3inP0ke5Cek3WZr
pVYfmnYH/79DH2MRqEQjOsYpFWjNjTKeJP2mBuZf4YzyPBWbCksW6eikZ9T74Uxk5yhbKfpOkld4
LE1kaO6dV4JFzo/ixTqm+m7c6V79CIwEamJwno8J+XP83V+dxgULAjF+SDwwFKhqAEmM38AdIF8Q
YeUJB7lJ+da5SAY5kIfRPKYXTO07ldKTIbndTLAZxTXQDCuS3Y58ahFO6F3owhrQfZDb/cpAs78G
MgnT9/GpC5+mGcIKqhXwAeJDRyYcL4HuMYh/D9N7j74K40kI9q8Z0b2+vVGDux62jcyMvNF6F2mB
1H6QYS1Uu8Q/mSNR83URHUp5HVWfQ3lSpCPiqNyhhE8haXn48TiK2ytg3A2qRMR2KSur/qf9yVXe
YcuiHzl6cmRAE2oATXB0WIVPoK22wwNIFkVdz60HEBQKXM44e61VXgUq60uBF4fO4jbp1k8oKJmu
eSDCvoo3SNPU6x8GwbHXclqb9/hs7/WzlmxAO67z43SP+Iv24e8w/8XczfJ40yyora78E22P+CV4
Qr9OfrRuh9jjyjFNBez+Ojpr0sagqINn/d7+Cab+Jrj5Vb9iH2Lcxu2KxHINOAwQGm8sM5Inue3K
eGjWo+vvMpd7ugpdhMU3xsOP1S/EX39AFV3vQwCK99ptvlPvJxoFOgDP+rDUmPw1fpW1lUI25NV4
wGRBs1bIp+Js4D+ZAOnh6wJwGVYDedye4OQap4Ri7d/7ltejKx9t7Hjbgkn3wcOsDGsVjG6IF/3K
Qrqk3wSDtydKm4VoRLrFR7Mt7yIPmossb4PmgeES/gD+jF7QBn7XAdVWF64CaiM1OSb8OA4arrzK
+stZVe4CUvRQYFNe9zqiQh8+2JTT5AU79CLw9Pghv2D2Cmek+QyoBtmhOBu77Cw/B4fkBrHKEAAZ
qM/4tm9XEAm3GMJm2+hsv+MBxzrlNYPrhyr2l8VVewmXluNbsy/IjSNkTLfNZRnh53V0bhar35XF
bX+VqWGEiRg9PStPKjaqj+pLcwvUYtPfGyf8KPr75Gi62pqXfdMhCMJNc42TdmpuEYrZ+9sPCWWb
03yqbrWNTUR9JzELQueG6o2eRtIwi5l0/UQAG6jXZqaDMOWPbEHKf8VI54Qa73u7N3p+OKpDB//w
0XyOp+x2xAJkZW/pfZzUQ35C+GXeEIx1E1fy0jUGUatuFd/4LuaT63xd3KQbbCrd+L7dL3JHT8lt
+SS9RQ/juvuMn5xV/IS00u/qZfDKvbFCpx9z9ffgFWKGsXaecJszAV/Ga6ZZu6rXyoavxistGa8O
dxg+IpIrdBCD1YJmABt4Pz8QTg/dcp/cSqheWSeQ5Wtr7bv51rnPXThk72A50JcJb8zand87V3XB
57q0UOhiQrh7l7Rd4UKLN98zftU22NIp2adHXoeX+Kk9Db9Bs2z7U/UJOrog8vUm/37LbqOHyfN/
wx7/me1k7gRtjHE0jt2NI7nI+dF+PnY3uepuug+SG2ezcEEV8FpRqaLVk/wrx/PaRXNoelaApK6e
nK/ug5yb7iXH6pzt7E/9uX6fbmkIaSD1z/o9/oGb/S1WhONjckyO6jMJl/vqrD8nHsDjlbxVb5i6
ZMc4wVcJdH+bbho3XxMrNE7WznThRb4tL91OAtG/NG9wBWnhqg+d4k2EVe9yJdkZNf07PomH6hfv
avGMDvd+Psab5nk+BrQx7St+YcUNX6fkl3jv21cMIUD28XWhFq1HgP48qXXbAk47aL4Lp7SUV37u
Up+jX6iJta+sozJFMAWVI/JtEbcGHy8+WNwmaQXUd/yav+JHBGDjBHPzlYJchrzS4crJK1yk5Gfp
iyyTQjNqbEbsP6m6+b15CHbjfuSBTLfjz/odwaNmpW143/OngS75j8BcIdb0It3NG2UT7Aq+SLGy
a5CzwFT7DdbAPthHeyCk+H5VG5jEB1CPN5jFe9ZD9muia9fg0fYTxacqWGWwPJzxPnmF8Ww6m/A8
Pchb624+ddM5uamPdCkMklXNSn6Hhef1O//+V3QeuNVYrsFSJM1CV/kAYew8v46iARSthE/vlg+R
vmqei1/BirvPLze+OnasMBgngIEmmmd9DTcmDcFLu8/XI2zMlf3Z3lUH5ytLkQ90hwfIG/Ynpfo9
fDNO/R14f656PgWx2zz0LSh3l+feP1qv8nN9l5T41Wyz89I/+FC+qg8uMS7XEXpQv/rpNL/yQey/
Zh4joJt8aYxp2OgiDDcNzRLy5iBGVtNh8r76HT08xpoP2q29BmJJWwEyyKvvaEv5TH7M2c0wbZvn
9I4mL70bbrivpNNdUtOgzlbKHcRCaihdIFf5kPc4d5gnx7NJrUFWZmHpYQ29G2luwJvcyVv5tgBj
soa98YrU53oiXrUKacZegt0XbD3P2MKk9Xfj2Tz1KxwQ3PiO6x4rT6GRREl/w2jsFWhj8GX9nN9J
3xk/lXfjzubbTdr5Nn8tj+a+PYaN6zyASRwsD9EqPmnqPd1B4jC8tM/jTqN5rveDW6+lo/KIpfyW
HipH3t7ba+OBPsXwy15+fXDoj8V23nW/etqJXbZr3MpVdvEmfozOJNOP+WZ42NSqq7yqvAIwuWF9
PPfUzDN11n8htsgD1H9p0TqPPPll+pw+y/v6KXkALnfKaQWxwLgLn6xHsEDA9Pb+AWP1W/sse2Cp
3r/itfQwHnuqs7Zb/kyUKoZVVLvmi/qZ3qNeHperId1VDYAOV3qT050GT5ouFHpmqzc7RI+H6tL4
WFts6BcfMOPyoq1DeHfPeOEcb8CekkDB5O4ZRV9kGEnpD/vxKTjoe1KLebxBJmq2fiFrgZHYOTEn
nuLcrq2nFnbEOjiYvEc1NbZ4cF65iC80BTFfj/tNt4RDk56OlalaGmMjxkciCict7PliUP6ZXJY1
+BDYqkmsgOQByNGC0DIlZQlRiZKYAMFH1W2Iz4xCCEKh2/PPRESirrOiFEwDgmkD/pciCiWux5bT
Azr/JUlX5TFBC2sfBgPZzaHcayVQ6rax9sqwiNhFx0b6QGAuVGaEA9PewxUw2k2AuQ42tXq5/Ega
doqVFDtZDu5UYvJbGNEMgJcJQxdTlsx9sJAjYasWB1FqGq3ezRpSpzj3HZp4ieor+DgtAaDFJGUp
Jq0c8RUYaC7TptjnoQky2CaCaT8HyMV6c6ARIcnRxZ5hW63yheE3x+STJq26r4GfbCKTiIOyLBqH
EJZnCBS9nZIvpTWJvuBnHAM1XZcjkmrFCIo/IhCBwsgNaiJ0g5YrJqpFRkCOZQtKWoRRkF9G2xEm
KaZfNLiVdEeMdlcHdUrDyTVpgVavjOJ17C3L7ZIJeuLCBW2tJT0iit1oEtKIdDgMIqQrYrwiritK
lkjWDVWFMVKQbWON8LeYTEv+Tq0JlF+XlVIXIc0cbALIJIRUlKE+tIgdHfplImbFRC4JXPUDIzAR
BxWTUpLAqImi6fvnFnw5NhSEaS+xWhV2OOO1iOkQmtIOuzZMZS2NiOcSGZ7+VTJgU12WiRXfZsV2
YrcEIU8MDPPpA4Ykge7mVyI3v+TRdsmt0gAkiHlJMt8ZkPVHpVXVA9C7tEVdCxgaBNppIc9XijZu
Y+wfM38/dAEenJ1GS6QTFS+XrM3YkNkTpcR2jlAKknU8j/eFbObYSFVEGbOqs3pS7d1dV9XKpgdj
e5hVvLwqourESM0X5KW6/WVOrHAg86yjgJj9HwvFfpd5UcQ50smRz9BmMg8GDb666A+gVEb8uDGM
kNyYKIvFYoJhLXV7mVxnr2urxifiClxUbHZdfjmK1tX1vFje/rOzOeRnaP3tpqgsze3lCLOzSTZu
IocsKIqS6DLIRDb9UTe5vdRBBEyLg6T3quco43uRGhAfHX1/XSdKOLoubRA4q5XYQTOrRvbEKjEB
HcVD0xvkKYuyV+GYsb3Yieh1Oy+EDF795Xxo3LDl5VDXpZd5sYPYVWwaWwmfYVG8Hu+ypVh43f26
z+Xw3zcfDSi+dd0/fttFnHCwcKcbamLa18Nct/t+ZX/M//XKrqeuDLgFqhOTeV7umzjkH1f/x6+7
FMWe/vUe/3GmS1FscPmBTsc408QN8vI4xJX8x3sizmxhYvjPw/vjzNff+e3HiHP9tyu4nmL+mFv9
mTTde7MkNfKl8Z8XRRgx+bbs2+zfNiEHQFzr22EUkbS6bi5K123EYYvKZAR23ea6+m/Lvp9GHOLb
YS/bWNr80JJv23TL77NFAjbAvnhbNfGhXT7kiCQxWdZ+mwUqSnKR9vmfNRd7aLH5pSi2L4g1oaLU
bf92CLGFmFwPcznL9Wr+437fLuw/HkZsdz2TON512bhkwQSg5v9jj/4f2CNVwU3lf8Ie3RR5+5l/
/gk/+meff8GPwBipmonliKJgdvCn2YtigkxSFAvsj4OkvMyZclK+YIx0MEuy7MiyatqGAcUAGfp/
4Ee6/r80UzccCwsYwzBNkEn/53//mwdK823+T08UVVP+m4OHCTBK418zbNXW7cU15Q/4UTkXSBH5
qMubU3MG2ogfbFLkuxxI9ipDGnlGn2oTpwSyOwC48Ng+7IaMhTaaiEnA98Yg+NjJOaPkmY95l/9G
cJoOcmu8q3b7oBPBd8lpNu7UG4S+UI+xWgf+dmW9NEZxzgbjzglVFLj5TMlPUMu/5jn1CiuePSUK
p1VSa+9IgP/I1RztrqzFmHSSz6EjrXPsiROJRFvqd+Dk0chRUn0kkq5rqwFupZbcV/P8IhnZqzZh
PVL8DobCG6Z6i90kamAoAm3QfYVNnI6dG/hIwbIbcqUmIqVwqNIUTGdkTT/HRVSSu+eSbA52M/Fn
7CGWtOt0CPrPcZaTc9YWXufAIm7mGpc7FcZhD4y1g9VJOBbpuHkgfRE5CIB39jHv02KD32C26teK
2jCQtIttMTqOGzmdl+kNmcO0ADlV+is+RuZBDhHzCJ2WzCZyrQY2qyt97LoTnmRlYJgbZLMiL0CA
Zt0RIFeNAqsddboPU/gqo3FX5eSQoHivWz0g+6k5j1IU5SjPyPctbr+44mHtMCfAhs3yseEdAANm
0OnQU7gczYg7SPqpdGa3WkwnNpFDujNckFi+jWRy3LxDX1dXJko/aHrLB9UphlNZAYy1UR9ajFSy
tC7oyNcd6f/oZxoBhsV18ANB9gdz1vWNGmcoOeoY5tm9isXxPIfQ/qa7aggJZtjp7zjBk2PMCNfo
wB9a3IKmnmPMCD5YZc5YFxL7OkTdMigMBsSYXiBq3e/ThFwtdDx/lxrV8mDHW0mretJ1wxrMNJTf
XEaYCNOMbWRlG8OEtzE7XwoGclszsT5wpc9duFMG9lwtoZrbsGIEDJD7M2uJMklYpEhyE6OdAX3M
LGdzM2onTUX9CQ8L8ijxsEK7OYJ9+9sBMLsPs+4N3NTs1SPxENvQUDxHQgUk3RKvCo5oVDTFj0Qi
wRrnyNqbYZFvdc2A6ytbkAJC9eygUrIO6z5/CMMXP3RgHlZADdrIGLiecC3FaEF3DSb1hP7jkehn
4yKCG5Pq/mFU2zxE3FOu76xFXCpQSptemhtm1G9LgbYLuSRRSIrUerKf7OLV0TJSMXgnZxHdlhq1
jzVaNZ9Z7f9sacAADChEeSYV4Ah95GmELjUZv6x8hLFLJqONybbQW+9WYzTwqsNBYPyK4tKiYbRR
CEH3Tlmi3w6tC3wMMhyrGikpMIRvFcpaewvmzX09EMPv4BfXPdQhPbO9OmJ472PJ7s151q27Jc5M
fK/E2nUrV3UDSkL+iEC8Fxhkoxq4oQV2UT/6yR3PMWxRlWMy3LdtsUdpi2fbEjCXsCqaYNrAooD3
stN8U13lcqEek2ggQ6ZusDQYd0ZHqnM2GWKasoY1Z5QhWN0TZIjV8K10wlu5IFuP6k/vArUkspgw
NtVRBF7b+bx2FlnmNC68qW2Cjazn47Z04PZ2/oCFGxmTIn0LCnzphpzEddX5wErAPC5k1GbaIzSm
pSRIFRkIuqpLn7aWPSRpCHEzustRObyDRoi/tt+06yqYznE33YTPUYRfpzKtlZg01gibBUrSthqa
YiOb0C7QTUEzqPN3tT65AzgK4NudkdZ3YawmqCTB30TkEPmlPFpGp+nM6DQqGJimDjJYg1GnWyeQ
j9dFYosGCgZj3ss+l3XLjn/Mq2FYr6cZEEhso20DV3w4iJIyaPezZP7UEgz3Qk3ZqksYQVkiDMYC
nBKzYpLUZgamQ//d9pgpIjnQjNupce4UHSpjmxTgS0eDumAPwV0zN3sT9BbSpYPjViGJbRrqNYJI
qmurlnQbIucpz6jRRcCVXGfBlNmtCqZMFMWkKYEmzdwGZKr/q7ss+qzXrqhYobSIkufhULrSOFtn
hc/oYAVEb5eWMJ7rBy0CEIVG3iZQ56eCAIyWQAWfjXkXNlG6m/TuThYGOsukNAL1oAfhvkPYF18y
JTlUxpH3KjmEhnlvBsFr62fnZgywmFVGAtgBqrqITGqWDF6oLoNsVycqI77lyRlgvOo2eBxNpPdc
saxZwgwAj5Asap9xJlhCQms7aVDAyKKdqebBZhwJ8DIGQRSuOmJx/LuYJsOTbIzOYwsVhiXCNS7q
Sxe8qnVLoAsxCk3Ki50qsLPqD6c3/Z1FRhigAKqbbWggQEZIQEwcBFCRo2q4YFFUWprHOihar9JA
7Eh1CmfOlBFcdfiAJ5m1KnV4NKYAOV5701qSJAf9bBnjoy5nPbKNh9C0sNYxQ0StFIQMExOPZcTb
ZIiMm4wIElC2bCOnyi7LSWtlA8IWmR4A7fOhP1/eAE0mat7qfYRWFiG6a7dblL4tU4MOtM6gdqh9
thkWJEvgL2sQGplLuC3iLtVRWWINUuEeSUDwOpktNC2vs5dSvNgsGfJDD6P/ICZzOzVrcL49L1OB
V4ReBS36ELgf6YM5ligEYIm2PI1oQbSJieZHhmcp6luejKl4HUCBNodA14hoy+pvdQIShpEk3lU+
ZMwpCr9CqPjSGNrkG5aBy7i88gITeZ3Nkj7PdmLNaI31fBEazS7DOjEAtKak+GcLsVsNM1Hvm5A0
AJS665H6HJAL9D0i68t5rkqjszjM5RTLGlES+11OI+a7rHu2h4r39F+biJI4zGW766mu24hlBaAi
fZJswCax9fFt5X+cFSu+HfNyqX9c1mWBuGd//Iw/iuIowFxneiBjMp4QbSout/N66D82/+sv+fv6
v276t4u2sgVBg8ybntIxrzTsX0Y9Do/FhH3hBnEWtODmeidW+JMC0UoUsyBKiBctm4t5I3umklDl
Q+PRIny3CWY0CCE3EXn8e7Ep6eIBcAKfrSAWCIV6WGtji6gb8gyoC6ogIF2xq5gXEyXM+13t45Sg
9Eq9K5EYR5GCVLxeHfNh+RGLm33ZADaS+Yx6et87iEqY2UZgUCdkTcFd8SFaA5W/s0B8i3C9CH9f
0bQjnH5wOv+uFSnC/GLrb7sUQwobcoF6LRFVMal7gqmipCawJHWUK1cCvnvJFWSFM5HPIG2AEru/
GLgQgIHVzFJR/GPpYGtvUNh1z2yIek4IOCEgUL2byhKVCpuA3ISU7tu+jEGg2Y7kjYn6HGFHHKgm
46Cl3opJu5RiOsMrw0dtU53SrxwdSifWaPuQSkn0cgHhdTuReVBG9dD2JLvsksx1EXj+ci+09ifO
NNleHFColIqSTzAeUce9GQ0/58G5rzIfdbnlJ/mJ+YgrXILu5xLnEcvEbaDttfbsd70+dfli9lMB
HuBfd7HMLPrniU2wOrMzdCENYEIi90BP6Q3mueaVs7MwTJZN9AVkDDv1rRwVw5PrtJkxBqcNlKWx
2k62hZiE9jDW8ZYuAfBO1LOyOB13AuqrdhUI6UgJChRIsBUSV4mSHyJuiYbwCccX1+WbEdwK9W7W
8pbem3a+bLggs8XzFLN51/2ItQlJ8IJs6YSezuyKs4iUDS6/HOxCDxAppXnhJSjZDvHYCZXPZpA9
JQNVNRltPtx0+Bnu0oXpIvIKg6D/NNPvMoQ1fH0SzXKo66woRbb2K+1xPSfuvjbCxKGWEFeOZawK
GWX5Fdnkwiu5ZeLJiNc6kHvNNRhe+AT3xa8R68RkWtrW66xYe3mhl4f9t1mx8fXGXPf9dqg2R8J0
aG9ElRPvmrgYMZsVC67/Oi9Kl4VzBDRRhkpyeV4BZISdPBt/pOUYa1KTxRWMoqpdiqJ+i6uh5/df
FTARJ7pecrBkW0b6iZLTPYkMnNCTDSVfArW5fFgJm4DIgDv/gRtwuXXCPgHmF4ayJza/FP3lrkWu
T0aF7tPSMIg3VZSuk+uyac6w54NSXiqkKP+9DRK/ve0VPvmi6Ij+qSherr6cxzsDq56iTTc95aaY
5o05Ohmd4yX5ZupfRC25EB3uJ+6Se3GzUZDND6J0vffXZVbRMTIPDAlgJa2AWCFOeZ297itK18d4
XXE93rd9o/y5S6SGNoxbIxrOzgprxEyWeVHzuONJexTzl4ufS0BSZCvltTjW9R0UD8+ZPwMcDAFY
LzdelUGHimLYdXRlxGv696LY+9JUjcXU7OwSFP7SeYuXyZVOIEpi2SWJuzQyYtnflEf/5+3EbgMy
0Uqd7y9Xv7QlvXhBr9XPF8rtl5dZLHXUvJu96w6idNlKFL/Pi50uR/1jq+8n+L6XpNQRUgBPyizH
rmjwxWdElMS+f1t23USsvXBXRPE6Ec/jOitKYr//eNRSpBiuu4gNv53qb8u+HfXbmVC4waZJ9uou
7BijL117IglaX83bq4C0KM22Bi57WB71tzXXZeg4ULPEfCUID5ctRXMrDn7d9I81oujrqEArJIkv
bzQqaiQhrhXlj/lLUdSrP5aKebH9n9UT/6sxwrogmRVCenSOqx+Y+5iqrN+nc2IyeGo3Rl4627Yi
+OYMz8mYa6BXO/mZ5gRs81haZ+LCKMrMXfWMQtRerzTcihRzes/1fGdWmvSsKr5z36tFtVb9/jGJ
UTgtalD5cpyEe0wTR9k0HvIRTzxF8wnqNWl5mqcohwqCNmemZ6fZigg3Eidxw6lBUKDPgLNaROv6
0dxIoo37/oMvzcmcA8deBlVzhpadyNyIz6v40F4nuA/yib3OJ+KTe/0aX9f8bZn4dIvDXs7wt20u
ZxgS52Q2qL+GDP2WLt0ysUXdvc47S79vJHROWEx8N5f5YWmrLgv/uv7b7qaxGEOaVgmycGnUxO6Z
beXxndgSObRmo47VWayYxAjq78UoSOHgpcUPBeUqVymACjUTXlFDi5AzQixuPIQ/rPzUSSUPungZ
Yt3CI/YtyVJ9g5bAjoCddRhkVEEYRx16u9Vf0Li9V2rzZI9g3/MeIxk0rWxJg4CTGe9GZzz4o/yj
VH3DXZpnD2H/dDcAJ3Ab1DdwKcO3d87nBg8jfIqkQGrWVdOBDzBwfcjilrgmccZtK3XH+sMMQmOj
BvQMK8luOQW6uHKw8wdsqdIJK7NoBp41hMWMqFezw4BHdhUjOSp8Z1Gt5Zcg54dbKWwNSfJfzK57
D8IRXHKaqbgRqOuROBtRvp4oGIHwVWUvEXgfjJBjmVSMRTyo96dFcpQoBfrDhAyzYuPjJYdsYurh
N88N7rSVHgwzcGFg/3rjp16uFz8lxbnTJZL5c99uzVL6neHL5i1aFV4J2SLCmDE1dfhgBOaqsrDu
+zD+DKcetDDyEQQHvKbwXzuzOttZvEZLqXJTk7vapxj/fWlO3t52Ewl8p5I3RmxsrNo3vTTLf042
8FepL1dFOI4bBskICSf5fVXIzh3jvh+WE0oHZA1sAJWgicGPuHi36Hu0pEt3wfg0OQ5zOuG12QRR
5efYI9mQRRysOxi2ETnHBa5CgHOXQhuT4t7cZCPujUOR0P0kiYC8ebZRSkyksM/Le1uCmUHYQtHr
tdYS8ZRy7XHAfeFoTJW+tvJ8XVfNszP72tqyAsfTbecxHtvJBXwSndGxewvDeJtko/RUYFUOnFl5
kgoYMJbq6CsaqBixJP8mxx920wXQKEptcKcwkpH9MWYv7xXD7QZ9azvV54SC07qcExVEkY42ByJR
J0tphq0p5e+dfYuIE8KRKbRjUhIEyhXrOZuUT0afjCr1VNnkTb8bMbzh544EnXPCTB2q1pnSf5kD
TEZUTHGtl8xTpQ0bzQIru7T+oba0esSb1mPupjmklSnNT3UXbENd6SB0t9BM9mQXAcuX0bs+BuMm
IcBadfUuu9NbcF+pSa7CUep3iHY/MwcDkVQx0bMlzdPkP61FHXjS5K+4HPPHuk/iQ24ULSw2NEjV
SMEojFg5+RZXr4ejM0f245AqsIFoO329BKcWnMY6b3aDwXcF69RVh+7Xdup+BVaU3ydD8tNGSCBq
7NKLayhUeWveTqiqq+bwqHby12zm6g0tRUIEoRsQMNXfk3HqMAGl+a+r6i1dvCoip7ZcqUZarIn3
xsTLlnTh59yCeXS0lO5nGnu1r78VG7UYkJI1mw9zIJUQT2/BYE2YMaqohqofuCBDr8PHd+X0ntw8
TOWPvDLCcyxnyOaXOW6fQG+xGZBcFPjqk2XDYVXM4V21TF4SYsRTFAW80tYPHMJMIEZoByPzSChR
gzaCoCI0LetpCvRsrTRqgbjTiOsqkppOQ4uhQlSpYxnuxpJLTMuscsvS+YmH4G/ItdvSn2a0SfOz
VSVHwrGjZ1n7xGSsqaSvTsTXsF/BnOT1k2rp0cYHgEjpDs12qothbHUtOas2TLM6uuXzZ6JmtjIr
ax/wHL2peizkWv2B02zZF69DDlNHtxHXHRAUblJupKSkxyHusZzldOtgelGN/hWTM2mTThNK6jT+
dDDvM6zMBrTzPE2aC+CvECBsvYWSV1Fr0fHTuGjjpTcK+VD5r/NM+ii1PC1rXnT6O7idWfCTZvVo
11A+9dg/IzfsFbUfb+yubTBqK491ugTJZYmbgGyaDQ5Or8vxVh8lH6daqEzRxHcpCypgSGM9nejP
rKq+/q0XurmrgHqio4b8aglEHttURvA6cdo537d1jcnu0OX7SmdEaKo6qukKtTwoFGeVqtOwbXmo
UzUMN37ZViubJPOmJGkTOWW9izpYD3GXEV+Jempgh8J2SmB3Uxe4tOIIRlJ2RN/Pdt5LhByBiZEK
CuTgtxS0P3BQQfxAO/cDwt9agTefXqsbNAkSN4TEliPVc6PN6GDigoIgQZIccdk8aNNn1ZTSbarO
vC7QVeDDd5gfxP2epByijZBKx1jfphWNJU3DysrgufR9FiH13RztwDJWHfH+V9rHo+lkEA5lXtR8
wnVJo7FSFan0NCt5IOK8brMi2srcsXWiOfFWS8KPGLmy2C4U2Bpk7Nq6gLcRqDeq1N/PbXx0apq3
zje/GDFvm4pgrRPdkBSHCBKbCMonfI0kP7hRTbV0u8q+9WUpQiAE+H/XK2SrzPFsREa4LVOEx/Ri
3kHXdo4HpSQXPFIdj7L0nCrc3YAw/crxTd3Vole5Aaaefvo+WX1p7gD0xvSxo6DbRdNLL5sl9lHn
Kk2ig2qY53GCFAuNIkSbjuDRolc9nRyYim5lO14zLdmbsfsgu00F9TlQoWcS5q4KtB/lOZnC9hz4
dY0Ln7q1w2HfpdyhnMaldsb4qCD7g7S6V5enYWychyAKhn2tr4oomz1UmyN6A/1qQJ1w7TvDLpan
Q0JGOYWaFgfG/WRGPc04Iu58oQ5q5rTukNIf79H6ztEpd8s2Gz0fm551P0ePnQoyfcpMetMVutFT
7izqR03gqRKo6aaqnn3l3prT22TAstr60Jw5ge7YE9pSK08L59GTzXEJ/BgGuShw1fgILq8tCOou
gjbaq7JbJkddepuGBOtTDZywmkq120fN+4x1RFVr89OIQEzUVNwGXLXgTqJ+x7drm6uQHQfbeJ9A
aoxZicNfik7cCI1YG7N0F/XDC7gr8MR5tW8xI3RNC0JeqO19q8LFzg67vYM9moEi6VaOwsWA5D7s
8Mam31Q6wVpTyvkh1jZEhtNQgqAUyLeW5I+3/lBtHFSFPRWDiFU9fRJpg1VkhD/LHJaRZvke+Vru
RKRswn1hQTUqov5uzkAIa4+gJGA6RYa0Rjkbvz/g3kFS08Es5wNfJTLBXUUVjKaVnzVvPeiLNQom
77bR753OUhCbtNeOE/5G3f0dpImMUXsfnOq8fcBBBxqG0Ru7MbC/wix5MjL89wDEwBnB5WTTpCPd
JMV4DK3XjPEP6Wi7wPm8ND2ljE6ZcWNhFYey5jbqGDtM0hHV4OE0LLmqSTI3TUG/JWjpitGaotgc
PkR9c7RQrNtbfkDWPmxR1aRRrvATWE+KRdZ36F1sj5M0uwfoHCNF3b3Yk/0bc2+EPjNTc50eEkY4
3fTAAJK6Cl3TbqctrpsoIwBfSLpyH0n3uAhUWH7wLbbVeq+iDcbgFDJfMJr/l73zWI4dSbP0q4zN
HjmAQziw6E0EQjEE5SWZ3MB4FaRDAw7g6ecDK6uqu8baenrfGxqTTF6KiHD/xTnfOQkyOi40F/QM
Cv8kelceqmOBOHhvvJdaUKhXAeE1Kct0hezbc53nlNNB+idO9G9q8UPAkfPZbB/yyQz2hdI/lsH5
HZURAeNIgNIM+ZByrn0BRBDY/DEzVuBtVoXeADGtcoP5pKPoZkKB38TNSa67wpR955IO+lBmTQsF
wIBZkJrpTtnrCcThZ3f6YZjIDqQOoqoqDks3YwOIYp73gaYIz80DVDGodL15nDLlPKolRPTCIjQ5
Bsaa29neOjdub305IyVJWoMEAAxjdbknsLS+9TTQlm+Wtxx3tgOmXXTA5rLZ/1BKsCAk1WJbe37D
s9//lnhAGKgApghmsIR4bjkHZ8QZPNhgUpOoI03V05eiXHYxa8kw88Tr3Fg/Jam8wFQymgUZFfva
tRVW6OxA2/DeVOTMD2gOCtODQZFric2M69Na4DqU7WEaUBIEcjfx89+t3Gy4jfKuzB4G014rdC/Z
+qX6LJUkyosBkBs0cDlmVBaD5Y5nPADeZoxPxcCzUIt+uQWFep4G/wcxF/qdVJS3psU+Q54rqAbD
A2RoobaR9XGyeX4Vzu0LUFq08q1D2cOC1Nr1sYc3vRRhUtqYQ/tOE7ODLilq4qNVZq91T45l12s3
VISXTwtiJzJ0v5XZTGYKZNKomtXO9Jmil9by5iVtszOnYp/4PJaem/HMqbowbudlF01DsveoB9q5
qkMfYRoolruZGNvRsG/a1rgo7KI+APvDv7VmRIzVVovCOsQymI/ekm2IkMNo5w24yhwKHTFNADCh
kIWyxaY/xo+C+2ZvSM0epuDKzdF8We4GEnCCWMXaLIuI95UbEZcG2QdLUIdBs4NBOSQy32mmnwW3
/12r56PO656Xfg3UpGf4XPiX3GySTUpC85uiXcpiVvkVqrSt22K7iZCwLSMeGt/sFQYaXGsta7Gp
1emGKJoxVDHqMerge6KxvKmg+eAkK3Ik73LGiamKiDZxjsJ20QT8JYu38Ry65NHvDirl1FRqPs5d
9qg84ItJMJ14UVe7LCIxLOvlfRmpaO9PNt5/D3Ng3Y6Pmao4GxBvJdJhc9KiTjMDnJZ057zgeAZC
DOX0j0vXuksCm6SyuXg1M3zZgktrtS4cAonjufNJBGurp0l3r376lDj9a9ZX5XaIc7AmPn7bzDvx
aLQr6DrKtkaAlVc6/hLmmAvBmja8oCXO6YqwQD8JXpO6S3bsvR8tEXsHFGXlQWJMc60sD4eWlAlr
IffXEgo5HVQ/glmEIAR2N8vkN6kH47Yx5uBQp/mvVHvf2d8f1h/xlHnDh8uUaxN5xbd20kzD5v7o
9vEhUBloHZhIIVwOEXX7UQaXNNjHLgkredO759/EaOV3UYRfkCviSdCC4HHO6r0TK6ojiP7uwkNa
u+OevgJTb5fcBmhvG3ca8WwPCxq8duAaGL4tYngHGC9uFX+9+35pb+aUrhuBSjIFKcEWDkW5D1r7
OfPXHawnoSb06wxividLr913lr161UkiKm0r3skhK84+qbT/oy0GbN3P/4W22PdtoIL/5+9i3f8H
axj+Kj71Z/vr32uL//Y1f0mLpfsH2ELbtjzPNe3A9MQ/yIZ8SvoSx5EHupBPuP9QFtvBH77NB4jc
dFxp2hZf9Hewof+H49AGmfx74K2Faf93lMWO/BdhsUNkrmeh8TQtP/D58cz/KCzOMyZW1hI0xzGv
vNBH3LJYeFt9wg31mu2XKoYUscPrhAHZ6rAyRm+n06Y8WqOeQgUCnDMRCIpr0dBkVJdzRsZaZQ3I
BXPZnN0MYdoeZWS/q7s+Po9lwgVQjZs6x8miK9ETFdJuWXxfho68UyP+8D0i7Xu397ad5w1oS3HF
2yCWQ6tJPkFB+odOrinUszqltdhiPnPPDMvLBJu8u/grurz6hahlOdCf0sryK4K5wmJbdu/O5N6q
ml/LsjftUHw4RuuHkTMcpqnpw3nGlB4k8pUpDO78JLr5NoQhtm9QF9ZJaNQyX1uiNRXCPUSA0J4r
Xm9m3GIhH9x+izAAsgrEnHJxDgBSm2trudFu9oONr6aTP5jLUZp9s0c+/CDi+MOjt3n2U5jwuX8h
zAoQ2zIDeZpfBsYVG4O0DTrolkORlPCtk+F2mxp4K5Rwfy6AJvyyCpj/uc9ai3q3trDPUSz/TOs9
mQw2rCu2tpyfrWP9Wkqpt5msb1YhrLVOYOdNqLtQM7dPl34MhJTEBqCkHIVipSy85ylVkUetFfT1
XilFgBpXg2f+zjVTR7t2YWJk/XMd19BNaH14nEX/qgQlzzJRh7tLfE48fOh+/NM1kDZw73BAo5Bt
R/Ho5oyMgyBPOGcx5KZjtdnfJ7mg7NAadUj+e0a/W4D9GU0IElalrquyUzneSxRh0ZUdNW/XkmlZ
c2IGWfPTWhnxbjPLMPdoPN1MPSR8I8/m8iTGC6f2GoolxGMJK2C2JTH2w5XZIwgGBm5jSumeRqa/
xZ23nfSqkM/LcTPH3SnHiirAuFC+XFzze1urh7rJ7yaW+hz4dBEZNfAaA/UReNEJW+Otxr5b5afC
tklYyT8adyTpuaqeB5jt0i+L15zhwATHuAezZSdJGOVmGyppHAcT+SLSb8bT9/HQ3E92tItk5m3y
iN+c9gd4HSSADsVurSzAbKx2NqRg1EwXYpDh7MdiJgkKqhY5T/TfxA5vEN82DJumY6W1s2cSdRzq
NtgGhp5OJESEsargeUx2ebDLghFyg9m/JoU5zeIXUl4gh/TMYAi4/535TwSYnGn7m10VWPeRY+C/
ixjBt9K7zv7z0Hb63mvVRZneQS41Ld3cP5F7TPYE4xSCB17tmp5Up7+hoUSKiCn0isfIx+/tu31z
33nBMZuf59lmPjpZPVgsH9TLVdIM7oo82lZTmx76Avm2GaAE7VR2IUhG7mIbYCky9ZKfv4H+RQ3V
5Rw1eTump/p7W7jRg3sj8qy/C2zjJjl09vV6tpGriyiTHi2MrLdZ40tCZvGkUom5Gj/iKKkIhlkg
lr7rWMBZeNrCyKMudQzd7TTz/WYupou9IK4W/cpM6Od4l9gl4520dg6qYtRnzZxOY/HkN0jjVYow
O5879hC2BgnbL3snMe+DcQn2kLp1M2CYS5PnKmkoJ5OSojoBKNkraprIOvQLlrs5sX7I9M6gVr3T
z7Qgx3HGGFIyT6fzCxg+NAwPg1nfxvlR2Nm5Ly2ErHbi0VpGoR+ZP7J0JP5ZuK+LKJ8Z2qSbUThY
cJkjnT2nlOdsGq1T6REu4SvsrzVKrgI++7kWi9prfoCv0Jiv+BgCQfMd1e9PAlHpiOa9PU+vmQXf
1qNWYwDgH+y470HApY+EGkyHwKrGsIp87g3ZemchALPVQxxK9dquB7+wpuFsWrBhqgLVuSK08bhU
6dkhSw2CWBZsebbkF7coAH7MCdCB8VDl2iX9SE8cOpyjc5Cuku4SFngkxo2yu99Axtc4pwWwz9wY
Z3ZO7iEexYPB2JYGADpRbpTGNikadU4KlBXYJK2t4cmMeMfl1mdWidi1utrTbFJpIXviT0HByTwy
aYL8Ikv7LRgWZnaODM7z2NRHO/CuVWbiWCnnbIdw3wvTnq3S10/Rrj/K13vN8juRmbz7+g/V64nh
TPu3nxKDLRKwAYMJijK11OJunNm2/fVuk3onwtfdgJzx2LNfKpO1mDEkx9lCFN864nGyEYaQQj0m
JB17siPueH2vFCj5HQMMRp+5ZkiD8lu5iDSrmRWNyN7Hgo9SIDPTxFbaCvy25uw8kL6R7+ZguRZr
VHLMnPBksaUcBjkdtLFcmwnUz/8UoP8/BShloImv7D+vQN9+df3/ek3bOC3T/2Bx++sr/16Hyj+k
cG2qPPOvevMfdagv/vBc2yH4NYDivRaB/yhEHfMPz161fr6Eee178t8VovIPMo4hZ0ovMFckdvDf
KUQFXG4qzaqY46o8/fy3/+06VLySQtSV0rKomK1/IWwj0tJFCQj2pI21aBPVL0WHvBU6ve9k3561
TWpxUWMZwKvyyVZdnWbjkhPicBs5Ch0Pozp3bBkznVuyLdPQKHSZHm86He9rT36mWXQ/TGa5q7wJ
IEwcB9u8qaMDkZLzRsfRNfXO9bx4wDbvhE151MYgeAaSbnaRXt70J3VmvUNnIcNhOfpDrRFI1Edt
IkpvqzVwmHSjsbfJe2tOhGRVJ8cxCFKZjZ5ljf5kcqgujq/3mVfGWysCsxEXy0UvrMRkDtoiae7V
yEVkBayJLX+TUDFparUTNo7kUEYlbA2rYU9DCW6J5yFR2JLyYUTnOF4LExsOlgH4g7NHAEBHOdUx
1+XaIUG67utgN9lEqLtWog4OElVMCAZgojSnjBAwgwbX3xND1Y4cZHPJQlkMn+28kitpo+6zAEZE
Ieg+KYtIj9KkktTXVnMfyPWa9BpC1ixjgplX9E0YN9jgmyHdI4ckmDupIQgQF5OQz/Bij/6T8rtt
VxXVaXJ7bG9utyoLNyj8a/FS9/DvGAi+YMdcXTjku+tH12Hsrb09c9GNB4G1JFumSt8WkWLYgxFq
GmddB/ekf1zHIfhmyvrTKZk616wvCUvf9zkRskbvn9bP2gXXcc9IG23Eh84CEr5LeoxeBePGtJwb
AF1KC6/v9kwiz/Y0Weyt0DwYCUkGMIt03OMstMc7nGx02+Z4FaP5nlZdjm5G+LA2rGqfgCApG5PC
VrAqK0hbZVrrWIdsXOrQRidHreH1h8zp9hWHMfM1MXLRkbHVuwo/WCOhRREm/I6SoO3Lcy9lyxMu
rsKGqVFYW4veNgKK/CziQ4Hae+tPP3oVvxC9XO9Z1EMvi/OraPFFRqb9VFvikkfuoyiQELCA2Tb6
AxcFwTCrkws5AzwYYkXSRR8NG4FwPkDaSid/N6gWMmIX7NPW8tgC0Kl1cMBUkSZ7XVqH3GQhFpfN
XTfWYPl0cLDnYQ4bkqypyIifGWKChYbhTRSENsZRhVcKYxEnAS+ziYQKQMFEk0SXqDUeR+E2IdXn
fWKz9+vag9WNOmSXTU+pKoZe0l8tp8955+AFWwIQm521aWp5Y/JI3lRK9HHf62/Ji0NaUNo++UoY
h4qUsY1ZLz8poMASVeKn6zc3hFP7oDR5LTqdOgwFgzncHcMGor4mmaJP3rX7ELGzPwZTarDz6exd
H8ljAj4uzd+z7AkcyuqTrMNRIgmxLffGaBFCMxDbdn4rrenXbIzykIxEd3vTaWA2tZcwYImhmPfE
XlRwdseHeU6YI1cuvjsfk2E7QE3UA0bZoDl4UfyIG3kfmNFjN95HosOYGCDScoubLCuXA4AlgahF
jQhFNtuR5F5SG5kyB+4QbBBQHE1IivPibi2AbdOgQmnKcI7NT3NZH6AYjb8lnL2MSJUbE46yrAMP
55cj9LP2xyBMJD2kgxJTv5waEYgLOwtEvXb0NDVB9I1Z5F1TPKukqXZ9Wn7OQ0LsIBHoVMoev0yV
/KprBNOBtu9TTfVS2PLejqPxbkr0KxMQdZc4r5HHXpFB52bU/inNE/9xxGiS16xmp5GoBB/bLjlz
VU0tnLg7XfcX5bu/vOx3anivxcIgXc0BlKdc/GKnzI7P1AhD5nljuOaLJFBup7sfcWrrm+2icakK
09yABt9jBEVMLr/7pRdv1Ux4W0CaUNLbWzvDJegTyug31XKAucLct3DiR7Id5dBeYZ3DNIbbfEja
VB0iFzYja97NaATGxmnMS86Qs8zt81QP7jkJ0m2bON9UDRPRTuqGsKUTm7n0LmIr6VeFYIXfA+On
clepBfwTt7Vpy+HaqPhbYx47v7nXwKmnuva3RlauHNVsj4ZFPCpAdbgDUIbUSt91yIZC9PUuS8XO
CIBuimkX65FunBCeHaHmdPEWox7wfkz/AbMGpPMtefDhBXI8qt9B0b9nvpMjI2oeu7kGHnacFiQq
fj7fF+bNKTxvpQkNYV8PYeIQtdv2th+mKPrRercH26vBDAcg19MiPjduZD4UKD0y1+a5kzLPzZot
zW5+kEa8wqDs09hyrWnVPNh55z+wWtkqFqqeI8t3xF3J2UuMdaefnoae1XgB8eWSevW1O5a2Z6zK
GvhC3niTzsANOZpnxwye046VfTUa+YMxmLxh+UXmDkT1uju6mdxZ/fC8yOab6wQvecQTJc7fcPL6
m8nXb4HF09Kamr2uh5kVZQMbzbMPKjagstnBqUnr5Th2J87VZj8b3V26NPc+6KPH3D/XK0uuke0t
0HCTq8WH0iz5/1pau3kMHhfbmB8jqDh3zrz8HGaiqtKp8fe81D7qVj8N/WycOsJWN4RabVXNE5Oa
A91OhO16mbHekihEDMqO5++9y6oFE0ONpx+iaqXrGhnIr8p1hn0zVb+aYYYk2sx+aKVYM/Cm7TEh
W0iFoH8T74gjIflTTfYL6SL5fnScp5gCJC2ycTME2Nxp4zbBUMEOUkjR5/7StSvemOsobY05ZHKw
5VIYr3J8T6FVRQScMROcN56Kj+6k1L3Z+sQfi/ijIfNwn7IZPZojm5FqSb6NCBK3sxIfSZQe9BJw
wWcMhIhG9Nq83olGvVi5fHOHac8/DBC10mZ0tFFJ4TQsxZGQswFSJQ9oZQEAnNJP11j0e2vGP6rE
Kg+tD0RU2GcPKy0vIP5iq2VzY4sAYNoQStLFLoK9yT6ItQVSElJw7IpXtZpwPK/4zHo2VgWgfNnE
A3Ml8HSGwVhg7l/ZqS1h1SRxWPVRKJfmNMdBf4knNrCsGL41AROrJePk6rSR0/zZ/CvMQq7V5MDx
ZktbfzejxkZ+CQZQwjud0im7W+b+pNLkMbVqRpq1+1mPKK+sdnlMjXqTuvHWW+L3eTUk+82H1xov
edY7oZ1EEfJFxkAR+/0jm49r58D0TIrlsUjdgU1Z5j5GvvVbKYLXHY/pq7X4p5byadtqmZ3WHQvR
bRPt+Fu+PlFbAXmWx/lEtVJcfIaB6JDlISUgdK86PN6s/uqdH7vVNs3Hed/MCGfa9hpHsoBA/D3L
mc4Qg1kfWFAVufhuGBN+awHzzBDm9y4WH46ovFNnpPcFt+jZIjs8pLNtNsY9nu58S7Nd74y5fIqa
5t6SHeupIXvKlltTJY+Rwxit91JKyoKmtAx8tu5LS2NfqRepYcp1zuNMYmBowjGcG9Pet535VJEl
e+upfWRCiR743GOaeEhXrId75jQHwrKAJj+5prZQ0LWP0nYvvlpT6hZkJCMhVsgCuV4iJt6OQXJA
4C52OE0j4C6vHnarY/lP5TRvlLzUdh1wCnusLAJOuoehnFFkWAZUxio51Y7dvOQ9sMqSBIYrmAWY
hGRJ8urm7y2R2dZ8DaHHE3vm4dskLSaRJVO51CcHeenhzxPwl4aIvDb5ZMenfpl0GGViAHb1mzOG
xWEzqA90EYyB7iJ7eG3Nbm+AJ7osjriNMeGZDr/zRi8Vyu+6Pc2jPYZTgBm3c1uAkZyr0sLxXhuL
v+/w6G96Q+b3WQTLlDqp+WjqyWXtVA/HJWLfahtxsvNUA/8u0q9OKg+LLK+zzLJN1Sv9HtXZjxF6
QZTlGF+S8RdMMdxOjkcApXIfTJqNiztwoqRZOKnYJz/es07x+imef1Xk4A/X6ffOHs+mz3M05wWw
AiXwwV4M5fKtjCrdJ7p5m935l2jypy4z2aqu6a3DJC7ddY0NK5vyWlqQYquuA9ORMezuiPCUZvI9
ho3G/hW4ZdeefG/m3ntoAct3Q/1JF/XojfOrNtq9STJiKMRZFc1Hb+j+EJcWHIEleFJo0Vy8Ahus
6omZOSHrf7zoT14dPLlT/On78FkDxJRui1zNRF0Sf0bY+YMWhZMDdJT2Rjr6KnJgHZE1hMFY3WF7
ujMLeUpVwnhx9A7EETLc9I5elHwPrG/TsuwWurdxqv+sO8L5vOCbIxlFdrtgCl6iOfhB9UmsKWeI
ExErQNC4dQ2cPGy9YpNxtUAppDco0ZFx/MnoYYnFuUzq15RcxBo87uJ3D4Rikj5eyCc3Q7GQLIBL
2fgjM8mhsWZbEuzpqUf4MAVBdeqxRnw3ejYhKvkcqggYKuHm964H61u3D9mCz7mtjpnWW3fs78qI
ExrlVuGSxFvGt8pFn4zJEYuBCkBQrrl6XgMsUjxWpvVqN+2xcCyMq7n7PSeCsaqui+Ez5W/yl8Cx
r1nd3s/SeBAIuTvvTywICDarS+xHW9kZYd06u6VG0/PephAnWaG+JKV5HDJOZetEgCiK78y5n1rn
o6nqF7MT17iJbgPYFsOgKGTUPOUfLgLeDQTA74MKLtS/Al3b5G8sZ/gxNUgXKXFy/BQ1Q9i8QVrU
UQigDGso7bysvJGIslNd8iNwp8cimpgIZLR9Qj6wMQztenxJU7FtFEOD9aEpWQi4gdqr9hgwCa4U
7ahonrMqzkMLPaCcZLARvt7WBkaFCntoYB8Tu976rnjzl4HVD2e75kZa/+aG9l/ayoELkbxE9XXU
9ac0DzDakVWN3ppALcNlDh4GoV/jsd7W3bgLogwcfLllDPKNsuKV6UVBGUX3bCTRA679fZwBrHFG
x31+qtF2nAHnDTvkqWwmVI54yEhPtqaeYuJyRb5jXlIXbVkF96EfOTTqhApgoY+qlNj4PEzoYk4x
uv7M62oaZYNUTEa83P0DQ0fCJGLzfhqYAHBxZZuuVldPG89pJfZGkrZHI3Ieyh54Oh0gQvqin3b5
HJ3LeCIxAcFmGahdWzW/Ko8fIGLnAj1ov0CAu+8a+RaocTxWdBGJpxfYJh2o9ywYSIpfiMaMgBpF
RzHUtK/kj7SUdQjqCBSqkLdY/sVGLM/kijIutm8uUqy9vHn+lTSftVYVNPMJQusGCrj93dCnrqWM
yzS3BTAPCAQNuuwZjc9Ei0aeRXoETPC9TkcfN05N2GhggQ5Vep8E3UMdIwrrjerN88jakMjEcFB8
bw09v5jpfeMTSRUgcd9GvfsCWejK1fcw2pmx8Ux5kLPx4o3G/WDrV9Exgqk6plVmHeyNVNxLt+Be
rJYPQtjYQNqJs+/9mVfbcOR5uRetiWZaBWC2SWhPife7pTHYlkgke79m6bikyZ2RY3SMwAdXDb7Z
gueda3UD0fPiw64qiuj6BzoqVmGtF2YAEpF6yV0GpGuLd/OzimBF6j4sFnnJA1HdyFPvX8o0P60m
6SRp+3PBxDN0zeQuXg4mCikWidDCGXEXGy+PQ9JNz9jXg8MUO/Ttlv6psq7eFtIgbwfbPNFDJhEm
gb9Tub7YeiTJQIqzcGk5qukZQlFIuQW/vOw/LJ8crZ7CRheIQ5ibn1yL/VPs9uc5YcBGNOd7zFy/
aVHW6tzclwEJMIQ7WUer1bcK5Sj9KMPJdGEv13i/1cgLdJAE26AVeff6nH5BPxeFgQ6xbdEdQR7C
9E1XogtpI/GFXiRq43EoRIleSeS7RND4KVceJpsIdSEiurvFPXKnkvDnCwYCY0eXQHEWZFy2WvbF
KXfd4zx5d22C+qtRkmzkCLw/qNidsubxaRp+VjbLfQA0azIQpn/fvjaDgx4wNnUYON2uEgN1gZou
Pb4/1NAd8QLtg5yqg8UodqMnOJ2NgVa++eFGjAIzL/u5TJ7c5jR0IKlYXEXuLyUtcMbFujv0ZXYe
a/O5DbqjabD/dwi76QkmtVPjFvngvKJAotNGclvT5VALggNDvcdWNM4ekCz/SLtgtdiMlxS6ymJF
+1y060vUVmEryRatanjecW6cSkGUfLlbRsk/XHRswYtbYTK+LLP+sajsl8GoGA7MxkdpCJuVrInV
HkVS0CC4i03jimzZjox6n5osoNEMbzqE2gdXjUipDm3Uv1Yd+dFm7O3qICM5mkAyR4BPLRWT0RJU
zNDtEt0GPw0TSvvCRMrLYrja7rgcGKgeo1EdI0nfYaQF3qJ2Ku9QlRKjRIyBtBQp5ZLiFyHfNgEB
sIhTE10Kix1O2/yA3iF2EU/ltWV6DAr2M2RgsaTp2BklWeGiqeseoDhYxzRjrZWTBWVWZOvohECo
r/eA7BI0ownICSLDuOOFQkdIrwPSjNnn1xuVEI48O0C00EDzBPz6YB+k2G5sXuodZ+bdEKfD3mZg
dfri6MaDdWMg4yKWVt0dMcFgsFySor6wD1/majuOsb1/uYj/hoGw8dOCHmppNsCws6edD4yT4c4u
41GjcGNVDZvFHh3erO/pnqLGn08r+LkqPHA8oOusJs12Xd6egQrRinx992SF2tROFHqoJwqsF3Ts
X9/364f5eu8rDO1fPkYVGk5ZLUiD50EcVVNtdCCjULeLvxXQ7jaMoQlB8MRfb5KStpXNypu9+rK/
2B7JF0Ti61355Tv8woh8AUjSnvunFO6l+TIXd6haxirNYEzxC/ZpAgpjjUlEhgdfquSP+PVm4FWz
08L8/OeHhEvGd4PfHYEZI7V/fqJmo/63r/r6WDYTejH3HO3//IQmCSxkp7uSZjne4rY70EpWd/98
gxYNXf7Xf4Pv2jWtqLZZwKvA71h8KzEYBzkYd2UH7KiPRY7ts3mWRaSuVUw9PBrcppoBNhSKs5Kl
efKddFOYIyjBwbJCc1R22PYoggbEo0l+grVF+YBUpCppVrIAKWqtcuPATfCocK1u9DyYT0XU3tKa
GinjLt1MYhHcpzq9yAx5uVoY8oKWinbJ6P1aBEH0dTme6AlcaPzpoe19tauZShnTs4ibfquobplC
Ikl2/BfNyzC0DKaKc6q+zRlGM2dmZ8+T8pw59o9UcLGArCAcfM5erAj3rFGToGjJZMcZfTfH03oJ
xCl9pha4kIYHpwi6s7kkO6uagdKX5X7xG9IjJjs79oyGtrWM7xbWxluOOfx94yAYw5AGoXLzWJrz
cFdF45+NAdJl6lDsMA+CCEx69SN9or1N3FqeAC7SLmHV4pBEct4djGzgTUURJ+Lv9L7FQ21Y6R4F
UsDSZjuUjg6hJPxsRHXfkRjmCJgytCr2fCgkc0/lvuYW3kp8OL+U4T23NNVFU5+LYi5ONh7k0XCi
rVNkV9sW3/IGOwRyHJX7QA2GluVJCk5qnF66Wd5l+csoiLSLbX0fDc5T0CJUCrKbmc5h3VSvDOPp
9wklp5Usv81Y2ewFksM4jB+JCh7Wb1uTXrjpFQlqHvy2JM1+lhXyBSb4LOLm96gxdyqyk41hqmfX
kW+OwQZnZChbJOZ7OXCyVkv7U7f2e89v6GYMRvCWb+xBdH8mMzNsUpna/lINKXFhMfE8zty9rb/d
1mHccEVhtByCpf+UY/wQGBTnlctPmXAMUU/0I0kcPp0bqRWm+1JH1D8LL4+iLspDVJvfmn46jGKh
S0yHn53uKa/oc7+kvpkgUM5BntC/iGyKdiAoyZIp/BMuz0Mq2h2IHG75BpecTtWvHCsXG5OxCvFa
Z2nVbpO45bZEnDUDBtrY1vxSi+CHF7vLGaRPfbXQ0G7RnvT3xuzhIdANdV9PhpKRtEwcDu7AmN43
pLu1c388NknqPZRMMSuXxAKTXUZR4SVSbT9sSyLPNyWbvfVPx6LI/mxytCK28XFTgPQwnLOEkIP7
bng6jHvv2RrAu3iVQxJTucnG3thGgpl3ZDHwjVDLeaQJrI9HW6UwpZMWP0/VXa3Zfxtb8xNGjh2W
lf3nWOG8cyJ+5wbGFgyVH3k7Y5srdrFo40Ov0To4UfviwUiMWYhS2Nj3cVnXe62bds+8Bgh95l4s
hnVHNNLmXdFn32d4IqA+H1Ov+40ZhoycBTyMQkEEXENjPFuKbc4iwuRRhIQUE3Bhfyy1z8MT+NDR
gwsqq6dosH/itEBYHzFzrTqEVD250A7vrJ9KU4zzed79FJ25qXzn1Ut5kUbpyMuxem2ldR/MIyGF
+aiR7RmHonmlySLBjt09pmfH2zqafLWAYKIup6VUyn1ho+7wJGX4G2hJ52YbTBvxGGV5Bmt/pHRO
07D50xyWJsT0wq2a8pD47dmV1ZtpuDcnxbnNGCFLlrdubE7C0fe9BUa09/jOwne2eUoMmXat4+gl
L1nirhrRdi1TWd75hnOIYwKfegNNe5qttTvdViBg/a2pNmJNijwyzX43EjveE0HozOdcWuRZex9g
T7adW4KDDfIQn+BTE+BhwyeKoPK9tIdfoloe6+ZB4uCcnf/L3pk1t8lEW/sXcQqaBppbzbI8Ox6S
G8p2EuaZZvr150E5VW/ipJL67r+LqGQlDhKCHvZe61mUAceAa3H5C8AMNILr4GW54BuS+nTsbw0Z
Hm0kaWNbUpzQ8i5NvY0xJa8I9w++W+54a/NGu9Ti/MG8nQIqMSwWsJJPBOiVVUOijHGfp9ll1b8Z
mM0A8XTH2TGPU53Itdug7pYWzUNHbe1WwxnUOL4qVGK1R6iWbRyIrLimTnXneu6tnXV3BT6conA3
ZWbfnI87dSQUmilYXhcKTOOV91FLtqJAlWDNLLmliSc2dr1gxQJpwSROOy2zRy8aiVPKQpyCxfTN
8Lt9qQRRKNRUcMlSZHOwlSX6vvW4l3rTI7SoKa78Irh3rXRjT0Ozz+WrTx0XAaHzXjFuLXGgbVM/
JnWyb5vo5BTGte33F3HEqDj6t4pqkt1RKAo7dK90YV/bbLowJu9Lp9R3lb2ZJd5jemefCrQPbZJs
zAIPVlrSdW/MA4MrQv+GCitZkTC9vlDGZbOoEraRBJ4z0BpF/ZqE+T1iipvGx3RSyRmwTJBt+tyD
n1JNl5EZXpi+/OSY8rlCpOjmfADWlsd4WrhCvBc0JhjxqLxXSCkq2jDIZiO6Z2iUwFYmDoLlnHbn
orzUWfWIrRZ+y73pdO9myBpHpOuO+MOM+4SJdp91/Y3JZGBFtGwg2VYlZWJrpi6pKitf1xbd9gb9
aDLRE6sSsW9MoganUlwpOJ6Tia9nNpfuVXAqg26DK3CrvSljl0gvxSShra4+J7p/btPOXIs4vrGj
pkJ/RfZPV3xVigpSKvULTNpt27VvNfCivC6eioxlgY4fa7f/LD2Cl/pivGOtgRPaQ5Hi1eQuZ0P6
GnX2zqc7gSOcRkPRvDl8n4EaBTcDHj6Qayqz0oOayMgzurukJHZy3Aizxj9WjfZNFljZmpmm2LBv
m9cOt1JpbyAsIxPBjrUtBhRywEWJtYmrxX+3QZhk0vDq6Eta6WtXowgImChoi9k7t6uvoDwuiKtF
nB0npAQN9G9F+LnFMWdOUOE6Vj5SMVMiITlReb11DPgcXnRMRvk69ClxQdMnxHyvFM1Q+g393vDR
NKBoe1/u76AMkQEjFqfERtYHPqf1iERYAjDrIwSnsUsXbrCnSwcD1ko1bo7ZGORQmOlD6HXOTQvd
CFWw8V7Cr1w7xlPBqGm2NTkyOesWp5HPSAMOskB9CqUbtjEl4/Ny3+u+Cpf6VBca0CaA8TA13xQ9
SXN9zZAJRsxKu3fiH2pKzNZb24QkIg4bOLhcPsXWRcizFo3jI+uwjuiB54NB8kb8mOLt3oVliphZ
3ZppEp80nZIF81vOMx2ZkgZpSepz7L6YEX2BMBivpjR46sz+5LYq3Vp1ewp0BAChqMilQjwpxHxX
JPPei1MyMPP0VLIdoqpAK6QjM9izE1RN3qvdxriKPXLSxgR8b0uSUToeihxQHx1+8COhC09BYeNT
9rAvDee5nuPhWLfkdCYW/Ukvfq7FfKNZRO5JdscnLNI7lkBoFCbvBeHNAVYhws0kaoilhfBd2vS4
9bS1zKLeZvp6oriKxnlkyHC/jJQrtnPJuMKXK3eFEd3XdUg0U1DiOUp2bhnelFH7Ima8acNoE26G
MKn1bSqhcIYtSMKcfX0BT5eMVioGHh1XmkGnqmVXUbbOtRX03t5W4yOXAqlC9a1whuGI7OfO8JLH
wVyCinBNr+OCiawOum0yDuUGeVi9YbFGmmLBJ2eIOhZohwII5uu2JYGo4l5ZTXXKIs8zEEy5JGoP
SVEfqvA4z7i8QjaEZm3Tnh9ol1qdHKgTuLf+hDCkdOKrjLrVnp6zue+t9N6p7LcqTJNL0zn66cK8
q+60NZ/GKLSPtMw6c+Yr6cCQgrVY4UgnxS1UsB4rPKIVwtO5StBKUc2rdM46MkLx74+PHWWhQRT3
HSzwuhfumh7+U9eW+cZ2Xvzq3e08Qn0JFl+ZIkYOPd8XWArYJBgkp4XDfZDeqTI8zdREPCK1WSCW
J1dnwy6bje/NPNNSigdkrvPor0uBTd7R34Wfu5ssmPYyMR+l8SVL3W+mhNwEO/5kFyhn7D6+nK1w
3vqhcFi+29t4KK7FnD1Jh8u68OERUGxL4M/kCnOU4cIJ0FV4gN503VsjMOeJIK6o63ZBZMVb6tGg
DtKaVGYbx4SegOfZzCF8a6xtkmOrSU+OKKJO0Bfm0t+7o1SHsvD2anyiPEON0DW8HViZt0LQlsmr
4GEYvRdLjE+UIx51IZjgar/ZG7l7PRaaWvT01WqoyGaaJU1D1ybM3Hid6wDKpHGcK1PvU6UHsl5D
Z8McymWatbeJi5sNYjbgpbTfdYVzxOiKZVElrzOhQELnL9BJuPj1lzbyd0XX0JevgpoF1XBFQ/xq
GukcmHXo3tGb9ezimwu5BaU0XQ+tx4QAXrENoepA8blRMdC+fO7RSDNl45cUN3CaWWhR6nTsHZTj
fT+IFGC39TZMWDzTDOxumByY+0Lsr4+azBskwSz2cC8XO9uIVjBjbhOHnL/C7u/8Qjz03tc2AUTg
k8DIav2t6vSLm2B/bPKrzFniZ/gzI1mC1ZOB/w3myzPJNxfEtRZCEhwbHtLY3Xb+TC29NQ/s+gzq
ftuBjVgzbt0yh56tV1FuE7srG3vjA8vcdCS6EXJQF2m59XVobVTsvskJk1yaJ+62jy2MiWZ3HIeC
oXlyX/SbKkV0SGu6SZQYtWeRqTdllHs6tlywdKKALW06PCqnvoqEGxP6TsQPeKuNUz/GQVtjG5wf
XIEvEJZ2zIIPCkonKrkBVNFixtHgnW21F11HZw33lE2SHP2thzkMBDfrjUPewcYK4ldXifjYi/6m
NRy68zicN/jSSRaNx2kzS2fvF713bzikIrvmZWLYwzaivIKcEpNl2ZCGMErkitmBZk6wLaehPzjG
QVS9vktD3plIehR6PT3cENyEOX49q4//fwrJP5yCloWo/nyqfuR8/GYV3GVlE3/9RaL9f7/zfxJt
Zf4PVj8k1bZjObj//hNoe6iwhev4PwJIbO8np6BFBomNdQ+ZuGsSQkI8yf85BYX8H4dMEx+OPjsN
4frO/5NAe0kY+Vmejf7bkajEHYeyE5pwPuvPCSThMJoomej8kLu0FO+a+MZIyoSKQn3TYRLZuCjz
9jG2/Es8VEyMgpjbsiYXrLplGopOQutro0OVohA5rT2nKYgmp8GZhRG1rYIeoNVftU5NyhtLgYXV
qTY/ne/bH2/25xwVzsXPH4HNkiQ8BUgfQWKcYIGu/uePwMoBvSjQ473JV4V/Kt6lRi5WRkDtohDQ
tedaIHvyvnqlkf3j2NZipPzp/P04uK8cBPNS8pV8OHhjJ72FWaTbw3DAkkjSUcaQ1UzoboQ1rHQQ
3lRuZazSGu6EHev13z/7H4/P1+afVfautD/I62drTKtJym6P9PrWlsPSNaaLiEhzlXshAREpqrZh
Y8ZIJRVpBT/8G79k2vx87q0P18/589t8esnlLeikfvj8Y9/pNHM4+Y7D6Jw0/X3YYOKzJ8damZK2
nW13WH9U/N70KlsPE1icHN6XuSU2oV3ZVWP845T8+R3hwlluLst3PpyRbkQ1ZVddR02Unp2VjNEW
XUh9+Y8Tz8354Yt3BLeLpxTuChvD769XXctKmYoK6tpxRu9LYAd0rNFNnqpggI3VsbkNi+B6btmu
i9466MEYbr0GHkvm1eKysmW0z0bXPSWxVPu/v7flnP96TTrCYnwQOIy5JOVyhn5KFXJY89kRQsh9
W38FrIGJ04jepe2vpin4FEuyQ9yl5//3g/5+2h0h0Anj+LCkxaj160GDKE0GZZd6jyHKwZblZ6T/
gjn++1H+dNYFthRfeRQHHHv5+58+mqlakVhkHe7bEEniDOAQKbLboj5Gfv33Q/3pLP58qA9fsCvN
sA6dTO9h8vtohPtNqJOvFQo4YBpswicbJSwEl78f1f7gl+GGctjEKKw7ygXv8nFAnqLUVXg5u73w
TBZA5Nwc/Nw8dTEhORjE5Kon5zWZ9FVVDZ86TyZgx/qDcqWPoMtLgQQRbTMkxt4YXHFIMxpZIbnn
vcu4qzRihmlML2tnpBWqAbQFRvyd2te8NwJxFUyI+Yom/N5aJDpN6W2jSnbUqZNgNxHxJS3hsLuz
tPFF1k58+McnX07oh8sWip5nWnjnPQSaHy5b1YauKDtu3Ex06c4a4zuEivYKviOIdzS4nUlbe+iN
rdf7n9pMonGS0+3AsgmlHrFDbvGQtVTcTYOIGpZ61IxKmtx0doDOQybpuVhE3wNPbPBcI0m6Vt58
qPDF1DUm9FnYl46QQJzb9zjHKhiqwTwEL5MLOlIk+tIQyfPfPzJ6gz99ZuauZbBy+PPhMyd+5qaz
k1Hzq2n+aj2fhjr5BgUZ1dXwOCcIJmetyHV2HPbrE6fDcL5PfnttdvGumhPjMiy/UtgwSCn6LGIX
5VllfY6C2drGdknYuWPtXI2a0+7cXWhn3iefwBkfFqGhosd8pO8zeMyTRq3Fmqr+vutzYi0CZPQg
TE65jz5GG/ydTGhC9YoMpOqx05cWtRRZsKRWtnclOtRVhbOW4ymZl80X0S4r0j0ucG7dhRWr6/6U
Io9bl7mOMX08mKbDijt7aBIkC75rVGu30NuuZ0NT4mdMC3wWkr3Z7FX2phQD86iMn1g1KwutVTfS
Vgsf7SS+1V5/08DVy2IsYmoa3iccE2wjCwoPIfKLGVurl0LcvsUb4YIcQ99ICQlH/2B0N+EQnzCc
5LuxeqxjOB6TzGzkoNmFNGtyPeaONoHTkCLWG/dWiRCr9N+jxnkvPapZ8pNLpYGIJeeLWGiPs3zx
FhmuAZYlhxsBQ8RmL6H4T5peP7qh6jeJg8O5zPHVM16xm2iIVIumf1xVvw9cynFYtTIUS9/1FnPf
z2Pk2IaOdgbuIw3xBTHHXvUpm6t4/BSMUBHCyFwHWVH8Y/z/41FpuMHDcLxlIvj1qH7D1QEJjWmX
mGh7uNNl9l03bJxn45FIq+fUd1/+cff8vvZSsDQUYlXL9xF0f5hy2tDvCyPTrL1kT7uKCtg0Jg8N
+KJt8+p4tJ5982R2sKoqZ779+8F/v3HB/sPUw/znmzapgL9+3FBj/B/6ko/rlS8V/p9kEsZRzqmx
qzpxgaXZM74ag5f/4zRb9m8jBgcmlZB1rm3bnOpfD5ybgYGHmPMstYcVQfdbO89RQIXTeEzxkubs
GRbt5YJvm69bBk+S1rJXt3+C1mr96938PuvzbhSkEagmlsfU9eu7SWNjthDBtnA2WAWZy7ARVikl
nhbnjqJ1lw2tdd16+OVCWd6kAZY5BOnbPBo+la4o9k5mbv7+zYg/fTWsh3GgW45Ni+zDZVHXpZzj
3mv3gg7XGtXVtiLJcdfH/VMVTt/7ltpVW1NpxEUdMu9lz7ld3k9eYF62mQUa1QpXh1Z2F5EyyEDU
llx60QntPrFBuvTJSsRVh5bjmqVIvx+RB5ICdVXP0fdIBuOWgILgH6f5vKz5dWpUpE56y47Q9tmr
fViLhNKAkRzZLYik2d+jEQv1teUFOQBdzaRswWDqFwpxb8t8RbhGephbVBWZs9z4Obu11nRfxczS
xYWWsk5hgFYkjLh+629nhBnekGU70ynMTRoG9hFNGHbDEjmsG82bUU4MYf6lT9n24JR84FAeQ7IH
N9giDiHnqIyj/B+rL6I0P64G+Mi+RTSmBy2HHfSvVxaoSB/fFg2cPm3XXRQdqIbQPTCmw1xbl31X
03mJ5DGCf0i1thhBKn+HSQZ2kQV/r6VxYHlOtzEYXZy7Ao2ALSkV9nBih6R8yUcaAcmymV1wpF32
ZqjhEeWcusgKq93qYVn/uMjEqoaqs7NUXkVlr90+vVAhGKoqaKEqxtPr3OZgZlN8rFnQ2nRcWgDK
7te/X9PnVd9vF8BPZ+PDfTZ02SBDshH26K2gTWZTsxazRYuT2NxNlaJzYVyo1gsy2LXAUvqiFWvP
cx77pLv5+3tx/jTSswBnkmYUsryPQx/MNjlMiAkojUHdGpBmnaRIn3XgE+huTah/ew8LHc3hJoTq
R8LXTT6W6Y3nV0dfZgd4tc1lUALbcSpYnG0xnTw/h9uDBhe7H2scKuo0e9I3Z+kwx3X52lkaDmSI
JSSoXbXhZHziv/3UKA2ZkP4PirkSEodK0S+o+HtWQKgOPHHTgQbZObn7klf0g5XfTQhOgnGfokib
bPMYCYYoZascpanyd6O/QOXMZ1sGr5ZXPro6YW6nKO119bPuWtphUXwZ1zgsmhDocpJd/OPc/n7R
uyZWZMka2DUpafx60S87gwWA0e4x6r2GQVdujJmmWTmzpv/7kf4wSLpsNXDkSwLZvQVG8PMioaU+
j1DfapEfFt+Tql7nAAIZOm/ps6Kgpbdb5CQmykJ++vuB/7DkpRYGjwAAuHQxpX4Yy+og1BUqUYbn
wtli7ad0r0Z5TLv2XdiYVGaF80robuUWqUsJdYFHTuzk4dri7M9AhHvqqyQNck+EoQtMvEm2+EPw
lET/GHb/cKG7MBBcz7ZZXLCx/fUcdWFciyAxW5I7w4Xdcirb5LU3s9vRcNZ5HH9vvfJfxazzouXD
nU7FT/jKEpTmoIH9elC/N9qR0ne7t3p9bQKBY+zfeF68mV1vMTp0a4FsfmdgA6DKcC8CBERt0W+Q
WQTQ9eTtaDdkR0Vdv2sCFpqkJn6KreEEweUfS6Df92t8kQ5Tp8f3Is2Pyy8giMBfe8akQUEzNyvP
ZRykQ++aabxGHP/97xfOH69YtkjKtyi3Uen79cS4fpKGuR5b5KFXQyeupOSoonCvGZztFQ7yau3P
Y7Yx/nXB/r4jVyQ0s5iWyxcilfz1wElLWIklKxCMc/c8TPIOti76JmCRYKUbMpGLtRWy/0zHCPDi
gpRMHCIn4VluhyDE0pe3LshyeA4qvZhnCFZ/PzHW70UR3qDH5tHkZiZH9cMlg1DSmSNEQ3thyFdG
FRxlskt2adVesW/8FsWsjnupdi6+GxQ4D5UMYaNhw/MaLP6MYt/tiVP493cl//R9sULmm2J3CwDk
w7vqwj4QdmE2+0mHyc7MIfnA4jkSD4YNbGLx2i7yJ8KezV3Ym6ivwupYCYqIOlH57ZTv0czGD1Aa
vukkGh60Fd7BY22vw+LkG/Z8qlV0PTPSXNZ+rTfELxT7mIXmdcG84CfWVaegIsV+5F/NFdNEQVQb
Yzuascj1kWnUV0XFDiEeqfAc2657Jaz5BdB1eTRomj+JOvw61/E27a1oD8l9vMospjW42tUlgKi2
Zg3w9xP2h/OlfNd1GYxhpXgfQSmRoeLJoR2970MUejPyZi3nfjsUGiyAdj7Fkb5zjeZ7MvyziP2H
tZbPrOP5Jg0wOlwfBjoU45T7UdPTIs08+NlaHmIjCPYisJHHlLj1hqa56Ht86FlAfdO2a+cimux/
DCh/OAPspRygiUs34reZoSK5tKsUds00nm4aCdW4Tk1yPAdsLl5kvY6qQGxeFpeJFO0/Ltc/FNJB
5NhUc9nEeNTyP9zlYgYTVmoO3oFiXekw2gtVviVVGF5CwRfb2PALUhHnY9KHu2rpK//96//DKHNm
+Ehc+pZ0/A/DGyulovPR3+0zjZmrIkQ2WCeqXXR3BKI05j8/MVuhP+wlWVOavu/5HkTMj3tJlcpS
h7PFMfvcfyuFR/xx1bm3I0UbNILNQ0Za+gbDvP/JcBTyPx18tb0oOnljUO/DkfyhxHgtEjPa6nxC
AhbH0Tod7PBWCzzlVi1XYanxoHgRlBmPzCIVtOtqapwV6+T00khH76mlxNSaQfUgouy5nXq69m2T
vKJTgzTWZnctYGq6CDAxuNvZ9hZj/Fjg1tnGFW70XIz2M1rZN/SLiwBpLLjTtboKreU/klbwmnoG
cBYEoKZ5TzXHIJeDZaQ3OE+xD4Ka8ldwFYA0WJWlNG4ds2/uZvyFKz3YdzQ26sfuu10qTDtj7z4r
+0nPVvIN9826GcSq0fEnjx3EXTk4xtXQBD3OqYI9NyxaH6I0YmkUlKdIx7czAMintoBywtLTf0GE
A5TPg+XcCSlvCj97YiWjjw3K9utRmOAPtXXRdf4XNkHpVWWNyaWaUQgzQxZPI5J0swn1Jsdgv/Ot
bvocsW7Dwz6+SiAijB1I9LvZiFepmUFln3T5kMTeu4iq+d1MrbtCZZ+7PDawJsgYN6+Or/TYfa2m
dlgTu5DNkC1LnIxAGNnvZYgHkU7Q2c/Ibo5R5aILykd3GxNm4WX4D7A+sarX2XOHIH1vLT+dX/Ii
XBRzQFgHDrD4mpk9vu7KsruYKJOcX7JU5Vx0SuyzIh4uk+WhNGX/49n5tQDyXNs3wR5uzS5JMW9T
enQvz8/+exjyEFvrQE1OOVW+m0BDrmAoxlfBMMVXoRypdYZTvYC8yxPgZXj8vtGVJ5gOX9Aus3uZ
g+6CbAGNPoFnxIpBpsLOu0r7cL4xygYBFBKxMqhvzq/Q+ZtugCrIg5oJICR5qSsC5/a/h7qgbc9a
5drLW3w2LbohtO/pocUIwxq3ko9jakeHzsv35D7Nq24ICLhI2VJd+H39NPEN7CJyd4iTcYIH6E47
ayqsZyMqy1ML3co2WCabVWXcd5Vl3I9lfddnADHLpDBurSV0wY+7PfAAe+OgU/wURgTXRC1RX+cf
c5b4V9BKNrodjw05K8Zq9NLhlmVCM0yZsagX9W2bgpZJToIsLwIffAfN25gd+0VRYtUIb8kVSu5k
2SdLHFC/HSfQfPPkUn53++hkm3F/CtApEczh+U/ZlGT7qkQMhrCF1KekNdaF7HLWVuBf3XF+miR2
xSTs56vCCOYnkZLwKS0fsVnTPOVfsuVF2UbZkVx6bgbgBTXbl8cw8KcHYnhWKK3rx3qCI9WmwBSr
2UbsVi7YWrbEN24b2zfnZyxdFwP0ylNtvLOGjjVSMtnNpVfP3o5wmC92ppwLb/FGnW1RqPNWsgvK
6x4PO2K5rtnD3NrkfJbHpUaJFEl5q8gJ+10CsvnBzAsCMPtbUJ34tWc+tt8HECoiJMPmqFCnpRy4
jzVqFGuorgiwQfhVtbtWnHAVpti0dHDX9b3+Eo7yBUD2yZqL4sYdhH0NBgFbiVBkxjdgDNqBlBi3
ir5Gbj6thAzhxpZmvStDZ8kqBYyYFF3+MOf6blKj+zlPVLEF6zQeDcASL8745DjQGe1Ybu3KoHBc
JD0Y3Fp91tFFLSb3C/3fcUfOdHdojTB9cVwa7cvrrs0qN6sQZ/Yg9KHZlu2jK4nJFI2YDhqJVNXM
yVMxxV8YSLIvBdDTrEofElE2t8pK3aco2dlhnD+NetB3toqvoumpkrX1STV+eQNd9zHUTfDoxHN6
nXTG+/mnTMbxVdGi4stxdW+GwuDboPZ6xySz8kI3ePCXhwmNM3WhWZ4yWqAgzkRzsAvdYdvxyX0V
1vS45J1s4riy6beV02MmCQUh//htHHB212XSPiD0WVz18X3T9u1DtzxYS5rxiEx7HYakCZQwex6a
wh8uULvRo1p+THSXPMRgbdzB/OLnDf5mNXqHwfVfRrvA2z643IsCwa9BsJsVpgAQvvFFD4feGDST
j5K3AQ6GW+UQVYGikbYcETZjqvaq7mhTDDD2GfDcS8cg98nBSAZrJJxuQlVPN+dnxEtA10qztTMb
yW4abfp5I3xi9LTRjZs9+XUYQpl1fEpjoTiZvW3B/6Rig/B43riGKy5c3MgYJP354E+5d8K0uUmr
6NqbvPIUWml1IpvI3JKt5u+HKVnr1Cl2tGjbOxEDn7VH6Z1qoapT7kquUm8Ghb5MdqXkb6NkYKMP
dOL6/IA6+MlKfXNvoqe9lH4NhcQSRxkEr3PcwQrq8m2Cq9vo393AYs6hzsYHOPnwenQWNTt21P6m
9MZtDDmIzJgw3DgFctCizLEzzoeGbcTKkUQ8LUIpu/oap+l9muL6xDREanb8zZiaPSFIK0whclu0
knfBuq8f8cWSyDaLmeZrkFy2UfvcAQoJRPMVX6pkHmcDsx47+bmP3XvTQGBG+euO5fymGJGkeClK
wql34GGwhjRyeQm05llM3e08LF3l6gYj1jLr0lkKJEoSCG1e+qxEcCBD6V2IaC/R7ZENHfQ+w5rx
HZ7pNUS6r3M3jqjysOqHAYtWD05Ag3p1NDvcmh0dJhGW/dbTKNkNPAFshpILq5yf8PnfojifN1ZW
HQHD4PPK7npM/rjhYgC8RwKP8PGM1s4u5n0bG9upF0TFuQRN0XL0pm/sOO8qm/7q5DXIlitJBTKf
bE4bS1aHj0UozHw001O/YP/cCpUd1CM3ce4Tac5rDeeNmMlgkaRSrw0IiWlj9a6sDGU3QIzVvDgs
fDwOE94W0vmsfYtDb43raykyemvw19ye6iZLtNoive3W+P6PXUtkte0SFFgYN/E4vsY4q52SgCyz
mfhAtvWlqMxrSiX9Wql9YQogP+w9/Xb+Gg0xsOBeAC3g+mJOWiIG5gyjQ6OAQdXAO8xkgyKkJBPQ
vjUbg1QEJ0vWvZWsM/EiiKibWoQ/PezDbZpnoI7SpN3WUX094N3YmaPV7GhVISg2erwXpbjGjR7R
cCe5s+0FVFmXIUF63wxyxTelsr8Tx2dCeihhwcz+ddrPd2YLJY4cEDAirruVgny7tOhQUwaw0ij8
k9we1eGqjw2iBT2aFu4MGgCt9BgtgV12uK+H8lKgRu9mPF5O4VxQCfxeUEoOCyTkOv+mkuS73ZYp
BBlklJqVxcrrm11KYuhW9u2T29tfaqtCYEBik3Mvb2KDZnTo94x12MvJkiEVRRic4MpEwOAY6yrp
Tr7CotNWG3PQ2VVPKOos3FdUHNjzaifdNa4Trmp8gDbReRsrGdSqhktlJ7jgEnN8cSwDA+qAnaTq
8S3Q+VyRhnbSJfNS1XvHXMTNPsCPZYcmmtJavxdMgEk1xXfd1Nz0CcB1TdwRzrIK5O4wjafzszY2
gbX4+khy9xXlHAmxKsSFONrlKfbY5lJnhAaAHVJh2lJTdPILDMK16TVbP/aLTWlSM1ZJgbMlbE5K
h7g+BMQUzBSU4M8v6sSuT1UXXtrjoPb0buqTZWCBGyqz3ph+Wp8E+xssX0Ml9trUV95ywFpO1WnJ
Gj3BbHe4SxVG0obCeCnV+vzeo3xEoOsl77QG4lMSjvHJZe++KuJWb/qGVB7OswluI21PDi4n5H2L
7KMZZ6Sy6rpMIQuEcPDbIH/rieTceiHQl7zX5UkvJyFNaC74Bdx/orf1KSKk5FBODtxDcO2jGI65
Aq09MmeSG5mYF5gw4FC7ED4UgfYT8TirYQBMY3uiPZ0f6AvuvFb4qI2d7djm8bHpHLx8dZ6RvRjR
/68bBYTMMZ4bIxh27fLT+SW24Jdx4SVbaFAnbOvFac6j4qTG+YtyWCzZGmEZhahqq10k/WUw43VO
lrNct225IdSqOPH2iuMccM93uX0Ehod+x8xOXdhkp3R5Zg3Rfnai7pAWOHX6oNzxU3BxfiDuqdvJ
wsKxQyig2Tje6vx6kvkMleeng5MgzxbegVyV8ES+XHQ6P/MjHCCxyy4IRnsrl6zGqt97TS0x1zZA
pap23P340Yj87MQlRVKb7cwoKdjlkY6cGXFyOj9MqIdPY/mclWH+42XVEZZZuAnoihkD466Tdste
I0AAqLVx0dTpm8XGdEszQ13Yus8Yx/trO/XHi8hrrzCfLnmH9NDMgY4n8xpuLr3JOixvFt84ruw4
PVjs4LZigCE+Z8YmVqa6Ih2Mh7FKMW+b1a42KsFNniLYaL1mF0bfZmUFuF3BImVp06ybgnCWJRA1
cNhc2+piMnz8AanC8UnvwajZq2ap+T5oPJkWXrr1ZPpfJ9HtSH6C8YK9ccBKtW58K5rXLYj+ix+5
wOencyzL9sRNXFy4ObXwlR8aKOHP8cHnV/XyC05tJVs7oFRhTNZ2hvFyOL9uR+QWsVLmt01X44FB
9MI/Pz+c//vzM3OwJZ74VP342x/H+fF4/tXSsArcACS5/Xjx/EvV+e3+999V4PQ3MNVhYk44ic6/
OJ7f/Pnf/HgnaNSfHTFjmVne0n//MCIQczuO8hnbRcyae/nb1HAgF4xM02EFcUmMwOyXZ9ny7L8f
z8/Or334d0g5sp3WxeP59fPDEDYYFP/7XS9snV29mKCW/3OOM2ClefnWLsQeVwXEEPie3Jx//O9h
TthIlzMsVQg7PGVM1xfSH50NOVEXpcVaPKoJmsSnTOBRWV/2piER/4OhrGan3aVdku/H3Ao21egp
rCr0AsdkkmvEcd+xMZHlQKjbOs7ddyYiCOYMzvu0iY44yGasV9q+7Sar3WVBMV65ip14RZM7zynO
NK1v7WUF7XcJxhXp8C0zR3M/Ex63ctVM/R7MOt3e2HxTbF1uIkod7LMfco98vj7aNAzkEFZmj4wC
G1OZZOxx0+xbO3bXjSPuEKwg+yQycxNEwTMGctTI7mzszNn74gOCAgRajvVbMIbZRTDVeusJi91/
0D1msPoMDeoAD1lMvkCMK21290Q2PRQA7lYFGWJsrW7hRe5iHwNeS0wF1kuxt63uEj9bt1YETRAv
pza2G+Dql+PKHmgCx6W/aXqI+b1HLguIs7f4Yejru1hiVKhsm/VTeGuX461Iyu+d/F/2zqO7cS67
2v/Fc/RCDgMPLJJgpkhJVSrVBKsiLsJFThe/3g9Y79eqrnb7s+eecIEJlBiAe87Z+9nORkrckJw/
fwyDEW1FR+HhW8C/WvuQzjVVRcoUYUJhQWFHs4geCx2xhhVSR1EKYMwoS/8krept6h97Hd5fVo/b
JvbJ8fP84OoN5VdCo8Qm8+vvVdy/aF2NpRJw3yohlDJOxReZhppsPD7ZRZbY22ugx81G1hBtSyIs
4ZlQ8rA2guFMvIaJLSYyoPh+wANSP8WwMB6qJDpp6FNInQaDV6JGsvRTEHTVJgtSUkH6MlnrtSzW
fZIYnJ4vafW9tONp01ICh4YTxw+ZU+arOQGRPOh4yoK4IbKAPIoFgQ57F55+22S0tYzsomlNvGuj
+Qcax+zi2VV5sBv/KAeYbcoZxpuF8CyR1asGWefo2f3ErKNntWPX5TlPqp0z2PiRM7hQUn6ETJEe
gceh64wGxoCYPTezTfp36aXRrjWrL1S3w5oZTrmNPYwlAA30niVfoTGWr3oCHYsJtjSMG2brClKE
IT0KwpLanRYYkCy6A9yRvFDQqG3CmOghZS57jIYbOqaAlQlrA6QGR7dxPwym3xKEgv0zR+Kir8lo
xfGEoB5fSmHvpVtUJzIxOBPJinUwkZVWhL57ppOIKkq8edDRV/lsgTZPCf3t6A+1PsosW/oNlKQY
dfrof5pIJT34X7Oybx7raJtGJBDOjnnpYzoMLaCxXaYDizJQfwwOqXatEBPRfoMMXacNtmhfA9gi
9mfyPYdVawP2EQnr/Z4BLmXFajaSVxg5WZgUPWCuksIJazimuRgHal7noYZfi+5HUq09AlVoYxVE
Alb91THzBiwVPRn6XPu+bzFztyPfGnxbqiDXEyYT6ZWMhTN9sVW7rrOKsFHucv3LogGrMJKmGu8O
dR0d/Xz+WTBKBmv4ppXVz36c7AO+P/zkBPFtJYxSF2RmGAOG42fE84OpM4nRFd9EEoVT4dQbltxQ
ppPAO4sRZ1ZuJfgYC+ScTsNMmr7fCZ2TD+PKdDh12lFoN5PaNSXM47RLsK+ZI8iCUt04AiKEGXqc
3fXUH5IM0DXmInCNs3T3sDAB3/nGUVK7x25dHo2BBZilmx+B4Eeh1AMLlEvvsATSgp0aomPdpzAh
glQ8d5P1PXLOZXUB2KhTd2MXZR2RXmeygM+itACyEPltNJKf9vIrGq0a0+lkPHpxQxEXDJIZpbd1
LYUsk4XyuV4uQN4Jm9Zc0XmHzgvsrVY3pzaosvOvC5NjY2cFP6NasMBiCLHR8cQm1Jv0UrdeLU5l
gUwF1zK+UXfjMQKkOUjijzNm/bFFOH+koMQ87TO/kKACShR0IB9AnvAet625dZoYtCOdFTOR6BE0
QF7EgMNv8nauKrSwSchejTAZT8UX24DHVFlVwphcmOuP7VC4IbknjIUn/HvCF1iCgU+UJkdrgAY0
hoJxZ+v9F1XMgoRRsA2dXGlR0ELbNswNt258CNWbqjfjFXSeZKXjpz0mVlZCroD8ksTtt1EO30x9
guLKYqfQiZ+EN2WwTlQ/StPaK9faqky59EL9h6nRqhMqZ5yBTno14Bim1DIPPdJN3IkW6ppmhgMc
2yEgwFdCic8iYqgRjwReMsvR+Lph9JB9uYvpeoUorxr10kYcZYnkcTaMm99oNjrwBAO0OyauyAmO
z+wGoASzbdCY26Izl9wufpmk9G0tDo+PNW+fEo8sU8ewIgHpATcUcaSZ4YVt+oGWN+ajIOwL6zGY
/QBlLdQAaO2w3qvxQogjHEtEFhsQAdRYPniDINdIk+ynq2iPHTEQpdn5jxkrwJjs3VtjVd+SDLNv
YA/ZecraT1mdJltF8yUsyWIAtVZtWCfH66REGAeVxA/rzDgLmyqkhNI/lmN29BimA7u0jXUc23M4
NgOBLJO5UXTqVw7q58c24ORiDU/GHKOfS0EmV4slZqiW/PA3LB3yaWCAtE6zwl55RVEQj6kNYWkj
YCPL9jShEd8PcfZ9NGKC0A2XPMkgY8CTW1/zHDQHFBGOsfS6YNPN0abzoOYyUNvTlwGK0DfZsYVL
MnRVtCdhaEYVNX3VnMA61l0anKYgiMMcTSVqLJNh2xTAJkP3d6EVAPs8xyveR+m1tqlhI2U+GkEJ
2EDry/R605MJkznj1V3spIPgaIsZ0XEnc4dzq7lClh8aSz5XOfS+NDavaBSKZ7TxWeiTQrU2+rem
j6oXkBf9eRLJGz+3+qXze5b1jiiglv00h1R+SvqhPuqVNq305SrKOLnuoEBBDCunvcjpMdReHI7T
aPwE8XT0qw60/rSG6Ol9kgpSBSJAuiQetaoqp0ei1pY0Dai4Gq0kJ0pTeHs1ISDGOD9avM0PTmrL
fV6whFTsaBtoeahq8dmZhn2e+sMNKGZ8YWZ66aZKviQACGhBGcjR8p/E3QGg7Js4tCX5at0jUUHF
qR6/0pBoz1mKTavLkVaKIjikEgKY01uAn5Jpry84RdXo2De0fjimDLMIYoq3ElEPsy2WneCPc46R
I0MSipcijhIg2i6HdpYpDl/cg25+S/x+4wAARoUXY/ZPIgrcqPtsWuXFNWV5cQzahRFhZXunnfdY
2cFtY1bK1BxqlXCvQ0rmvbLcPUPb3dCNT47tdBeVNuQHmaCxqhIKQwz3IIkcb492T2wtXQ9Oec0a
diw+NaaYWCElzPaMYEcMyFev0619kFrnyaKNYE3Wxh37Zgv8ajjkzJserFZQxPv2SU7xD6x1NEQ9
b9xk6exu8mLc5tDs9qTPFyGRJIBaehf/f2xzwiW6lH7CZO+sMvSI7HtgjpI+En4AJd1wbknikBYR
SQ+rd2qHZkFHRGMEhtBEbdzEtlb62MI8bvJoj5RnP8MgXud+jqyKI8XYuKFFq2rtlHq1bzIHGnqk
PoracI4WjgUQaUiZxSRxcPtETkxtUj0budy0Li3lEnXLtnJlCtQB+l2M3vExoD3+YNatWnsM3gy9
3XNEmpB+gFxtm0E8+fjGdWTVrRP8MOxo2A8WneHWAumkEhZ9Y1oRUuVzegG0F8Y+p1Fd2trGBJhv
ZJoKZV9DaqBcPs6Us8hdI4YETvIZPInc237wOR6j4dw4G0Ok4hoDOwvzHuQ2g3bJ4sKjo1JR3VHR
NjsdsbY11cVpVAeE0xR+aQueVjgkAyTJFhEminN32kdZg/uz9RQhIpB/xuyaprV3aWp3hfhk+qC3
qyhttFdjYirjNbdU1VGoWdM3xVrxRIYHxB3dO/mEvi4hqeWWDybaNfZrRGTvRksi7bM7fo+8wn01
0m+VktEGJpYigQeMagN7zETCzEk9E2cBOWxl2MUHeHLtOeoy42kYX6qM/HVYp9pZpH52kR1HElr5
2wzByU2KnvZQnrjnIb84MHZvsY9qmpA0jOuy7W6gBKKfKm+8i5YAeBgcxKsuFPjEh0mTV7QXBgdW
gydn3ETLRWvHHTCg2Xtg2RhcAv3G2OtEOOMuJl1oB07hpRJdemJEoZ4aiAnarFFr9CnjJwfoTDv7
t/sFbbtdSg5GVVoM7wBHI0L1khVrd8xAsXqZo3Q6cz4YnuxBBzcuPo+0ielaD0xoFtKypwXtee4j
SV2gkTkT6LytVnErrQxipEdmdz32zNjn3CJIA+2zX5HawYoBpmkTNVeCiHsnDNAubuzCUhvP1aHU
CFL6LNGCxPPnY0GjeJOYugXmg56nrg2Mc8DbO7UjQIhG4y1DNzIypKzTyT/hHZ2AeCDeTqrxR1KP
NTOjmZSjqpgODgVrmSTteoDBvCUvw1j3xGeEBqjxERxtHlfPBVb6GrUUpqWTyvF/WIUIG6eKHkzy
ENZzJIJVB+fjlPjFNRNWshMMGOiA4rK3qk8M3zmK2EUSTik8A3dJRLJK1a2Yj6ShCWpvA/YB8ppi
GGQ4X9GiantHVP52MpIDegPiq5YLrRnJYpp4Y6oykTepyg0sX+Nl4Bd/SIeWrKJeHw4q8d+KKP6h
Yd68kiCJVLKo9oipSpBu1siSsSCIKpNyrUYyicvGZHJcu/FedoQpN7KOt97c1zungjQSuXTulILU
rollxp8we3bCLo1aMGmsDuvE/wS2/pwD+oWQMTbHyUsqhiLFJ4yxHV+JINkI8DXKJgpGqXw8wChO
tqnh1+vUlTdz7puLHJLpMYrKo1KEOippOWHBUWhbjJkOB5zAUsJbXxUYHA6Sebsh7QRGg5+yFEpH
76GiIwF/4ktg/qxhIr8G5Yiuz83fSg1/6GRP6Rt99QpyBLFFtrunsHY5emP4G4VVIxkg4knI8UUa
aXMGEjU7Mtn2buc++BxH91hg6A5ss25IdqRKvRTg+ddRYC5AXOjOTue7YZJ1/R6YOdKVQK8vJA9K
74ffQ4cSdUTIn6NebFfa+74jvkFvESuYiJBlUSzpWh11h49OoEfwhtQGmB65NESix/N310aFWzIc
p3ok3MlsVQ04p1sxn0D4jhmki8sqjNK8wbDgIVmnKsq6DFEOIjz6WpBd6FfAB2z6Yp0lxpc62rQG
wU84PXY2uV7bvDIngH/lrrJVidBA9KsKnek2Byg0wLxbTxWidzJCRj9m+lltXbu0f446PBbwuXT6
nSixrhoZGoeo1nYEb2+ynMaVOdH/caP+3EjtbZLTt9ikFyJ7QkYLgrzgutjGviSIGpRucK60rDkZ
ZUe8OsoMBpoMUWviSQuLaCTO98tPF+zgBKTGmj6lJVAmsg7rTnK8t+t149Y1p3qPeIogJTKR5VSi
iGEai2nXWTjk3chEcklLhrUE+jqCJLqSaa4sU4BZqfhU9xqdWnr8FKnoeSoQnaiALsQWqUN1R7Er
7xg7oWG0aMe1FsoKdBQ+16DbaUFiPpBSbm1J1JFMQ/LuUDrdd/rh+ta3gNphlB43I0O2HCo1YzJ3
q2KLtpaGtYZVENhBYT0krn6UDmkDk9VHTzXNJTUxr+1xLxy1oYMSU3RPdUZ+S5/FyCF6zX7uii+e
aedEqDLvI9XBWNeicnb9UtdrNNaGLrF2CnvvSktwLTi0wvHcprTRa1aO0nsVGuzBVlbFttbFtK4r
mIUymryQo+GRD2vC19BQm0AbehwK44D9bsG36tBnFCLxxvTp9WBKXAnRWicou/NejvIaeKTsFAXB
p03bNBfPY83pdtOJgzAA1ygLHvOEPkhCby1Ja+dhAlfJCqrhy2ohlhHt3oKWvQbstWL4GW/irgm2
sy6RU0wPfl0C5ZN1c+m9+cVgUrZ0pLyDYeYS8nOpqKl548ZKUf67WkTL03ips7k7cIQjNsfNMN2M
X/rRNFZpCte5tWjviY0dBWJj1izf4tL4KnLwep1dfG8p2rdTVUQrrfxRZK0gps3wQ89Jv4/O0uoy
43yXYrl3/AXuhIswtP3oq2kWj1F679vSyFYmc7JWYP7t+VYHmu7ujUI4q4kIEHBcUAzjroLa6aQs
ZLEWrohohZeeyh/MeSmyJMsXUjI4bw80i3wtpbFQTWer+0wPY5WyEHn1xr3qGu8AZtVYGU7Kp+PX
TEUFzGcM/Idgtr40XqpDnhaED1duh5Df2JjJ0O/rIoUX33AoYR15K6KfhteUN912FGoInxzaKk23
bswv0yNQgZ5jQEGNQDXANhKTNYRIMthn+fjW5U1yjDt1qwoPvGNdnXKcBavULZkQkglAJwEZ1gjs
FEIZwXg5zSCV2d8igxaNnXV8yqT5lt44PLjOlD+QvG1Bjda+5hiJdTytIS1HzgeD8o+Txb9nTz5M
y4L4bRnZzTpm5AgCU+wsD0kXHdp4bdeRtfUYtoDkPcTSh7usjHLva26+TWn7hYP9pivNP9ZTF2Bg
Bbzv2ZeSJoulccTRtFtsODAlzIBvgNnyQ86bV8uLxgPGvnJbzbq7Khk/TbbLQN8CLuuKiuO+3QXH
+wX5xN8remv0/pI6pHmREN5VXAFR2ifRWF9ZU+rf8sa+EXYlLkKR5mSIhFSkMeX8ClKeltAQkn7N
77m3+YBbcimawN3Rb0leCSC8zCPAsJwmWFot47EufumQs7JgytODWch9nbX5ISZea19Mzs0qSFoF
0mc+zFnNeG/FKUMQz0EQGhmALNf6xn+N8obF+QiafMqI85KBNrEOsD6kXrGTffvFJK/wpaIltGVc
hsJjsOoLwLsXFlVqP+kSKQEx1QVrJAVUcD8EDXjnqSOLOqNMq0TLEWkktiGjYQq27Mp4RpHUYYoD
uQBM7qaI2rB2MJiTNHWAbEnpHqeHGqDBCclcuAjZN8UU+7dWlMNKmyo9VCr47CFcW+lujHF8wnuA
datf5WW3AylnHScVOw8BtViX0n7LwCLQaCDQqrGoaeZSPwezwXnQq7YyZhajMuhrtMa8sxtk27YM
KHXwl/MZR0+XPMrdkEwHc2MTkPQAIZ0OjSiis9SnnT7ZwSFnLb0fclzmbgWt1TPzixhybTfFIX8H
dbmWPqnSK9DbKHEJsAyKFP+EGRv5VjKnZAQ1tfC+bEpl7ZyWEPjBWKZry5irfVd0Y+hj8Vr7egS9
jbqtntxPOb+VKxz+hqWC2BcoqB5lpV2kaiBWu1l7CeIY9EEl8vPI71JYk3FwJHns9RQBQkALJ7KL
6Ox+1eZOQnZIxcczdHAqi5yjVaETELMc+H3IdCz1yVcoO9Pcc+64JIqlol5X1zJOHy2Tpu9sQ5/S
0uHIh+nxFeo4kBPnt6uy/kxXvl41deM+Ry7DCdGYz2XBGiUaER+BbXQWztbXIq2Ka+K1m6Gs7Tef
RssKKxB/Ev6OTVFL66M+7LrhR1d19ktt6d3VT7uXokU/RT1MpAq08Y9OLojpcIcfZUl/z1HBA6EK
Aq4VpXAyq9Oguda+Nafs7Jv2dg4mgnDmrECDCAguc0tx6C3CoYJeeReRoSmJ4nJJFuzXsVHne41R
epSYL20SPAk58yXSqc5VSTgDBmmFZFFal67h/BGlACMHAPQrAYigpJX3WC8XSpeggdtmutrTaNIf
0O0PM6rxBzF+xCcXLDUuWI0xv6rKmnbtVP2UVVav/NSrgdXrCIrAk13HwIgvja5Lxg1PRUTlS+vG
Ozr0OYk2sAEMWCJdmXohNlrce2tKayBxbUOuCqivZK5Y94NxtVIWtejgShgKHUWdOWr4eOPss+EY
j7iTte1CZAvNBpEbh/vPnjE7rMjLbp+UY7zuEiJvZzNzcVCJdmfjdXrO5Pyz4vud+EPxYge9taup
o4lW9U+zPuiP48Thh2wpNKvziP8xycqzbBZhi+33jFbn6CibiinLnJwwNGYX0zjFDcNtePMSAUlw
6/K4fBzdsjlkA986HEPt0Xcj/TzYRXsx23yv1+Wz5Wi0n3Hm7P2mYUHTOSvTY8VlBLH1YVLBE81+
UI/kONpYBB5UGUfPaIQ/2qNPpGtWZ8ca4PnNbPnBl1aQrD0roUNGN+8cpCXNPxOD7iRMeWJGS41V
DTsZGAB40868ldPdFOys6z53T5Mbt5de188Gx4x125fmJl/OIlpO69aNE5R3aJtGBlhOPpf0Bfvu
KSZa4haIQ+tuMVvl3zLaUyt30ttrO1zLLs9POeYCCs/M+IQwEQO30TBIZ8zwSr04EIla2f6blXYl
0x9OigbtH1aHhKIqAmzpWfZfQOIjXXQr+yCN9jMVgX40G84JQWJtdOzg3qjKY4eenE+Fg1OWD+IK
OvOl9Fnr2YagQ7Jc+AyoQG70t5Tz9xUbxM0Aze3CCDnYaYuKKDWS46ACb9XV+I1aZ3ygZB351nIR
d9TbZPGNu7zvt8OQGaAMnfQpQhjn6vXG47i4ktYwH10aGDvlxiMtGXkYF3BvRXbexyah7RrLNjrx
qRc4GGsa0HZWfM4jFiLAOhLg/725bZmOfmS2jUzvRmcP3vejKRHcye5Q+V71UfZL9QxdoBl2Grah
sx3rHyIGmj9Lq+YU6AFd7+n0Da3OXiPfujAVumUjiyG/i9RGQYlal728kI2esH6iRCdtUT/r9PpJ
n+qfOwTKvK9F8ipq2ju1j19sBOpvG8qioiXWi0XoIIfqXGWkxkhUmcyhCPkxUie6NtL94sduuRXu
8Gxq8WMjENz2WTFtIxdgeBbxMo2d3xzl+0fm9CWTYFISnTqPdkUO+Gew1XAbcZeM+A4+uQ2NzyxL
bgZuQwYlBFnxm8TlEe1x/4Vua7rfe3wKbrTJSnpT94vUMbyLHdv6GRrTOl4T0Dd9yu26ObpEh6yM
rNA/dQ3hRIMU/tEakff1rfC2uTbIc5UQUVNB9vwg+HLT7M0+IqYC8u4sJdUce2QLxgas7aD6qhgR
qcTQT4IsKqg7gXMwrbmnkHPRd7aM6i1pffORCn1oaeGwGnDqlef5DZqKcXpSyi2PWhf9mGgHPSVR
Oi/RCc0quPerCjSmRSUsZje0r9ymlSdf/fQ8bZrWloWyE6iMsYJw15MgtbgOktT64MyjWCXmYB3a
aLA+1Ib+11W34nwHLU6Bbhz6nV4iC8+LicxxYJjAUuLPqreSD3n1FFRB+XEwo/hptEY0F2l6C0ah
PQI+2FYieqGro06tFQjkeYF3y4pIfDTus4h+qg7EG6wCfJ8vZDWeusDxaKdk6iUjM1DDZHZsckQY
lDnWcfSwRMVBQyA0GYtLQF51wJs5bJuGnkOAmg2wQE8qXk8J7SDCLhZ5+ew007aVBJwkxKtfHIUP
siA0HKx9M2wGwIIh010UlU5bXsxS/qTV4G9rk2yowBytPStyfhIsNh4mEgdpZGscZljprvRumsM+
oJZlba3OLgv+Fck8A+s7zdgFht09DjMlb5XF5kfF7IHE9v6JP+ynapqAHJDW3vSZGHcFMrSHpsui
E7LvbsNUkwFr1LiPGYpiHzb30EfHIWbBK9v+Jx8nDcKY5EWV9FZYSMJ10GRZVypd+0pZ2WP5cY5S
c6ZNN5XZxn5Vjsxe6lhrXli/kaqr5WLrVKyPxoIae5y7+eJMNMo65b324Ec/ILGlxPWkujHaMS4z
MQN95qVnLBzEB3bqc+N2BlEFXGiDwbAHDyT9C64yJts1dTBs/WQ+8lnlB9R6xlPkHJK+z25VG1nH
SE4c0wzKGtezXmbjuQs089X4lrf9xZ+C+KPQzPgRosjr5Aak3YLox98mxse+acdH6c8nHLBRcAB5
k9oPM32DsFAsUWeMr4yJCz1s66a9Ew2OejZzVrbabuVUiXntbUJNA7SXpNhYr+ikBCK7Z7LXCORw
of2X1tCcRVs8ejaZYBQMiIDEQI9nTpujEWuHtuKTB5ry6s5Gv7MHD4SiN7xRWRh7jGPWkZZdvJsm
Q4bBhGemyQlaCtCB0jjJbHeiVBXexowjwtvxzuE2az4KuuIrht1fctsUH+b+6nZCbjD+j5u57X8M
VfekCJlaT3Y5niFVHIbScoDHxR/ioNaPvewAiyuCeTlP+NvRJIzlbrj8P6Lp/49oCjfvN2vqPwFN
/6Mhpqz4R6Dp/Sl/8UwNPfgbdh88qv7i+rcWp+z4o+3+/d9oJdp/g/4HFcAz8OnrLp5vpqed+Pd/
szyIpsAIUYbaeJsxnP6daGoZf8Oz6OsBfBvDwd3/vwGaGu6fsBwdGqdnkezmw2cEpWH94aSVtde2
U+aOJ9/K+01Sd/PhfjFN2XwwEnM+mPNUkt2KSJt+T0N3tOUCudNfW8tVpiCvRecyR+6yAFjIKOii
kuBxuG85jPtaKQ4EY6ASXXSc9637xbhcvd8GmwUh6v1GrYZZGJhirzNpQPChXqiN43kVGAswvDDi
5pNuzieTOU2Y+lZxeL8w2pZUk/t1OQdsDrZ8tRdxaL/IP5vlTxBeh9jVvUtenZojAYHj5toOEs4l
y4VZc1hfzVPD9fdNMw/QPDBkiNsiQ6W53D0M8/jXI1NZqJnGaKrW6IPoAJpprf96x0gZqneZHW9S
3x0YQi/v4q+7x1oeMWFMejgS6HBwVFQeOncgPufvV/NcEOoA9J2mAfo6kH+HYs4cDiXLZjwCNP91
6/06ML/u4E+1zdCu6HVI3kgLyuU/f78w3OXfjw3oKWjUePsdlNB0USvg98ZUErBFjJIH/0/f4PZD
C+MQyFqQGb6kKy0PeH/U2JgfndHSwNP3HWN+er2KL4a1BHPdt+4RW/ctTlSNzrHuH+5GBBEZG8tK
ZcjR8yVCvnDIuoo36f7A+3VkDLyRv931vvff9kkI+vKsJccrvyd6LS/0/urVr7v/fuN9H79e6b75
/sj7C0vGz4rvWqZlZJzlvvFrS7MXF66TS2t137zffb+ocev5ts6CcnnG+wUk4L+uOjUwpgLu6f3O
99vfH+sQPXko6dloRnmYCp93vo0bLn9t329+v/CW78qv++83/pfXf9vVfZOhIaQLx3p5f8p969d+
/tzFb6/7T5tp8N2SY7n/8xV+21PuKoiyg+nRb1n+mf/mlf5nr/z+R//2f/+27/f771v3i9/u/m3z
flfiEiUIw5AWOEQw0+eX//71vm/9y9t+/S7+vDvJrWL3x43akkl2/+kQ1NJj5fr7D+i+VZEuidZv
RiX+gObQ3Zoc0t6f8/7oP3Z7v8Odbwg2nb3P4uyQk3x+uG8ZSwzg+9U/bittpmzEY/KUf9q8P/R+
133rfnHf0X2X71cdHFmkiCz7kPfd3TehKLLn//7V7w+8X9xfxrHFi4boNbzfRDyBO3y6bw5Ejuqb
tJ2NrT7i/s316gAItToockNAmfZ5fbjfeL/wcxMpwK+77o+639olI0MJYulbAHbME2289sPxftes
p+78fN/UnViWj7/txnQxdU4VaUEyi0ssUstrd5pFAsuxaVCUZrDt1yrH5qo1VH3u9DVp7Ddc23SG
gYwVQpoEufZfs9xOVyhsps2Qf1ejznxEiI3UWknITAFYzU+OZGyg+5sgTTMd7uWB0d83ax5YzXIK
ehgzsnYiHI6b3/7KX/+Gsn1ckkkDS2I5pb2bHu5X/+Vt7/aMXw9Zzgz35/7LqwFOds6iywPfd/0/
2I3lO/3WJkPi/qzf/CW/Nu+33nfzy5bybt34r/4SqSfkdqpy+/tf005lWJnqiXUxZzI4yvIQyEke
7lvd8ge/3/bnY97vfn/M+21V7bosRf5xF3/s1hya//eq77v4373M/a99f5X33dxvg+D0xsSkOKiA
9QJdvWaZgbS/tu633a9yBr8aqa7C+yPutw+iJeTzt837Xen9vHp/zh97vF9djKA5oVq8wq9H3p/E
qOuv1/51//v1X/sUtrbGZEVsmgG5FWT8xTErBz/xZ8FU+ChmeSpHcJbGAjzBtE4Zji8IQAnTxcxo
sW2ijJgji+EGlnykytXXjOTita8Q6nJ+7jauQGAQO1mwbST9yIAJ/9AZ26BCs55l/mfLjomZTJgm
fXY1f4/NWu5HvzZXJQnMK9t7QmYHVkQnmUNr62/pPNjrgRUGxN+L78bzNUY631aTf8gwA8PGrV90
T7O3omw/5Yn2LZXo8ZTRBxu4cpd41P1Vas7gFF+JJGZ8mATBxhm9lZPhOyamss8ZKg+gYB7cTm3a
WnzLlpweNSLVIFZ65UREVdhZKCuc0sNETkzh2YwS6usCl86KEYYfIxzCgt0TJYJ4ILIVAmeWfVE5
imoHat8xYUW+9smrzU0dHGc2XYihOukK6zVrd9i93vMwlumefLqAyRzW3zrYLKOvjd2pbDWMyZOL
gH7txnn28GXA870WfSn4JHUjtIlbPSXj/KnMky9eN1sbY3zT2+c+rlCyOqu43pUSY3HlLcc5lEpM
Icj6UUAfs8XH7viIB5C9Og/eEvx6s918V7s9316sOJCVl4QOv/xcIjmFTgx0nxQni+madTOt7/ky
J5URtpQcsYqfCfUkOxevRP3mONG07v2I7JpbLONDalbHtJp+VtIoDojaCYqrMAc5Y9WFRtdGEF0V
AWBovPd4WgGFqOZcqOwwdhxUa90qQpsGCpMwzBTSRBVZB99SoxRMnEz/pEhMDlz6E06w2Io8820Q
t6gh7K+CN7eqsaqsgYJujUjfQpDwNtAuc4JQUubZYZ/wb7kzxvARDZMwkVX21XzDJfmsTz1mRkQd
SBO1H5rYRWTUhqRxfiyDuSQ4uYEaLopVO1tXcvMgPGNsqMgso8O26hxSTSDdrYZKzLi2m2LV+WP9
QPcoFEXe7uvFuEsvUqyZdntrUQ9rLUm8dRTFm9GR9c4Kujcatj+ZbtIQrFHxyOxxAF69Uap1Hh3j
KICjZkF0qazOPaIbWqkgT1ZT9R0pTxSOQR7mkojFGtvlqoO5E7TVz6K2r04fGWFV8XXYiAaDCg2S
ahtk1zodhhVY6HyFZh6IpcjlypJVwJybOMaWOE3eOCobZEUGOiXkQ8NsIFcfcY0YLvuJULmmTORJ
ckbK1GwI5+JUiaTy/gxVCbEWujoXZXul7V69gcreJcRCdZ4XSn4fbSYbAG7YX2hK9qz2H6o2p41s
iHEd+Qx4sSRfA9M+1KUyjmaaRviFKdbs2Pg2OU2+wYeKfytW1XUq3L2aApwh5K2vK99aTQDRbhW/
KlLpsMA3qHFWjpFAZEv4JEgRwO2v/A/44DiHNwTwVn3UhZ4VG1v0ii9mP9WnOu2eGeTBTJgPEpKZ
/aCaShEz5lCQsYSus7g96z5gFeGQcA5QcaT8Y7aomL05HwTWpxB9z24Ys3I/gW0d+tZY4dNtNxUi
+Dn9T/bObDluXEvXr9Kxrw/rcATJiO5zkfMgyRpsuewbhly2Oc8zn/58QLqcKu2q2r37uh1hCgCZ
SSYHEFjrH4YXuwHhj89PuGp58Nel1hBOg5bcYaTqaMG+d0DImCky19yoH7S+BTnbWfZNUEt11Pkz
OMOVIDZNf1pla83DDFQ0fEE8AIcNSXq1dg3U8JxyNx4d/FYRfN5A4uJ6Q9dHqyH7WMKzs8a+XEHt
bjaWDZd29CECDh2wF1yoVkuBAp1uTL923ZDDlxsPFRcXDXq4sUPwrSij23hYDiKZnoKivm8D4pAe
2IRMq90dtPt6wyANaHDZvS9NAtVRAFJdxTkBxj0h14HvcuwfC8CNW7pCUvUJUi+IdKCZS6cbRVm6
63LHw1odKU+Y5LsuMPtdmS97oNPbup7uAkv8mqOWt8YMGsVmH2PTcvm0mQvzsSbNwtOXgD7pq9Xo
6wXSzXiB+sGuHMluw1OTgmjhOTHr/UROcKXPBY7Jefgh5jHd99aLURoTAZQJ1kDtlisCT09ohqEn
NETeeu6iI+q07srQxE0aGu9hFjBE8Qfc0D77sDb3FdZNvsx450HmAebOn6wgR42qScO1VpBmhbO9
F37nPGXVehg889y/A26mnUceMJ40C2kgQLoeyax6rvoVbnZnEyELWFieh7bxA64xxiaueCZHlAVX
Ra2Zx8m5R53jrp7SBh4B9x6kIG8VtikKpR8bRlFgC9d6QHfXdelnJgglafh25SNmuMMDmvtD4BJt
p1az7xpSdoykjw35sd6c2/sUaMSc2Im0bNrQ24GXgf0Bn51sFA/epg9dfT3WyHjYMX7Ly75cQL70
g2QKuvYeetXzIuYSbI3/PJv6srWzOl1lfbbu5uCl6bEWN4sC0HVOfAsHtryBre0iyURQPCwOATMB
7KHMJzTUsPMMYqjZ7tkUkb4Ci4Ph4eQbuy6q0y1ZwBrOqvmp9siu+A0IFzxc0IWqdO8wAy9gCl9+
IqKWH5eBEVEv4p3miA/TMONEn3/AId1edV5xwDDChX+Cb2/kLzfYJ3bM1tv3sDkhGFmLufat6C7F
qGE7zGD8sEnE8sqDULUgsGgVybvmUe/M6c7rwPQnsI8xStghkjvu6EhwIh9ehj5G0sueNrEI7i2X
VAATPMwIUv1Up12xbYhXjCgKHjBYByuSxM9BjnAv3gl3gN++2MO0i2DjnHToWdwZ/got2GaHgtVd
2WjZ3kb/rBTzTSDPdGUMd8igMVmq6PkQHTGqDt6XhzYD0kVfKwNO2WwzUGhjcMadbuPHUFakODVf
W5tDte+T4r1HgKinPz6J0MeQzRhviwTuZYDa8dbGEq+PdLENrcqEAF8+tYwc6lo0G5wx7n2LfGk4
WOsMD7J3mCE9m40OyAHv5R48qYWckJsAKiAXiOr3U58aN2zEZbMeJqge6yUHCm0OX6qRXekJvvR6
ikye456aIahvDDN6tKds4B7t8DWMvqY45Y3paTan79mIqlPtauaqwNWyLUaYCnbqruDGoBInWtLr
362ZDgSQEHBY1/7g+RGCmQCnggEHC8TUjRUgYKx9iwQ/lQIYDcjH4FgzhNab8qZComGLHm97ADWU
uaDBXM069hG2i31647JHciHwQfFAazcge/Rj7eIEgXvtgT4OJ2g/uBVFAmti+K0HGG+nEERjjxMX
ZfEugcTAyKc/15EQxHnFua7ItM7x0UdjNyRh7gAq7/ylYDyPOwhov8pEPR2/CwvGZLU2YZWWYC1b
Q3adGcQ1QQYy7weERkYplL7mjAebJfTeM2NDEj/al221n0NbMHHJHye78KCbVLehpT+aY96jh1c8
OX3/NWxhW+rQUCs3+jVLfOgGIBVuNLve6ngsH5D52C71RNcMS+Osuw5CMKdZkvM82/i1iSMf74Na
bHGmueE9yHBLeJxuJNf60vdXMQOFysbnl4Scva9rkHROWxFAABMZ6p8BwnzWnAFzELTkDITwc98D
B9blwaZwwkMPNnCjm2A8dKBCSKgky1YfzHeJaO6zkJdxZGlHlUarkuHOib82MGFRRhQfAbOts/hU
aYy3p5RY95J8mxcot93QSDSwA43RWbhHhxJjX5uICV6xDNG01egFEHdhlW7q0eDhw/4dkCwjkwfD
HMt1Eph3WsV3lGB34NMgoZgAFFoNCXQ3IyPSADFm1aM9FHd9iM7GskX37xbDRn1XhNnHCHGTfdGA
p+2Z/5jEKz6gAmibgOl4vBgdQGcFr024YwI/16bRSz/H7/WwFJsiGL+bnXHj+qTPjHn4LsIPhOPT
3djO38d8sp6dqO7XqVbJgSXcptHAVgSAWH8rNomB8EmIf7DWhjdVJ+0p4DUCGb3N/fGLP6PySORo
FzuWfTIgrLQpiv7NEh5xRbYOxOhfnLKdV4D6HLjoR4HLy971+2+VV81Yb24jPf5tMFMEyGxB0MaP
bdLzPYy47muTBz4CDtPZQxIMVet4YwheCpWLf7yWb0owpmT3bx233dsN4HofMk8bhA9ekz5DTD2M
hvfBbrHEHZgkryx3ft8ENVe1/2CgOoO/4VCtXD29G/T2hl4aUkZH6A5h7swsn0vbfImwItVKF+DO
AFbAw2E5jZc76OOQyjsjOoDPMfeNzyXTjAeyxtq9LnEUFUID93VwtjUfVJtqGmHdNVOW3l7aDDes
Vgu0Aphfv38qlDynvJmiXSXb1IoBjG23uACpu2FjRctTWz/hITTej8a47yDRr5ioRkgepahEiiTh
QMIPGmbamNgzik3qHjGOocO/NoaUz1NFiEC6koYPnVzgMfqA/Z1X5OXZDUfnXi0IRy7Q0xdGohKR
otrg09T7pY945H+29RhZrZDhNBGJAzLmOQEJYRY9N2Pl1vc8FCZdfocPbG4i/iAXhGYr7J4RaFHV
tous+wRC0LsRdrpqura3wv4YM/xF0pJPelpt3mfVtMBoaEv8H37/SssMzGMbIsSkNnm1wkIkn+HL
tcUBUwCQvyyQTmbHakUQgeb3O2vD5LTaqCa1Mk714uyIGf1B9uSgKArsHORaGCUPxAphe8z3nWFg
lF1P36e4BtNiWLc6SpE30+QgaC4X3sJzVXbC2V3bsnko9kEL+iTVtUSDuBBYNzBtT6mTOvexXKiN
e5xGFxzNtwBe23VReBEXNQsFqj1QeS71BqWSXVNm9rpS66PKMRkZTfdJ671bfPqQYamhHtS9fe/7
qfYOGZ5QVsCZ/VgwtfoE73Y5YSPEHrIQJ9upwMfzut0EavqQLToiZ/KzLlTGc5jH93mV93dwKTeX
O2qp4hC0Wrfys7x9VzL6erA1L3xAmuOpCsLprDZTCyj5SIF5RXVQVbWt4RUd/qWjvlWfUm3mbCKN
XqbwgaZp7euhf58Vln8fphywZSEyGTT+vWo33XxAZhKBu8QDwag2C/r5WLlmBISSTzILvNdjwCvx
wv1XzjFUi9BHUq4q3fuqiHByjrxFcrnce7XC6JL2qFdIwaiqWhGCRLurwZpaSdqhNepH3Q45FWs9
xDMjt8G5uW4b1Wji+WkLOMmsk503oz2y4IgCmN2REII53YL7LqTrNXB8yyf61tZ1/NDLhd213ZGY
UrGKJlgx/4siKDqIbv8KRQAEGxnx//v//vMvfFHPL0X70v7jP76pbzt+/a9/GJeP/IAR+PiYMvNy
MdaQPlWm9In4HUagm7/oDsNs4SEtYWPz9xNGYGOmKv+5wvQJNeDvc4URiF98FLQND0yC8CA6Gv8W
jkDXpeL3KycGnR1YutTFFg6cFlx3/6j7jyu4B099EmcjCI5Wkuk3o93rN243TqfFI2CqxwI93wpi
Y18PZ5Rc65NNCB+bGpnX6V0vgrkU4+Qm4uyo2iC01idVQvi1Pl2rJcSvoWucg1pZBJ/jwK7A9pHL
NjIi5qpkyVLT94D268O1+bpOtTFgYx59Xd3BB9hXVnpuwEktDAxrxhhEg8AakrqJPw15Ce2XVzsk
seMicw6pjqipJYgMeipVonAGhVKcSspouwiGzo2vZ+R/9PdFOE0Hg6A54LjonJkxIFkhvg9dX+9d
Y4jsmyZvD17fEKzIHZ1XEIsW/u5q9rKPRq4THLImkhM65/tYoa+gzlGAAXjnaXtjApQAs7o6sb+K
cdEfqlNlfV7aECz0Mr1j6pcQjQOcli39bdaK7mS0wakSuJxAfphOaoE6Q7EqvBzVMRvFpACekOs7
GBGYSUMElgWWVihDqaKj99Uh4zeXEIAh1jNNux6GOhYFmlAlteA46MX08cGX2ILaBFtwXai2rqw3
05h1hyKpgwPglBXx1fKUSD55mdVHby2AxdNzk55Drn4hs6m57UktdGvcGGUyHBiYNrDKqnC7dJm2
W4boafLj6VQCzzwtEImMZjoJ9AtPIFUu2BUm+yuzriDRLla2nZY4Bk44pHvPb290Kc0V59ZudK3y
ML0LkUg9+TVRSctIBphw8M6tErycjqcS4UUJqIkwlopdBKl8/WRXJrBrxE23RRDbp9FwoCrWxhcf
BSgFXAnKATKFXJh9rh90b4CBTQ0tDW/n9REcikwiOJIgP6lFEP9eQnBwOBrZY7DYH915JsTPUxUv
EWy32hDeEW2CzO936K3Hh8LlzvSTfusHRAcTYK4kAABgjGA5gZTY1kbTkSqPvKTBxNv/7sNTWONA
kSFEsxin6rI1KNCZF5Xc0m6/Te2nABpVq1uHIbERA9T7B7sP7J3huvoWMMBvWmvN3KLNtCkNl8hu
0o2nWhjjCbLfTEi9QDCqgqqfB2giRBLcI2aAhOt6CMvLSXFSo9qh4/345rcXI/iJMHCjfRc0yJUz
DL/AiRTo5wI+kik9RwGN1GMaOIyT+wKmIbwOa4AjG2tfmwFzYi1H42WBGd15/npsEemsIx852Roy
VzDrxXYJMA7ONGD+0YD9oegjZxP01XuB6hq3mCtAPZLF0MQMGNWPiM/j1IBYVVMiDW0G+M93o34C
z7qcIHAxixZHglHVaXGB/wiVYIeWZa49VP3lTU6+eLIhrEg9zWAOmm3QWwax/ojA2+CMBxcRggaq
5sm2URPNCnqKTlaxNEQrJQ9f0P7vTrBvu5PZEMXXpvBLOHODloO/bLNOxAc4Z4cUUd5N68TIzgyt
s++yCXi9RrJdLmLL/FFSbd5o4OMikt/U0+9JIFhNEAlsFHKL2wEwJdZICMAFji64J4ZiVVsGOHHD
HrZeg3bi5ZCg2R7qoduoPkg1ub7VrWzNQI4rezH6aUSJkUXqIaxPlgl3zWVdAJ04uFJhYkE54fIw
XIp27eK9IAbwt0B4cHv77BfA/lMLlfrUv5/n0Dz2psRNTf5obzrgT8ggIPCIjvpdVNFDmHo/nwiy
bmLLu/eNCtd6dWalQqJtEjBdQtgS4QdhPiy5to1LpL66PEIELEPqX/W/qn8rIv082SK59MsMpDvU
QxjWuU1cHHSj0hCXHB801JLGiAGXXVW3MS5TpJjgmZIfSdcMCQibI30AoyQON83k1hsnaXBXFeNe
kBo5aXqDuoQsWYlBdErr4LURFUHgEQCUTB1HOt20qhLP/loD2kecq6rWs9wVSth0e671bU4tg/Rh
np3HiGAAbO2eB84JefFOCWpfoMAoqgVqgb+XzDbZBoJuswlLeFWi81fRjHQgqY9gHWZ2ebQQ6Tkv
epafSaLm535EdLTUoGLnHeBWgYbXqpjpPKa6T47AgpGilB1KF0jAGwA2K/dPuk4PG3IX7ew0fyxa
Qh2dVW5rz3soxgZViMxE/Q84HDZ75dHFeME35btAtc2iMjd+xiwiH+nnWzx99obuHN1CRzahHnxy
JTzx+8Cv3hXZ6B5jgeTuBPsNfd4F0ANT3DlBByGwg03Sypyi5YRbDzqHB7YJiS5UgtmKZKQ5nJH/
XtXob/rIqEzENURYatJBmuuTN/qPK6WqEQOhPRZeJ9tf590yokjZP06z7Intuy4eiCbVdpQTOLcy
smybrOYRUIuCaNXOqopnQrTlKZbDHmwifywKWfKqnOwv6RzEwsFAqrWFDzaehGGefWsmMNQoP0ll
Y/ovtO9SaL6rtjEekxKfjskdXswI5cdeuoFmw8c4LF9Qa672KCMQ0td6JHJmfT/ZxpZJ9RPpPGNv
QAzftLN7ioNqG0zjc+ZEBsILTMvT8eOcondAjvAG9axhVaFM6KFVBVKO/oWg2KFx6o/5IN6nwZQi
g9yCeo/mL3C+tm3F48HDSPA/vu2QQ92D+8QFjRBIVsXN2on959yIb7qRHJiwrF01W9+heNyV8+Ic
+8DcQvYu4RDFy3Pjhx3+HMPOWpJAwtKRZ45Rxcye3W7K73CwyK0ZYbmYvLiTQGZHtfKuTfUbPS6H
XRxGn92SfNWS+FuL8ROz3JTgRpEfEndB0HnSCzliPGSQYHaZi0xTSZqibEv5HnipSqwktKp2jl2J
oELHvO8wpZ15T5AV0ZUZiVco43n1LohJfjqdfPv4vFqWQcAqmpC2xsB2x3AVBcx0aLGhJAQz2Wgo
mWSJKlL2u4kUzXPLOwkq7ndhk/5BxwsurCV2Q4a8QJPgDLcIoiD496wm8dUY+Bv73XtDaol3/RDu
Q6jpXTEYm2RhkAGCXWzJSpJq7BBub3nojBDnhSOyNDmzdtCzsZ5/nlrr13kejYchyqN1Bbd/8rDP
NDOUfafPtVNGZ9Npjv4cj/RpbUnqwH0H/6w44o7I6fWDF6+EVNWhOu+65InLHD1Q617kffKYxrnU
HshIrOcujPoZMQxH77YYyMODJGE3JbeTVAsKGDiQWHEqgKDhB7MG+cVNAPe+QNy985IjsLVdYQ+A
QwoB9WuyN9Hixqg5Fp+GUoMEgoATh4A2XWPgjQGuJSdrtrG14TNpLhs0hf48Oj5BSvE4YptysEvv
UzrnPZMY+66IfETOb4VJht62UuSNJ9D6vag3RY/0ZDUbK90iCGwsPkIe463mc6TD+z58SEV8jkRX
runpnBW6nSZqW9EHmwwzrEf9sDBtRJKxvEcEIl2XKUY59sjmE8rzGyduP7v8J47bobm1dSpUpJbE
/QDErkIdNrnpnIwhaVth6qAlZGGt5YAk7sNMTGnjSqX3xkS7wPG/gqukI7ThVtkEmvZiAN2g6XiC
luNhCgTC4Bi/EIUfV1mOrraGiV7nQpet+gljQj9dB4azz2ZAFHrgzpsoDO5D3DYSVNXGfHgqc+er
poGtNfjheuvtrCzZhn75MZyKL2EE+XsZ0Q2rF42UBxeGxEj0BZMCSMdD/8nQ7eyL0YmXocboi+ny
zjP6XxvfYA6FisG6Q4QUQrK7MXygH8CAjJKBtgJZVQrQNcvp2iAh5TavDaZYSN8EaOiRgbgu1EbX
aqE+WcqhpWp8s/p/2JbHDejBKp7mCNkWRkehnNVY8o1rYBbFbFnW1SL+WVJVmOy/r4ZDKHYmmpZN
UDSndGGwp0qdQHILlvyqScWtljNnUM1qkcutrpte21RJiJbR21+uvn5NUjo/djY/4fmWX3asvlzX
nPA4R0jiyaO6bvhqB9fvGRDiZ7hoC5T41afVqpKR8x71kSPQBRx3q/ojUWGmP4o+ELTxJm2Q3MvU
bFs1qsV1m2tbOcvZ/bX+Zhtkz7AV17pPmYQCXzd7832pmjC8+SzgIngHP4+r6CtULS5b/umR9b4F
os0rph8bqY9mnk6Gd0yAkDTWsi1H995A82NXGAy0h5bwx3Uh5KhLVet5rldjQLolVmOtoZJhlOv6
S/3P19k/v0VtjwJ0voYixlzW3oA05V2dCx1chw73Tk2FsyJJx3equNhonIFP0JBrI2PhSPyvKl0X
sUQhX6s6AKSMzvRwbVKlAlsc8EDTuIYY9/oD6vN/1sYTA0T6+vXXbTBse6iqctnpmmWconxg0RTf
NJEjkFxp3v5/Q5j/nRAmumxQg/46gonIWdm8fC1fxzAvn/nJhCJOaWPK7TuWMCzTIxj5M4QJSQor
XyhNjulgZsiefjChbOMX3bAIJ9qWTrzS1IlutmWvSFIyhEkWEKCj41guTKt/J4TJYbyJYHrgWFwf
ez/PtEhKvTWw1fOowhZ60c6ZfCjUJGeUj6Ca86jSpU09bYl68kZV/vN1k3xAG/Woym+5fp/aXC2Q
dcfCRD7w4ejfd2lvL1uguw/RgHuCGsgj00MHhhopTPEQrUHVqEb8aoEaKqsvGzU8qMtaNaut1KD/
uumrr7tuc12tSkB2wR3146ehjxgWqs5NLt7sdbQTJhXX1ar0ZpvLkbWaC7bCJ+l53QbD8I+67Ng1
evhKdvWtfFMU8s2kqzfBqN4KqlUtXPVautZT+fZR1YX3jCFfOOrTqimTryMDQV35Tvy54fXD1y0v
m8vdvtrBn61+0xYWvFJb3q0StdbLl+31m1TJ4p3sypcz7Aw6N/XGVkW1SGTjtWqq970tX/2qsZfD
gcVv3culvF7FNxdVVQt1/b0QsUFAv9WqEzjYrBtbEiXkTYcOC37YSNltk0hyGdRNiPoQWi5GpV82
VG3qI5fPqVvadDQLFK1xp+7TWbWp1blhnGsrSveqlo2AJ/oYhblXn1VF3C/uRe+OWPhwMNebX1Uv
XyoPEF2CydDuRpsgBhldgceALKpFTHjp2GcvRZwgrhQCIYVGSJg6lQvlraCqmPwy7NWASpBja09u
ib0VAFCK3dzh01OHRyNCtB581bRKZUBRLfp26lfIdDTk4/v44Hoz2vqsjH9uoad4uhZonzUyMB3I
EHWCmgna0D/rRGZQMBPFJ1NF2uVC8U9UVRFHDBmHV1UyDR8XhJDBcXBG8IJZV7jFHCZHPkyBJufp
XhwNCFK5B0UFUJSIUHEVXxWtGHASAZJ2nupNqgLBkQwEI77FdM2TIS8yw8PRye9BTGFE4ei36ocR
e2YXqgg1I8wYwucjik9Bsi5M18zfaS4ZwSQRh8SGEbC9Hj46ze7GlPq5Qt67CO3BUpThWFVVCyRV
f1TTvL4lEeLtHB9CVQdeFFbBYsMX0uXpyXMwbcvcPqizoHg8qqT2pvdw5CZsUxIZkYcCQExuAbQa
YWC5nUaXQJktA4FYjVN0nI5pb1o4GKGYLtwn4n4ofWurOWkRwL8clyGZVVHCHVoyVF6rg1LXxIbX
3QeteVBN6gpdr1WwQ1OAgAqkHsbDWf5ctQVKz6oKfrA+zVJvrQlwOWx1c5XHAbgTecuRIHn2pxoi
rI33bV0O+0WG1NU6VbLRJEfpLjtwxUmeKBqtLKHWA/1CUzFUwh9bw+q/et3YEAmLSExYqUYIrpFF
VS+W5MlAa3WHCUJ10gYLLydVDBIZz5ONXov6I+pmN1cGV4oyJidGjtsUyyoEr7wid81n/fBXKBKw
NuVCla5Vb/Er8NzRd9XU9+Enb8DMNCp7bglX5lu8DHV7K1xueyPtTqopClFbigUJktT7WNkZ/f3P
H+sVdi9zBnBL1GmY4IEitKhVm+svvPxMtFK561CLPFUd/nZ6fkMKvj5df6Wqqt9b2RUZRahTkye9
TzOCofiiImkro+rq57oqqu5cyWtlXQH0Hc0DAtvQWid0F3szSbev7ld1d2DF5W8sMadMouVQ+/IE
y8fY77V9HlnG/tpk2/kduQIHZSFC5okMmV8X4QKY3sWeca2uSinTi7U+3CdQEE+jHFXbMn6nqole
ojih6o5hA+BahmR7IUApjpRa6F5ecdvUwy6LEZTCbczfVGaHJYO858WEvBseLsDA8gG3O5nXU21B
MctQFrKtvYNbqVyILMVVpdQNcpNoI1uLQ5RNhr0nFPdPquSCz4eLnDbTsXGfjHFG47BAt66sl5ZE
Q05uhPdee0I6tGWijVuZr0/5NsSCgsdIZQvlDX6p23UH0t7HJiIi0i6qhkdNXf5GXki1WGaPxnrG
3sxEOgf8NCJNSB2RIbHkVe0wuEM8iUl+V8a88Th96uZWpWu1awShbazUtp4Rr9x5MU5qEYbGR4cs
pWRJQxZT5HK5cGU67dqmqqXKMqii2lCtvlZVm5VIH+xZnFXN5g2dkgrhqy9F1frqey5FjzSS6Oj3
xDzghdDWN4qDpehVZouVmd4+lKYYNj2Y5o1tYBk1aMgclY6voxmepxuz4j7L5FASSVwGRkZBr2HL
xktRra8RYwEOjv1OBmStkHmwUYZDGsWCV0XVqBaVXK1Kmi65dXQ+P+pqQ1UdHqye9On1k6pVVYEa
88tTE9mNCh1GhiayribV12+KAmLq6A4XoxygoHMq9/Fqvq7m19eJuKq+moj/9epcPkCXLdVGr2bj
qn6ds79a/ebrkmtswUERa9/1FQ7uv8cgXh3lZcPLLlzJQQoDfE6blJd+OcmXXjvy0lP1wETQKww6
2KiyTS36nyVVXTxemWpjVbp+VlX7pY5OmYMNL1vZocuLVRV1Ryz4vciv0mz5ulXFS+v1e6674o2I
7yG6Amu1Vu3vuntVum786huv3/XmEN985LrdFNNTePFBJTYN+diqhUpx/lnVmnPw+9BbcFVjY1O+
xq6AAFVCO4fUpzN/VTUdJyKSPX9ED7ypqg3/sq0soxQQBRZFajs0CflCVbx+7rKXP13fo1++rgXW
J5cjlr3S9dhVqVWdlCpet1E/DQYN3debzVXVMUJHwlb8arQOI8BWdQav+eFRw49y7RojugmpeFJZ
8yEjyFyqQV4+DLdRmOP9IUdpCjHhqiGfql8Xl8amMAJsa6FMvt3IkqO6y1eqL1F19fFLo6rrMx5H
BlLyowfqFOA6Ekijjk/i2PinjmAwJBwHEHgDtsfDr31rOzLWVVcumuyWBjpXvfYgLo1YBZPWmOv2
MIC3R42i0S8IEiXL0auxpIKQmFHE70f8DqsoQy/Jhfv2yV90+6RKUZ07l5IdY+/AVP8ACY+uUY6f
fDWqwkuigk1hNgg5hbG+1s6oSWOHqoZ4k4QbQahjyKVS3qF8iatGoWHBPZitvSpd49GM/GaX6SG5
mTjyTvrUzfuhxwh7koveLqtjjJS8SronctaiSjkevEnCmKHRC/3UyYWCAbQNGVjSqF/ATfWnQc6D
rgvVJhghbCwDPuuIAsFKA2O5LVtLO5ntEgFGEA7UoeTXpYGwk6vXsSffxGrRLiBDyvKjThdMFyHP
hCPHVerEqJJaqBWZFHvB2LVYx7kYwbrIhZlFh3bxdoHqGxWcIlHgKYWouhRVq14g+mcnaEdKGRhf
EI6HVsvvDZv58HZjhbxSH1NrVIl0coUt3QmtHBgsPxf5z9Kbtrg2AMVLr7yiqIeL8IzAkleyZUYQ
rLRdV6jSJE+VP4H3V6AydX1V6bpQkDN1zVWbqpJDlPMBOQG4ItKGpX+IFnTl0stsQa5Vm6gPq+3i
0L3rgOBhkMkrVyFPGBsWWGX+XtXUKzJSk71Wvn1rRWq/bopEor0KdJSHX22UWeSu4m4bEUffQx8N
2sMknUE8F6CEb7qgfkqDdB7pJcC1QDFgY7nlZrCq/kYt+noEBNp7oEemlpeCwYhcLfpcUsht29sM
EtSlep56mHm5XPuw3NCnbQWhCHqKN58yq96MeBxfsBoKtXGt9otMZV/rqnRFdqhqFejZ4X+Dtf+d
YK0JIJRA6V9Ha29f2vblt6hvv3XdH2CnPz75I2Yr/F98E3iohwyVgPtEyPRHyNa1fgFvISzYThZs
A7a4hmzNXzwiqa4nPOGgeGWx6kfIlmiuKSPAEiiKp4NNoPd3SOz9BUzavqn/RwH7toyLrv2vfyCC
9Rpyanue4UodLMdwQL7qPvpZ1W8vj3ERsrHxf3xrFlpaadVBb8Y7XNJJYNhk0HH8gaEKjd6Dif/q
JP04gn+1RxPsK0hXYZkEsf+4x6ywC5sUe3UYsQG2BsZf1QdTgHSFtjwGWA78/e6k9tYrTK36gewI
YK2N/L3tyYj1qx8YYsaxNFVaAV/d2RnEec2dn9H0fRH18vxv78oDt2sjRib4daaE977a1eBmmFM1
S3WAWPM9zdLvUo0A1JSXhl/+fk9vwuzyR7EnB7aVyz3wT1etE9HSRs5UEQEZ/a3vodjUoveJRDm8
+r/flcE9//YEerxfbOL6sFQNQ57gV78qrHD4KSN+lSV9dhDge/bqBuK2OE865FMMdgcIJEcD0gtI
gRofJPfOCmt0f4vbvz8U8Nn/fCQm7rBcTdDW3pvz6w65p3X+CODSx9k0hXzXz49zOD0b2vw8VdNj
i5N5AJHh73erfuGbW8gjcyMEWQ1BzuPNGdAM7NBdo+QW0tJjondHZs9QrMbHupsewfeQ/wxvkmJ5
Trw6WJVa/NLYDRAaKUNBTnKFLP37RKTv/yeHZVvkelzXFuLtoyuasmc8AQ+jszEFDTPnIFz21lkj
0Gav+9rrt31T05AE2VoX3bors4eZ2OKq6ocnD/gvBki7UYQo8/3sBf/kAf/Ty+S4Jt2Tq+t0L3+8
YRZk1jGLyjFY7uvmUA0mlFSG1UBbeMBtngi3W7tm96kyy/pf9C0G+a9/vkVe7Vuuf3Wzeh5melqf
VYSErXejnqByEKYYDEz4CjbTM07xnIoEWJoQX+L4Q9GgX/73v/5P+hu67Ouvf9O9QYRGZ6/gCJbI
TAFfwGedkpdF+pYmdAl/vzNTl6SFN7/Yh7PgcV9iPGma7pubswQM6eUlMBpMwnZu7Z5FmWLJAtdw
1geUSOp8X2MVn8UfeoBfaIQAoAQ488gE4gD1HUqiPp89PiN9V/2Ae8fS/NM0+jtAM88VPoN+OtyF
OpKrVv9YJrvJKT9OdHB+nLwAdAetM0zPS7bzCxi1IV45eU4wiO+R2/cy4Ad7GBblvpytJ3ItiLui
/dJ6GIAsaGhzg6YpGzkdFGKrvyuWpgYJhE/L6KA/A9FdPlDTMD7a2PUMplhHsPcy9CFWkQX5X/eL
WzeKcbGxMS6r55exne7j2l5roQXWeTqWPsdYYMyAjvt956KYokcFiik5ADwRpce8Dg+YIeHxiLRs
rR/s9mvaJy+Zq5+RjIcc5ENeSLtVNQ5b00++Az79Dijmu7yfTJ9b2Cj4DXGB1277mye7Ynlm9BT1
9shsd9UIUXECsw1QYqUP0XcRxXvTdW9JSOKjzO8yJnGAY/geb7mt47SbhvOpOo9OTOeoASunNRV4
gTl/IaT/bCPTiy/I/Dz6xErGeX40Yo+L3b+MmpSDWfqNmRB2lDYxgct9MHY+GijGhJuLy2UppwIs
M6HagA5Mnv7ASb6PKRHbUnvvdCFnEvVeKBQ7v8FTyA1vTQsxbXvO8e4AjAvz8jeYU3gq8FPBbqOn
s+jPhADvEv8biDULfZ3xORp5T5gLmgU+/WLln+oIxfgS1BPEeXI13vIwWTin8BL2veHR95dDnjvn
KMU50PFbf/uQtiVvlworJ4dTgJrwpoi/1sN0xj3qRe6ClOJjNMobLe53cn+4DnxuEwKmWvZiLfrZ
kWeKwc/dVIk7N9WftRFGmq19T8v0xUjylwF0GoaAzzXh0dUQrbwyfLBKc0Q8BBQnRG5b77inQkyU
g7B/QOOAL7ek9pjP/Wm3QY5Q+81Q6OUKGfwzKj31BszW88IRrQvYZXUVYylTJy9JGmlr3o7vRDh8
86R0jSkdvRvhz/s6vSu/5cbWuHdcwrldIU48Vzfq6N2U3zcZw6N87yY1oL/4xcTVd6nrlzHnGZnt
G79zAfMZ4FJtPE2lDI68lUf5ciYPeqcRAgCrCL7S4NrEjCz2dh2uMX99thqwfi26JkckNz8YcdHc
2BPH1mcRFHiZtUm/i6CpCK8HSO6WFhrNVvJO3Y61E37//+ydSXPjyJal/0pZ75ENOAAHYFbdC5Lg
oHmWQhuYpJAwzzN+fX+OyHwZGe91vqp9mWUwKU4AQR/uPffccxI1cZeccYBuwYspwlunQ5QtcDj0
upQgWfg1yunJy5gr5ZHlFl2L8clEUImaM2txjUj0TkMcOywDiIhe9NYNxBFwcpmcGG3M8z1pOcrI
atka1FYf9YrFzxCqQgvuXkYrdjc/GeqH2pah/hGg3RI7t/oCkN47/d0Wbegvp6zQtNT5jK4JfQdZ
cKdJ37TaOtZx9woEO8zMgYHhYoTpm6shQ6fr00H2bFneSAg8URTcjLVmIhnNC7z+ENYjk8wZnly1
ZnYapwV1m0tuciiDowTsQ7tGM69aZb3jzjiOdBcV0g70ZzeOZe2XZjrXm1jbpegI6D3XxqO8dRh1
ymmDPzWO2BVmjJwJbi6k5mG8t5vpkrpjuZsn8SQzNbskPj1qxZRdP6PNzEyfFPOiMcBMKPd4PuDJ
rqwDjOEvFzu0L1KNC1O57uBj3ezi8kotElEaPSLpNOuT0yn7x0ptk+UUUF/isFLXHphbOLVJbT9r
mrsVXXtZz1q7caMi34aVdR/hHo/LbuX5WZU84uFAbbFA393LuHCZgQ6hxrzKIq6VHOcnPcMqeh2Q
a/ACwflLbQeUIr5QSj3ClzzXWeK6DkOnudO/14F+nyDpNOjG7Rh453Of7LNxQCZeUrn+8RPN3XPv
5QfkYM7Wwd+jrblzSaU1/GJjBlSRFG+GgceWkVGAaucUtVWcxGyGdTQNpV/O/WcfwKqwS3lfF958
GoPkZHjIXMWYeSCKWkkE2IKWMl3zWPdckbCN926dI7iuObuGBiTZt/SwLGChhpd2u7YT9VYmtdjp
I2PeDLVDLbGAn6ceRSeh+a6TMykrZEmqSdICYIZnzsj0sTXmoRV0uyHMzE2fLLg+l5hvzlgyLsbE
8MTFE4ADanPhneKiwLWqq5GHcGiTipmEjSwviwqRCHcgbHfnz9rtrgQlqM3MnrkJhk8sNwu87blI
AzLuFY4g2x7J/L1pc7CBxbxOzJp6+uDbKRTq9bcrMzUPl+6rsJ7apr9GoRtaeI5OlumJN6TG3F2K
ZSH6U/VONFh24Wg6wkY23njjlbDQgSuc8WhZdLmvMZElpg8vsUmSvMSjG0rSdGt22yqjzFLaFLbs
iPwC86GdhW8mngXEsgHMmm3/ibPQhAAkPGS+VGLhc9LJp2JiCkRBf78U461Qa7ktrxYdFwm7ZYqG
o/ni4P27WZcgu8/jTWLkfoQ3Ue9gSsLeVrX20+S4n5ki6Zmu/uiMDvp6BRor5gLho4w91EJG7vGr
ZFAipoua9GBvVVSCKn5z1PRwm4GQ1PX9RegKe9eFxQO0khgx8q7fyQT4HUeoBbd3artLeNE6wmCG
Exj0zOVdUU/2BZ7w0aa4p3dquIdAy9petpd4r37M+XhrOO74noSIbqT4WIWzfA39Xger7rTxISmt
iwFo6kjyHe+SMX5x2wE/OS9BEcG1z9M4Cw5mSckSzaQaV5/LsJ50lNriatvhub2jmZyGmaj8iD1I
kkudpIdCQxnEePJguiPj4G3FlD3GbKU7Pd4701Kf5hrTcjo0D3q91D4DGrI4kpw4BiCrUjeajtdl
TXMcxrdlKk9NRL99iyzQCFPSeV1zcothPxap3/XOwW1RQsN3qdlmJsp1kiXTppN/agraEcvrVHbx
wdbcY4X9IhrZhR9laL3Hs/tkoBFw6vAopIsKDnDe3+gGhhu2Q++KaMNzK6/Pa8yk9700KIt3M92G
nosBed1910Z51Re4RE2i28dm7B2mKj+3PYS5TDu9UyJudv7kjiH6ZypkaOgG3aQ6cHYV0OURldD8
kZ7Z0YT6ZTsf3cT2ofeYSnVIOmE9dQ06fRE4oKox6mEYd+ATTrw1TNaLpWnLBoIOIVWICExCkWtb
m7hB9pL5P3vWcUDIcjOV0cFBA3Hr1TbeRRVtjxjkVPtBQPwekeXC/41xOWPv17SML889OLDsNnqM
QxElp13flSM5n40bX6Lbx2hqoK3O9UVktFQOw54daULoqMV5wGuu0xGhGLtE7aPorJ3RpY7fOgh6
6MPwDY+jboufDGZhA8VS0812SBTjri6Ko+NW+s5xIBGN1NtbPcWfd6RWgBTzYewxddOCYNuwwyCV
E8wUrum001DrwUfe8w0teB9arOU9Liokeo4uu+7Q2XXs2zL6MjG2Yw5mSICx0xVmSZJpxdtOotgW
TKF1WlBawfO1OrKceYegKO5ETafLgnx67IbmERoxWo2wWict3IWT0hiQuEAH4WMW1Pkeca33rNYC
iPA5qh4ifS2zTjWrvKBzTq+jGJTsJkFRF4cHC2dFt5MPlHjjPdmb3AfxcCnn9tFzlVBXTndgFEfl
zkF5URfEBgtQsTsp68uCMN3ozS1i7KRMKqR0DTFQ/fDObdIHRFGMp0LQH+DOhOkaYbId4103V9mb
2jB/oEu084blNo2Jf5KS4cNcx6Ddeh5scTbjR0gIze+U0luzQa7yvNRq9ndBnCV1MjN0UXSkqjbI
HWK3p8JWPGtx5oL1ZbTPWYcNaEA2kwy4ZTb5eDN5st3qjnfQjIkzNfmBRm2TEuNt12uymO5DWZQ3
rEnPpRteraFul5BmugIpkzZOnoRL8JaG3R3dIaX47Ga+Nz5vb151UJEykqNPRYY8mKjCrSz04RDr
iO7E2jebtYNFMMA0MqR31LSP6p8n+NJpk3wteLkTxCeFH2bBNd4c7sYreKgaS3eX1z1maukbBM+v
EGfNnVFTU9V2JvWvi8j1LRLTveqESqwp2g5Wz+cTXbg9+V0eaH4Q5UxcfHQ0o/YzGpA2iUq2eoW1
9OoqRChy7frYeQza5B3t0Sc6DLVtaKZvwuL6jwsymTl5miY9JUKPJpESuqP3lVasgotbZjfOMF0t
jn2fu/LKAzmEjMOy1PmDW1+VgZpi9vJks0/D0ML2AtWt7dzX97ZKQ8YpxYGvqI8UpjJUBNtlJ9vy
3ByKC5SO8n1Yu5MfxMW32UJdlvySJnQjDcj1SFdCl9TUVFdWw0+QdjMVUnXFrZOwzhUkX/i+z9AQ
gq23sKGqtJQmxVeBBocV85taiE6qERr2+HM33nJOSRYrZ5qYm5zfWp1278qKOkq4HQyyhYEihTB1
JD/McieptEA0m/WNQHM1zrxjWrFTG/lwR9/iuMkj4xia4505zudxQ3AMI3KN7EnQ9nkcf2keNllJ
P9ylNXFPnoU4O5b4yPRkprjrLkI8rb8B6pKBbxbLMUKkYzOodRVBRHILlR/r0fxsyfmtz5W8YhPP
vht4xsYxsc9bs2QzW46To13pNqGW1AGr4bW9GQjb79aTEG2581RqW0i8jAimuE4sTypZpavhvLcf
nYQOaK2c4V2KC1kzJ1p7vq214oIG1fMs7a4FMMRsLGfazDvTgleoj1b4hx0O72P5iMwS6pdztsMF
4aowoxsPSM8U8lj27ms12EhpG9MFDolsGU78ZqoUHR+2VA+eV/htPXm6I1BgVeKrIgeoSNik8Kj4
6iQyfiXv1FJEaQevP4E8q3y33CwtAz6N5VWQg6UYiDrlxi2G1BIIBuPRhB1Ts68xcdpx5R/VgtEX
1QsMiRTPLdQADVqXzYZByuVZVWbdrL0g0CAIJtejzrsx6/sVTa5DxlFjv2quBDwTpJdIdJ6rfVnQ
5NotxWeDi8+a1A8lIXtvUK1wSu8CTQ92AKygu6DE6zt0fUIMz+/IhBnBvCM0Yz8P6VpF2FDN2kWh
Y/Axv+O5rPy+GPP4855XPyba3p3Oir59TScSELXQVs9FPHxv6uFOLSXqV42W/ihL+23KorfE+EiK
dBu2iDVmWcEyo13PprjUPRR2lpivrSCIoWX2hNN0ZzsPaR991BQzC1CVBvNQdvVT0LNkLOqaDMEt
bYgvCruQmsKUWRSrTuIPD5jpaPz2CrjsW0E2KdRG8iiYHbUEqBgtK/WnnJ1rrQ2YHTo2QTfxLQL8
rTVjeaq19muqsrvaK/fLOO28iOk/EahvEM09TTWsTFXAoBOa9qdWnCU6oNdQvMyS7hwrI+9QgI8d
Rl+zBaohR846arUTpZ6DQZDoqKG93sSNAqc2cV72m1qPWxpeo6PM5BW0Nqx6agpMFCx8OU43DtIJ
/gosRA+ZPVebQLgtFt0MPKgFCkbK6elmgGOhVwpqqCoS6JWBrmmDs6egHnnW/EA8TC9/K5r+asgw
dAU7kbbKrRmVYsoPrYZjXgs4N63wWXKIPZNuWTe4HNHcm+mngQuT3SWCr8lXnJrxHfDQr5sRm2Wl
ymwQ+OVG/tINxuU6H7rA4idEsJXOb6A1zd3JXH63Fwys03rmyGm3D6ddaLvPphRHFzloqN5q+rXO
gxkM5IYq1Q4Qu0SZln7z5GsoydnmKcu2ggGt0nv2+6EOv2TIwo0LoN8rRXDppqdm7O8yBA3nSpi+
BvgPm8MKEVRATlBF1DYo7JpphQoqyyZWhoICfNfl2Eiq/ZGCy2bFSHONXZc+/E1hX4wa2WoSsRqg
5J9CMcSetULIuIv4QeyMIVkvgoUU5C6PMGuNqyPpqUbvIq2KbKF0c9Mh2qBRCvUwvm9l7R2S02hG
yOymKIQaJMi6Wd5Gkmiy6AbksbBmhM1m1yyvQ/KIl3kLq4UlJrOz70UzGFdr7lnQShsnuDJmLZeo
c/LHppsvsDpnlwp6RBu63ICD47w5Rk7EcBWa1pU15V8rSqNpfOkmi3d1BUte6q57sOGt2BFbWwE0
uW52hIopSrUMW5vU2LOF5ycJ4ensfHciF91VBclhMMygSdxPNyXlbXKNnTIyEVNnxaoq0OhG+Ujj
4wPsRIyMNt5NmUAmUkvJrGoBlUcNKTKKZ2uSXz3SpZ6LYkgJihCb0VdS3eQzW0iygCgt5Uu7dNeV
RuodIJOAb4LNgsr2Zoa0O5Pkna85M8JfQM5qb0slYXTnyM+61aAGAlYvCpoSSkwYzzaHiPEalGFD
sTqHGdzvGnRBtZaARNgJe1afvzWwft1ZWev2l+tcxgGVHLVartdobv2ihF6ojdC0S5JabkBmc0/9
6GbHh1pIAocixi+5vmvd6t2jwHjI6ktj1r8FNuF2RREgCLNXJ65c5PHMAMiB/nR1baRFdI0Icol2
4laN+im9q1PEHTQXfRVGyKEt5m9aQKxSOfHV4t2ODr3teOR1WFOQh3ZS4LRw2bKXspQ24kh7OXzg
BBfo6aS7OFYHzfw9MJ1nzUI5nPT8QIMSi5s30znr5S9VjS1QRf95w9dCMX62i2yfozUc1R+IW9CV
Yl9joXjS9Oob+pvOdnbIdeElXrRWWJ2K1IFBL5NhR5fB+ShicTnpQ3+PuesjPnMbLbenY4ogdqV5
8Fmmu8qLNN8BvtvGOkq3/VzZSGlqzVO77JfJPoOV4sJLMxFMpd33Gs78eQ720E+IK+tDfUVP9rjR
sqHap2Jw97J3Tb8Ke3tb11m7zwzChqSfrtvY1KHGIks2RPT6uVTm6N4djmEyPjQ9ujY5UgYj4Tbp
0Vsx4oQcuI82Qvt23iKpW2mvXekpjDRMjkvlen6lp8+IkFoqqUsvjGAUB8suborRxa/StfU7WeNp
9Gefydp2Yi92fUqGZBOKyTlbbwKDe/23kpb5M8aC/P3GLp2zLpkJ/3VPA+goTGc/zNUtpDKJjAM3
MuvlGfLyRDlhiZIgyix2VuAoL0MfLvDajrKLDFxsmwi8WEasNDjmdSCErHaYz4sdLqDtvs2yj1bX
BAo6+rcC7ZB9lsS4bUcFvT+qcXm9idPgm9fMni/MGoKaG/18sz6WVEQeyBm/x6hzzFk5n7ia1lmX
j9bZeu+XP82oNw8hrVhxWRfnFp0ZPl59IKlFop/9eVON9JoYXoVaQh0A4dRTDP+taAgMKsTHh/5o
ailCN1E91vnGYRUwYxSuzft8pItkRK1oMqfJ16P4Iu9mcbbeoAhpnjWtmlcA/v6fTyRoAPhZCqJh
qHbQ9Qa4X/y416cp9qSLesYZFTapC4vZGtc3Hiod7AL6XZsa+l1ZJ+E+LZSEfiBPUVE4F6mIH1H5
qi+srsOMEtGWowb1TzUT3ZUoaOSTXt3rsrng6elKGn20NdMsOXk4ZwJEFnDzXa9Av6cxb238xm7j
SK98mUSx73moUHfozO4tIgIWndlrKf66HQNK/QnQXt+MHGP9C3qs4YPwoyHm4fXX95xOOM7V3YKs
/t1sWQ7QODjF+phDGtZhi3ljaddTqpe3S30FKDbvnSX+Zulldh3vJlJDaQIBDaD7dOpYbERc57an
hXaz3rWL6Du6nYI++9YkBTDMs/XeoH6Fnx7TZbsfQuvFHaEjIqre70bhfNN0uhknL63PrcIJz3Ok
BlRnz6Bu1nsTglwAZwvm4+zgTosuSyizr4RCu5+qTqD1ofVGVzo9672q6TA1z6rMZ9HLToI6gwCT
RMLrlRO8TQdGuSi7ih3fuppvPZzFqTZx487zB9sR0vPOEtzP4lCOzb2tdZugKeeja5m+ULMYtyZ5
1tEIdeit5KLOUaHNu8B3tQIV32m4sGeDR0SIUgMtVthsoo/dpOe2Uuk2G+zVY5Ya5cBAnNj4c2eE
P9ifbdxoQHeVtR1j3UBw6jZX/W1DihngdlU/WnWQ0A87xAhHHUyrRnA+TBFprUQkN7SpGodsElfo
cvmUEsURQ4HKSSFmmu05r5UEdGjPpgK5J0kj2T7JXbRRu+g8zeieUN4hoOCaThBRfNQ1x54PfzJO
Mf/oWdewyyUk5C4Ghaj7063mA0VM21WxzFFE2/XeeoM76u9/xnYl9igis3P2p9mp5kOmyJeRtDiI
IoOu99bHUE8aw2A5gR4rMb0JeBxbbDRoKmjCInA7X2g23VW4N88GlzV22KLn4aaK4pcsqjHXnppd
VMEoNcLuUaTobdkT2kOzjiIVkm0DSOdFELtIqJkTDRZBdVF5qPmGMjxZpDxFlsD7rvT3wLUOiXPe
JvoxKqdXr66e6Hx5TiciRmOGfU1cSuYrEnS9CeHD2XzEm4D6XKz06LXoWi/AMFpNA/ewXtF+BicY
2u81QXnXZP2BPp/K/zJpS4sNmzk7uvYpmoX0DQcaGS5TtDdXuzLF+ANhlJfEzt9b6b6TmGxsw0EH
pg/fpzp4my00w532rgihxyorGlDTfahFJ/UFdDEeiMtcpsQUmYclJdZLZoLb3q0IjITz0OF2Aciy
RaMXHRs6bZKJtU3JW5vOVRax2jXyFZXcb83ChzQ0e7kT2xyeylCbgRoNO38OqxDhlsh9EF74bjrd
u1kY4F63cSonpGCI4OCzCmTTm5dRSy8WFHRrfD90Qb1X5s0eeS6S2bkTF3kZv7AKXaZ61Jw0Q1lZ
19VB9P0NonsIKU79fFxQVc4bzfLNIWjBh9ngljLeUovDDPp2KlCPIpptLhYJAk4p6isRA1qtCuWx
tH5XlPq5+hqRSgSy5GFw0KuBkEhEna31usDrxDYpjwjN3Ro6naYO6dOK6CVe+KWgoGlNqHQQFjdH
OEkENNql+TaxxycEHTHo1SucyIAhuoAE0tzaJDpCI2+xEtTvW6e5SSFomzJ9iz39HrI8VvEhObOb
d9sYSUd3ABfAN5SoESpBT8E3i7M3oVSNj1btnf0938b6RaHTwmKUrABaEw34AruLX/hF7bKEVt8C
X5mlfSywRQJw0SPfQBxxokbiVPk7kR42OnXGdoa99Qp3QSve9SLfeFFi+y1RNwBFbCCMRGawXsoQ
mBGecGaOp1CQzhLyKFi4vZoSSZV5dQMJyLcrG8bI/CVNBkGfEBPqzhEnNcwyQHvKRBr7tv4mXfGm
OmK32qigg2y/sFwT8idox2sXEhrL318UQxG6/sKPUxcFDqnhII8K//FXXl4owhnjxuzY5MZTD52o
SUlZ1SnFk3tpOOfLeAy9Br+J3t39/bHFvzi2gesrB8XzGlIsPNmfCV+tNdg5UH92rFTFOw/IvziQ
ET3ZwAyasK9KMd9J2CLzZDy5jjh540jDZPxFWfQu8MKZVBytDngtc99d4kmD+wuQz9+fpfwnUpin
G7pj4xCLxqtJ0fCvZ1k0U4FrccqwwQueQi0Jotu244ZlmGRyVvBagShRJXtvE3rwqqCM1WP6pcgc
MfrUm7ygOtJn7r4kI4Zr8GaqXM7NYH86WOuiI/WWARUyJvaWICgLk+gVt1KC25uVghjqKm9XcGBX
o4H8ksxYQ00hSeHK0yBN+KIQLHcOjju4RmAdkWbVIWHDDZfpHHdtDmZGAntlSnFTk10imkQfgo2O
pT3czXn0GRfj9TdPZncqYQPneZPNeJc17bC1pmehQMZY4muD4QIkD6SvsRs35/tsin7Q1X9o/t78
GHY/04uNX9141Rw1bEOYtnQcXf4TYbWa4lJzgT6OsUzpUNAtH44q2a/imzRqJbNaxYrKqxMYzYAK
+5zvkkyKK2Ow9uiPlWwHIMquowQckY46h00+HttBO2RKa3QewXOWPHPysygEP2m84c4KKABXRnmx
tF6+H/TlK1/QvLNhpexlPe9XsDlEkmprhtg2RG9hq0GEM8CrY346VVAsYkCyZGTtb8hRdDgqGzMn
6hIAomYijpUD+gbMUDbAbZIt1E+6mzGiMJUaeI7Tuv7iLGTE1LSRqawgCi1Ios6sPE3gvGadQ1So
no8ybtZ6a699ZsmI2Jez04yu8pOi+8jR2geuz3NBpEBb/hgfIr146wVwY27qCMp1lLxwLivCQd8m
pqNKIzGt2oX+SKAHXgXiYwHNpQKBRUAuOAx8a9vr7lasvdLKK8tJT1GlfZaC4VPg7bErA/ubMRDu
BVhQdklKgqXDK2vDFiJLWdJqOR60XGDjlNQVto7sx1pSnao3YSYz7ZMQStPMfrJ5kgrBWViO79YY
4R9c7AOrvzQr51QpkgD6tAwBDxe5RnsNc+a5OtX6FJbRpzZOd31aDtezVNY/+P7GmOA8mQHWK1Nd
UePqmrOsbB//fmkw/sWOYthCGjqdALZnqx6AnxewsIdjYmltejTVV1a7AUIPIzGc913rzgsnIWml
7QNGTrwJSlW8UwWzUjHpLEWjqrvs3/B3/5nxjQ41mwTNr8wi1tZfTqmbJQKTsREfMzv8hgriDeHz
SUHf2TjDRZxPgWKclePwpKhXuZu9BXr9bLr2v7k2/2JxN9GS4eqYjgUl8lfqeR/3QyCLMj520YT/
T8+sQm8iaSuUS+EzwxT/aEjVhsX+kA31lxDKeavwDan4Y/AptkhNFsjgug/0Hz4IK5rRkoZjF+N5
9/e/o/dPNHnP0llzYMh7hmFav/JwCbAtyuBjdJzSJNhpVNFhVuz0oU22biBUMZu0fsmk49v8bOeF
fh4JGssd3Wp8wRsBqC8wuBr9PnYxBlxiZysUGoWaKEuvFaOiN6MY2ULMK3vvCbMMCA/6mJM8FqW2
qQavPY3p9Jgjq4DQKaxYkeNYEqTWztNs78kjFxL4wDT3Wpo1/oqJh5icEGssR0FHNEif5w8jwFr2
XCELgQJj0ftVH0d7psW2g1n5KHOxl7l3JWnkvfSGBQEb6hYaItGhVcmzpGHamIheb4VhLPvY054b
jOJ2MfRdRrD+MmeQdTXzqDDHlSpagKm5nvYQUcDV2SMiEd0MkgV5KYp7L4IbFZr5vMuxfPF0+6bo
wy8b17yDNI9Y8DbHsnUBtMsp2deywXFswQrOQ9Y4m2n1kimrVT5307GJ489ujMsf0cf//stm86Ob
5gOaQYM4ZffLn//3ocz57z/Ve/7xmrX/5s+/LuMPOJTlV/e3rzp8lldv+Wf764v+8skc/fez2711
b3/5w1+bmm77T4oqn22fdX90AalX/lef/F08/99I8XuGSQTzj54AdYDf36i+wf/5X7u47Zr4o/uP
8us/0LTq8/eYNehzPUGly//j/b/3RzlIUOmeVCx2+oFgONDs8keDlPObAZXJc3Tzj1anPzStTBfh
KssDFTd/dFYRcv2haeX+psIswZPSdgQ6+v+dBil1+L9EtwS3tm6ZLNJEt2if/hK7zUaRGhGcuaPm
CbD9Tc4QpJ4bhnsd7zsDEq5uJRRk3V1gfNptBB/+vsdzVF++C41kHEPzeMIELU+OI+YvdFrF1139
YljEYvHNT5f5XwQ/Ym1n+jkWV2dLqwqpEpdHeMYva3dpSwm5M+RsJ/0MTww65fPqhmYlJHetl9mr
LvB+8sMFeqZz1HL9znGpWCxXszsca617FyC9gyWOS6774Zhi9xagpwyGCDoMLrYZR1xY0KbsAUa9
azSP22repBNk/OCaj6kL7HXg9oRFdaM+bpaYL6vHeEXajLQjlB/qNQNcJrZxKtDw+23vOHrBVl/I
7zlUF1IdMC9cFEDVQ+ol6iNRkj+oM3CrkUQbEpONAIDb+3r1QYHnHydVW8VOnZM6wfWEUQcpdRvY
Ld+qE1c6qGE9Ywkrd0HFa1k8AwrzgPRbdb/mfjsG2wB0S+Cz1IapTxfctXpNlEu/sQ9oze7U0xY+
mCGgRK1eGvJYQtGOZgu3u7bS6YTwPIrr/Gt6X73bir2jngevssUHQX0GGPGujirSkZDIRmCIaoON
HFg/d2PuXaqPE8l5P7RHyxz26hXsDxAGkDFRFrTqsGOnfwkXhzb4ZaZ1bbfnVknHentMCz6AY6zn
xcFrA3bg719VHa/VJlwIjENH034xHNVTlklzMv+fjrb+3lLTF1jBrl+Az7FwMyRtOqjLo767Orj6
DpaW+HWR7tV9dQkDdZ/nWtx6PChJ6YPOqc1m8WTp6NM0ESq0GXu2CPVDbqIVgygLJQDA03AzlDeJ
eAhkvtPx5NM7WF7Bhpo21MOA6JOThvjKin+c9dWVclPjg2olw76naNX3xbl6nG6/zTCgMr28xhxD
fW6bojsM6ADPev0IwX1I85sCYEadlRToNP7+VmhK25pyH4KSfoyfFcEZvRVcP/WxfmXxzfi01Io7
sKjuXsf8K+ft6gzU27Bhl943w6TyIIPjoEJ/BKo2yVC+5ZS3PGluLYlOPgrXXXUh0CDRzWj3NkxU
DPv0btKCBy8ER8Vq6TVtaS+AOuHN5k2QZ09jJZNdbMNacW2Ix+Bts3NZN8Z2gUxG1Lx1InHZU1CH
h9cbkHYOY4dmjHDdh7R4Eaq8p8VBvU0Tl9YvffworJCoooDSGTJhNCO6yQzTR5uAcdb75tjdIrxF
Utr6PdKQcWpes4j93l33P3vov9lDHcdjbf7/76HQlovPjy7+6Luft84fb/tj6zR+Y3fUDekQp697
559bp/mbI2yAKtNRXaLsrz/3FgNZg0lKU0XVpkVK8kdvsf4bOyryaqZtO4aAYPjf2Tpd59e903XY
hwQFILqMbV1fA/yf2vFg7EkPuvtwbDKg4S4It31I9SfGLDGCt761u+6lox+nMe9cHagUCdIO84/J
Y5DKloGOQV+ste4WouIznrLXeuc+uIObUgusgvOh/pr67GJwLcqTsGLikjhaj090eiDbngweBDlL
qeF7/AlAvslKC/8cpQFJWwtOIo+x1ycQJpYrI9JuK1h328p03tqJBhFP3DIdoCmE46WlAXw6N7qP
83iHWFBIEVFZqhucZIOl+jhSOTCgARXKEgCjgemRDqdkK2Lr1pvvhsx7aEabRpfiYcVTG3kl7eS9
H73rVkaXYxNcTB2KO3pzlRrLsK06ZMd7dBHBmpuXJaoecOK9wy/nW5s1hxnNgFaHSZ4HzhOr9k3v
pF9Dw8lLG9pVCWUsBHCfSi6zg7+CrOzzxjao/HKd0pBzDp3mxSr9itjezMUhCFo/wQe081ZnCYS4
rKvBS16yITiEBph0urRYVhbfzTrxm8Y9xTqXLWhRjTJ5SxIoDW4v8MOOgN3JsMaS86Wg02QjJb+q
lVISYkmN8nqr15wDhWpSmSQ76mzWAJ4A7tKlmOyeYEO8Bk73ETS8D6viCtiZxqkxP6eEb0PsF60i
3zFSMKLfyOXVwOg+sWhRSiNIo1QcTrKW8RZn59vFwXyoMoFO+GCMVFxE2tfT1r5b1TOk+VY1PaCq
MrnPSS9mzK0nd4fE420bIuyBAOA2x/xTUjxOcf062SPiDNBqWou4DwoRVHGK4SYeovS5tjuzksph
InxE6Gyi8w6s0yuLr9Zc6IlJimMZh1exqiXy79C5rQ2JUXlMl85zA8n/3MvCjyAD5usa7yFxKMLH
IdadmDllWMBHChOgn3Ub5cmytzoXjMKZb7TB+BDNh5HG2p1og52ReRE8TNjXbCu1J4OtHZxZi57u
G8eJjxT+RhfQwISotgM3OQ2Bc4qGYrtOlgAiJUTIAe9Pw9ou+lflDPqOAs5tPjBnGt17qKfwOV6y
qzTm9zW4QLp9O8QgPMIIb+uuiPfpTK+RRZCVwNPo3GofJlhBz0FFQJR9TAOwV1Wg84/fs0eZdxPe
ISoG/xKqmygRU3RRVukz7zNAkiPO7xSrySgoglmI8QfUSBZaagng0lMWEVXntn01zekXpVGTGg1X
pRHlM1YuEZawcHSYCfqzoVQnA0pbg6EVO4smt5Eh4gxltc0RVt2EBZwR3H9fDIKLXVfKgWHaetum
pQgDqL7RTgjH4uudMcU0Jt3W1YnSYASbDIfYfHA86lhDlR5DyJtL+p4iXpi6OQEU17rnLHQj/LIa
nJCIgJf4gfrh3kiNGxcPke3aAdQMSIxEeYNnUH6qLdqVozw470wn9WlsgIXlJu/g7+2GtdGlES14
KZpoPvb8hI7lPIjGpCQCa5lncLr0YhwV8JPeZZL1lGJBvA0jGFL2mPmqQOakHFc6IIustYeonS9c
Vs9UAjaN1U1RsQLlrQs9Mh8bfDPzd42FbJt09SmvWFgKB4kpTNoz0drQTGqYuzqFED2S+yYz7iCf
0OuMBeExbxNsbKuRGlgzD1tPqDnbg0TPMU2ZCYslaOabKL0v+knSLQykXRvRxBQQn5dpFRxKSzv/
f+ydx3LjzJptX+W+AE4g4TElQYJejqWSNEGUysC7TPin7wWdv6P/Ptd09B33RFEqlVQiCSI/s/fa
HqVq2MXm45obiKjT2JktD8hPXhV68V3uonuYR/OSjhkxW32tglb1NCdEDZCGXXEY5FeTJ2Jjl941
js56Sg6An5ovmkX8QadZW2+hlifjJtCz/I9Zl9E20ap6PyT27UsHN1g2IY4xoqUBFQMLUu+bvpoY
PIHXil3OVS8lI7ke/rle9irw3ZrbWzmS8xX3u5gBajhSM2/JYtwNotLxW3k1Qk3/Ecnk3jIftJKX
Qouqi9FEP+FwApFhqZk02a++Kl7MkVcrt9/Gjt5rcfNlXzfSDwkY/2wIumQ6at8HDt+tYya89Qqq
O81A6GBxuaz3klgZT7PMsyBmCsuA/0WX/a+pn75JB82n13XcLJz40c1/fV3lk3/o8gTtmRwQUoUj
k1SuhhlpsVs/YIrZeyVD47yy5LE1PcA464FlE4a1ZZPLK6ohphtUW9FV4c/O7PTTHJoHzI8/3L76
k1hlmC1IfVouAwIzfuka78XSJHQ8NsqwtAx7lw7WMVL612QIMKmesJL3W1aJUWhPtF/c7dH6HbWY
qHUCxm/L6F7HUd9Gmc4dGEHltk0i5mj2juKIc2rRf4M/ePWWOGX8PT8h8iC9o2rf035x8ZFyGGki
51Y+sUV1nXUnPUjJ4VTcNOXzuCraaMTwP7BKMNCir2bJnk5W6KGdaXT9t21hSPOi6YO0+xjFMrs/
qAqWZQ2oJi/2+J6AXgiktNUmEi1apKkjdN3hZuPjhfJXOxtBJ9VeqOpAOKceSOJHNJhaW3Rt3a5v
uPmMrnZXZMpuJBaWTdQbT0Mvty3ZmvtlvUE6q32QuCm8PqZebIsBkRAqzTij8Ucmsh17wT05GWOa
aBdH5g1TN2J52Pmluy6M1uOQN49JlpUkE5rPgCxvJk2EpFkNuOm1+zJ3b1O+5KepJlupYrgvbesJ
6G6QsgTd+z0nJb4uG5EY9Rtlg2Y3L9rIY0n8q6kEMt260NFz6NVFrZguLbmtpUvaGFdXKZJbDHGb
F/3t68pBeF4zG5RbT5sBiWkOUSAkkvUccWRPOPkuX0h0l5p6GIfoe5qVh8KyUQvf2FTmXEi4rOzJ
7YIpiR6NZUyCLiMNI9EjHH8N+Xodq7+0+u2NglAu2/kyOf/oetveDUOyS3r8yO6G7PfXsqZUyjXK
LAclHD3kCv3EVjNk+05Yzzzl1YEhVHcmNf6vD+1cd2c5DkgPWOVSMu2cifglk1xAr2vEgQr8PWkd
TokYj6gioI7ieDxJgjjQiBTfCx1lgabWn/ZsJ+4PVL9kkDYNO+RIgt6MFR/++bmuEAJWA6E0Bmm0
pwQ5EnLVKehN/cXz4OYS5aNOoirxd7n7blWhpL0gj8mCjWavlLRm1ah8ffr1oV+/sJqfFElL1ify
ir9otA4Ry1tnHhdo1QZKGCQxOCbs/Zeoz/ekjyAC5YyGhAZlqEea4p7FK6Mk0NmTsm5iVd2QYGlv
klWJY32JcrJVn1MaSDqtDv3UF6f6Sy84lcU3ew1Za7++0AJ2J2gLRceXfG9ZtUBzv0tXbRBryph3
EkqYVPkbgh/zc1Ld5rzTd9UqLnJWmZHr4L7usXtITF4U7WiRyM0gItrQwy/JobeKlXykSwhspoND
Ey6ZQUf2b2eqIlzoKKuVP/ysazlcElcfLstTkTi3pkU+Tk6mfeJ/+eYkH40Xo19ESpUCej0W+HwQ
j3PBeKsmCyCchjJy/WO+SrOA9vz5+ixtiEvqVwGXAEucrbS4L4Dz159InrFX2ZeLzOWc1agTJzRh
lQbqoeVixTPgvLEKVft6lZWRg8ZSQEcFj/T33z83vqRnaNC+ZH6wgt2S9DAkavoqVptdguRFxP+D
BH/V+TGEwfDrn8uRJTJlDujRyVvCujQuAJm1s8zASsZ2tf36zBjTVXpDkNF28oYmGLxCO399UOs/
/uenY/NqpmTFOHXnsn5gG1KX3XjGfCN2Bht8dp7OcC51hMeA9aYgr9Lx4kQJqTsGKqZZxjdM2PZZ
eD4CyLIiJXX9E8opN7A6jU3Y+ndf/6RvI9Cry0lAsCN4iW8CqGWfnQrZhCsbHCBKv7JYvkZjNvxG
0HtuJl2+5ySnBKhWndsYofTHAjOcx3Z0rnjeL9lCFb5Y40vaKe3WwaqoRuZWrTkW59btxV1TlR8Y
tUOS2fqpvSQ3kziEnTtSm0FzNO5FmomLWiZCv4cCb6AoG2JQvTjosPV9NGTEu5ObP+U2yVYyn97L
3oWa3fv2DrmXyaLapjzH0W32PNuJ69z/Nl/4PwyPxTrJ/vvsmG7dckyP8TEXC4P1f0HXFL5mLFYt
+0NXqio0ot3aq6arwN2svHsvqWpMnbZkmNH4p5xe/z//v7XG6aLTc039Xybt/mwZs981/UG50zcb
laV0KSZp9sw0/0Wxb6hV0ukkp0gs/0wk+U+LnL+rBtax+P/20F1HOAY6Et3/V4EGxT9WtqXqD8VM
n7g2jKr371MxC6LO5u1iESGaED329Yj/Z/b1X8y+UE4JQHT/9+HX7ff4v06/pfo9/3329de3/fvw
y2RvhCXQtyzTtH0oev8x/LL/YePKttAiGTAe+cJ/JKGQmwJWj+X2v4y+1oUSP431CQMrSzBU+++M
voThMkX7T5cU+0gkP6yDPSIM16uar/9t9kXvV5Um0q2DIv6cZk27Lh0q4djHYJpJOW5VzHwZKTMT
iDK5a9JhbZyW5UmVXdDnUXtf63XmZXqQMd29IIJotikjXRYphdpMHh1qVgBkUlODAbN3Pqxyis5R
qt8kqbx7MSMexGpxFLrKj8wCSB58Q2Aiz77CIleXFuKwsk+xdQ/l3gKdEZjGDAc8RZfT/ohE9im9
OntSqx/GUu6tIl3qUssckktL+6JRkheKSbtSfrNlTKMB4dGsEPrWI3Hw3c0birvXLFfidFUop1gd
Y/oNTddfWflruySnKk2m+Q/YGSgX277teYs3E7WzhmJ+ZZq1sDbCeCofBjYB976yfmpj9tGa7LJr
En0fIRMEWDXw+xcD1lrsI/2cn9wcWZ5upNn2KsliqRGJXDHjpoHSGdN4qmaeM9X4vOtYO0qrugPU
cCkz8nJnmywQrHYJAB2UoYzHb3Mvy0M1hviHuCWOq+DPYchIlV4Fc0pTW9f6CZj4W9ywU1O0W7j5
4Im4d/Tv86YcUdxjLzqhvNIqAA8w2vdlTzxDmwoftTz9eTZE9y+ZKnq9humnvc0EYy5NEs+XzAIr
JtEBFU8iZCh87kXM+KRVxoeVMrrXzWrbz9mhG6l3+5Y6Q3Vdv8Vgua0ztJjuVO7dhk6wiPJzYTrv
KNmrEKFlTfbdc62vluQSQJeSA07jGN1lqZMLvX7H6KDuySKQHB4V88bP+Ltyor/ubPXYdfNBN3g6
pI9rRU1MRgbWCYt81bWJFyU5zgQgBqaJ+XqCXrD0GDETTnl7KXZe5pqbZXblS4ccmOLhKhbXuXh5
xyRV1HtrNsZgtqN4YwqGuHk+nox82mmTW4XzwNM7lN8YAz37Ujr7bKZ/S/PT7MHINQf6pWXkrdFw
0aXCvOAhS3dmdMgXSEM9VppkeTUmLjVpFSHX8LQ3CoN130bvFg+jBobrGJ7FSr3NmLWEsV/iwWm3
cwUuwnJFyhnP0efSfGFfxuaZ5m/V8lDDTzwXbUqR0BU3NFQTwBF3M050XblPTm+L+hbI7PjpOG9N
JtgRa99tar31RV1OVq/xojpamMnMYxbMk5QvyVuvMu1kjgst4xw7Rwtqx6406jDJjPq1dfO9Gysn
nNKxOkz1Ov9tmVPWQr7EXAoXL2J9w8R8LwiafDIitPFSDKFTdk+c8ox9YUARfsmh6hKeei0KlrKJ
Q/dJvigOKQ3v7wRMJs9DlPRm6LcO4yEunnJHRMS0xRC2IPlsLtpajgyJB6uDyf1cyhSGhwOvxj+Y
NCdIjT5EZz9JkxtJKosXWghk/1Iw53iEKoZMzavUi8emzp0lamp3KKBRz/UenF8RIHn57dSRz4pd
52Kx+WedMdJ2YKUPI7fZLtN4L2KEi8hMhk1UJGrLAIzb4trMiqEKG6t5mlyMiVM1+tuhLD7TIXG2
KGV+1XFOTmPc3jG+E0ptFyAtdF7eTI46duOiD1yVkyZZTdrehgWnif5g/Ym9Ot1HI6+zB7cMZelp
WcMuSVEtLnOnMOi7Sb733OGlKAhwZpm37AZJGHhRe6+aM3KJemJ5yqvdOGq/cz3/FhPTEAhtOJrl
0G0SpWhdXBhT9W+vrg5NVNlnAx64l6Sf2lQicEoKpjSNcXQU3Gajzj+lIkR5RIk3pGagE9PBBc2A
1kYYtJVG/kDmKtvOdUzDsrEO7N7b5+lETpdb7uhl/e0UeyXPEBOIhYEjY1g/zG2BR9TBczdSSGcH
+tnqwzANxTixZ8Eww2wv4vLu9dWCQmC++Oa6Vql32rFCGs49zmJG4Lb9NRf+zYO0h34gygKYHtG+
r2jHa6Z2gFGUCsY0/p3Boe379aaa/oqT4Ro3LZMHTR8QKNY75c0shzTkQIxv+41iANMNFpvWeJWL
axUezjq+5bq5IPzDs+GkHqxJDa89QZ3hUjnvqtGdSyuUsS/KmOGGGem3KW1Dk3n1TpY0coj/ILQQ
9o5JfMDyZ3TtozGjI6sK7RDL5il3rebBHbT0UhUxo1NEkdSlXeAv7tPUI4Ef+eLFY4FQCpk/SdW4
m4xTRQO8EUI9ip6Gbr75ZtaebTfN91Xq/Zo08xRrRnSd0bnhnDX+LEZmXyA72njnVldm2sLbUgRT
LDm3po63Z2VYiOdT6LKt159VPb3rsU9M+mKvl8GhTJgwTRnC4QFfurWeW71X7f1M3ax56nYaqe27
ueVe5540DVQG7JpbgsuYIZiOMS755LRnerf+uKkcXib5Y9DZgQ05sd0k1+j459t838sJt22dPvsY
VU9xf+1B2ISUZjzgNPmmWpnsy67st7EO0v7rzbgwmx2azmDGFe3A2UyB7cW7JreWgzVglM/WdJ1J
vBdG7IdO4d8Ap8ygCF8Npbnb0dcVmJySwTG3Gp0fy1WMRTad2Mboy0E40U92TTp52GwszNGLNtW4
ynQs9+DzfIJAxKRiDulzt/q0zf6FlisE3IeXeEw7HKD2j8Xw7hxDA8yb1U3tjSm5IbjnPIvwqy4f
BmzdmCNa+r+dp8QfDmZLiPkG9pTwEae/sekHAcw0I+06A4WQfDfNjguDu22Oh0aBINtbniQzZRaf
ZZR/ry3fuESUhetRhkeaePl0wmxLgcTSyQ0mTnNXFEXg6kZYmU6EssfC89hVQYSkB2scubsZRB69
3VXZBG+oT+6+pW7mzIZv9GceGE/uNo/o3LDYzkHRWN8bjdZq1GomFZ5tHyfvAd+KvNbC3s8Jg4Ek
2SpuctQmjN24MewS3+jBux0FpklLakEy62fOQvwk2NKRRjn1RZsdXtB+XBvV1tyh1R6PHIqSzWsK
/kgZEX7o2X+eve4nY/cXp4mGR8FwS6rMey6rF8ZyWLuMVJ1zkY7nsWGS39uXmrO55Gx8rhaTpyjv
/IPUC6yTcJr0zIeT4aaPjdXiu8oX7qgx2xAJLs2JcLZ6pn/JW/NXFlXLS15f5knpLz25WCoe7l8f
Rph18zRnt9FVw92aKgxgczwcohipjqMbyz5eIj1sJEifFOSU7fCTOqupnjSNg762jKB2bME9MOWJ
wMJ+jJoO2Gqtc2jb0Z0jEd1zFOn7eEjaXcJg8q7HhnvMLZS0XoYgpVo692hGhn3t2uXdIUl43XsR
AQE/6plamRDe0r7r9mzfozzf67hDnv75V7hKuMh15C9gE+yks+55zJsDvMJwqBPWDWpsjZAZxgzD
qDf2fdJN34TG21cUUYa3l4eQTNZPeybGIxl5cY0OQWn7Ew2yHRiTUV0rHUBa3DjpzS+Nk7QRtLjL
JVendBkJIZ1y5svM3vuYHPAB306lHz23XnYar9vm0nqJ94wgFMWyM3wrCsZMtSlBjDWCQZb1xPTp
wUUHvSU48tSMkjC1WMQHZTt03mN3N4kt8lulXp0JVazMj04FIHHsIwhYfRMFUZW+FvEsD5aBT6HU
WkS4uKP241iAlKrFdyzNiKXHNiwMOoCor9+cPCp2mslRkgzGgZQtuRAjHMsJM1Ib1v65Kttw4tQC
/1d9w1s9hbmDUqlJ4M84YUna0EZQLhwqafQ3Go6nKu73pUCJ3vosTXsOuw3iG90CtJg1vUuOoWft
GcyCXhjcezlhKB9T6W6Xrm5DPCx7CW3t1Bris+BGEZRWh0HIBPhZONYZ/T154ixbgCQigId16/GM
CHs7L0v2lgKig6UEAYwba7uDl4GIi1BBIIMd/DcsMfo0/Mo+lLOUT9QiKKa5mD18X7Z5R5Suzi7z
5aBbK5RBay4Sr1tV+u1Du2CMT+xPivOO8DJf56XuT7k/fqq8MZ+43Zxly0AqN0YTa25XbXwRywvd
FMgXDGlYqA6DhqKqdOgrmfSXCcsAFhUtloz8Rc+M0LDno7fmwTOgozk2vd/YOu66TjdZqskIVNsc
PI1hMtS7iZT0w2Tw1p3YvyREeFhvsW1dzThV4eA4kAiVPIp4JjOUKi6wq+zFTsSb1/CKlHnu7IaS
aaIXI+sa4mu1TJSLQ/ES1cNFk9GH59CspJN6GapIorPvfsWcu2yXvG1XsqwcXOPNYwO+zRvs5cuE
aEolCT6Twf2YEWoEA378YzfEy8624kdGyH3gF+tOu8sdhAR0ETppxci+2GAxgFaE5GT9JV3INBo1
90iYdxHH5nNLbcIxaGwI7aKWjaHPxPWefBJwfWnUIHvDt5/8ct2RpPWCLUnhGdMhc6zh4PIbB2gi
hm2EaYcJb6VvthP7HUl2BFxL192N/oj8rY++5Su4YMjlcVpslw5q9M9yyvhS0lBRavN9WLww0k1Y
Tr4rDhF4n7Hxm7MfNxdHlN3DWFvv5MBiq0iMm1XX7iGv4wcCLrSjUt010mFcOs7MeBaY17bz3fJh
XJwH6IYsYEX9g/LgJ1PwfAOgNsGVQdT7cnCX5qy76h6jdQQLBYR3tEAiFDkigdjG6LpY2qtd2Vo4
8ubaTC23C9YRnPgllkAL3+42a8UuywU3SVUYgRYrACYNZDqRl8BmCLIEkte5V8BQV7WkOaTdT8ft
u7OV4BVpvRP7EMoGw0luldFjPgQZePRT7g99u3jHfuyngEkqqR8RJbXXagTBU+Xl3RVWzzXhPDpy
RcJ+TwDEaK4ZYGw49oK5Ih6UYTNrDe/R3v8mLNI+KLB+V1nzuWhTTuQ314nBOzZIWOhyviOo7DPi
4kpfv9vtT09a6zqzrw4wdwNngd6hNfxyelWFtXIk6Lh+69DIWAsCqHjR341KAPP28dDYI7tmKMQ1
8hCqRiuyMCFY6jGGCYpEtXiviaCHR7mFTIhpKQ4M73nulXOwdLfeFdJDlJugUdAT9hR1BKRlUd2m
s6izl1ieJsSRrYWuUEGy4lZOFSZ0xoQxfjLJyBjZVIvU0y0UnDkC66hTCKWslbjmbSGebkRxhjSu
r5xcfwYkJGBW/KfWxEKd6fiiFG9uEMyMqEbmVJNXoVT1zR0bcWKHdOullGjLXBav4aInAjzld6xz
2M67KRSCCZrsKgqG5bdlgP5OnfSD5LRzpVV+SDnyY+hqBQaWg/0pq6MPrHXdxqswZZkFzYStPO4a
i/VzoA8Hbi+RN8Fe05NPS5QCfSUYgV6jRPPqqdiZEGGXjtKQ1m9XlzF2sP7BdvuXTtbkA07ZQVAK
oVlS3a4U9uMy4a/P8hXZ02avqaKX6SkN0C/n0cnOS4Dd7sfiruuJh4roCRAwEvqNA1dj0X4mHWMp
FX/gSIm3PnU+pM46EGMT73xzeXQraJSDifFkoHt1DIfmgI0wyFp0DBnjrN1Ks6gmG+MbxrAtPtYm
MEmxGSdNg6MHyi6hZTZ0RjEzxNDKYU9frhgk5murLCq6z/bC/igtv391cVmL7AnmccRhFi7x3Ad2
FxQWz/NXK+EpRGIFFWPSfuukPu3RqPm7MZ5OyfI0GoxttBqIj8KBNa+mNnabWBlbkA9uLUOLNMZm
rfsBqnEVtdGZ9szeRx1vX/YjX/oYfUFyUzKqKV2SEWod11TM0b9T7Sg2cJmGo+qsz0wbaO9H/WQl
9MiVgVjZK49u8ULWw5uckxrGIS1x1RbMwowgXkeV84DBZNLjGG288+J3OeDmcQCaVbQA6qz2Pnus
6BACP0Zzy7GdIGSqEd/jkI8eChqn61DPVRhH8c+x6FliqOLFguV2NrLsqXPGSz8kxkWqVcxL471j
SrJsqomhiw9X97k00+99O/AoaTUK1ZwVG7lz7cDImGs07r1gaxs1kAhLAa29mV7SxduNXCMq86tL
PFcb6Qn7/D8bjC+byn+xwRAGCTb/rw0Gbh4Z/2fXy1/f89f6wtP/gSeaXBV6NmGBxGAl9ZftxbP/
4ei4N3QXia7jir/lAq1m13+3uej/wG5mOb5te66wPeO/s68wCKj4133FKhLmp+mO4Dy2nVXL+7d9
hW/UlRfVXnHgmv1dZ3BkVrPd0v7xbec0UcVtej//lpbtRTcRkSQJZ18y9KdiEVd4cYQGFcMu9hSi
PCgp2yJCZkUWfXwY8WpuUc3tIomDRiifvnIUT16v3byRGV1cm+hcPfOPnHXuPmS4LE570h3NP2d0
6vuC2SLDbOumgQ4IFLNHEIRC7qExQhNL2puZZ2pXlEWzG+2u3C1qTnZm791K420U2bazi2yrVoYX
uL7HRtNqmPDUu46prkyTvL3UuM3wnUzLMkwWY2Qei6FEgpcbv7g3xngJzACHZqJTksjcuFW19SEk
7yinXgRfdfZzpv8Am/wYFTT5ShGC55fHmeYFIUyPtLX2HoZOwepF/O+KaucRhrKl6hZhig4iyJLk
ZSiHpzbCoQIIDIFC6v30Sz0w7CnZQRQoqW0Za0BkWfgt7ecsZzRmN4R6DONlyc91tSxHa6RxIFcC
Jv9q3m3grxM1YFFC9mNA+PCT5sy/rYJlNm4VnARhTt9hVEuYMjNgxAcYqmjGo9lXHD8bYy6eckfH
Jd0e21IsAc/Vo14vr14Cw5Sb3MkBV70VcT3sJNPFzahD0OM03/YyYQ7uQFopiRTHgDdtJsP7VQ7p
TebaH4OlUaedaj0LTSMJ4UH99I3oUFTV9yr2uB6cMO5tSsN43Gpd8zDzsLB1PFKjfY9KCwgJAGXE
5IGTG+jUPIUOanICdBFPi7bCMUvveeysdw03oiVrxnsXo+t/4aCmSOu/o+y5zGy60TF6OBFNtUPD
viuVdbG00dq1KDGjWYbajGewmBnjJhaXQv5smM0vpFShZaVgmMpkYwJjr+vy1FWUZUQRxMFsGPGZ
ecuOACc/6EhR33skFWKJjzn71YsdCRwn80/T/j33kYE2SQcsDCtbxBbQlYhnHQ4oSG3RXRVjayxX
vGUYwlwbVnF7o4eKXVa2sac3RulSz89ZkpX7FDPotafutPK5fylYcnV5e+DGUj6N7V+ypHS6T7Dk
D1pG461Ayc2xHR2RM70tXYF4dLaNzQQrrE0Y8GWadaanuA6DSUevlYHNmCRYXLQsZoyivk5hvHuJ
AaS/pzTgxWwRaoSqx0Kqr8zcOVJ3zFnJMUmgfsPW+8Bis2J78671KNAxHyUA6lWuf1Ra7B/nWXzL
JpN23UVEaoLI5fS7ZIxZV6czQAdnCcWwvCeDD619kBd41PNeRWBptHHedpb1UOee3Lor5NCf+kMU
sW6JuEvtUVk/IV/WD+KXNjc+bPDYDoQxOeBnOE9rpIL+nDu4/NcH3UyPXpWNbE+HAZ1Tix6vjQ6a
AykQPUw4CgHzvMeRYCCl21o56deVMJc70ksuo+QTtwKcyql9mWYvf3B0lmmJX5wkcLcnVwwtXzNV
kGX5eexsbUO52e4d9y3XfHGzm57CLtubfmpfpB3/VEwbw6g2XkeZwngdeWKTnk1iG/cIYkYqFNNi
GOep0duX0D2JdfEIfmnZ+7GiCCajeS96195bmtWfiyaYJFrZZfppLWV6t9EHL0Jm4DcHBv+iI/pm
ctodK213q0r3nwxIZ9F4PHHebbX8rLlYLsDilcuvyEXU1gqHsn/wrxkzDb7boDtZXbl0Ztt80BNu
ls5rZ5luUHKjGdpVY2/k+6lL5HMdiyN1FVCypgCqODoFKlT3jHC02GpNQlKKFAcVV99MsjL3s++G
pjPV53pWRytJPzhAWUMt0XOKKNYQ7vSkt12QLDBfIelI4uTYvi3LSsuAsfraVdUP8hmv2WSND8Lj
QPH86GcJxHmnS/hBqKmvIvnUskohXl2AitnS3npCfDNU9gpCh3ygKsX1aWG9ICQ89HW01KXePMBI
2hrOUB1HuYah2uJgI5ChgauMnbI9f4+L+wzvu9j3EZQprQV4kybvmmcYj3PmEYmsW3t/aPsNftYS
X9f0nrh9fRNu/DrMgOp8RooxWK2gAXu5tYWXBp2hPdsLezsZ6w/Cb4nBgdztO2p8sxgT3JBEPQ+1
XZ2mjl9VJJHYmC4KSOHJ5UiDsnyrNf3Ra8vpTLJ8DgOdlKiGQII6W9BJpsP0ljTiyoGmDkjLiQVH
FV6zk5xzS4CYjtTZ6XlGDBrCfGFH7w2VekhqCGLw+0uV+2EV1bcisyFH9OkRRMCuNzv5bq/DvaQS
KI5nXr9qpuqNVfIQxfPNYIO+6+yhD5Rdf3LWON8X1/o2o5vqYEsWiDWR8/kMZ0DD43n8ni/Fz8GM
/FOSRu5aox8Wb9k7Y+ATk8DYuLRDqbu/VA0/kPy0tywx/I1oGPL6REuPJ6djoAIkmKbVArUUK2uL
CXw5N6v3TRueEVXiWCz8By9p2GT7Uxb6oi1PHodxUfb5zcusK54W/8St2qASmW86UQL0glK767yh
t/PcvWcua1oLyWsoa8IhdG82eWIRLFoklzIecvHZLom2dXO2RD0d+A49qR+UjkxOfYZdMu+Oc2ZD
kJRj6NRaGHFVHSUGf7aRRXpziuLQDmixsZk0NceJ4blE86X4AJz3cuVb53XzrvtFfzPWDzOodY8W
UET7CVhfMBh5s7N50zZlg4TcoskxJBpFPYJcQHZ8t5dIRba1b0zbpSmLsBDZR64hsl6cej2XCoaN
qE+2EE0x/uSJPGWOw4KJFm3U6cF5DMn3WL72yR/VfSDwQmfvky/AXvAeu4b/nHVnPwEPTeJNGdY1
hYSRiHgnMR1tx7noDkzb8gerDGcC+o4AQyjkJhNCMKWIrqtbP2T4FeaJCF+438Jqlq10O3nOa/dH
EuNjFcn6GgO0QUf+wgL6HMXgZy3DwZISc2m6eiPYgRa/KYeIW45bK9BzNke55MlYMsGhuRjfpVGR
mWPSz5qa1u+7jrcKc38pQWB1jX1s6vQEgX34w2YuEC7L0ip5Q5IjWLgj9GmGhRqrJiUH4qZG9TUA
LV8QJqQWdTYoiGbfG41E9qh+ZuzCD2ZjE+HR2/uxnA/p6KKGscdrMd484cxnPSq9p/WSaSCfPE3D
89hq5a5dchloTmfsWFC0uyiaUbSiRrf6FG2rAZVpHorn3mScy+CSazaOr5NLqW9MUTiibNn2wtXC
Oa9RSnvuvpmr6hFmfpB76kl3O/VYGrJ+6PCMLwILRLmYd8/s74TjIqiYmYosAK9YM7sTeZsmslWf
0fRXfIJwpbnt+N1CBrXoTXrH5RJoPgH95ufJWRGeKTAbsFv6zkryXQMl/cF3Pthkuhi1jeLglgwC
EjW9xXVzmUvj3Ta5E3QjsUDZAFU176Aq6YSiaDOH9NAvCG2jyto1DUfBpJcn4U0Pdbn6L2b3YyAG
WDRlHjJBf4i7IoAUbWxs2ZtbHwo2pYtWZrsq9Z8Bsf9wyMjSkojYmTm6ak31m1DMQ9u+tsL/dCWu
gaoPe8M45qP3GY31b1YsbGfffa9HIAKHbaDdeJW+zWr7x5DaeBe6cIrNY2r7V2rTB2ZYxyhytkPU
kakzHmSC386F4sOY4WpSRPQMojwTl/Cs2M6NYZd621ZTobbIfaeRjuGQDTChGqozeNLsEDe67wdi
Yatq2s+mipiwu+6n3S+BF3eXSTUv/ENgu0Oyb4zmySudOyctrub090DhTdiR+h4pcy9ZF8ETjc5w
2EKjYxRGmEmM0UZcm6Cx29f1HxkkannY+Ke5PnXZ+Nxa0cUr7TSoLPHCWO+sYK9gmF7pgS0nremf
i9l5qmeGraP7p2fZFcepzWB93zRJsSG7bjvo/b5hfNMu1t6TzUtXx99H+RSTE8EVe+/iRzvT95rw
dv/G3nntuI5l2faLWKA3rxQpUd6FfyHCHXrv+fU9qMxC1a2LRvd9v0hASemEUUjU5l5rzTkmULZ9
pai/unppFIb4yy+slMaTcGeNC4OOf9f6qSYkKH1B5+Utv5eCGutKcxwMrvHCFDiFeq/pzZJQkK8H
IWS2O+qGLQ4lzk8FZJLpu9kASDevxOUDctStjCjowSEPZ29EEbngFgVxkK+mMvIA9GE0K7aBMrZ2
JRaYtFVro9HAmuXomNH8+y6wtpqg7/PEemFw4La59D42zdtQN4cRhbdUfSLKegbq2CQ3w5fkEzG9
60kbvwWSqWbzQzWMVz8MgSBnT1jZb3nSfDTqeBLYXZNXdQjrcqPC1yqb4kuZxAvCqaNes2HpatvU
GRrKxnTPR/NJh2O3EQL5zQgSoksUkuK6LUN/9OFuxxaHDb1rFppiI/EAWgXBJmcq3KdeeC5rLq6z
D0QqY5gm1HmKzG1LRZauAkGI2d/CsQLax6chbtd+fRHk7NL4nCmAOFe1uKBVDVwbzWids53GntIo
yIF8dOMDBHL6qtAIGBFufbl8IOUL6ogdMCVQ9Qmu9OQIiMYtafeJVXBrMtB5ZTuSoDE9mXN2MJpo
pyfdOm7ltdbh5mKyrs7lWaymM0OuDOWJ4LXEa1QGZiTKMD0CmSZoB1oDrz1DEUFHyjdoOWeOssua
6L1LxCs2MwPttsNQDKi0etOF7q1J+j2L0IKt/BUVdY8chVAZJuPzeOIvPahcpUegk6KUfYDMOQmT
edLU6jcZn2opu1Qi2kFQ+8H83IqIJbFcsb+zyf38wV+Hik66WHrwLBjNNjJix8qsXdFxpvXIk8cK
OikNc5Frappll3o0yctQsesm5spXp3cyUR5LZp6q6yZt3htBvOlmCHLR0ZdYQK37LoLIFXVwwUWz
n4biS1TQAKBxqPvmyZQ3YZKe0amvRcMHnka5lWVbE+pqAeyBghGtdvNH0vyr3vkfIvmX5vhhtNUL
s6ztzNStIB+nTvWfNhQDzn/zuc/UZ1FqfqxW+ApaAjGMAgaY6BSWdYgJFNOH7wAzmAheCs6R5QVa
/E7eyWdrsnkL1VPWQiDOwjcm6zlqClTp9QYZHdkFwRFt0b7sB/IyB1AVM/4be8qaa8HYj+yAPzLs
UNuoxNd8pD+VaMsOmGmaIb21rQmcGz6jYJFPIOzyEssdExrWNBLu+lOXwNRO3zsh/sx5T3wruXdF
6MaWeJjUgkmilW86AdmGSI2udXcWDAbGguQI5ehaZb4T9PGiJzWe03DTKJUnttMmprBQAEPIln+P
4xCbsrQJ5OkITvsY6qOrdUTuYPGbeYozHjRKIllYlkXP6NERJATLjUKzh5pqnGg0nsFXkGwgYd3T
ogEASvQSVSAzy7RDNtyFP7UcrKtePUOyVinbVUdLR3QK7JaqtPckxF7kcUBbZ3XNsqYF3Ia5Uhh/
sjR+KcM63gQwA+wkRgnjD9cpr1ndEuGp5rJp+1l5nGp5V4nKupCMl7nkrJ7KbJNH4pqmOsJEHYv5
tYwrPA4KZJoyf2+UYm3ENUXbfJkxictoEIdJvA0WTSelWkd6/WqNBaOguqLxlVOZMmWC8l7a6hRB
tBhgSwoeHTnis0iaW/z+YkyLcCyHdiO0zYdU6FfYinMunfIoPSNH2uqCuJHa4Zz3wjnTiPOUGldK
KI3GytGSZ5WklVwv95PRHzoldjD2rOImf7Om+SnOpDvNddOupmM5C4RC+nJt44tnWhFTEhWay9jd
yZaNXuXjmKEMVHWvZTHR4YLJerGhneMA/lBkAyRy+wZrdoTDG4zqTVOGS23kb2F2FqJ8H6tccan+
RGzbUAe9hYjcKW8SRNwCAnzDOaKI+rrC4h2H9Ru2+KfSDmt1E7BG9KNxpPV4mqPlY180LxAA3Tpq
mHIHRzbA7LSQbhBWmPf6lYAMfML8rFycDiFdihwdD3Yr4SrrRAoWPzVG1lh5nPjGEHhsnHhXUmaz
mvorUtEGfvenkQ1cN4qTzIUrW9MrXMJrz1/XcaGQ8v0o964pVr8B6QT2JEvI1+bXusqPozK76QzQ
VOkvuo4osBKYrOsgUeKQod44Hpb3q+qK917vXyy5/cia9MTkZ1Om6aYrXDUqb3IZM8MR6anpU33M
p59UDf5EMcmcRLVAZ2QEVquJYyndzU8ohdU5xthEIMuyRySJjUSwnK+eqKJ0lfihVvHPgWAQUOdf
JbndmXHMxGzEvCkUBbO8+4y1HtItEU4ginC2IpRpvETNU0+K1g2dbPCFqB7QQs3rnGxHpyYLggcC
2JdrGirRqtK6I3kZomvlsCEo0O+x+tFow5nKlQ0TBnbTmK4pfGcLXVRDSlfSz291DxKAPNMNkyji
0PIzBtr3FgWoPbaEbCvZT9JMu7H7DcC3sYC/pL2uOkoqyJyy6WZQLD4bEn3TqkObKzAGrX36CqgD
yeOiqneMwHJUaJidSi5QC5OnaPojCaLzLtUo0JOxWhlRb+5UDVkMZtUjXWd2dcXkDhUzfMyoblGw
x4rZHymm+Sdtc3pgrew11ty7neCLh5n1U5fYGWk5vFIltC6tCqETFiC8rJlk54oSfp0QOGJbms8s
dMoDVrVpSwVgM9BESkDl3IJAaJr7WMhEC5lB6GpN4HU4xlBlBE9UBAwvyS6omrjedj0tc5I0V0Yd
QhtHR3uUQ4QxUqUSzW5dsOXKm0FVLvqgnpu6YP6sCC+VlWq8jcET0/mL6ucvvobeGDYetIexQwDX
kiAbl8m4SdMCna8ssW/O8d6TOy4ZVojYoDaBuDcvXZJajjgZrzKj83WUj9ua61at6m+aoLD9odSL
2Mvh7gwEV61umiDiVCxjYCNdDyQB8nMWYOtFJkcdIOeFnZXQ/XoTHzheAFqZ05o2e3uy/dKwiPSp
trXfK89F+s2Q4bMeTir5FvgOnuuyI68+Mr3c4C0kEUuUBWGlsqJNyUbBCHuwDPQZaLrEVWBRjOfL
7BOxJwyKADxxEX+GJXiHKeu2mkR0amuU6hYsOrYFpAhKisw+EIC5k8N0iKfO4N0gUstqTKKfY4br
A9vTICohKTSwtEL0b93IqaQkKmlGek/QTA+rVFv8Xr1O+mKR3NMu/Y372StTi1RqnadX6wRyp/ol
rMc/mWlyuXvNioIKoJhRoT8LsfpShDIMT024N8uZXNeMRVqTTE3icZjOFqbskg4AA1enuYF0FJ3y
Gl+qDLcb4z4ceDvrQodKNRyJV0vrSxwrT6NUvMCQDNRLjUzFKPNzmZsAWDlltZ4safSS75Nk/szq
Rjczoo7CyibrcDGQbeci/cVu6yzJpp1k8QpqoMAJmHopBy2wBYRQnazuUXB9cYk7isOE+F6kwlXr
AWJLsygzZbbg3xIRi+plNssvAi1RmgmVQ2OZ0yKIN4nf3KivEeq26UtnLK3DkhAUK7ScQFJ+0pJ5
GNlkmPkFxY3YJGheauIuyQxHDAUEygryNHWV8QHOLHk7MnQgmXIzoFfs1f7dR0obApefy2Sr6tpW
DyTivnT6cYK05ZKt2Zwxp2HBTzEw9OQWCMcw/lBWMbrqiC1McicpmOyjzENDkOTvktVvzXlwBlG6
DXH0IyJOCqbqHsTKl1xPx9hP2Gvl47c4al4Cx1khmq1DxkR36FkcuPpY9bdQvCq9CsadK2/TklCo
8kmmJS3YLQ27NWdj2Ab0Zcm8M6kuqiQmJQQ1nq+QHi0LX0Yg7kBV3LQauDuSE8KTTgy5XnW6hfas
j79hWF8jun6DeWOG4hCHvRaFOuJygdViTJ/krDtLPh6SOLwWXbrXFlb+0IpbOsw9VSLRTvSrc1cO
iLYlyQRiJaMQHW77nP8AJPUA1+yokpyFOVxbJEsXunys+vQzYH+/Un3tOiTDZuyrdSAC8iD0YNSH
31RP3jW/fcPUdm4FMHNhlt6hBiR6/DPlv0FMQyNn36i2tNMNbW9k0lGwdOJLBFtRUHKPU3eqJcvi
D5m8tB4/pYWHBleM+GI4YiWMnpXem/cmCleqURIoR6lliTP7mJSTbh6Xk/MYwCTHWoLtW5TGTVaW
v0JU77BFrOt5EYaF16g13q3eevb1dDNrOJ2RZwIqGNiM1I07CtnFBBZsZ3X7ElSMFGOUbs9BNp5j
o0fpWIeePpP51Y3FL1bYrTTmlz6fXAhsTGUXWVGLzYauosKUIoro9jbEnyHh2D1urBoD0b/uCsvd
/3jsP+7+x7c9vuOvH4DSMJkURk+ZyVZUv0dxIa3BrWJ+r3qD/Kss31lFn5MeR8Cdrsy3PPaB5qdm
vpOXm8fRv27+F48R5kbYgE9bxBiiZNEXFrspnHUHWQARLXle7szZL/66edy1DKPdGvNzjQKv3ceB
XOxSseAHmKMROFqYybaIVIQgC1OhLlmerjpm5qLX5bDMDJ+cvuUQm/3ZV01YtmbEomxlY7Z73ACS
++cROOkCMo+npFa7ATO+NYlbWFSuPM2/Dol3yXG+c78kV5SGHS7ssk5WbOEQjgVFvSOW+u+bx2OP
u49/MExM9CyX//znZjmCMJUSDIMCD9dVQQ7z8mAJYXDsWyaaUbljglbuWlXmwiYOKAySsNoxTq1Q
h3P0r5vHYwiGoct2X8hEL2Tm/aRQ77Z6XZDtYCZYOWjHGUr0NTO+AZqRTGwAwnbx2sAS8hJrohSl
+ZYi2OvNhl6VPPwmrTlQpXJjUvekTUGwoDRNjmXhuphZJhUt9x3ijWvMbZK/hS6Ex7GcdrVKGEct
srhO/SmpR+zjmkFkCJ+fUSsdKeAiSLVsY/B8Ffsp3fUUAUiripOBnWklNz2E48Ii/lbfCingIaPa
KaOp7qxumE7mON/MeEh2Msni+7AIduJUfdVxWHlIXhNqa5R2cMAQ3XanVq0sVlR9z5QB/X9tuIXW
bw2AC6uxkfg1MspTIeHNLLIsXgdMLtmTGlyqTKE5FVPm6FmT0fmQxa0wiFdlIM+g1+qjVKAamQt9
W8pzsWUfbj+jWUyPYtCjb26VUy8rymlqAz79yggdUz/PSvnHyJLI5VvwV5DfmuXqEaqvvuHEvkTt
aG4NSfFJGCJIr1TIPhw/JIs2ilnKv43cZse8YP8+M3zBf9Ia/D82R59uwcSrSk6b04cYMgar+RxG
ADAEk+ZnoZnz8wxNDSiI3dfIdE26i3EvklGt864syasrBd+gmyRZfgoNIzuJwhPTpfGoIYqE4IOv
RKfdls/SuO4lKEHU58YRqDzkRpX3PcpvclAZtLKq6aB7GNP/KLQI0LbBOassWEvyTAJOXbYO1iSb
rWo2Yz+hlKAPkLlSSbkZZtNJIkFuIrH+AOcyPzF7EpjOsb2RRDIyfMPsNqMe8K50I9GuJfnjuGug
ePXyG9c70aNN98QGxBWXN5GJEkoTBioZMzm+Ksw5s5JKV9zHY3/98+NfNNLmnbEreGH2c+TlJZ6X
bMheFcv86fT5UGQVe9e4uKuLsF6tTxBJd7HgP+OIhur0iUXkF5Lc05QFxySbUFRUexyTT1GL9rJV
pZdCAcsjWOWHIQ+0b2a6stV8G+a+22cpkfCCeNBadooS8rmCAYyHRYgsg11J/FWTs8+LyfkOF2ug
UtfQmGDKib22Koz+VS1kD51n46SiXNotBDwrJMFP99mnGoJ1qwKwa0UUAroxcSerUv9EpDYeVPOK
VY150jBdsJKVNLR2lLf4pvAVm632MvjD0ZySd7zQbFMpPAFzXKQM6YwEQN5jtM22ZLRcX6sAQcSN
SkRjec6MY8sYtUeBb8EQqpPoXka+k3a0rXqjIrA+R5RK8/t7qNiEGZn40ZXlJgPFBTFGWRxye3Ph
Efmz8kejtoP4Su6vFow3P2Lln8aCTl/QrHT2DpJ+QQBvrCwtWgtyMe6HZDZX+LzeOl25qfNtDjlt
wjq4dIKcHoAv4e0c/ZWMVrvsi70QYU8qycLN2pGFUKW7giO86oVXv2TyKoc5s92k8Gpt/vR9Pk5J
X99MSXWH+AawjRX/yWoxL8dG/jzVmSNMyqGqJOJSNP0KVWtbtvG3Kl2GnvidyGRmUZjtR47iIyn0
aT0ZlH7d+JvjMN3WTEguwhgaTtkxUhNleY+DGKBV6c2BnzgadR4akPg8z6LqZAMvQzptRk0+iDE7
ykbedgzCxlzCUUh2wVAg9JcQGNsKRY4SoaVUihlphjivwmg4FlBY2MVBwCYIKM2SyqVBQaxDVv0a
gfplGIBfOmaVYqfQk4yt+4RO0ws1yD11rkn7KvjsQ0l+7cDaKlqzywwj2EbdqDhTIrxKwgmjPnNc
FChqXf0gLWWZ7ndFGf4BqUDhL5IrV6cXi81ZT4gPfju0YkIk2YYv4gGhgBZCMmhrrsAhBJRlK9ko
hJuQHEubIipcvUbvXY90IqKp+YzNlk59CTJ/4eMFFhPy4Mds9HxvgDqj5IOsHOhKcR5pJ9jyZHoG
NgaPaje/4W18RjH11avxb9z9KCp2xV6efITpgce6q14yXqwMdoucy8j1qPiZB4zPZhlhQLMm3NF+
264/RS3v1hXt5VZXZ0yJFuHY7XiWwhH8sM7wscLH7JA6px20z1BQ5rVGRcnbfS4DSSNNUvqtwvms
R5m8zfXadOMRXBsTersOLRE3uMhnu6VXqMtsm2l6hMjSmWh2Av4IX3VCpbSQAakdz6cZnYzgVoi4
1TWl9HQFuV4Su5jP1MbkWkLzLeMoDoR0fhLmeMuKFO4CKT9pRRttAlG6hxp7ZjnLR3KR/H5ldBVs
J5X9W5r/jkICRCjGhGexstHS1Y+xhkSn8A9khJ3UoET5ZqV0xppaZXaG9ouoKNeQ649uErFDlvWV
tiy2alMCxUb2iBbe0sSPbIVJhUtc842ZtUdnyDwFxkJ5bktxG4clUu2pyzyrZONiagT7FWlBAO84
7BSl+7MkJ2VD3vOzSQDT5UPnT/FL2p1DtfkJxv6pQnvARg2DywDNvMY81MX+hS6LuSawme5zO61Y
bdRNz97Y9gPpqxbGJSV3qRYq/begA4z/xxjcUSbGTrR+xBZNZt9hCk0S8duvBP4EsrzUXDVxTaJx
JF9lR9mDh5LwlnWVbxP+slW9EEonU/L3QvCbNwbyOpPoAgZj8p58KLB0I/MmXA7mMTRF8zgtUbMD
tAVx9lXU+FHiiZoBsLxVBE80SCEITLz5uGRIYgBoRrI6zdMGtiUt1zjoCQjr0w2ZVOZOBNLqViQ7
pl0n7NTG1wGBIuXqiQHP1xicasdoefaJEMVID4JsNxSvo6BF+78eWR6e66UKCJ/gmcyrXMSs4SMO
25OIyKUqKJsRQ231+tddNCebWpUGb/IHdU2RzXBx2fxNAROLJNw/joACIzTQYncCwLcjOx0J5+Nw
rmk4E4WOYSKXXvKZ9MDH448bULjFOs67N+61njiEaDTEdN8ESCPC5QirmqPDct1O9FP5COZbsZzz
fdmQsREJtWXnPrY16IB6xaKil67cTeRwa8yFjXH+IA4oZ9ki0JLFHRSXEbu8QYeSv35fLzeV4A9E
qAqvj4cSwpdXKEuASbWEjW6HJou2lQCyvZEtzwyaNWrmZv+46QcoBmOpgSywOqhrjeAYtc7qteRl
DgDg7JQ2iEO2H62qHl/kBCqbdxw9oIAMK+cL4jgbnHYOyj2pklgyArYYHUsg53X2hX1N4NKVeKRw
nHA3M1wklNIGVaY6+PSbPXJH3H01UgGyUnE3iCjxomCM9kpQRDzH+JuylfMBFekef5S5ykcGFzGs
vFQaaZgsBK9Snco9vYVy34odio6S3GxAGWwlloDHvhQrh+6CReexq/byOJgbwjEPbczuqMuCep9r
jbySMK+yumAlsx8PGnHucErRBI+snMrdqF0zx4dgTOE+MYnjVR+/kDwfg1THYlSKfb+8CMHIwKBr
omMVEPleAx98PHdMSOP+cdRGXFu7mE1UM9Vngvqia70EzUr1NxD3eWsx803lqN4UvbFtC0wdYjXs
Q1Ul+rlkPwOl7NxmPIFIHN9kRvBOZdaHMm9MPOQ9mIiu/yC5nMWq0sDUBmznJln/5IVez0OXHhlr
l45J8hU6oUDQUEqZdJP0kTw9PwCwNwxkazOHJ/knWqtX9eYP7PUmq9pEof6h9M1LnCGEFkh5zUok
lz3kRyz7S0pmHP+VAvP/gU7/kx0C8AmBOP890Gn78xkW/85ywnC/fMffZghJkv4hqgr/YXoTdX3J
1fvbDMG25h/Ue5KmypZu/jvLyfoH8jFLNHAfkgQiSxDO/4kxlwgH0SyM2YpGppIhKv8v3gjA5wv5
7N/wYFwTgGbyvCxTIfPv/8pvo0SvQO36+kma4t5LcvBHpF7Rr53l1C6JfOQjEDIletyUUduv9SBE
GGA0u1SKGuRYy+HjJm6QRTUxCuJuaX88bgCnNlgsuHncJc5mAIWYhut0kCOPsCqK+OWmY+e8ixT5
77t/PSbkqEZ9VoUEdDVD3hSc5XLzOJKbkQfV2ixXPnZFdrZ1uStjg2ba49CvZFQsvWGs1OJ1JkPH
DkGdu9VyKQBu5ekFngYVla7VVqfRIg6MUB6U5ybX1MZg/marS6tFt4Jh3ZrZESAGKx4YB8miJ6C0
HYtlros24sBtMyVfVq5Tcf2fgaYwrEENy81F0Mg4xanX7VTB4NIfVOVtCoi+EAyeUxCbz91kkXZK
+DmSmq0iz4yiG1RGmmaWu3Emw9Z+HDZ1w6FMH2enSJAEuWZ5j+cpwCjYPY6iqDDIsVqT0zjvHjfS
XIUbcYjOY98UXlRPXkDnbpeQ/bB0Z6vAjzAf99gq9H6No9NsP+MI0iTKM7FtjC2c41WJjG8bBIPN
6zNu1QBjYhZVDsq0XStUZJI3Ub6TBkVdsT8yF2xkvvvXTaAlxb/dnciu2jn5EF9HU+pAhdLGe9xg
9yz/OiJ99+/HZFPWAaAyMFs6kI9n/rgxHg3J5UaYQYSOmUrLu087hv88nzYmPSNINrLgpfcZkCaA
D5izbEbiVXVVDhJmYkbdz7J2N5LV+FOLDvN1lHMFqd7imvS8XlhLDOTsdO1vwpWwygBaT59t61XC
vZLxkXQ3jqxuYymr7KVHLISnG7+MeMa4Yg/N2tf3RFkk0rHilH9L/kgOo5jXAh+tS1imglIw2fYM
YiiymvmsjEzffwptbTIOR1JWJ50zTThTHandhVBNV3CCQauJXBRtLpLe1G/nL/EZSzPzLxUt0o1B
o9Hblg0ZAZPgHoMLs1hG30SBC7UzJwdDPdDao0elElb4G1/o7aKek5HdI5kIGbPa+T2/K/Faf9E7
xr7Ly8b4RaMKVpllOWQEpsMmhtID3Cu0POZdwK0pKgZwkfALglNpfZU/mYtKoT/3T9FVfxHgOwRu
e2jv2A54JdAz4+LpNmpFypmbyMdp0fLY0b64lkztbzxevmOicD+TLTD8vXDKRqYedvnOPJwBcUrb
oqfd6yC5j9UV3pJ5RUmo7hrdHvvNBCyDGolh2G+nA+f+Jr7EoPSj6ZRsi2o1f4vMLVtG5Tavbivb
fBvMb/GTFBgLyUfqNqcxZH+6GjFAyjukNN1NGff5RX5WXjM6+BpriI3GLA6c5gojB8FDefd387av
XTF3lSXGdQ0rJLmVpofOkUFLhIYJi7nopnf9QEXavuZfxnP+Aj7/DMpMH1yj21v1uxXZhocoB8SR
1a1mKOHYcg264aRTfhsydslncxMd02klXqbKgaaHntp8Ug7CG6wC/hhOW/VT/R2fGAjhy9mV25YZ
1KqPqPbQQzvpT9EA/LBjfxN/w3EQ4YsRnnqUFVYKT33Bu0FXiuyaa1Lc+0P1Ml7kD8Z99RsjIeyy
nGxEZJe04WyKqxTJGYwcJqAuJ5SWrmUGsSlnwr6F3KKvgo9670ZbEZ3UE6IRokGNFTkETGlpiEhu
e1VDZ/5j7ZBqkp2zNhvXWCU7/Y/1TSGxb37VH2WnfUY/1pV1Z2pc/Q5OBxAIO9T52Ud21tvQ1MRi
X14apCbtSnqlr1StrB0NP6ZtGInUc+75W6IPc7a7gKkZB9nNp/yZFW6ReibnQ7YuIzf8qZr1QoR3
fvojSoH+iLJJf1UPWAEZs/VHy2G2lDkYqhKSRG3/DRc8SfJHwIVIKXEiOfVTdWxnajXWDMRFnvkH
ctT0Is5uTj+kfWuUd9YOfyLa1B71H5WZm3HTQpeDmobNVv6c5lWxo/3EpQek9tNY8GTd+h1JILrF
nzbY6CDLbPQHNyl0eM2bT0Q7a+mr+LVYQpFxepO+ZsvYs0TVq/htetYOQcDIyB42gatuBxoVqKRX
2nP0DrCB8KgNq+XwAe153paXuEVWatf+hvcyhCXin0RxWz5B5PE3eeulF4E88OX9HQSXt57PXv40
hg6/UAbCz8Tt0L0AKkbwIy49RLL51iZ/B+R4YqcQT457jeClxMu50LHuSLv0CZ0ubAl0AcEnTZwQ
D0PthoWtMG2JvcR39Ssf72t2jL/giFvfwa3FOH42yNmYlV8Tv40McRnl3vhW9M9xBYtrY90ZGoM0
48f45QqJ/CQcDOGjmXK2BeuiORApcW/f/KNFY2m6JJPdB07wMpDZVLxoOl1AovcIK1DXRbZppZcJ
zpx4bcazIf7BcdAhcAohUHAyu76K883N0l/yzwB5YfGSr+Mb9F9EJ/zZxn2++/2H3PwuEmU+vdjF
ZGOt8BEC+gDOmZQAfNsXfoYaWDbJJ+g5WSyMcFkygtamLwz/p7F4Z5zU/wjp7GKCxJ+IS+0P/GWs
nDbzq9HlD2P9FzfszXbhd0DHwn5Ca3EN0rdEPWLq5OlCfzsO25X/Vu/w98FGrPZitcbhAIRtDL57
/UBzJ8m2OQ3Abo36Uc68WVzLhUt4UlHTGHVx7vXDhqfHLLmZnCjbSsUxwYuEyNxGVwsHgXLTfqal
MVKFs4w5anM1khFryj55BxK+i2/6fvLUk3Kez/6zueOMhmC1F94MUKEsMRD3bRyzcF8YQ9p1g1jM
CaV1rpxKEhTS2JWInoqAV9xlpDwa8O+Vf0vd4alYozNaI7VPt4icI+b+6APbUzJilzrS5J/2TKXX
L5T2vIPajxR+q+Halz3iKKAuFQWS5pVZs/1CZxuAAIv2+s0i2LfZU5VXSPnR4wGnQYQmoHbFeOLF
8QYYBz1smTSq+Gku1p12lHqvVx0zPRJPwteT7R6kV4xD5L4lAp4xu7yxED0vP4om0jlErszu1ra2
+JIrp34WLmq1gTSecumFq2KiPLTj3yi5yvGKQ0xJ+bRpsRDIe1B1A5a2zkn0DWpH2rVVhZBtbyUv
xuDJMtIPUnzs6Ft9LY/Wewaj48qj2D/9fbgfcSiz01iZr1Xp8JRuMjWzPR3GjfmlvuJjOaS3qXHo
Zlar9g85uvUJLyMGxg3kl34jO9ZGcfOP9ips+uvsBhdB2nVbgPV75b3yrgCF8t/6YzwxQTLPJT9j
dsO96uX4fJywA91zzJzkTUQa9FSDJMDPsOc1ohE7IZEmLO/eFyC6AFJ68A7TYYsWpU9elAvjghqg
qkwnwxnoF2/EL+tdfO0QNQ9u/YyLml7fOsVMfZ/27JV4FsCOYNVvYBsRXZjuKLv1VXxV9+l1eh1e
62def35Z1O1LTMR2feLCQbd9VWybp+GJBgxnbOnAJmpxCaWnfGe8SM/zbzi6SuRl+ZFZ9I4yYCgd
IqdF2Q2+u0v5SUJHw6WVxiznkCMiyPdtg4n+rdsGd+HJ+OHEqTfSs9i+Lii0F0nZ0EMW2xVFhC6+
mjC42JTwTD6XQfgLPkJUBVXr1dhh8BUXG21Fz8RQ1ijJYWZhzT7UK05SEQoLgt38A/ACMXb+uoFr
5nXiuuhcMblFutuBycTInWG+oS29Vj5TYCWKLX0CkjgXP1yngY1O2Vp5qRl3bIofZueb9tS1W0yZ
sv9MVVWd22fxiyRT680EUkZiBpkv9MdWTXNE9u7P6wxqUnPpb/Wtlo8SYMabUmysZJu8R4PNmNLc
V5cJAoy1ru7JN388RLXhzC/AJBakQC531UUmmRVLIoYrvp8IHRGG8K4z7eaMfpwvLZgmSF5+U9tt
atAVR4KJEsiOP6Zm5Z+Ss//KM+pQzs6EYgXnvtj0ObzhNWWT9Udje764qlalekV+Ukd3o/waM6/7
qfJ1MbyljK8Vp8PovmY3IZ2HLa95hjL3MMy0RpnlLmMIzJV2rcyqQ1mG72JppioD7vGy2yKeMHeP
GyPMLUiEMaVl/eErab/rQ4sxcdf9ffR47HETqPyrJUJOs000cCnwFjx7+kppQUvWSDoBOyYVu33K
ZbyBJRXfcjRI499HmSDwvIi3QBYB/XSTEJYxWmKE8Wj5wlFToMX8t9+tlth0NX1gH6l5RowNJxHe
qjroXTlnp6g1mOqEgjqzW36hbFIe06o/gRBpNpmE2L3H0qbOk9P4AB2tvOKy/zhUSkr8aeFFyRed
5bYliug1+C1+I5mG8ko8UqIRiJ2somDVQlmsN1mwYvaKyKuDB81v5ZOcL1XK8ItPbl97irrtDXIi
7PyLFCPzQMUTtzZzOyoJ1RbfNa4UK2TIBYby2GHwSTF57EXUBSshRmi34Yeq+qk79jZpxHf9rhwn
iUbcHiAX/WUao7LhZr/563QR3Ja9KJED/A72n6+MAf0DRLVj919EnceO40izhZ+IAL3Z0stLpZLK
bIhyTS96+/T309zFDwwaPeoutUQmMyNOHPMhf9AgrTu+/TEDDbQFpw9JNbwsiTv46sdwaD7pOuMJ
g0UEvC52jqUJZ9quSVx6axBOfcBTOEuf+rX/xrow/sMCmwutflSBMfkytnM6sZt2oXmMJ+U/nM7O
NKl18aJ9m652gb4HdTBPXrQjGOb8/fAfGwoPqXDqfb+HTL7yFP4ToPy+5+Hyl/jSZ0bd92FcAMG5
dBAjj9kvRTGd3qQ70Uf3V302MfRFEpGIKgikHRcPKQf9Dj8Wg30AzFq2fG+vGB0wQMNXCLRR28No
4/y7IJdl4Ew9fIBYuFDFJj63u+7tBUGw/Qi1S7+NDxOUyOMiARXhBGtDR4RFK/5OcAexUsPv9NRn
4bzjX2OSh/LZqrwF3RJtEs7KL43bvUd+HZEuhlgYyRa5PGQyLfbkx3tWZY3F3neWPHuq8S3hck5c
asH7mR1cloN0H70aDjSyjb5ZCVU7RND3vc5Pt0rYDkyi7SEgKZZb8Mu7Ngo+ls4jRMWJWdk3NGLh
2ideyc+HvPAivGAImB/UmgkP5/sL/bOyA0eRdhIbyxXxnWqPEnoXt5q8jMB4NAG28SLi/YDiAerU
bx0Wby35FM9EDuwebOa1BQf5DQWV5KrbeKd68QU+DfL4KWheoNHWKXGVgDA2L+mTowQIJdlsrYO4
QaM+h8MtO2mVa7w1W8bm0HdP1WdyZRCgVO7yazjKJRo90rDiG2HhuFBwXyxv/GauiPtw8rZMtJZ6
6sm/GD/UdFSCQ4fP98AhFcfx6Cpv2nB+4240geXXpwhA6EMmAe+G0LQ80L0MzyIwTD/V2rdoBHL2
4MoXlI30QnF+qUsPuwVue125uDI1mD6F0L9hoTzyUJXAu+y+82dI8urLAPzEwVk6AGaCdHnOlK5P
WcqXcaAdKM1/s+oowkGDa0jv/kPxR3uqB/XmCZbhWfyckhJJ7k6Q/kEMwAig+97Ff2jRxz19JFaa
0+e6j8YvmD6wIVLOCQJpUbU2DjxTmiEUicOX9l0i0ERlYa+gk5lvyF4UX586sTdfvM+bGslJgIRY
lMI5wUXMRTaPKS1GfiM42NvjQ0kwLAsGpqKii3R1/pYg5uwYKz3xls7pPp+r6NP8A0XAuePKwshz
jBAcACBu+HABFRDeab61bxZJgqkF2UVO86msrvbdLZcSHkvm46WbvQ9/bHHJRw0HPXerglptN567
IwR5A9noWy2HGfa1Rz4X4MRGvxAUDMqVnadPJN1AGXrsgGMt2htqRYEU2cYT/0hU7/AA9Acu2nRA
IbZyfONkj0fOvw78q/DRNZSfjBEhUpaBAOwTp9vpYNFMG273HZk+YhmsDAe7vK/uEGQno8eL0l7f
yk/sUrVjmeN46UqSUxSXIn/FBvDxFlcOw/6xDYio7OYnzPIc3GXHOeLsBRwi4kbw5SumYQw5XzCB
ezYOgA7gBA0Y6n59G8/VFpvT6+L23E6IvRdgLWfu8Wd02t/8wkMSK1dD4wg9rApzZ79cgjLZWoxa
dBtXnBsuBxfoomXYwGi+lRcIE82hnu6gXpxEkXZOLEoFjyOn/TY84wiCxrAMy1uUGTYampN+Xs6V
haM1DvMOwVAUC5VNgo6vEAJvP9/ugr6D+9hMm+X23CmwELhy55+JcW/Mz8zLk2/PDkvWF5FoSAjQ
VWVsNwjwB3beXXXLD9PZ+FTdwcI+3xX/ZjUceORwtPgeNDdXfDEJl2RLHosJEpr6Mw6llBHoAqhi
DNy0qBc3lfD33/XmxqieeBnZBMwPVxSdZ8q8XeHQDW88qE9d7WuSgxM8m49loNUglCksK1y4PYnm
UyWgboF4FwBhmX8ctebkpEsgFO96tuOEYhdlYUE1MSRaTbt/nV7kv57bfOVx07Etx5Fw9MHuMsGV
ZT/ConXy+AdVFdW5bXG+8qDINpt9coReR+/PpHrgsbYfX0mJTS/tbcdifF8+pwNPGhs27PcM0wNk
HNKhyG7k5aCUKDbthtH6wkyX5VRt6FC5VgKaAtmfDG8NeWoFMtcCFXXmc6NX6G/57Fxv9dpNIc8F
hsAFPP2d8qnNnvHANcGr102DJYEZNLNvlqeB1fiberTHPsM/VP85buTSq754Rhsu8CTx5SYGHAeY
TX19fmd2lsYD62Q52iwxnETLUPvG2wTwkxsejYekDmPjnGNagR9pR1fJsY0jLcSYiABwB9ZoIXuM
058LBWMfy++LC9ZMmDbZw3Tg2GgbL6VPjhwdw+wj2689efp9ZNeihpJ3xI/x3E1/Une1TLK26S6P
4o1DEVAQ877xtyI/dFMFmZ9qZ26K8qbe4kt8U381yv/juBvhwL7BskbYa8ehhYEH2K8r/WTneNfN
zlhtUKXzjKocsLWNXqyxIRuIt4oHMwOK46enP2ovjGB6hkNEP3Pxsf9rT9L3MnoAk+v3zKWgnLv0
rxoyojtU6cmFSBhdOjaSJxyd0y1Wm6x2/emlu+nb8it/ET39s0F9mUAyt9v/AP1h2khvWBD8s1p8
4R3Jx6TaVx4bYf6pq5BwjtD8YvtVWZY3Dkmk2uKVCxsNz2e3+6MWHzHgoovDAaw+CF8c6fkWfv7W
PNTvEurVfxhiLa2/mre+n3BKf0ZrgtgQpQmZessg/sFL6hNYFYEsBzCd8kjP/2kYTNyo9mQ0TrXb
DO50m7z4XvIEUOBNHHwYJYWIUsrdgwSwfwk7sGUjJxdR9HjgwOCYkKXk7byX/7HrijBNVkc4xTtW
WX99/KoeYVEkk8ysBBu/gQupVdEfygl2cJ1UbHCgbLsy/Jj+4G5ts3PzgmWx1/7wIfH06fo9YGmN
eBqX1220USndAri6Mm37p3lvjqo379Kg8B/wzlYbHY2AfMAZ/nEsW8T3vco3Si9tl9OUbIu9dNLW
8wLLHozcUVyK8xf2qFYJZcknghzPx1l7lhmRtIvNfVLT9/g9Jh6YXXMLvq1vHk7EiuMbi0X+lXuX
62cjfr8TlHXi6e1u89uSuTxQLpfv97N4XffttbuxKWbgJ+A3ryllgidv1I/123pbu2DBQNYpPzmX
NPWEsUiy/HDQUP5He+UzatxE35k/VCdC4mBP2mab5AUfkfRVu9QAOtcc5SpsDZbbXn6FW168jeHw
h1MtTdkpP+Dn8661drUpVrvcP3aq4UFApN3DmQJf5b5l3mLLm9qzDvEZmgOWzx4eUA8qcM3L7rKP
WNeu9kR/hJb/OFu7OZxfpncpMPdoVmuaJRjGz8oBvwWq+MxOfO4G6S8yhZRHdZGgLvtG+T1e2SO7
575hF99Si+Yabhu6XtonMGcTIi7dGDsf1WTttQ2GDDZJLOleC+BrMQ54FUnYmV2yXAD1FdPFosYE
4R0caJcL1nMeZjmluakK37wOg/3YmRjqPlDP2zlqtRGinCufVscMB2O7KLeajTUHiwJt2A6UyHKI
zSgFIt53P9K23faf0+vY+drkyu+YY7ncdCpmXL81msMTXR+F6QuqJukTfs2mutHx7RgIbGgsjBup
9NahOCK1L0QHnG/lGcnt7kMEaWXTj0Oc3lg7wlcUTu/zv2ccR2ULh+adqL/hp7+jnrKmsCAI2Bke
0LBs7W7uxG+AK2301Ddh20pB8jLfp9bTeh/oovrNqJD4VKD5mI/UYtgrW331EbnJKQMAwE1uuFfj
1ZV4uCJ3jPGI3JwdeU++AYw9Y/7UEkfcg/ss12XdK54RmNfmPQZRYgRFMQ5rrwSMASZ5UfPPkW+U
bqb3dLrieWoteGeCF7ryHiT9J+wEMK/+5T/pru1gcMD8AitgU3IXIHK2kRDtlvDbO8Y/5c7QI4q9
Mg40RmxSmJ6V9SARYMuycPDwbMxbNwR158MSTGiDC1QtCNj4PBzQLnScEPmtiN8bOUKMVgPzp7Yl
J35HHIN71goyLT+vf4ojDOz7FwlLKXJpqWoj2k5avOWEBlZ/glLV2fyZ2pC/TF+AYalBdsyBXRtG
PdOM+Hfx4RL6zBbPzRFCZmzD1/LrbcnDQ6nMQRIfiPH1q6/hrn33+2y0y9KNv0Sg5Pa5/RKivNjl
v/7DnJ8HFbM+Pei23Q7LOcih/5RXfJFeu+3kkIvoLJ/qvxkHH1JTScphP3GGJNRMnydt3OQvkXDG
NmdonjNO0ipb8byuR94xGbbze/QUCdsMJIk0YbPOhkCItmS9o+nTVIQENkM6vGyLEZ9abLXs9Hlm
3aRvqLkPM5SsgKEl1pSYQU1wis1g7d6hkzW4cRcOY6LWnofgEQfys45gJgrjeXDQEjYvBFRDDONf
td6VccvUFLeyanZJVOFYgBJqflEcR0edxFCUhptpS0HAvJDGzx15AH4eHyXYmuCyWz6si6YFaXHX
wvYqWf5iUsDY2Q+GLM8jy0VX99WDnpOIILo50+DixIBjsgClmX6GNC7Y9vAsHolEoPk6xJ8y+xjV
vSdDRw65e1TA+SV9erc9P8Fq2uUFiTn4J1YVpc9x5g2H5JRphw61BqxValBMXpw4YMs+8nWpjLN3
quWy3j8wjFmrkBrN+jJupeI87vlvrHss9XKfO5ZnfoAEGFhW03oBM5WXeR8fGZ/2r1gumYhwrWB8
pYdnoGh9tOj6AEyytyY/8khPFd/AE/6mH/ODQ07W3OeBNIYWxcYncm+Ob064UnfZXMcrAtW/8oLZ
7bwxfirdbrw88RcZU5w9rGw90N5RJkM85ITlScp9Zv3EgmAJ1rfuY/FZtM+9mptP2fvqNq3PNJl5
GRRmAtV/OEAVB03crTI9vK0o06pDSVbwHUbqSWA7kplMEfqSNRPCXy8jilZxK/ownjTWtWAnN0Td
19xEeefBAsR/OvksMLs817eqCg0hZLjAxEHCRb/CzW0jZedluluZF1XUzmwUFBt8FH/4zsF5Ah14
x2UsyFpXve6wHB4bzRZCoCPWApUdtlw3cNkldZ/U3atxxjpEO8lbjkf1jieP373hm1DjPI5d3U2G
0J2B2+5TQOMcWAqfKmqxa3xfrxLBL8pnavo9H5AxBKOs0AQnLz2iCrKnuWP1nFQZ+iZO/BUhNYSU
5FM/6l63zblSmdO+p5ANslvz/Kzp11w4pGXxnxIuEH6XMwNzBkbT4OuGC2RJuaEy9FX3DE+xJHIi
jzHW+8CY8iadCVI/Na/FC4c65hxIi1wsQH8ZGGX0o9gobBg4YJoSkg2gnrLtdNJ77LKc4i96E9+I
QiM1kzyRj0eQbWV39UB1lC/A7v4T/L/eVnjl4P29az8fXkQGUX9Lr3wd1Y0kjymHskk2iDiB3Pje
ySE+zQci3RCbAyo9J3RoHFk01HbFa/vKozm/ssjY8OTG167Ku8nGfZoHW9qQbKTI+7H6EIEw7uTZ
9n0wzR60z2JmJusQOsy4u/57KLs290wwIWZlHNFce8qdMuyWEKVJgQNUTpC1p7G9TC4ucVW+zdAx
1QcJyY+xGWq4mt6gBuvMLAM9j1eSnpqz+m0Y38wfZjkwB6d4eFb+VhCU0mPPKBylAwdLu2wZfXH1
jP/mcZnmYr2SG8yjbeWj/Uuv5ff8cB5/DIQvvD0r5nkTtl2CxpCtzknful3714osEY5029hnt1q1
zRdTfH47ZfxvsgS01diMAOHZYkQjvHJ3+I4YAK+UYW/yjvCsg36CJuSIO/OF2eGMvc8vbGXcXJl3
OwaDQtQv2U7fjV/LTy7xDNrZP+Ycm/7Yznbf2HjuTdM9Ho6S4ikUabn3uMTvI6pqkF3jYARww68i
ta3KoDMgD1cZXMqNkpldTzdrL9/pG01FRJgfSiUmOgxPPHKPeU6h9Hybuxrf9Ut9K0obKcyG3UHE
jwWrvr1VQT8NkehIHo9B4zYKNbB6jv+kl4V5849ZOORa+PzoH9mzdQUs4cpv/Hujz3cHszp0byQN
3RgpCm51FT70l/kjxv19I5Pa4Mg/qPbTX+Tgd4A77SbEG5RZAbPFm7EEbBndtd0m6Gvf4iubgi4+
iWgaZmbDs0k5mocpZM5QYw6OjxMG/n56loLpJz/3DN+E8yDarPj6pnyoDHnSa6G69c38Rn6pAf7s
hleGJytuoliCBGZqL6+8R39pL+K3ustP6M7k1oHsTYUHH2W+r59toMTPUWsH0AAuemXIrNla5MF+
k99lt7wmnyy7+CoCNjvmiZFPvbjl/uuLtjoHYQgJUKEG+zMmu781gEIOtOQTnzG9qmx41+y2XuEG
YNA0sINX+IttUE6jrWy+LX7G2v8ruKDWvghiwsfcAe4Cs9FrGbmMlRncwpvyir/lqvvJhewgKuSZ
gxcigA2F5AZgueuP5Uk/Ci63NPusebB2qd++1Bdro51ztznPgfqN2y2RT9BCdnKonU3L69/TNx7d
ZIuV2aU4Ti7TRYjRYurBewGWp+y8uNLmEaSjI/sClA4jhIcHzAIw/6KwedTPLzG89Z/jUefbMr79
fUK2OGjvmVKubrITMODhOtOuJ/bjpobFC+kie+1fA8kf+DpEG5ASQJHZv2AxJCfg+jZoNvQOiG4s
X4g3oA4MEY3telHkjX6ixMybV2sr7kq2T46eZs+6rLfFrUpd40v/5rUBS9A/tggWivSRQaehsn9r
D7IrUbGlVERuI58JqsuY1CzoF+HTocO2+YZqHCh0to0D7IyRCktEfG0v8D4FRm501NjpZF9U77VC
gIgzrp4kB3jTWpot/jR73gmyrKk4T3+L+3TFO4D3STHy7ph3qjuCwTENfS1fUUsAvDzsarAFkG2I
mNf+IGzz12EDi0r/b8pP1/gi7xNSfDZU6jVbHx+RE5MGMQnNN0bY2FY8DtIHuO7fTFW1j++P/ZMi
Frt4VEXLxjo1X8mGR2sFT32HE8LcBgu4wSYZnOMe+pxXW6cIRix8uHv7jvkV6gE47Ozb83vDdBd0
ahvfYXQIe/0CKkD4ZvTJSfea51vzArHsMmwBDz6aN1IoqKMLv/5ix8Y0BgGMwvJRTs9E9BHIE9aQ
2kBDAwh3KDSl5hDj6XuhyjbO0uLMuKBTHreX5bW7audp1wZFvklVx6CyvbcBG8xpUH1hZ70W8UY/
ihBIOJmBP9YfAV2LCylml2HrA3mN1DQHmIWql1gTxQyWwHLZCd7J0p7vzLrbe3a3cA+B1Avib1s3
rFhMyi8vdoftexEdHolrUNeCGPOqhUyJHASbLFfLsd6zVxqGnhsZE7hk615zbo8ZNQdtTeMgtKxk
KmWv/O2/6FTTMciO1md0bSm10aW3m750EzHEeYR6Mpp2j/pIZJv+o//kuMdzqbiIe8PAqClkjJ6+
01MN70gD58XTGVyJJ4Nit3Ty84TKKKyuWfggB82mgzO+hDMnXamcyvijgcOisLhU+qkpxPaon0Lr
8ZIWl0kJowTbGOhJzvjXMP97o4bAOYQyowLGchuwlVv8M+eeHAFzkBP6XI2F6ZVVONVeIzlzHgwY
1GLcRaun4hdht4SyjSGrrK1Al5m7Al4xa0K6CiHqUO36wCk+eS/c9xZeZ2sZPV3fGh+l5NXB9J0+
yNQBBdB3mo4lybOhJvlVxTYOa0F8pDW+s1dyWCPTwHbsuoT93xygiuIJGp+zBe21e8uhqMZhUpEM
iojdTVT8TUJMXFFnQaNi58NQv4LEZ9C0OdLPsk3QaTjp+ixh6W7ALWNixbyEs6qBKJMBmk/3uT8Z
G5Ox6Rgi2y7nPec0Y2k/ZsPB/H95iVdXmbcNJAh9Kw8+FQkfuCzepQjKaG0LeJFn4wZFn8ShwjCC
2lp+Xv5G9vITdvQlCfLzhbTaND/J5aGsQ0zlpRkHAHcV7sK0mcbzY8GhySmZQZIeS1zBeFCK70Xf
qiZksftiAtc8QsoS6jJqIYoEldsLGELJTtkte2ZKTiHBgjaBrNO8t7DZhVS3ODLKodHVdRfaXfGu
vlhn6EkkEeGH3TOwrkKBpDTmUbVPnlGsbrp5r81wOO5szKm+GW/693j+b7A/PKf9/5vz//e/+GBC
filxK/3fHyRm/ERHWvhw/ACqbXx4SLeZAoSsm/9eWyJd9Y3eOJMKYG1MU/TKAWAs63gSagFQTl+j
fpvG0wCUwu+MGkb9tEjapmn3+GzQK/730n9/KOOO7XY90PZ/r0nrgz/GrW74/x+zWgwNmsYKkLYB
GWRy54lz+iuRwgMI93ytff7S5FDt//tl6ZAe/Pe7//3Bf3/v/3/EVIenRWQ69i6yUWaP/71tYSrs
eM/f/vdXsYSlMcnkfIunTnuKx81c042rC0SVIQoVPqxEMlTQTl3lR3EfLHCA5Kzv8fwjrFR/eOkt
H5ZDGy+XOSKcMza5a1WpaCf9kZ6KIvmylPJFUYUvWRx7Xy1UMhIYb5B1v0mFzGt5XofoND9mJUgq
LHPq4j0SsOzBAH/2C/h0eTzOAXnesV9mFU0eCIKFSZ9WQItdlEx0DUGipSEC1sEFH8mDkh0FkoLL
sZo2Y0p9iuKEo0/n3NSHlMFVN8xhqTPZTqevSqzknRpBi8LRajFVj7uyyR5cI00c/U4y0RiTel1M
57KXpZ2lMX1AMfFrisziTcWvUW8vmFSZ7fKJKoTw55WCY8BOCZfCQBFiCqMiZWSZwu/UYFt0JBR4
ywCtsZs4CPMOsHkS501RJe9jJhPVwBGDkCRiPDBYdY2KEouaNMNas6CP0JADQ/luIF5aGJlrKSSv
Vc0g042EuOo4MIjQmUkYon+X/HVlXl4nk+jIq/GbldoXFlO5W6RahNsnim0DZsJswn3BsW1DVDLW
M4z2RkWSXIlARInEpxqJrjA96FhPGATzODfB8vg150fmTcRszOkLKQ59B1usHWkDsiV2Z3WdXK15
/vhTdJkm97QdHy9RhScR1uAXrBJw3VS0ZW8kFTlK5QoS1xXksWvf8xJqD2FLugSbRIVzHJfc67Cb
tKW0WL20HN4jMak3dflPzGA+oHmnaZqLyV5zbWsxCxgRPaQSmEOLEvmYEVMy9M+9pnh8pQ1qC+mY
1ZglTJUJaWHt6chz4xNHiT6QI/3bSohRlwtAKVOCeSzizplCr835RiQPUXriFYktBiamRRWFaIYp
ennUNoYyeNU4z2G/rLC5cYESSmaKik56NCvRkyYJHBJDHVmGHJmzmWVm8Q/70XZXmwuSeTARMyU+
NHvwfERTIsLTUBnyFNSuxidbYP1PLePfDFV58Cg423J8622ZJds/o0UaYdyv5rI1VoWnJKMaULMO
73vOghoErekZELWqLiAg1dkM5OJLw5Tek9vs3UhlCrkIrrNRX8WclmAUHuDKI1NVEdwwzjjaMsW6
DiqWz0qda27LVpbVpYYVE0z+6RyxkNxoBIzA5tttakxOJWyH/ce/SciHvZSzc6uy4lpDQ0Welmmg
4322HShpsiieg2itcqeBdFvJKjxDLNznvhCD1Yk0DtRqLCpEtfpO5wKMDehhiRofPTAoeIxLaWjK
UPzXNtsPKYVK2VH1Per8MsVfaTdvJRXelwjJgC02DlWNuEaVMUSaT5htjoxI0/g9qRgpVwYplpWc
B4vSDU6KLXogD+rDJw6ZxwSmajySI/3TrmpKA5y/tet6V/PzXDOa6pkhzvkC+XlgBSdPFaoAiFUx
+EwtgUzERbwYKlF+lUwLk88/oiF+zDP3utJIMRGW3IOW/d1V9PbbKMGYQl6Uk6kCOQrq/aFLnNX/
UYAWBi6ZCNm2fMDB1dqXuRTUjxy4UVaYVRpgwQQ6+4UqbCeKCBkzANvozH6bj+knJheZh4huhwG1
AStyZWo9MiCdY2QJESyRdGkulkQmGzLUXaUwJiZBBA6VpODl3VSt/xCWk4xbsazjb4R1O21Pqzxt
4x6Q38EMSRY0KBnS1SexBvmNkZweUiwfRXl4J8DzRhy6Vw34VvazSBtvgE8k5BIcy5oGVGNov2qI
gMUcsJ1uzpjqmvdlf5OF6EWIYuYUjUD+sV2gYN4lGvVFZjEkt/YRW2Rlvos5MGVUYlGpo1CQsqUP
Ed97gl7crPkpV9CHz95Moo1oUA5P+nehl39LT8C5Nk+EKIpg8OSe6Ibs5hHUElkuExf5m4Q3M1Rz
whTJsFDplwYS4GQ51sleGy5p3SW4mlh3lRw0kGZwCh4zmHLdDFHEXF2yyJ5MP4coSv3JCpkemb4p
TH+M4Rs+xA6Hi3S6i8PLgoVhV708P+I2MhIWVaILgbJENs6ZGuukuKeWkvgJFhdkFzOjacl2YIwD
xwPTb7iFPY9iUS29bw0U0w8GHyO+yVCgRQczIcFZkzjyx1E74WYAuVlTK88irGKQErI4ugJrgnIJ
H4x5JrMLDFVe8atbITasE5YzJaYTaVmAMRqL5pfPXFrGGuy/GGRkLgHMpwfpDpzeHQ6ZT5iahA8I
EdxTS+xLZAlwV4SafLgWcLlesRwTFrAvORIZQvTaWyECGpTmfu2FFXdG2BPV1PUwlxDk12OGmrre
RlpceBXyfFyykPZlMSh/rUUDWatYW0R0YfgApEzQaGEgnkxQFmIT1FBZ2tw32osi1YKXaCJDQgzg
nUwF9eh0er+RE9Y2GDwlhrWgQCyYYQpwsWGONMs42o3e1UGMg4Ft6NpxmcGMq621YHPzGJjvp4aK
HUXFvWkRyuRC1aGW1rIwZdAuzYWfRhDkMcV8k0zQZYH17fUAalW2pDSJws0qOtONzJIhJy6lTa+W
V/mR3YUGF9iZDTkeugkcnmZEfMjuECN6eXQZuiUOk7I13rpck++lelwUAlXwkAuFAQBzEXMUWz3G
si1D19rEa8/UpvdlMH+iorxiE7Eey2HsdlOMKy/zAFknDVqTY5jmFk39WIJCtZa5tx7llxaRnT2K
TPGr7DyTW7BV1uG2sAJZrJQ1VHf11AUoW4FemTRmWLk5JbUXPC6iYnHuYAyhvuNiFVgCJLbMiGh8
UzAsRSR0e22kXyXX7lXbSO5ci9484bNEPIY70r+42kh4QC2pwSOHupB0L6thbHCtcKUUUoMsNYHZ
YPtXIrR3lRhFejfhZNz3XpHOgFjC41hjvaK3K4Ixhgd1KfuWIAmngc/v9lrc4qWFc5KQfCyzmYT6
9HSDXtC0X1Qie4hYZF4nW2vQGKM3tvB/RJJrXVUssBXusg1h9rhVTGdCY1Oyw5OAgFLOwQQWPyFv
yJDSAbHiswUS2sLDN1TqRo7p1DrGk7RsDJIt7TarXCI/LF+sGdIXSYY3CWGnZeboMeNVTUfIKEr/
tIlQb7Hnr8VnaNDLjvqOC1bfopLc1GZvzb16XWUd3a1k1yWStJXiJFjvSZaqPgrwNbSkbZ0yzCGe
1JGlVdtPicYwBcskyYArhBMKkQmg9HMnN/Q55zouEdwuSEk7DWMAHLXNuiS0YzXgXU2H2eKUmJj9
dI0uOdYCG3Ia7oqiZJuiKM8QEWYZ268GQn3zzFfHSEzx8F7wHqh9n75LxmYxmp06q/FLnRGUg2l9
10JVNBVV99Wm/zSsetqXlrVbLNoVS6uDcf58aAe5xoEKqbAnGCQxPZaUPtp4SyTt2hc4Gw98Vi5T
BpuQAHgKyPx1ic1vUkG0UFkUy+8e/Qvuu/G+VNnKHvhJabmArxwXVAMnJUlik2j1B6aDETVd917K
KXMNsTqmUaNBAp4JDiIIjBgZ3L17rgJOqDQlBGs2ylUkWK5Ox1Ncg+1JQRObom9Wo2P1VE7NY91P
GvHCU0nqQfwd5SA7Ub5oHsWY/+jrBRc86Vgm+FsJuIorPs4SUI5rQLWBrpfN32ouosVEpU+rLqif
zF5yQTeW0QgOlvA4OaOWXUdAjJjas0Mh0mgL7n0lYkUzxeUq6yTP0ppdI5YeAfMf5OtitF0IQS6B
HeE6D1OoA3xbFuHcIi14FRmaTWn3Uc5Z5yTKBG9yyo1Ag5if7/RRpoWWx52ucH70CRZxxqPkdwvc
OTFWMG5J4adpRNCkKVSNNsXQavwRCQYhfu7BN730DRroCUlZIi2xp2uIQ6cxhaa4xJkfYR4MiTy/
4m6W4tjFrJa7QciglntjgfmQVDIxoosGzydsKaXt2ODXc5aMBryr83Nx2QrwJsgsr4AlifikS4XC
XK4ehxY+A9OGJ9l66UjmLvxkGZ6IG1xBHh44TnWJ2y+ZfRU2/VHLWHlJ+guYwk0giI8EQCFUIm6g
ILVgIPPwmQ8PEttV06OaJ2m1F/fRwrRW1EpYkMCNC2RpTb/odENbSbtMIgOxbLln8RBaeQZ0kEiF
X8YEZ2k87DJuS9ObJgmqQ8oUtFrrqZft7oi75538jO84qY+HhYvvGjaFSjpxqiXPJK/LOEp03i3F
TKRkQKGNeVR0sNdYiA9ESlEsSyxO6lIIOd2BdV66Zmwx37W+zXZoQaOynSSMZ9wtD3xxvNc6GjZh
6tCwjw1m+KQUKXkeYK1cugN+o1ixwxI0yPGbYY+PSg+1ZOH6is/7HsEnVbAVkiOreBN1TLwSAefM
/qlTLHE8LBZcmcpGCIpeY9YnMneZMY3CCGajEtLmaHlbHOYnztfhi9Ym33gab9ulz3eW2bE6TJWx
Thuj8oHSatJWxIvC0HpFbTspxibJXqoCGkOc9D+EJPxTWsCBpqfpsZirzyq5UQba/sfE1a0BZ/x4
gLBDUFccCBXNBR5JaLmXuQ05BRBAtwo8XfiIeqNPh6QiyMfSpieUgcZbhhSXytHgEaIEYXWVH5uh
hV83qOuDblt1JgU2Of6gZjDAcWkhPmoVFvbt2P5b2Ho1K1n25YB7aLa0OiRG2EeTpUWuGkXTscuT
cBzXwyrK+e5hwvubVyLDh75z6zaCOxilnpZFl7yFfE2s0k55jnc0DFFttezuemEwghNdfXpbY1x5
MQS5j6oCmWvsMMKPYAJxP5NQFVZYMTMj94dW7pTHgFCqhzu9LKzrUvAVDV3DclcKfGoxqcGMq4ZZ
1XEcxKz6aa1ELN+SyKULfoOaUYut/LM210ROpf9j7zyWHMeyLfsrZTl+KIMWg5yQAEFNumC4mMBc
QmuNr38LiMyKrOxqK+t5D4JB5XQ6CVxxzt5rO/OoD8uIZQkr4/AsQ5nEPEDaBcKOQkZhWIzlto7h
2EiC9yBWOEQm+sL8YYmUPCW6sunmlDW8FYISHlgW3lExmRBb9G4myt8MlJ/BVEJRz9jdEY0ocQak
sOhVYVU1Cu01OVlrmZk7emixoTWtRyhGnIQ6B6pBs7BnD3+RGWwwZxkfUxiiCUH43kKk28h6/4KD
quFLrKojfCeBxCQIFkU2bIQyos8hNMHdqL+b/j0Wh4KaFNS31nKMXn4VG5op/dw9Gp+Nnp1Lotev
BOESAEjUovrs5XhLsWDtxQadBxnGb41IUSiCGRDlkR3KPcsqElGcuiyfOeUoMHlg9RRRfamUtl9J
CsJTUc9kZO7iu6L3D1NFT6PRIZ3mSAFqSNQWxKukjz8DSMjXCam+nNMqy+d9rMYWTmINV/T+UcA4
YfaUQIZEOnpTaD5oFQ2RnubVSPHLV0LpbOSSncNls+sOqWZcDNnDpIjvZiEF7+xtPjUi0lJJf8ws
jaqmUn8yv72kOrUXrfFZZV3ysq22lDO1wR82fhm+qKKKLmvX9kyooYqZt24pqzE0HFMULmOGb5/c
nxAYoKv5LGIMWA2V0m+YumhNqPne6BOIUFL37slk4sooxXOP1cnoVR6u6w6WcSJtSFObNS3SW+JZ
t2yK8K8ky2BF88kbzuGQvJhS3bsTfNVjOcAcI8BTsvVQzBHklG9dr8Ji4izP4S86I1C9g2URZhmx
bsmnKtt0kndioIuI+LTUlU/cHGIo6bGwSvaG6SAg9cQUp7XPTF7hXTw0IG9N68EkGcDxJg/Vf1nf
zCyz9ZGotCEvsaXmyoPaMP5lklrZiU9GkyAKLhpVucD+5JlJyjxHjWdg7MsGsYI60umbtFL3VZ7p
WwPlgZIYresJLEJNnJyKlzEKpSJ+BFZJYpjjk2er1wWMKGaj7oi0BCHvF+s4i6ytwtpi7+fqR5gK
1iWMiuskYursZWXYgEwFrWXieEkzFvKq7ugRqeFg5chXpGdpZXB933uEJykD/5odYYm2F8SsUdN1
8J6UjLzeSUGk39HPCKK3qsiNq0k5ml3DuNI744eF+C7F6ofnRR0drRC+M7V1e93U2bkJF6OtPn0K
b05eoZXoC2VyLZQYUNT9demx7J6r9rmY5hvfgDDbB76x7b2Z1zuA0zPokWok0mLaYHFgCCiKPQEN
wigzYkjUr/ypkpGyDqCx2vbF94UfUW5oRImySw6K7Fkep3Qra/HB84h2H3vsh0o7iyybhkxffPxC
z0CaQxTbKvW1EkxQDH5KncMPtE392kJOq+qRbtLUY+rQK3gFdVszWQng7yS8PGI21bYWZvT2J8oR
AzPcOpKsZBvJouGUMp+qMIgfejsnkaXaiwV8PjKj4jXSB2KIhLNc6Ufm2mvPN/uj8LT9ICokmUP4
20c152A609qz54Fd8dar4MgIqBmyI0EeH36E9D3tGfwbbFlMJERN6R3zs15+JD65EaFkIi/OZ/LO
f74ajNVd38yGKk1L94Ol5dFlebpfGuZIo3reRHT9aLPxJ1JzedJ88etmWuowEZbbP68uP/4fH//1
41NX8b5+3TZMOoy9Kwn9N78ywCMBNXsBdC/XlosFyl3NJO1fN5dry33Lo7+e/Lf7/nZzeZ4Hbabo
PiTQhkSa6c7C9vbigr9mnP/En1eXe5fbkzLwkJBC+5AtYlDmd7JccHThuP11W5i8P2+TzkLtsLbD
ZyOdIK5OwtoCxiavVUqZe+KOJ/5KodmpXrpKCgij3kBQ4MKyTTtQdYEYaPsJFrdtmSxplptNOf3x
QDw/xdAhu3JQbX/9wPK05aZAUcjV++Cw3BVqqronjBonWyvGxNQqcHuW5y2PLBd5WtG6ZdN5H4UK
xm0YpNyc38bycCNr2i6XP0ZV1hAMWx3uVh2tQAhF7MDCAcrWTCsySpr5XsJcXBZ0f9WoeWgiGjRd
NVZrPSc8bLmQhwZBRJBXE/rGCYUI1Bkjbz4HAa1FZmpUPyMJiCQTuFrRMQvqmnYhkR0xsLFtOFOc
ohkUlS0H+HxzuS9Ne6TbrQEOtAJXm0sd9oblkc7PpMnxyDBMeqryv34uIWiX773V9x5wNLLB51dY
XrvwhZk8InSksII5/fX7fv6W5WV/Pmd5aGjopEh9hiv0X28q/tc7W569PPCX1/6/PvzrFQozql2r
rXe/nvuX35mTaBLG1SGRWADDzGL4M1NACgRQ2oFvPfQqwkVZwmdnjM0xpvQMTgp6RmeSkpMKIaXL
N8JtSc0uPboCebCD9J7tiMmrjkLb01WK6eOTItEFnRM1CQmO6FbKHJQXiBXSwIS3rhK/dTVI911J
I75KWOpXrFzYcWrssiEVCLpOTYyepeyx87QyZYAAA4Oos2rXo/ch6JQC6qai8GY9sgDLz3HPkGaV
ItJZkZzYJvbswu9KzEo067usQvhpshdRB6AGNQyPLP3qfIKvqwINFGsBu43Ha0uJzsYuj7pIzx8b
nQZCSRQuSh+wLlTJbBbd9Lsb/IpkRfm7cpAeZCO7sLyt10MiIkQIo23CFLztCLSBlgqDR2JfJpKx
DcwRP1feXhMpZzILvfY8SDSWWjqYkkKbrp3V4Am5ql0+jDZpHgPGNbTE2lQQ8YNBkrAq7QT3Y0Qo
aRZCdc3pLXrRJfCmZJ1OFhIaqfnU/Jigx6g0bNmSDnnQt8hPiZEn+nzvmxhARMN6ipFVNvRBiNeC
9Oq3KHoIGCLC+q0lgGdTZfW7aGziJGloNGp09OP4SuA0mmitQEMd4Nf1Fsxx6B1U7dXQlDc5bjHP
1hTT1FHaajra8SBHGJBfuhi5oZGUT7gMUjLv4JxUje+vSpM6qRSTZhlJ9QSQg/FBUPNhVxrsHXx6
sCS8VwejF870CaqueSxF1sUSO9Mmg2ECMHpNM/jcx9KxV0wN/VgbOY2Zn4SGQLRe8y6CrL5n5Vy3
5e0IHMIUR2RSEqMWZGCGMSb2sm8jCQ+J12Mc90vhFGTU0JjOYAoRUb7RE/nsQxlRxA6qbk05oEQC
AxdZXmex9Cw2ypceE6vmY67gR0+UAzhhgumaCvpDp1fDldqjDAbZiTUUYLpmWFsDHk1JMWQvqOKI
ayqOd5LJLiizhIPhPcRqp901ifytybj4w+RGYgAKMj1Dt6u+dLUILqWZnoKt4BPXJk5ytFXjWder
Nx80A+eNXy84JqlW1ybHxKe0iVNEjGpKKk00V1izKhktbSSwdWaINm0s2clj48PvquBHTnnL86zC
Jip7U/aA2zzquhsv9fZiHJIIl97kmchf8gkJZD9R6sy1m5Q3xyS10MARmmqraY+tTtW2nRKY26bw
TnVA0ImqZowjOXkYAwZzTFhD3b2USfUqFryDtEAEm3p3RS5d62Bg68fn3QlOp7EUVNrxU4p1gSgD
fAJyTQlPCCTUNOiwYpL77EjznoMQUfWUiTB1QP2voSqvm8A75ZNOrZfzA3qE8MF2DUWFuMugIK/8
9qCisOsx9tQVSCWG843SQ+MrhNRHU5uW76lO2aCGkGgrOvA9FX2bRGkP8Utcb4xJ7R/SpkJlGCGU
4bNFwNwEwpk1PQA/CdHtmB0aI/SvRsuc7NMWUtXQ3wyK9GqSiIgaJkN/Kce3UQ1bt47nuJjA0M5d
4H00lNBa4iLPhDX0h6HlfZVtdA2bAnwgSQ8buiac3UPXIYsZV1ZHZQqOveEA/91oEyjuwmj6xzbv
aVv2j2Vdi2hLgy9ZIbu3pFiwaTQ0v4MkS6zheVG6xGhciIlGs2NZ62oGpNdpA+8kkh2hu/AWZVuu
icCrWkof6lCXbgajkjY+SljyHw+Z3zeg81CTIuRwJwE4cR9hqoAGlMYojfVaS3eyAlhIE4ILZNEe
jdZMQqB7t/GArO8aktrLCV0YzaobyWuYmrq7vq6ntWxS+xgLYlU90Vf3hCd9RJBSKbRln0MEkrCv
SDguOvGHIJY1nzo8fUGDlFk240HUTIxtrbHpopYSfq5Q4FGMGQOaYbYoh4ehkdGDqyHVYsGe5GI6
NIhrEs1PT7PIjCPXyLvwGBdT6lRpeqROShjxIkAPIWZHEJ7H0qjctkH/3w9TvB8rvmhrqsGVh8Bp
is6jjDC8GDEakGQYLjF1+31f0FghUQZoBtF6ggKoXxzIREDwCi//JdFppot6dGonAX30iNVCl7Ew
iZWy9jWk8GM3HtsqSvblZuzTO3KrGFMz6w1sMMX8BouvXv2ITTFEM1M86DS1simEIqozM6eC8anP
p6ou08KJ02PVcwJRs2O1Nw3vnliee3EsgObw10c43iURS7aZYkEug0eSuTQJqS75k+hy0hIhAhRQ
Xg6gtw7cjjYzNqj5vuWBiZzZTWmoj3nd+OSYa89hAtkwInpn384Em36+kPoYM4Wf3QIhCPZBWln7
UR2eAwFQRZ0p415itYe8hItK0HxHS5ETROigSF3OpF1pkbg0Vw8JLHSHOZhHNNgclOwjzTqXXFJl
uWu+kP91bbn58y3OP1CHIY05Z7mja2SWc8P8zs1eehTiBMiP0Yu2ibccXeRTOjQzXzxzWT5OFJzG
uNmbsslVGumEz+iZYkuWAICkstwMJmJavSg+2n/JQue5LOmXC9XkUJDni+UmWHYq6GzYbLWp2n3s
vfpqC2J7eVNKXffEC471XTAf4bHKfNBE8bTS55xCbd5ElDLokny+WK797T6y8Jg3dQxGlRxRnFyi
jYSCJa2vtKgvY4In2pYNXTZ/l78u6nmN2oaavxbpOK/VkmbnVprJrAsi1Y999iyZ6A51AythvogM
DSnTcjucoaxTSTXGSpStLnQxunqjK1C8QGZNq/uuMaWdbkAsMueLKUHIKzRlsu7J8YJUBSx23xa4
zqpcOwVGzgChy/J+bHNlv1yrREHeF72eU8ygFOvPjNgSWjhrMY0tB7eW97Bc09nq2rqKhCsIj2Rz
S/umNqU9OvYu0L2dVkIzkWNEvz4h2zLlSnXcBco9bZF8n0lm6QaRCZStfpl61nns9dI1bYOSrzAX
bc8XsOwYtbIvZEnZ1wrE+5Y5FAw86gNDZqic0cmwLi0DXP/ME0s8aAoFgtKCbt1Yq+RkdOxl6GNe
C88LXYloUUrcbHkdska/+3kfs1y08zWp9xDTTwqFoT8xuQbBhQRpUhBZOPJZJ2FfEpjQoHoVFkLc
KEThzAX11V3eTJI70B/dT/PF8vkvNxVKiklKMYeP2wegN38HrNz+uLAGGComWoH1ZBHVZiRsiORA
QVTau3mL4qVkwWvNIOFfB+Byc4zwlOfj5NltbT4oSv9SFHjqumnWSkZTVG8CcXhXsMcz7hu7figO
/5OqXR2ojTCcZWCEk7WjuAN802fmpWYNfDJ2CaGIHQN3mPg6fQZsICLKhA7yaniOjvVYvguP+YHW
lIhIFaX2vBaEuRyxIF7jaDKOwW16AS/2OVzoWHi34DFF6+EaI4TTdfoNRHE+KQeXsicdxAJfEq0A
EnZVAmpYuNMsp8a6aZ6zGTgGgmTDoD49wJOuekCvm1Z0oToG3Va8ny7NR87NEdkggWcOgUslPcAX
mdNXIlbUbp75VTq9OORf1Uq8x4xGkzDFDY7wRj+G7xK7GOypFj80IWfAbywc8E41kcPKuRpcHCGy
SnDAB2IYYDUFoNFH6eUOgJUTXgmZ1FfYjBFaPApUSoUNtvNoBk2Zx/HDv8pH1GmACxz8sRAJElqv
nwXTGQl3D/qndpYfhFdl7z1Qj2etV2PHUmDvkrt2ZM3AsCK/RE/jxfsc8IY/9TCwG9c/SuFOxcDf
rnsGbZ2N5EYtCXxeg+vvj8Bnp4JN9yp/5jjAAT/RnaBrdEwO0TuOy4JgEUdSNwRrqHCUEvQWGHsB
PLTCihhFAwUKFTViUq6sxBg3kMRbd0fUFu7w7pcr7f7LajbNiFT+OOLzNksmw61abi3jQUjcv+Da
rz9Z5//I2vSah1lT//6bbEJnZ104+nm2+/z9N4QnoiaynNAME2mqpGk6j3+83YdIZ37/Tfqfohz6
KFEkjJrivhCQrDjxt3DIt/F7u/fvoZwm6BY2oncNDXtMXcqKxtE8TR8cIaxr0eglM9tl1G1iAT2W
TeSTzZzUyHcDc+dlV5idfQFD1VYEV7AIqDVZN7gykr9niCYoA39M39D9NukmfYHCccIDui1+dHfR
ffpY/GioOKxlu/qKyFgyn5M3FYOL252TPXM/OkyRAxZj/VZxRzoSrnHHYIbWgPQL5lmGgBW+fQVj
0+gSCazanB1rMG8oSycVd1TzwziBYR6oZh/1zrHazVfVfeqP6REcb/CNMQFDg/GNA4pgD/3ALs0G
mPYSvSOGFAmUQ1q86h9oLDyWfOlYbWAV8whnNbwGAVk/UrIdhlnvqN1xyDa0H+8Rm5VPSCzMc745
Y5TAq0ttOOHz2yOJejFCFtnb5B2t/ka4U35AwdxYjv81vROs5ihu+JjMnEb52STo89juxG3gqmd8
oWQMF2vsUw7W++YODCCC5/QphyyC6wVlk4PcGXMk56mBG+A9ctbhLtPAta44w8bLjAB4VMT1F2Cy
0HBYHdjNOrS3wCyBfdLBDjAQHtrZeHHApwBO3ZFI9gTkw0rnSIkcuvhMb+CwRcZ3Hm1WGbZQbiEy
7PgT/Y1ylT7Jly+3wxtbcN4qE7ir7cuX8WC9sK90WbltWJtvBRxD9gxaOL9orygJUYg6+8g1nf9y
5Iv/6cDXZVFSdUO3LFn99wMfkH2Nokvuz7LZnfEsER7NGMPhdTOsZ3lWmJIAYmev2GZQNmE0uuFI
qmfi96xV/i9vhiCE/+MslFQVxbOokn3w97NQi5pBr6yuP4cytUL+ETIaZM7IRwSiDYcN84eNz44s
a/ZV/qVoLj4NXGyWN/wj4WV5O/8/7+K/5l2QHvSXb85+a97+8ZU1YTOe39Kv339DPhRmeVj/e+TF
8kN/RF6Yxj9VS1cU4itEXdZ++zPvwpL+qYm6pnO3qVvkrTLOZnnVBL//psrzQ9yvSrqhcgAYv/3j
j8QLRf+npRuGyY/o8vKK/y+JF5op/W20Z2UuG4rFiG+plLlYsv37QR/qoRolUh0A/rrVuWURBTRD
z2o0Mc+jWiGdS1Wy1kM2kWwPVSwTek1xRjQ3ahx+6kPxPZWNMGuOS8SUeA18EMF9aF3Hukv3NPgs
tpRIKAV2QqhUjqZcw/oNW0h6PlmZkfaDnB9T+vCV3ngYSu1IBDfABs2Y7vt6QsKcMsBTifCuWjsi
xgDCmpZJs9FLWGBVNdJFnojhUGrE08lznxclCy7WN518HJJYdLIqcaU+erJGuP+x6cPwTQqWsZpa
OgRtvwmI0RmzQgQWhaYd6yj5YY7+dBCVHcloBMbRCmxk2IxIgJ57fS+0zM5jllVXsr/Wo6ZYeNSm
Xeox/dD1BS2gMHqTJbrvk3aml9TKtclMD9gKwEYPPac2zsFi2EBjK6qexAF7EimfWCaUQHSVgk5j
qyns4+GaTCQqmQizz8tFo8s71EWjE4vIOIAEWYncb8aW6SGmdgW+ICK6MWJahcSKfTcU7lU0uWeN
31dXxeRqUn8oKlgg4cj+T5o8h4ztHN09eQB0Rwu4GS1aASgwI0GWhNyPX1U/7kRL6Z2kZilgJrmr
58NFnVvFCXx7ZDbDtUo6YxX1wnrocpogncDOPcLNHqNDpipg7SfqO6FPmQi4T1HUj2k/AyIHYD8Z
jcaQ7f8m0DEXKn1OcoB1YSsjV5kCGInWbppTQ1E1nezKFBFsM5l8g6yOtSh9CgP/YiZBZ+cEHA2C
8SzCRSKGXb0TejARLLjngp2nXHWZwTszzFdPC3oA2gJgnqQAT2+ETpmz9EzxuOwVqweloxcJdlCh
PsU50hu0SnaG2acZQriBbQOjaNCTnxf8adoYJA9dmFBYYUNcEyZb+MXFl7MXerCEWRAcqsmERggm
fd3eK7ZpaYZbM6QxqhAph2mzza95x0LAqJEEa1B3alxCJH9hChWle0OvMH1MzcWEgkgKe3giH29T
+4qElYK+QiNQGDNG/0yrbifEMWAYJTffY5ZXdLOOaaHXkKup9yHY8pnHbaWUd5gYoi/dDE6ZJ72r
QY7iz2NJLuDiuZQVntYS/RCFvdGeREgTDfXNdauTUikOiEV1a5+RDUUXOXKGlrpR10gfZkoEmUDX
WYw1SpZDshUsC8Gd0DKTW3jLJ0ARJJrV61zNpXXvJR0mGqjoYTfFztRQ0VOjahOPunY0pbjBNxhA
3AWHMPqEAAfop6xu3xPdME3yh1bFj3nbCDA1wYlPlUjxqjCfInJ5+Tq9eB2o5s6MAhBN5cSSR8pg
NbH6Hov8KvZAtTIFLH4egk2OKWbk8055NAwXkSk9Q6dEkCuFKTD5EAVdyvceC5dAp/ddjP2tyzOK
oxUWYKHmT9RDWOkEL+iyAuJR6t9lJf8hU8hCRtZs2ZsjqlTxn+rCMBs6y/rM/vqsgFghvzRAZaxq
cKT6GL0vXaZ0HZjvVfBiqPqw+dJTGOW9/JmhBKJDt1KvTZNdkqEgTq8un0dzInXB7LD4TnG+QalS
rLw8GFZdnbF9opugZZTyxSz5Lv3+gcJeiSrCTks24yXbV9MbQBa3A8UnNi2tErwnSND48OL3Kil3
foEMQW76b7oPoU1C/UeTAEFF3oX8rRooe7EcIuKO3Vg5R4OGmdtaBrKPFMJdzk41CiRkJ94Dsdbf
JJ7yU+pILUMCATnl1TWbJlfoy2tiPQYmO7VAm54sVUAynHjI9+VtyfE21u1ZL+pbmJSv2RBe68RD
i64LPkUY2pbFRHSAZ7avKerGfQHFwtTkkfIDMr6OIoZjykAuDDpeAzGXajCJdtbtG0C2KTurtio+
s6+g969JkAx7eRTPeqNxIg/KIUrNk0y4T5CiBVZRS0aBJgOz77AgFrjsDJFiuW4qT7KXvCaJF5Kn
M34Wobgr+vFlLKhvl53y7McFAOkyfBpE6RwEreZKz4XYxwD+fRJyVGzZaYgOvwwNMHB6/RSCXfZa
r2eniRegFFEmKvX0MGXdN4pb8oKjteJ5d5okIsuVkX3J3/kUEKXZWwSsNFF+sWrfIJNiorASwLc0
n2XSfo+5Qc+Kc93aDAEwKbSkF9E6mw3Gb11GIywQCtIV1ScSRoIwo6hyyMplAGydUEb42IXmWxiG
p06iOC55aNwZW25CVT/IPTOrFzVfqlYdzCqi3WUIm8HyL76298o5Wi9j5I6w/R0CYdr2WQUuQTY9
gHbiAZ0aj3F+FHEKOGrkTYbfYa29qe1crwjVW0mUMhEDtZNanbyrUxpZ1nMkqvejX6qkPIPp7EaS
0oXwgaHHrHn1Wi8B4jNvoME+ZNZ0G40cGADO8XrUL1ZvvmlC90MX8aop6pfJDLSRE7ir1Abp/aCa
HLGNK4JdxGNlC7K0S4ilJ19VemUZke/a6MkI2U2S0eA7WWnE+Ljll9TrijNvD5qTQgK4wcSBSOBo
KPgrEaSgLZnH8L4dbyonho05gPTjT07VaScEPXOxClqHr3hMZZYypeFaVU8aBXQOVksH+tvs/Lvs
q1eSnVWyuW3DDlmnLj7XnkbYEQpOv1A/yuHOKxXdnnT8t23KhiBkFeXXWnBoDYp9k24ci3byVxrh
PcFlnFS2Fr4Ipklh6IqkrzZlKi2wbcFQVaTAKULax2prrIMyfZet5NJoygkx5LvcaK9+/WPoUNOG
kptBAkbZD7fafPTiLc3wW4cJz2ln2qtusOEHaC42m5j1xxSnJ6NC0NBXb9OI+7Ucrlai3kulf6IG
+SmX+q4Gnio3FDXJq2i14kka2eDqHGJiiWCiFLYcjZtCnAIXR0jn0mnJMMGb71n73QQQ2fKafVHa
V6DLkvxj8PZj/IEayg1idPqSbzzXGX09X/vEbAWi0DO+Qoh4fSeQW9OBH4yo/ySa9UJ92aN9yidG
O6moCm3ba4JPFzu7jkljrAXPeA2z4pAp9BpZIJz8QqNDE1vmmk8pp0oqXwJszzVLPw7Ytdy9T2CC
aerdGZX/7nfNTY+EvTmvK8VS2UOkVLBVSBzWIbkEZcDOGnILfxNaOkwrUySrhEIKu5wRPBfASQnB
JkyfhSKGsdaiUMQUaW7zbrQloK8eJqahnw60th9owIMG9sVbI829jZShZUjFx3asdqWp7+J+hkYM
T1MKyYzFqbc1ceeCM5NpSFKPm3QN3G1juVT/4bJZPUGescW3yk4AMI7O+tYUEQxA5fQC6SmpBGTc
HdRCS4Wh0LmNKr9acXOKfOHdCMx7jSQ2dISg1vu5ODsh5ZhB9gVGoTo3t1P8IMcEgyi69ihVpDX3
JL94HaGtdSS5TcLXT4N6m6lg3mMGOjWEDxaiKNSxWEE9i3pgUBQ6otp3OWRCciDmSUaMCOMTdET6
ZQ+KYrmqmS0BKvgSUP/wsOkL5R+PLLfDsgxss8U2tTx7uVgekPnsYXnOr/brYnnk101DJlpFGsPt
3+7/y69fnry8sb89J46jgyK3mUubr5Gc5XnMsLgmlquM+3hLf/2qUpO2ptIHLNZJBsrbh9yAMLy8
8HIhWSKsofkv/HVBS+2vN1tML/sS96/njZS/zLd0+R3Ls9R/f+rP+9S9yDqVbTKl+1qlS9HOF1Pa
4rILZ8iLJ1LYWe5cnrNcaBXdFeobRBPrj3kwwXj+95//dbOLKYi2DUKjMmEdAUDyz18k5XrslnxC
iwhv0dcFJd0Iae4dLPcZ3RCv+wStdTyE3qam5/QzMWIJiwjSge7OcrUV/GsGjiRt3bIPjsKpVs/M
VpN2Yj8RRTfMDzooiJXnMFPvAVAML/2d8kAh6kIcOuC4AysX2uy31M2IuH2anliRAqDPP9CT4TFa
s5Leh48SdG5sdeYRT2VEx4Fd0Bog0Fd0sc6wACcg10Nh3CWP5lUZptUHdUqCBKrxiCU2XdNZF1cd
LKh+035x/rJXgW8nQyp5RXtGYpwOG2AbvvUMPKkjpq5ODMUeMAxXm4+MmB6AKiOGQzvvXqFLUggN
mFps5b0+eXCo1rWrPDGU4D7YkISFJGjl/Sge4wPeQyK2QC3in6PGT94fbkmmtFPiYm6SHhHaBTRg
cNSojk7pjLSKa3Ixr4ALw3IVu027EXHO+Gxmg0u6z+/9ZpPfzzw64DtIXo8Z/gcc6DtZfoYmPKAz
MUeo7icuJWNlghr7wj896fQkeJlu2LHv0fehm7oU92thS9meLSteSmhcVbxnHCWED1WLQnRBzrKu
JduAWX2tPhLUrT4O95F4E96uCLQaz562GrT/Q/KQvjJAJ9dwJW3zdULyX3lH0OEKBTH+bdOmi7SS
WeSu6GS8WZtnw7qA6gH/4UFNhF+JWaa1YR42Irkd4PlklGYg8tZsMW2cKdEb9JAtodbP6qVwPtiY
+kfr1PT2+JxhQ32llX8EZqrdPQE9vQApPlI8HagAI/pRFZvt4Srx1le4hdXWtK8Yl7h7pWJv5W8k
bmOtXr1PcwfZ30b2C87R3EHzdfVreNJ3+mf2zv8kOH1VTzh/38MbdkXvU2g3zZOKETpaeVffoeGz
YvnFB6BsoZOnrwHW2D2ZVLr9JV6zJxAWV2bFnPCJneDgHWczaoev3suHdTOv5hUF2SyydAZ15/l7
Cy+hDA7yShGJVDJjgz48Wbm0USiW+05+I0rjtRHWGzG2Ffs1P1/8+2cNUTGNv/XBgP1xIU0vIQlK
2+pA1ilZeysqsibsqvWwpv/qgmjDSX+jmn7+Uu7vw24nrL8acKfvBUS83I4uIRStNYD19vYY2WDN
pcNEiORqXovcDYGbYFiwU86lbE01p+5BYcaQPkvhi6CJy0hQY4E7YEWsyK1HiHcg26B0ibUb+KTy
U2IPJIFtoOs2FJNeUSf9eS8FjY2/B7jRwZHI7sl8EBEtKJENHWnl7ycg9zdeN7qUbvmF14djmbAU
pGRZbw/r4kd9ZIciY+h2qbNQ6yGokYPt4xQdhw3p7BsMJSFxLdUFranCEDJezNMA8ZyYry0CtHWw
+VKJpoBlB1Y4hALt/DxSvuK1a60T9qgrY7Srp4/Yrbb0JR6p+TB/EyZATE66TqHq2SOkiJNwxu8j
rGjnUbWbT2e+TI6yA2Zyn0gN4gO/dhIP9ze6l/S8skuRnTx/Z1Dj2PvpQdxrH7SsBjJGpjvMfd62
BTesb4dyF56Dqw//1Vjnp2Hlv1IkoTfxRONgRYfsNXTiPRrCcM8+J79jwcQnl7sIDbv0boMWyXhH
JBs74mnaBcFhk5PGBZ7u/JoXV/mu/c5AKIyXStiQHFlu4YDr6F4sPrXcWpdv9Tm8p/2KjRGuXPUq
f8Z0jqQfrHQpZZWdE7rUJydbKmCwwtAlIGc6whO11LfuU5sDj04lpjaik1avGNShNn+H4iVSVu/0
FHV6l1CntXIT34iFeYJZDvnYFmZ/VbbDsEolqlkFF8DTxAwUdvqVu5WwZm2FOeEr03YTZFca5eYq
dIDWnjhYcpdPxfH3CCbHW/Dc3vVuZ1z4dKYDwNp1PGcumLYxrdgbyRmcrw3KR16fIx0Pl9q95CeJ
rwhi6HPc2RkARcw6q3TPWYgfAaTVdOQcCR0xu1e2UOduko1WQjWPDbqp+4h6DUB49P7YxdHgu/AT
Br76/gsv0Ar8PTEdyjuTJVNguR4OOLEYHDB056+AKOB1+A6fQen6dwQaJZvhfWSlim6PtBymP+zt
83dPqSZ/S/cToS2gasRPBUwJB8op2HRbdT72ChpY7Q/CSrz5aw9Z4kXyPYXL5PGVuEygTHdLsu3l
nrcofsHkXfXzH31i6Bm8XRhsOd92Ed2zHdmWvg2NeAvfdvnn92TH0tQ5+M6mvg3inLSE9dqJz+g+
195ddoWffSPZNFC3yP74JEgZ6PM11IxBd5MPEZ63+TWpF43FLnkAvAO0twj2WIADvcX2icc4XkeC
C9u3v6VfzAwMI08gGmZCDr4hmpAXjnOmN+9/2TuP5da1NM2+S8+RAW8GPSFhCBqRFCk7QcjCe4+n
7wVlZWdFDbqj5hVx41xRhgQ2tvnt+vb1RnSoAd4xrZJv81cH8k0BcsMZ5TKFWtZK7XFAuZyk3OC0
QYoDrSM6SGFcfco/1CuxnWfWlwHQUd4GxOdIiyY32rUX7RzvfZWDyKU4FgWrPf/u9dpDO3UDzoMa
HHjEyNOKyJZdFz/+0XqoZ21Fiv+hotqM2rToblFBwBx4SO843p/di/jEQv2JbPQIwr1yqN8RSdqy
ebJnUMVPV+encRih24YbNzz0H6sMK8vgNfwI3oUDXcKH0AWcyQhuB5cjdl+2F4j6ROWzi/wRHkio
TkRAkLV2/jYmm83JngyXjrLs+QIrhIacDQ22JMseeDjtE+QchhD85/oQYfpzv4mNNChryRuIGqFT
Ya7F9g6749oLsukoZPigPHphr0Opz0W3KaHRf0vxyoFKxS1Og7DS9zGHlvKdigsMnrXuIt/N+UUd
sgPaD7aA1EJm68ERVrOMEB0qOf3NML1qvNF3AnOWQgjRD3m0euJr6iEhrfsIHWr745n6VtgdbNEj
GwyN0LJAWKO36cBDBqLEI1eoHNj07805chPrUu0Mxwtcoll24FKSuGWWPyp2TE2KM14n1AHOYf2J
CFz+VQv3Jgu307eCNykr1kmg3EvcU2YooMNnhBepr6hqyh06iZYSvQXmco7SA43ZFINQh7HrjI+M
ukfsPRT9JBqSlrtaZY7oU4nNcUWYajJuhDi14EjuWIU74QnFl3xv5i3QckrtZMorzbX+NzgFO2tA
m4VIAuVNe7YdaYcswjkh9b5TPtnbOE8wpCWg/GxtLP+eJ5dfabtsLBdzpX6izbeeCIz5GKosvDM7
T0QX1b7/ATT+RLM5ndAVGwdcbwRLSAKxeTy2qq091vTlsW9roPWxIJ2v5TAEpGNW6ag2tSXNG1ZF
E2dB1pilzXGFpgkWd4dKJCi8bXNbql3lqj/qj1DtAO7+jJ5iYka8VWfWufGSOp0vIsTnEzGRQfxw
PcuG6Momf5SA41Am2jkEiRt4bZKXNkSgNxMh6JDWOvaKLTrEMbsYKx42H3UqVCZh78iQMMhFEAki
WV/4MqtVnvaTeiaksmTUErvCY5A8hEgNntJ34zVAbFN9mAaX4Ru+aRX853iw91EE1qeOyjV7nAlV
6TPa2VnA8UDTDMUVTBfCj+Lo1yrtBgzclrqgVHBY/n36DK44cVnPM4QI7qXe3NVxp4VHjWqGrX6a
96Iz9Ci+HMv0Mh1oCUMUFbmVep9nNOP8COoxiZ28sN9jcStIjohZhGoUgIoNei2cz6/UdfUPzWV+
AlU1yq5YPg7ofsFWTG2CKuJTG+8gEPRcgY6R5iv6SWlvs/AcTG9mvC0hHmMzQIB978QNFuFLR4QZ
E5w2yHYrU69Ea4LlGkhn1g4GxuyF/RkDdTlQvcKc184EGg1UFlYRNPRcbDR86lOwjh5TqXzKbkJ6
J6mzn2vgOT4yU5wE4yVzEfYpkU3ACaMmu7Kl3VDtmvyqR/sJdmFwzxIwCrhw28KeSLrB8Gc3Q198
1aspP9eaYzGjP8DNlEsvnTFnVsE/pOzBK/2YP0gJ0x2PInAyu5bh1aqbQonJynsEHCUS3Aq1p2Ar
Vo7K0JxJ0oYghQz2ti1iDQoEhxSU8M7ID3UIHtee+l/8BIgJ5o1YCE3mhBopKyBHBwx31Ah+20Vi
ixWsUTewHISC4SlN9PgaNiz98zr90LAB/VJYHumYNLe1ryp6TPzC2EmuTrFKcpwB52OEcY5oNpme
+RoiqhsdCUejzA0/I6WtnNZE2AWPeQpFAodEAO8hDltsRP5LMhoxsbV5AMsn1iBSXzraMJzLdXpB
LAeZJ2jyA43d6QH5H0P9MI1LQ5W6uOfIlmQ4CJ/ju0ps67Oi+wxf5odTSda2PzI4QZTz+p14QQ+D
5NcRGBe7V8ij2hP5Rh8dNgJtGok7Ki7HNKljyCpqvJuxl4Unze1yF413HWreSyM5efQdULz1w5FE
/V7px9Odi2bPocZbqfYhsRCOIgwm9rolu06Aae8cD5xPm+7MukEakxS2e0b2Cvu1Jh7uYnd0N6Dh
7OhI0D+EH+lHd3yv/HLzXn0ryMx9UTGm01O57b4rlR0cUTyk5T5iNqb5xEN4MbBpmKLPhAXaTXPB
l93Fp/yawN4kxk5kFvfuQ7gh1T7ddAbpQ7GH86Q7yRdmF2J4HGPG8V7Bm7dpVKmfTL/5HF7YSwsb
bS7mnsQknhqvRUHcIZtEFhkrlX+Lc35K99zQprtpuzV4ALPRXQ9eou6fieCy3eDppWjQFNVufJy+
+2aLSRPLA/rCO/ruNYIRzOraydv3iVlZwVp0LZm4h+lMdH0wM9t1QIlK8IpqOdWPzWNKPvcCwXg8
rQfJdGNt8Ul47l79xDZWXnuPBQc74Az2wWTPOhY3Fi8rMnPJlRMvYE+f2IM2MubTuEOpmiS4Lx0B
tDHL5h+q97/ppKD2B0mzwKYXFGknl1jUr/gkXVnufEqO03Dp6MD6pjIp/4mv+dU4lJ7hYN7pp7/r
CYdz8iU6yxGJtNVtxsivEDs8B/25SN4WY9+i7zXie9N/iCaHmTyUhBAwi9eEaf+kYFBZL8krPrnh
IsSn7eQfAkzCZ+oE+ZdR2f1VdrB02CALZIxtnkMxXZha3RlPVXrBvNS33RsQNTreFPcs+jxxw2vO
xEr+1NSW2F3V7bBoGRzao+Ot9EXgKG5bbFGC1WT0swDHhd5t01073ShJetffWnTwSPCx/1HgecJo
0qz7jwER1pGfptHFaR8UUFk2YBdPsqlFLX3cDDFFNv7c6Oc4/wVw88KHd6NrMaM5juu1LCTpnLXW
NHTEu+CW1KdxVGvImoQIoD6OqHu66EU00QZrVlUugBDFN53Yh34Bbdb+MIH8wOMeZKgOW7YsVHgW
f7DTj+bYyJvqDphE+Frl0JVtTuHC4NDmcEEreVa3AZGX2g6PKIK91F8QQI7jPToEL83TyIGJ0wk7
jYZocxNdt7Cebo3xQsU0tOCPaQ90gXDiJnftcraB3sAmR7rO5rCv6U74CH4RdrOO9IdJFYTaTRrf
RnqJdZuVWOr32LINKMbDsRpexw/OMz7mPfc0bKHu7aX6zZHq04g34bOpwm/VklTdpu/Z7V4ihXJs
r1gj/TuqcX25leXDCmVGorXcUXFBmLHDjiU60P7M7SaiXm1D59oCCvFHOXjWI7b5IXfwMMmL2j0x
THmVcnV5kGL6ED7Mo4+s0CwfKItMliOlIrKLM8HxXNywBfJ3efbuBtkwZipSEKtDhxG27tOoNBMH
WYMdPwkMaxfRnNOcenxXlA8Cc2jyBRIa7UlciDU7ybFNWyZ3bjxVgTOqF/BB1Qsx3wpwChsPdqjZ
HvJnsztPzSNP/SSSAO4P6cCtnq0GSyD7LDkIamJwSVhRN3zIjaM4vxKhK3R6KY5BQWPRJ/8RkbEo
wVn/96AEB5CxtOs/WcZ1ag/6aofq8QVAzw7xszuNvmb0neX2IBz4jJ6Ivxf8Fmdm/RexEUv1ph0a
LCYiLIHNhnbEx1/jIxADdgEwZDZW2jlRUXs0ggN9fgreFe3+b8TpMOGhJL9g8eItEbCs9ojXUVNP
umdTPwUd4fNt99K98L814rbTXqzHuniEV32g115/64UdjtcD8x7NldQb6D1xupeB7WepHMwwdo0z
noZZfIgj+DA0CAtuwJ6yEzsqH0P4Gq+NxRyxq2P+QsrfJe5Kk6NvFT0Gp/vEuaTEkRKe/owc3hrQ
lQ8oMyIHhvP5IjxwDJU2m6pOxQmJH4woZIfCXU7UxpMRiIGEOrjTbh2Qd66oHdlISYTR+bl60ZyI
VIcBUaLr828HzE9stzd89eoGufdP5PKT0RpesLXY1qgWBpC3zj42PezS4K1/ir5wXbCLieWyQdJo
U7nGTk4OOBaHH/B7wVus3jAxE4J+5IRa8o+f7G7Tay55A7+jQ5E6UNKPXDd9eTeCGiytVUEn89vw
BGmmH3cSp/SLRE/dp0QSGwwpoZlAclPPx7XfTDG1Ip6ooioqUlWMF3ZIDWuT3Onli1Mku88tihMP
DHJcoz3jhCrNEE5/Gp9UZ95D48Cudllkymd3o5bsSMCjJlqDAWq+Yd2DU+VLov+4QpgUEjErbASk
+NLnEF+Rqg4HY0RSdlJy7lc5OWjhv8gXYlGl+paQO91mowO5p/YwS6iMALw2EFX6GbUXmmKptAr3
if8q3IiJsmV4abQnpMRl8YCQfhl/QsI5vyu1tKZsunTRacKsQueOEaUwJcVFSvc4ScHbPJ6Ul+Kc
OpxtbwybmLwE2Fn43yYRmhRKBeLVnxMquTHAYp+tYcUtPU2fvBPbCgQx4lKc8GN/zqieuus4tVsT
JEh5VD5V+SCzwSHgS1XstM7A9BlZShyb4JSkZ0PzeLOsBSL7IDMy+BY3ZTfc8mcyydB+0Xp+hhj/
zu9X4RFiS/cJjcO6wa9iEZNld6izOzHBiTSZHD5lRUTRYUDYuxAMJdiDo766I9RujI5lbkB/okAq
ps9a84JaKqk2kqH4r+md3yWwU2NcgI7XIDJ6PI1BI7nkTISEcKuRnjQuEDX4gr8b4Yja044OEDyJ
kWFqPN7KKnzEEUvthewMOt/WWyn8dlTHQOMkwhTvibVP+nthuXq4q1Qfy7lVDrn2IrD1c80Cap6N
N4e7rPEmcV4nT7x6HmzZuNarhqU9MisLcr8OzwGhrO68DLhtTiRAbLI52rMbhgnYDeWvBp2r51p5
Z75QJOYz8XSebk2AtF7HhvvtlCc+kJ2M8ajYUqY7P82RGNHsQnaIJvI1Llf5JE5bVbonCHap0HBS
JGm3ZfRdTd8Maj++8ed8zuquAIPYgOLCzlIODCt3xH3RxI006gxYStlxSRL5elJg/HihvGbN5xjD
hbOQEWe8VNqbLTeh642SffwrCIK2AYWqJ9iDX1zxFAlRvjM7eU+AZZx7tDOV4it3nRFsrNNnwv68
4PKJrCMKF0C+djOZuDU7JScfLrUEH5JspoaAHFHNteuYvBwd1/mVVn8sRx4q5zyjCkNAIKBBVTkr
now3pS0wZulAANAhO8wt+nitABI9lMP1EbErMJUCjR3uKrQ3Wn68+t1Co8NFa8ylPmEod6LwqxK2
P5mgOomhDS5xEkKVvemsk9Z0dOmVucJLQq7Ic61Wwt8n8wl03XMJyHoS01A33BlzEvekUlZ1VPZq
LpR7nakIgoWfohPvM/x8PAd/gQ7fnmHl78mMrw8UaVK0YJnL8YrF5XaY9IrDVbGI+Am/wuMYvSki
NbzeNneLUjSXBsCQoWMIuEY4Cdz/AsItXPW2+SOul0mwPiRQSj0SdxEpJB4gPiiik2v6RpzbY7DH
2QDNymbEbTIdzN6eT+M7HzzcyBIIeEwun8vt8N/S3nhDnTCP9sDjIS6c4jWrKhLIZ1aFpvos+Vw5
dJrfkxXQoAKTBBZt6t94iLzZujDiLQu11pC5I1l3Nw4q/o/p8mBZIHwGv8hj5w65zRUCZA+6V19D
GS0BokPOggwaZZJr/oAyUKxfG/AmmtOStcur7RK4E1ldy5buenYgeCKkBBNuzHk+PKDqWaCU05mN
S9JtUZgDVMT9jEwl7MGdsRx5DPwu/aTrXKQwhfAzqBKcU0pfibhj7jBXKet8Gn+0BgjUqjjMVfB7
PAbJhIBCAzgE2U2z6ou7lvLEH0TicbSO5OuYHzzKie6M3Kslj08i5x5lGNx71Ip5n9yxDuO6+gzc
Pq6Ky16OJDZYFmm17foDk6y79I8kSMMGgUcbNHp3p3GSqEfVgSfFbKFKxyPFBssaJd7CVqIPmom5
OtaxFjlYjlPv0pwiWtsql2hi8R8Xy2Y7sfrr0L0llIm19LDSJ6yeKGkTZRdKUyufILJGi0vTayn6
pMaRgaNiLJWcUHNF7YVnzGUOwZ21Z7Q3XnK7awUX+j7xDrs8kHbGsGkEWxqYt6S51oGlI5gSHdnB
eaLCcUFNfB3+DfLuhQPXmjlp1k/q5P9zhCnYFrodNZWMD1B6fOG02Y7Ap54nn1o37mxGLpRoMNRr
FSqix4Ir1qzTtrkgC2dCAbYhTpTpTpJtZiE1BQCjZcFhwNBsRx2QR8dArYxh2n8WN6Pgk4FlB+J1
ozmrI1U4FdedUCYOWWvPmEIEZCn/c0G20Ac3LjG5b+6P58q0DMjbqWt8cswO1md9DbgnHCcmY7xn
YHHzuCTufy0IMigu2ka6ExDM34Tl6ptSHxnDAMufluXAx6+TYCCUuQVMZMKmpqEq8FSinHhlGzIX
MrpOFm3JhNQ2/TBvRqveeuyeWwjOOfTI8THWX1mM1iH6oko1f1znK9RRnFTTB/2eFO8rfJQjL8XN
2Kh4beV4Ty2a/o/iBPxUeBGp8fxbdqbq6sM60jBe2MmI8tGI3niYFkpLKZxdMccKcLQeuABUWtYB
12FEbCtE6J8jfAf2csq7yDBSPWXPLIr5MChXSvrrO3E2KjksE4QlygkFEaKrkQUey2BdPyrqodQX
2hXldxc6pcv+yDd41HV9aGAPDrZF4pwalofgmREV5ROVXQmRe9lmBZTsIQixtjtdo/9h15if67xW
rjxLAq0iCVHSnjXNXwTqgTQJKBJ1Tt+6FFwSyWUHKgiTUs6VW+u4zbO5Zx+WZYvdHxcftCb1/bA6
LCQA7XzYaaqXd3YaOmzPpbpnGnIXgClxoAUMdRZo4yBPg7Q0FmniW9FDF1IA7oYii8fpEo9WClYa
FZlm4pfjh/BFxQrbmPpTg0WFCPuYl07LmGLeWK+QsqvWpgZxnUkA+FBDXtubtuIJnn3L8CwHJXwg
sxfWhyE6zAV85lcYK2vWi1BC5ERIArNCmz17lUzIqVsPGtYiMivqB2EEizSNV9U7JiaPgilLxT8h
qSJGPZMVqBHrw8gygNTCj3jiMIJ1xmwniTeaB37E1r7aHGi1XIVPXpsRCGZYaXedW6igCm05yQuR
034vpI8ZObN5vQt+s0R5kJe6XSGFQGEkxCqKrQ1k6CGtbNd1L1D7+UZEhI83WpuVxzuTceLczjhO
t6XMbCTpP68byHpmZ0TSfHYSCpQXBMyQMycYpF1ZlhSnB+1zzUaPlNewl3krmu9j6ENfTHhyIIFy
Zel26IXRrrA4AEonbohiB1YF2LeltnX44d2e3pLNMvDAqIHpD4q2C8edMLsiofPQrmhMJBEDp2U4
AHcmkMNwC8U1wOJiY/nbjFis1SV7Y86wpLgydqIFnipX8Ledsxmxc/CIQjqLM5+Hxs6TU7Sig4gh
vUShlt1+UBDCBsV5J2g+vw56D78ZexmAEDVr+baUzmxjfXxqTOqMsc2Bgm4xG/gwPpWzj2AZLxlD
jDNWizjho17I4GgWYfs1ycBj5a/ykMYcasZPlsRhR0tOMgGKVJ8h85DPXO093goTJPXYQrIFqvwK
TUhSosMDsz8cocn5rBniaZny8UhNACkZLDHu3vhik78QG8VZx19dj28qTwh/UlkED3QtM+haqv58
Ki0IJnM4N0SYgD8vKMALkumaE6DDbQuNBqo9m4dmIfkW1vSpK3U3MZjra6EpyBYNmp7w9mywdb20
+76pZaqEEywkfXxYzIwmyqIz9hrsl1BJUHVJqeREECb2Kl1FVmBS9gCelL21ql6ICUVUhZr7NKy9
Jx1tFHk3y/sUwDiojdQXx4hEt0BTS6w3CFc3KVh2dA72YR+EYJ1lhNCKURG3A3gTJjuBs0aXRjgj
qD/FuuBKC08EutXTqI/ZNgxag8aKacXLqQpgg3utmjhSK4jBXKELxqJ9N3n4MQYcMpXC6Rwtudcb
ToJdE4YmbAKKpjdjZwEvMqTbZCKlihbSf/x5oOuzG6Tm+e9bTarkGDni7e+tcwQzdhORm2JtCyrk
qdvnLSC3sY4Zsn44xjJFlOn//UcOFwox/153kUExqFyB2alZuI1a1fswjf71j9J6mlZylIxzjbkh
Pv77FxI9+TJnvUfvqyAJtP7TDDM9xf9+/ffVAEIT+kfuzyujIv5jVPx9mYklBY1wghOoNstBqKns
FNJmRhFnauh+MlgjMfX+dheg/fR3taZARWhTpx1SfeuXf9/85x+uf01lJz/59zerNPCHBh+sg3q7
bVDrgfbARfz9A6AZXOHf5fx9+fdNrapfLJFM4qTQrRTmIqgylZMO+Pt//DOuL//L9/5++vc9GVVp
JdFjTzHAr6OQ4hZDWFPqUiOEDvzNiEKBHaB+bkS5BeUXGcBEaC8I29EWB03byjpV5taxT0wdeWij
9FqQkkhJigvFYpq5hrcTIgPF9AskqcHzCz5Bb2RYBPW+DKzOGWuNxMhCTVtCCC0xgBlUQxGei1We
UVEXXL+1kS5qiXmCrsMkb+lsWoWZwH1B2O1X7s14qToO5EHUEEzPKmqaZ1yiDPHTtZvQVFPYtYhM
WJP5mbe3RiMgqDVScRdJhcCMB4uao/Bt1gnqYBWJEIIkaqNfZ1m6wPMqPUWl8LUeg003YZ7M1Bx6
WgM9A8aFjktAfK6cXSUC6xurHGnl0D+21FVWRK3MFJW/Ku99SPNiLCkk4ZraDqaerKGJrwWBftdm
I3GoSnUsmvucfGKkw5k2b7iiDQAiuzGOaQg0fk7r76kXOKBB9YMAH9FyJ5meCCnZeg4heg+NLVmF
CAk4vEK0JchjI50OlIdBHUx7HIiPWiLKViMVIbmEhwHR+7kUO596+lgH/14m+M+lYcS+tFCDVBJl
NgkQ6iPMPFRY3oeSQWvqUSXy+qxY+A7FhLUpAveiWdEecjrapnf6A4F7GAMV/8omUqLXegYkEfVR
CFu1VL2shNxABEiTUm03KUjXVRnGY1SQgOkJVukB+aiF2I4Yox7b60lIS1NfnPJaviHSYOu0Qvgm
IURKveigNag8suBygPlrBsHwxGh8K3uuWBBSigIF89h3k/YgcnYZPeLiE1p6akyxZxWlb0aHNSpq
n1Ziacew54DLNRpNqzh8kXQ8Q+qYEVGVUXuNhgkNwqI4WMpAowRiXoOhlXYmrea9VAZOOBbZiXaw
sRwHKA2Dcirk6rqMPRVSJHppQVkOkqG91rJCKcEgeFUfw8EZUVUy0XgMw+tYnFtFt17iNYSoORbk
ukM+ARSPyw4lYw0kXVUeNKE5GYY27lKkE/RQk9xxrKlVYfFua8G49lLMuReje52FZrxOIvyc2BiI
5hjfRbWMcP3pbUtU9bsGOS+EoME6HXtEGIoCpSqDYgaEliA3iYfIQPEO8pOdLGialAaK21LSv6Fp
QhZo6VI3kTh/Z/XbCI1xNzY09tH28aAMqbxXIJOGZYb1PwcfmoIgopCOCKqHsKjveW24gypZx6aq
j/TTdAf6VkDtSb/K3NJAUxE44wgg10BBEnpAmiYlnpAMwP7pPMqlei8uj51O82wLnW1fUBxBm59v
DgZVbPKMk1Qlq1yP3u7pkEJfNNC+YQPnXl7qXiBlnARN+zQ2xfuoZ7S09ZK3KNnDOtPp1LVERxMy
GRGz+dNMK4SX4sgxI1reRlpUaqn1Juxv1doJirQbY4Bgok6rTWFR69EsI/wczhGrG2J7CWj2RgIW
7ptWUwZi1HTA1prhCz32libDUJdDY5+jgEOXTzDbaR+hFB62viQKiz8qxXxVo2iXVNqBKZJ/ZoF8
MtGHkrtyekIUwTN62tz0kcza2BI2jJo3tZ12qtkJhyWmTANsIg1g0wIUwmyfZjGbfEVUjjWPhpAj
1d9hhJ5zr/xoI/4NHVegPiysIkmaHybyuyOAN1hd2nLWVOWlsaSWyMcS+w2IbkKLBKJA9OMT0oSl
V1C7hGaY/FJCbaaMyCJDkIHObZcKbTpird9m+l/3c6iOXhwA6J3lotgvGDJ6Vq4aX8q1r5N7IFm1
y2ac+nLypIel+NAF1dEKF+Ugk8/S01i+d/NAUodSrLYBAIKQ2jRb36CJoJmN8e8codAmK9FTaYe0
nPql+S7Ey3C0qvIU1HPmwYCI6R4QP8Co4c0H5LPMqjmKFZojqRShyzXg55HJmDPpJAkL26Y5jK6Q
GpEj5dUzs3Rb1UIFl7DDPR8gfwmWljlxK5AFDLWbigJKtmi6Q0vpTzIFx6SVFcpp82y7VJid5RjD
RcTbzVLSLrVKGshMJf3QB8O9QyPSD+nQIfGwhkjoHQ6bJD7Fae2qRv7bGhL9ARIyP8BtwmAcVwGQ
FHiO/NLl4ehEqjZ541ABBzcGv9ZmjlpV1l1txD0ykKPMxexZGhRqNNr5KhghSTEFleEczTurLAsa
H9HbkydQgDVbS68OsjuKcn9EQ+QCf+5tKrtzk7fECNJJATk3HCEUh14XRwMx6BE56rk9J8aWwSs9
Qc4RB+pCwzZ0DdnHdKbERUDyKpADX56GDNdCaPadRkNSqxNUqDs5u9P+cx7n6QgO7EFIdOj6S04X
BAZ9XQGm0miWRDiLCEoiFN8FApJZojnY7+pHINL7zGR/LFSJULlh+jEW+g69jVU/sT/C/X6UaEMO
iwYtP9EsKOC20XRKdtXQPlkrnnWADoo+Js7WEppf8YK1WZo9pTI6capGDn1dJKSZFobmo983W246
4RxKA6UmXUSladkRmzNr1owo9Z5qlFSZJ8OJrscpLX5p3IcqrGsf1fJaN4O5DWMw+sXA/et0vCyL
FZ/m6GxqObUN/RuUO4pZZ7wB+TAvyaGrm+nYAAOnbvg71HQM87DpniPhcUQ10k6ttoaXOHzHwF1v
FpklsYx7cAKmeQrD4StsjcATfEWrdkgawOXqJsIAS+nXOSZ9KuWHqEEYSUvbL6kbvEbG3KhNguCN
ubyimLiKauD3zTPL+N1oW0cNl87RpIF0sxRwBC3pgzSdZiWOjn1FCtVMFHeULBKEBk4Objj0RBze
FTQLCQ/mUGS8NbHlj3L/xoHzqAMDRrQEogSivaxTB86ZdqzQm5ykpaPbfI0xieVtsuLST6iDm7OJ
m5Rp8NUI0CuWSnqwVeh/1qG71kcNFcQzYNX6BJiAsD44cosIgRkNyMpM1VmRAGelFqnXiUacNAL7
MiZLwN6UfpplkByboKc6KEk9XdcIuU4ahIdRRKfYsCPZxkfSDtIEENaYpRdIoOelH/WTlDXPtK1z
TppUbyY0pMsyW840E9ybC+uS6jxKQBFUNckKKJ+IPKc4VrYuXYmYdVkOaaZDn2cRi1OhtgkR8I5Y
nV5pTha2+2QY6ueWskW3Ir8O3eFR1xvCF2rFI8sw6AaRLH0tIUS0NCgdxhmo8aTHHQbQiP6R5gPs
lH3VsqD3goDsAfSsxjeRM6Md7rimldfShk05MC9zM0NrK9XeZ0g+aB43h5EmY4KW0nuj1ud8ZWb2
y9Jt18WjpzMYzJDB1XR1rcnFJBVyt9Cn2QVaqNGPjRkhsDNliDSMJXGQIFHfS2xfR8nFn7yBKTmJ
I1hNsJ2HGJ60xSKt5JBtTGGCryI52dhLfjDkyFaWAOd1tslipNNCMemVDdo7qmPmCcVQZJflclfG
axsCBZ+FpEmHKVgeRHGQdjJwiB3+tDIuq1VA6XoaImqiLpQzUhCGQ72X0ia99rGVeFFPch3BhWZX
lgaQMX1WjmKQAuAbdKJmcYA8++TrI+1HptHj9EFD2GfZEHFepcSkgCiq0qJgnnimks20fs/hswnB
drukYL6TUnoNXzODFvwEo97WjSU9tjBzaYIrOPNkMXiYjXTtFyB9EmjZkygSF9FVSbpUJs2wKqYN
wvIoHk2tSae8AgtCNUKXMsDEq4IFmcmuPNDH+FPPRry3ljImcoI0gV75iwDjOe+y0V1KaR80VG5b
RlvsG8JoRcjNimZ47hQe7ioQVIsLjqEG9ms0RcrIZmozhARB1bJoXwUBBJ4iDxY2S9L4zUw5Ol4E
IaeYqv9u6fYL/S9t9yDIQ3gyxeQsq6Nwx91VODu/lqatt2p7GPSYiI1JrrEXHsvCgG6Go2D0ZDXF
gOM768iiF8YDzpBdpMrXmEY6dc3oHiZqXpB2AM+ed69DMD0TdtBwn0x2Oa3dlUZT00BhVcegV0YS
Epmf4tzvjaphb6mjfUumX2jEwEvrdKAnksdJS7MnLHmxQb5v9ULFAbdcoXAyJGfYYzoXGZWhkkL3
iTTmvpF3ykUdB38gPDKggnaKZoHSdrRBHpifbKeJsoAlRtYKOw1zWxe+ZToLDqYUv04xx6oYsRqZ
LSxoTNhViqxwG6l0W8peW4ltdNYRzKxC1eQXmrdSGRWwn827OGpgweKYJVpVZHKWVykWn6KEVOEy
kJY3LfC/ckaqP5hRMhSK+j2KgW4rU0iSklrztqL8P6rJfkTRgNuVpw9TrNwEYxw80ZoN8h6oRH2O
IeXXc1RRqiEA4+4U9Dea6Jot8/OyzLSQWQSA+zJ/KNr2aYmKnZCF4S3TXtph+JoSiyLaCFeyIswB
lhRFMZnYrdyK+3bK6Q6hggT8P/UK5n4w01PUHBVJfG8WkAy5Yh0MaAOot+kmtbfDY2vlwzUVxx9l
pI3ERDQPoIKlbVojTW/o3L3q43NVltr3ot6KOL3mUwOWtlhIAyXTmnQmE9RahFtT9TRxIMG07X6H
2hp2nUUuD27NwEm/WB4EJdBkEhWN8Fs+hIXMggSae0Cr2hao4XOk9IUNa3D7BPFUwkTJoRrir7jM
visjrInq1pdGCvpjQS3lwKlqLOa31YoSKlIq+chuef7oTWl6EHsBFQkGCW5F6dVKQB2AAwtfvkjN
sDPSHJ9m7NyCHXzbS9NxGFCEk0MFgz86LTl0OWswSF1Uy26CrrGd5pm2gx5wRKz7ubzGXNbGxLEh
iDF3FQHxvgY5t2BMydWZHl9SF+gcUTurvhaW9aPkQukmfftZ6DxxOQ4qb170s5JJRKQTw20FrCID
364yaaVRBboB+6KmRZ+C8UmFBGLRt8VTZ/mokd1OBrUeqUaoYIhkNmxaBYR0Dh4Gq/qOSVN2Xf6r
BcAge50eVKQFBXaawBI/hJxyIimEADln5JFjknGCCpyybT4LiS4ohAnmti79Ri3ZXlVcuWCIXvq2
fZ2GZTln2sXK6TSGRp95MD8KaheBKgkCFnNLLN3iPYSsvXZpg9Ln2Pab/wG9/eHa/v+gN1P+f4Le
iu/4o/j4L5y39W/+xXlT/2FYqqIBwLWIgOsm3Ljxp+3+9/9C5vofIgw/VRUlU9P++aN/od6kfxia
ZYgi0RBJ1VUT6OC/UG/GPwx+YAGPs0xLhsf530G9YUGu/ML/BPYE9aZIJm9naYqMfSpzgf8Z7NnL
UOyXaBJAvDmL2nsomK2FinF+DuYoRW9V3GYYEA9tgg2oJ8SM1ZkExCyRDlUT2VYm1cO3GSkDQIoM
xUSdnonMy4l+4eB+dG0OFymVP3UD3pRaSNdGl9X9kMYftRFFRIAiqic5TA7/h73zWm4ky7Lsr4zN
u5e5Fq8AHA4tqV/cSEbQtdb+9bMusiejqqy7red9zNIiSZAgABdXnLP32kVBcTHNOvSkGUqmwURX
wP3pzgVN0orheNuOb20HPEXGR1d2Wr+fhoD0GLVeJVkFVNRigNOy4uCkObfB1B96YjnxjaDiS235
aADPo6+KcLGq4i8S42DTQXtfNiPZej6Td9l2Nwk6ae3ozcKKWBz5GRK7jlCAVtPspa+Cxg3JjZsM
66OQxnA9ZajtyzrdU49a8Ct48ILBkwJkjF2v4MRr3LouMEHoBI6ZxnucZksK7qWbzOVPTw1cWdNm
SfddQbWI+95ZqSHlszizPOZdAlYl2qakSnGIR9q2xHpRqlLclAIbgF48yUWZbeX+M+yc30DwcbxZ
hyxF8pkrZzlIVa9idADnX70YVb4qy4T81jaEXzC2Jz3uDnVH1ngUhReiuBDJFPpXoIftOdRN0GOJ
WW2KQL5L9yxUWI01EKk0kjPrNu92dqi4lECck+OP8rXqfuL27Khq8DpAB1llEM9XmqV+d7plQU7v
lnShGDadaD7p8BSy2bpNEd29KdPNc5VeExhNVq/EiG9SxrQZF1oDR2WbtdJN0qDZV0Xyy6zonvcz
ygiHWBQKyEPgRVZ2K3rMPqGizKgn2KDG4JBWiqVdGxsJKZQjpsky/fYLJwXeXXowcMilHgZAS5bU
EIUsPUfgUZy81q5hiE+h6zOYIVOQs5bjTec0xZuXghzirYpHhXqDstKKodn6FiUl1SwPyli7TuNT
09cqQs7Q3KjGNOwneQhOlNYct/OnDgOleR+Sonxlepzwl9lp0K3KtNDZPkHD6AN9RlCVtquZlLOZ
hTjF1gnBbDdsWil6ScriTnJ1ThUea6raNGsptXAyyVDwTGdSl0qSV2tmQNnQkT5rUgdqXsfSEM4n
E5bqoI9PHZo4x2f2nAN12saE+9qdJK8mVfIaJnmwetXZosS7HHM81V1G61u1rAMB42tQMaSjZemw
GuQsPERy8xnNJnPUhH1riCHadB9qzLZ/QtdhRxhLkra8SXZgHNLqag2xfUpiNFpxnMIG7wla763f
SRDF2yHrieNgc6HoFpbJNviSEPMnzRR6zpx9w687hZo0eTkBlyrnGzlkyEgD70cz2JPJtABy9KZJ
CeZAoQWrKbHJblWn3j6Q3mB05mXKZay+ekHaDoGD6yFaDi2dWiCVb/FU7ePOxg2HLqiz5+88tXUI
GOYRqDhiyZG09yFor53R/U7kgBwftUUREk1wnKQRAyo77Jb2SQq081YdNQ6XTm4chrkOrpJGNA/1
KLU5BQqQsWA6tVUPLjahR5ABELAItgoLYHdWKXYPRmC7lOU3fRsfJQ3EmGaWgFt6MgRknMClUiBY
y2B7d8NB4erYjvm4QdSOJSowqXXn0Clya1r2JO4Rfk5BGCyTnjK0E9AuLVo2tL2i3eTSeidmw6f1
lu0H6TVVuwhQRfIq6VSPWJ705MQRaDgnMBOdKmD4g3OZ4N10RhpNcpszRph4zmTnLRxGwyXUsGRD
0tseS9TPoFJPfRSywEwKuJmlhWaF/IkwAXUxRL+VohiujpMDUJvtp6yX/LUutfa9QHof0NLyILRf
/Lm7jRGmscAEyKXU7bBzGMcVlmdI1GPWZhRUHPsnUCL0RGr3XLai9BP9ttux9QiAWJSDUbmxNBpe
rHdvc4b8eTbfqK4fCzm9UYS6tXL1S7fhGkd91q6twT74KVNeNHXtbhrPBEOsbUWmjV6OrPGlskc2
OeLO77xglukg0A4p5dPQROW5U6znPFTmo62Au55LxBpa9Z7LOhV1RTpoCXDspJg/xyouvVkJf2tz
MR5i64edEugNZ5tL8MJtU9tOpeLmsdJdLS3FcTifNT+eb7rPGKomvtuRmMJRiKdNPQPHrJoIDMBg
nGNnMhaGhR+T0HIaJTXQw4byChkLyxE3bgCyUyVb9WySTK+NBuWitKN42EnEBchzdWjs+dPXcxGV
mbyYljycnNKA9kcF1CjH8paNLJUTG/ebzmhAp4uGS2AQzZtfBzVEdt6w1iUsr1jkNcFAjVz+Lp1c
PtSJyuhP5Cw7JXzetVnvJpwCdqbGR3rhMEZstfOMjrpDChMnhi+3Ng1tWiq+U+w1efiaNXpg5LG9
aGbtdrrz1VP2ddvKNjwrVunGkQaPqyW/SIa5UwLm28iZfyV99xWT/o64Hd9yRWzVnkFpFwca83gW
kk5r3KfYGVeSLyMrpaO17GYF8kpbPckJSxzW7JBLNEB1CrqakQ7+Ss1nEN7CAdumlzJjLpSmRrRS
ZTziylNI4g8x4wxnbTnGx1ow7EzJ3I51hholDqdlmQhIcwxUaFR+1LEuPbs0j1ZLkjtl1dVEoxWs
Z7lIyOA4gXKflWmTaAHFx9Jk9aXJlhd3TKRBmGB0b236zTlNvOmtqSFtEu4FUC9ISKxCAMv6ac+G
/0LWMHa3uQf/DXpta/Xqp1/RqTKtzjoGvRwu9EZSPHJXCALV219KYIyHilbEykgz1FV8kvipqJyS
YLv610gjdF0oxbOpVx9tqdGca5hGAl0zsabvpqJN71Fb4xnUb7ZCi5DQoVd26joKZBh4U4r5p891
qmT0pklllVxVmr+iBlahEucncjDQ9Rr4VpRIf1FbRaWbgok9XfdO/VJeZF/yCjtDwgT6bAWJQ1/b
LTCcuE/dLoBVIBfzdzjQ+FFZ6eGL7ZDzYSotLWKD05KAiTKpvHLCI5TNyrtEMjGLuJqBLQlQN6WY
KibqvE40LblRSPBDwj0ruBoLqcQj08twNnGvFhirmCK6bW9Ew5JMW0ZaGXiPxBqkmOMXW6sgf2TH
UHLuUdJSs47angLp5OrVAKOm2WexPe/aKcJqMiOxGdlUOpQgGOhHcGzoYIY1yUDrXlEwWkqxuq5p
ceN4YBVogUlpEe1sW59056w8kZZCMYQUj4lV/sIguQ+eE3DmvR8alTdKMgKM/K5aKF3G3MZtq9XI
M6wJ0YujysBGCZXG1Yt7NZOUgoZWjRyr858iPXyKfIoIU1/39GRFXIat18Q1FBhYbT/qdqb4xxBx
hmuUIv/x/eNB1tjKNqlv2iACMGrdLrFJMpjy3BipKZ9XKiJaa4Y+Il8bRigh4sd51MproyMuqdPL
HbNItXt89Z99+589NvbQ9Z0EjdzjuWmd1giBzXL5X/6Vx+/5lYLP3hy7FIU4QRN/fttIMpiJf75v
WcOvyKhFfvbnJ//05Z83FZjaTB4cgal/ni0B51wEQUF8ns1i6q+/+z/9lEoAvcUgDWbJLfAxVSZg
kb+P0l+f4PGnkhKvb6ZJzl8v/HisqHMUWVZioxEDxebQzqraQts8oGtWrWGoe/ygEFfA46smpYaP
3mr6px8g1SDhRVxlKYGdS6VtReF85pIKH/HwtYjnefzjxznssQTMNiljOzHU/dM/j8ccbQzpZCXq
Isvj2Wu7dKMKjFsnsiKTFEtTS/YZa3SVsHE5rwi3y9JnVZxQIpSQyorkHicbs50swkofX/3bY7pu
YzbqO2+yWLfs1crIPZDWO30i7ncwSnAUIsPUFPfOXxmmcs3uNySam9cQ1bgIE3AREKouXufPP484
1IJ69j89VpjU3pGfUY4niumRxhrMvYSFNzk8glz/PN73o7OeCvK2Y5KkOqtkx011a/l4khOat1DJ
8SAaugM0PKiovz9+ollw2dS+3jzecCmO9eOrf/tWnaZuPet7rujDQ/Yn3kHatOCLhHzrj3Drj7gr
hIxOxgPqerOZql0t5GoPDdrj278e47rDM7Dwku1lWs87okQWl7jmQkMGqq9fZWfhpXQ+mvBWu8M6
OeQL6/g67ogh2E7rakVEsNeDWiXbuFuSwHyZd6/D2qM5szDpVbtlSs3t4BCJMm/9u9cnu+xAXLbn
32vXuAI0XB9ACi9hKizpJnnzrlkhpHPfxYsdGJxBj1ySevUa28uDAEu95tbq1ZbW5nn65oFuxQvC
GbgblDmKXwp0k+TOje1lh1f/3qaUDyBmdfCRlkD5tqyCr7w3rIC8uMffZgj7oVqOD1jZzUtSLxb9
sKIfVdSr0rlnM3RpjgUlSz7d8BZVRz0/c1jQHjYzmZbfHJ4JesA8bx3jLWUdTdf/nDsD7kpE/+qu
aiDruuixZGlNoEyPVWIiMu5i0j8AnDRv6RKyyDnx2v4xbQM3ZaU+XIY1p0TBF0vDOz6kyQahaf8D
O46ahSVS95YyHusBeqeXHDqbSvgC1Fo90R1Y4MVmUkDAxsciwZpotY5cm8DlC7519HU5k1mzHEMq
BIs2c/VziHh22NOGzEjxoJBdLk3naLNh/qaTpyKYGNgOb5QPQuF4lNT6csALtqqT+9BCL4Dm3eyi
dG3lJxb/4sXGk0JnK10Ub7O+jhHGdUteHaqvZK6irRlgnFpo6Uo+z8xrR9rYToQRkuVGt8wn10Q6
Qr2afp19t8/V1rbPKQE0/ujyP/21cFWP8U69CqoRnbp0Nbde8jJNANG0M+akcgmWke7GLT+qyrI/
hjuJTwrhaoG/G/ITCkD7SwbkhMqdhpFHcPwlBXszrPrfVbjMPzg62fTi3xgVF46KBf2zc+d1+NSv
omQ5fW2aJ3ntjoysB1gQ9bEVxfHfZYEpY5stNUA/6VeeHeMBtUPyglKuRs6QVEf51i0AtK3khfND
YCJMDc7XvDyVxxAT9yl/TsuDtP3RuXGq4b3fjgAy1I0FHWhrMGKUPgChkSu6DxF+kWuYaRqiWgK5
dtrP+KPxzkkhij9FMI1BZo+1pV+zit3uDqURVvWyflHird16xBaV+FzpSb+Y5dURYtbyScm8oLo2
+TtPb+sFdEKOh34GuA1KnbOusMcG9oeYLgWMfuZ65JR1y9d5J397/LB7o1byocQb6NFs3lOY5S4X
Ujpv8h8HYw/y55tSAt4789rQzW2Kgj+c/hJPKvcNATrKVS+PXFxBuAot8ZJ0R2f7ns/H8IUPx5/k
hgg5sVZza0FSQCuB9alhn4GaCVKSpnRPrhz0ALYqSIv3uoQ65j6pPxKe8bb75Epu6i35kY50CIMj
F2UKIp+ulL7mQcC4vJm93ezSx1ESRBX7uSqfnPK7034hgsKZA8h7W9RbGU8aha16zZ+M4oNUf8Fg
1fkDBhFh9TpTDz2L+x48ba54yjBtlO5T8y+9xhIQy291TSYgD+NHlb/LMtq44qKWR/s+K7sKkb/E
GRlI2+L+VnLU6PG2Zy8OdZM/ERa/XpGCFy/IHIKahdiKe49aINHE3JPJ2l5w3jvyyZb6t60sJgjM
226+OB/2mTNMGiPHtV9+Rkv73C5OUXgzvOmbOxgENMMTtwnDwlBv6KFam8w5D7r7qV2xTmAiQRQJ
tpJEScXjK06H5fW73hVjN2PsO5cSr+Epu+6bcXVkUyS6Ioy6+Y/BNy5v5ZC/UGea6PctkdPzSQPn
swQ7eZd+k1XO1cNpQyH7La9LF+dmvdET1uQnmvR384wz7TE0kTyqUTDIXG3HRcg7GXfTG+iVE8eA
uhtVDG/W3zplZQauf57Wg7oInhg5owMnDkgnR8vqnnkLOr9sWMveRU9Ehtl6WqcTL87ow1A6cq91
CD6YFv2NslM8MXPowQpa4BK4N0llLwyWtHjEhUqVL6bZy2ewPDs6mOQ3MJNy1UvPeuvlP9JHweQu
rfsdJ4syjno2FRyPbraFh8jzs/jjXb9Lx9/oSORvDl234l1Myoo7idtR/Pn4lUoKw64RbREgcwfz
U4bqx8trmSdZy+JglctP64NMhIX0bF1xN7xh+fywrkx/nEfL4wCFn8M3X3hojWoxi+AAQLBBb5B5
mIld5kSLmVDHi0OQlvTch5wprg0tv5QqVyQSKoAX6/k6c0a5tHivsI6W2YGNPZcDoW+cDnwEHkvJ
hPxdIp3k70+uPKYLa4lieVcdmL/sM2fJuXLXz8zEzXpegk6/Zvw95gPv1fpgG3Yo+cPhAJRvxaCg
efJZOkrPyo6TxH+v8cu4/OYgmHfhRSUlhImEI86XfH4+Fhc/U2i/E/epsS9dxPL5QrkyvZDoZhQv
6Yt65zQWB6Zn/24doZAgu2SM8pyYIYtjZR2Z/Ywrdxke/QCma5jvVc7fUg1cadrwirPHVIZ/Fsuo
NzhcM1ws7El5JkMlddY1o2jz9s6TWaNkXNJOtmeoDLb5vIkOnHgGn/SFYVDZcefRLznwyRgD3pjc
jSOi1oX2wadB7sAcypGFXueSzMJLWR/vdXOImFA/+IeK54TNZRU8cdln2ylwEd1KXNBEhokTpJEP
8Zkb+4Z5ctu6OjZRcbHS8+ENWB5HOKtXGvwm8axRXKTkUXCZpT+8LSZ/XoKt+Lzp6k3pX5pvbmvf
8jgr0OyZsicUWHjNGFePuMOiLaso6cAzJ8if9l1cpbqbKp7KhX7QZNBu6KNPI4sFfQ1Y64davM1q
L7hZMCDp44536gchhdfuWcgAGVOrD/IqF4YxXDgExSG6xBNkMK9DLw4DF5NaTojCVtT0uepbbKFE
UuISgVth0fHtjtINaSusVA6xAbrKaQ4UP3pqJWHT8Ht1t9Z7c5+G0WbGBJhtW2tNUwswdtlcaow4
5lNJ+yBVMQUrS+P4ad/ZpC+QPzM0jGKQU0HbLAfyUqzny1S95bCKIZR/CPKkTDVgGQDeSiSAGnCZ
23Zr+fNBHHwlfyzR1tFwf00zKotrlk2ly7Rq93uk5crBzM4MURZlieF73AHHdiJRBCiXdETemU4H
/swQ4euMhUv1QOKI668L51gWL8aR7BbQKikNEcXzfYITT87o6r24DMgdL6FQ8ErPQaOAcgdXsZ6m
CytzeYD6cAy5XFkR6+AOZbA+DP6sXDk/t+BIiJCGJC/7bbPXf2FqtZ5jdpRcwIGrcZ+CuTtXrGnE
BXaoGEdY639zzQqx04LvrWwzOqvhguqzee/JdGTlbywU2UuNNTEnhNptsUMzmHebWEf7tGYOROUe
2qeWb6+jfVLkZTIsemdlaq7neQxybX2TnmvgO6QbvzFecQWMeMSoaY/rzjmS4MjbisojKfJAf70C
TSOjAMMKMkgKYKTkmNjCxWplXMrYYD1NdiX5aej3vGF2HFxbXoizgv0O06sAOqvlwn5C9kzdkUU6
M0bTbZQTNHvWBinrFBbCAxPUUjuOE06/VXZovsfmB/CwKV3p7iHBQy9u7NQn5aNacVNang/FjvSb
eo8iwGZpzICM8xLTiU+VPZXHS0VFGjvPxvpyiHxq9PC9UgF6fQbgodnKRM49jcHGviQeTwzYohIV
cJvrPYfC3mYfkABHa6cbK+I+wm4Rtksgvyk693N0lVzWlq7BxbVhYVu7XIBtnbJ5OsgsSLRj895y
u0M8t4m0WrQ3kxRPenDg8JeoZk449r+55YrY5SaOEbuTB4pFT6QwguFvWcg5OBW3VL5GMDXUmybq
8aAmqA59tz9MU9beyV3sRxJBTAtObqh7bXIs4lVA2KyyzI7DkeIjzc7mKkfLOYNpvqh2dFronoRr
mQIiS5dMWpLcIBMXaroouWvXpCU2UK41t0CBugHa4ljTqD3Z2kV+ryRxCY3cyuRGdb9sJ1xcKgmW
wjqD2M4D4QW0UN69DHS6Dazub1ji8OWN2lGqwMXvJnbeL8WwME5TvsY2qzPyg3we30YDa3W7bFZy
h8f1NzrIxfTeGUul9GIMafyE7hFBF/lahurdXdvwjJiEhjofBfdTmW8CVs/myipcU14jknq6kYK8
Dk+PhYnKrg1cGBR5BDs3x/Cy38HzdGHCc1BCRXtdhmL/VCDpIeS4py7ArJuhNO7yQ6yxDPFgnf0K
KNLfOqDP+5xpEMwddHAHYvMTCYyl8Np3oVasCjPdybEFfawdaPZcjVtDYVhfxXijW+4k0GBN9WEx
/lQfRDtxrtk5hTAMWcMunHpp3PwraiztF2q07MX/0CWGDOIfwKnckdrlC+PmdGTDfqHV7/NtWXkD
zUgAlQuNmC/nqHz4B+fWVsqyIE+Fy7LfxJjStQ9Os95vI89WD37L+DLuGH+4FADIs1SVyDfZVNbB
aE81jfZ6P/XXyLgEw9Ocvum9W4STF4bvGm+Aiu4CCkymV9i0EB0cFNA25/R71lbdNX8fPqqUrbwg
HzNK7vGfkk05rYCyOLvmwKwMgLknafSL/4fn9Kw+txcaMRibwVVQjDb7M6RaZA8+8djDcmS8iF3p
mKlwut2KShvCg09GDGLyYgKGIAFRom3QJLsAgQ6QBbxpJ5R8aN79j3k9HoxDyOgGqjxQGAlRGrI8
+LS9Y7CZn0DkYJlyCI4MOCL9Fo9PYH6gXsBhDoFmh/6RtTL7veUcfmJDusgUCFflVl8WH85aWTNm
Mpm71Utgr0iMfqbI4qqUhuWjbrDD2EEaBk8FMAVfHp12Cnf0UZ01GteS/dUmXCusUaCZSIs6xRkg
wN77gAW9c5b2+ynb0sYwr8EeNvSz2m0qmFQefiiDwtyZ0VR/T47jHvaGtgH2o22wod+IsICSGzKc
4fJZkItzVlZUvBkVEn5tPBQ5vc5P+L5kJeTL+i3fwimJYUBVniziFzyhnduVnk5UKlrC6nL3T4At
DtZZoqSwsM6FW+zlaTHe0RtLbsgqVD1kPyPbO4Dbq/EpcjEHYkqY38z34KN7RponhzuYx3jEN4w+
R04WmDRgejC4K0H7K1+VGyz+AvbZqVD3he3W4NvIcAFJCC8NMBXC+mhNa2uQNjVC4IDFllccYayI
MRHbOWP+qYTgu7Xc5i1+ZRSFeEfUooe/oNW2Ucz4vS/AEFsCXt5VH2X0ZEYr7mLlVumXqRQ5CrO+
tZUfVl12TZ77Qq7xbGFQZ/NP/h3VUHnxztaJ6Y8VgtSLTUxWIPqooTPQEhb/L4AZSiyKVvHBdrHE
uAHImy2Um4Qxcx+Oi5S6Cu8l2GbA5G0scfB2lt1heLOQILCmtV+zA6h7w8aiPXn1KxqFAp5dihCc
RIBS2tPMYldFS4dWm40wiCDKRXfV7dV0VDH10phBcmouZOgQ7TbvNuooHPSDwt0aP7PcZIc+vSW4
4AlgxlHkWg4pFFdK/fI2F3t2lCRuxIsAapTWVDOk47T+5CpQIU4yC3i0bab4A0hSusQPdQo3wy9a
f+ya4PVZ9E0WwXPas/e0oKyR9YDEYhG9dBZ4ko1+LGC6idE7eAbkx3i1Ht+Sn+i1I41vUVB+Xynf
BtWTlbMhicMHqzCBDD4k0wewLnAbGooJxnEgzXwcqKjXAPb3gjEOdQErjoNSgaqHFLNQmwPlAJUy
SuhWi3RLmwl9EOUDFECsEBjlUXTA8IzfyjtopcaDvm1s7C2L/PtcAeqCliF8KWu//CyucBQxxZvJ
XiDG5pVzCs/gx4g/T19t5qoBtSpGyYX/K84VN9lmdndoNEMjc5xcxBUBcu8oEqkUaWL3Er70itfh
SYdkfMNkBLljcqr38oWS6ncbX1lpSV6mX7p2Fegnp9gpDSVh6BDFvGHoSHZOv/BBxfXb4aS82vDt
FgQusL2H4scB7e/tq/keMorSEgezjpsWiNK4CeJL0qFeA2zPzv03R4Bd4E92UovfBhy3Vj9ot5H1
xLMFYLw/Jp8q+17yLrhEUPFCBs+Wfu3SJChoL7+WX+VX8e0cjV3Nzp66xhm5AGoBrbqn3NAdWMvF
6LJU+R1jGAGIHF2ACO65OqIN0m/bM85jeSUIO9q1O1n58Q8tgRvla+mKVdnZf8q1TUBcLww8baGM
yOj931UDIcgUgwFTUgqOU322o3bxu10QAjNvAhC4mUWctCu5BH6wRRenhS2j13+1sPOhDsKZ2YQ0
3fbjpt2MaBHIe172JGfA3Wd5e3ROAN2AuxanxHoDYWSv4dWhMF0g3rjfnFPwQb8qJENAfpfv1Nhe
PmkAmWK0fQlfWUKhHwYntyRVoyLsA1stOD4ocAz7PeBZXKbUxc8aI3mycCh+kgugso+HSmW8jr9U
Cr8f2q149rdgxazXaDc+cSX+ruJLjwq3il/0YGfdnnSJz/ZdLcknWVgC5w4hQTolO0yDzMhcCv4F
KDdASa+H3SgImUgWF+ck3ECUVuU3YH5LMlpxj4KvVq/t4G+SYds6T1YhHVopuASiARQ8kn8eXw5a
AmCgnlhDygCig4EweLkF1j+ITtPUSRYCr57Wx0AH6PGYU0X7Eh2Pl4gWVjjNOa1RoepSa0qS8TwA
9P77J5n46s+3eoD/NZafWjmHFSO6c4/nP/55/GqrY6tg1DdC1JYV48C/Pj9Ra2UbDLtIBj/Qitip
xz+B+PbxmF+KTKvQNj4dNEOuyXZY+In//Oq/PfPxA0PkOv35laIGvZsmzd0wbMR/dejSqN1gSKxI
8+Of4JGb9fjSoGGvuI8v7UcslYX5GOobyNS/f73/+23+ecwJRMDWn+8fv5OlNZjvKVj/2+N/vv3r
qzALYUiIv/rnJ4kekqLeMDX9+YGttbzI4/tiYF2mlKWzejzln17+8bFRhAKQExFhCVlhtso9nZVO
76KMovglargiWqwvsZDXxKzGfbUxDCtc09mXPVUjqTWj5xXF1K5m7Ul5hJYN9waQVyfCzBJN30q4
eFZouhc1FNe2ZWo3SUCLAgnvbkvcFMloVutNOTrKVqaMJoHl6aDca/Ww1GhZOBK08FAErU0SWZto
eXMcYqCdotj2+kxRqBj3+rrHMCTXyAoS33I2moFMNkxeUxHsZjb4AEl6G0h8Kx9an6QH3qKPz5qj
CC9DfMc1uc98lmcywXHkx8UKGE0HCDhrSwDccfYWBKxTqHIMbN4M29lKDbCdArZmOKRA7Wty4Mir
wxiy1hXAeBpJdvMnOdc7qwN0YMTSTs/q5zKSPmXy73ID1HjwNfQEBms5+2YGHNLy5kdsXoI/TCqI
0jPJ1LM6dO/mTFGHtL1RxO6N5O8hNcN8UpfAaBLUkewA6L4yi0DFCwLEeqVOQQenu3QM09NAwt/U
jlj2SvUXSpKjHFikcyJhVUkFHJNvRdkFQ/qdi8hA3EwsAkSMYNb9hLn9RRs533cyQYOFiBwMRfag
tJnJlaMIxXa6VZHptvmrRVqh0iowNaYdYpJtltFnmf0D6cE3/PaXCQt2ROohhBQCCekI1VCvSUXM
SCSqB5O1GMO9X6Nq1NXnzvF6+8kUoYoFjrHOIPHItPcBNU+yFzlMXw2iP4VMRkWNv3RWW+nojItZ
AcCsL4eSqkfGMdNIdSzjDmw9MY/jrLPaY44HxChiICfyIFsRDCnVRESGMwEpLamtk4iPdESQZDle
KxEsOYuESZImgb68ZWVNHdTpqKaSRmmRSqkE+OHCTtoP5FWOepHj/Le8UURZGoDmbbItZ52FJbax
Cc9G/KvIlrpqyasgG55Lm9l1ag1Bz2nGbZ8Qc4QeCCYgCHypJsxPTstT1MjvcwlJrlJtadVr7Ccz
9WXslGLbZPMHXkWGFFVBK9OQ9GuBXEcb+M5en+4TVD3yPa0IvLtD4idXkqso7YtPEmhLIqhPV3oW
EaGzPD6PY7/vyQ6tTSCzdp8F5K4dJyu4W2G+yxQN0rFD+UMb1Nv4Uos40lQEk8b0Mku1hakW6c+a
CC+tDPWz+pY156dKMrJNCw7XWPVMstNeNRR/PVT8cWeamLwI0WwNmApSRV5qaOwUzPiz7K9R+Pon
xK97h4BV5ZG0yuYhLc1n1OQ1QkzUt1MVHOfe+DRz5AtjwTqajticORUMHihG1lT8iiEjTL7WnRO5
sAmcOCF+PitVwvqjxhmsB/6Prw3xYejeDIVhjuTdnZGapqtodLfDSQGnVDvwrLOfGodh6wzM4rZ9
rUUcLWxOmXRanZRa1M7kWwUiT8wH0RqTZWtieY06dheZOgBwRtFLx5pmR2qDrS1fUiWD0mnMp1KS
XkIRllvRNo9MB6ynREWGPF1C2+lVgm7suvhjGpTXPkT+pdZt4MkSO+YoNDAnkNDbJmAGfBEQ0QBe
txUgzkBhNFJ9s5B434ic3+J3X5e//JY+j0EDMttpIhK40iNSSSzYH6QFdyYMBVUECFsiSriI6biI
cGGHlOFCxA0bInhYYuyB4IITErnkJSSd2Cib5yofThzz01yrm4oF7djFdE0l+TWwKXolzpOPvyoT
ucdleYl0oFlSzsRQW7O88LPoRx/vWjHCVNdMzBFFeFF1LUEanFKRl0E4OoJZgMJ0KRk9ii6TyGA9
wYrXp99SYYOpn9sf3aS8VYn8ZnKcE+HaarXwy67neIs0eNxbpD5PjN+piIEuE9z9jEmT1d6bLvpp
cXxeFABh9RygVtcd7N5iFkT2UKwzm6jpKCVXOm6qt0TEUDfkUWsXjUoI+aOLIPttZKq6/GXqtAuq
8D1tv0yoTEtdBgJQTDIMPLyfCPV3anaV/Jrskqo5oa4WqlIK6koBmU71a6IZCBvw2+xFCrsvA48y
zDvR6hK1Op0EtCxNibkgiBtwwnMkorklepPIPlUicWGj0Pckq3s1kF+VQsMaLZgrIuY7h1cwiODv
sqUIYqPtHckE10Q4OFJccMf+APnLmRaRTvqBiBLPR7VBU228yrXMil0Ejpcietyskyd5Vr8LzLNF
0+0ARYwiqrw0WD2J8HJLwccVi0BzjWTzqWX3GYqw80LEnvciAD3XRRQ66YPaTuoICvZpN8m0GQKf
XPGSDHXgM/4xoORIeHu2srTp20mpTskNJaOMDHapp6Cf2KesK/xV2HcO75Y+SS6i21GJUWgvCZ9r
iFPqdShqZkMJwFZ3so9pU4nGcRX5mGRrhaQNdIJu05XfSmJu/r+l7H9mKXNs67+1lAE5/Fc/2eMJ
/+Enc+R/KIZlKVjCNMv420vmmP8wddVUTNVSHEs1DfN//6//6yXT/mHIpmJbumY7wkr2x0umy/8A
XuPAs8KXpoNtMP9fvGQKxrZ/9ZLJDrnuCH1VTXdk5KSa9q9esilr2z63IntXackrkzUCEexMTS4t
u8oh8sxHGatOdDQlihURKtiwNKhNT+onIMHIlQTeBFAQzguAJ6X9EQoAiraKmyR6jrC1s3D+QdwW
bSZBTLHo5gBQ0SGpdAKpYgm4CpnMQP1sbV/K9SHqGeW74dmvZWoUOaELWNOeVFnWrpOFhqZhzCuH
fBcFUYSKVxrwBvncO4N910voSHWLISVBDhHU9iGoqXcIRIwhYDGaEM4bvt6ug1pzpcKC/KmAn8oT
kIlpar6GTiyfC5UYslQDgRgH88mwlFVssn/1S127Vrn52zLhRzVh/zsyWurHtXH4P+ydx3LkypZl
f6Wtxo3bkO5AWVcPGDqoVaoJLMlkQiuHxtf3cvC+F/dds26rmtcEhgDJYAgA7n7O3msnQTedXHg3
DPnRXuYtzd8QGbZbOca1687Hfuy+j4kDYh8EwYD0fuONoENLa3rNWNvXjntru33x5gTimrzbY1Qt
8+MUlubJ6rsT/v2Gm2VGXEplp4cQvCeoDHMfDXQ+FXQfX2N+cjTx3CXuR2igiZtummBKtgNtPGf2
kmtVS4gvkPtwn83LNZC8o5uf5o4AmRUw5B0DDRyCokEnEASRH89vQkOJZo0nkhpUhCv8ztXoogmG
0QTLyIVpNNtJj1MKxX4eU3QLvV+NBiC1GoUUaijSuOKRBipys0YmkSvVaYRSr2FK1vLUa7hSSyiW
JhpZnp8e8kReA3m0bYg4wQTBWaL3ZAHg/nYcZsDh2F2XhrpJJyO4Yda3F1+yjlijJZhu8wmpxJLH
b5jnhq2yzbOr0VDwce5cr4IJ4SXTMak+0ODQ3IoYMjLaSgcz7b+XEthUorFTA/wpqww9MmwB/cDg
otQOjDp1VImsTju9PGLcEhZ/wwDhqsKiL13GRDMKf1mA0o6O9gtkGoaVaSxWpwFZtSEfPY3MGnS1
39MYLV8MP3A4Tcfc7W6zaKlYEeH9qMbuhAH65MkouF7oAJLE5FdV+LWa7wE1RY8iPTq0tqwYz0TG
CXZoLGLRav+bZzjL9ax8Fs6QbkDrPiqNBRtYNt2k1m9XkRURG32480qW3coIaXmWdMglfA1hjazI
mO9QfjavC7cmJS5Q0EQ7qp7YmTZuJlzmVYWgHP5uTC1Y+6H4Hs3dyOyRfE1dMjnTGbEDifHDDiHG
1FTykybkrJvpxhRQxzprZLpj3I8ao1bAU/O1fjQ2KUWa237AMJ+7gNcscnp8IcZjGYi9YOmHcxUD
qOvTurciwBcZ6q5ubr2j1zX7SSLIEwOgt56AvGTMI0Qe2bcud5FOD0xLwMPNPxIaqGDuqGixWFcj
Ny5rnuEgN+aVTVvNaxk+m5CzBtywtXjJcUzRJ8QFjQrbJiWvah9ze/nthsDnQYdFCcV5GH/bxDM/
fAGhh/x2InYxn4Vzc5zS4p3XTdRwJk91BaKiRMVLADDoFVlV9BcJigM3RFhiG8Mx+j5RZc/C1ti1
Bey8YQHwbsavBTftKzF3dFtzWpF5h2dMtRQ3n1RFT2sJIVt7YsrujKeIFFNZlsnJrvN7tx3BAnji
fYjjZZND6NuFoiEwRVPd5qy3T6AegXHmED5FSqovppkgz8gfw5xZdsiTdGF/FBpR7N6LADpuCqVq
g2WTxJQwA0pBUn3QQK3pim/1orI9A1WzKdKEBQTeA7chXcZGXJJXC9yH+ZcXwXadMtyWYMX2BW7k
7SzUDzFx/rgT77LpEDhhIf1afMDWyw9ZqZaTQkaJvwCgajXfBAn8jD4p36sJcDmq+Duc9XSrrc7Y
mgPtdVQiScxLroaRBqKq8GcVNm0U2yPcyPhYmGTvkyluiLUxUcSMH0AEYJFNARTGxIm+MObuwXQ9
LCpAxtlZOq5tvknTmHtSWbyBzXg1zPDaGvGwRKRcichG3GAMX5upR08AE9FKCY9Wls5Io4mSt9Ez
sIinZii9/TLBVHZcL9sNfUM/IR7oZmLxmqEP4hCh1yJb075HXTp8mR0/PPcppZHWltN2nAV6uRq4
VNi6xZ0pSe10bMA8btuCxJXYQCp3eQgz1ZG909xYIRElk0f/AlrC/ABiCS/eDK0noZnVVT3dxkgG
Z9+ldQBupqNqD6PBDtDoywZmLeAQ+xDbZNqQlAjL6UQlr9iagU+xtkUFVsbazNum3XmgfisGVnw4
HpvtIOh81ph3knBkTPAnUjSM/NWf/XxjDA0AGRRdftTGO8ni+aqdp2HbmyiihQ35qlv43NRiaZ9p
ld/BVODmG3b7UajbpK9vChG5145CsRPRNRFANrfeVKX3hMIj1HLuljoYzzZwFKzx9L2TgspJchxC
iVTd6CwY5JRBGNmb8wRO2K3pmzFrwZ2DfWxCzcuIrIFCVfyYmBIlgltuMwN4t+yKI4XikWQYVku+
ksHB6tEG5AaA9JL6CubA7uTFDMAJ7gOIYJwIPuvj2PZv+9q1j+rZSKgwxY5D9zqJXkIZgy6GQ3QQ
YT1sxlhnKvS06Sid5J6wbrywoZSUpt4teCXC5+p9UxvTDahIQESDd+qzytuJEXsPr7K4bxOmAQHh
vAYl+yg3nv0kjk4Ep2NQMASesX7Jb7D8HqguRPjD8P42U4OmUBfCVzMDFqq0f+6QP8ioto/RIq0F
gatCKRwBwQ9rAbo67hYcQTBwe+X/sruZwo19Wnm4F/Ctq40IEu+gNKdyl7fD84Qc6uz3WBwbeI6c
ZcQA1rYgSxbwFXICuzuL2vmRZtRm05IyplMTWMFN7GhSqvbMfj6vmyXvLbIcgp9ZMSKO9YZ3Ywk1
UFh7QcxCf9s5afNw4apz4S39UctqxIQTzI0j1KxJQFOnz0qcZXC+utanjwEFz0H1KhkHMo/1sKHX
35Ex77DIvHXMwQlEQwizvsiJYiKXo+g2VQj9fuo9FolDRkO7fVWFoPjZmqhy1GuYaU5lnzdn3/Pr
s4UeLa1matH6UVT7N7j6aFg6nIhz0jfndc9GAve5tz5cNwXAeadOqDxbozqvm/afe7PtGCckWWoI
E8RTmEqq4MkJTRhfYZidBu4nJXAXmogZqOYUtWzl4XXrmL/uLbd+WF/uiPTsEKMjWbnJK4553Tgj
fqmry2MRxRLVgfg66RaJqxsZQx3l5THUl/2UKORprGUYW9VwogyqDq22A7mD4ti627p8vBkwSPh5
mGdM66s1WGj/temGQreBwFHv5h4JnM0COH/9WjPfIc7A67E5fW7XA5ZbPSwCPScw5++RhmVzftIJ
0nuXjROAzl5NTa5ZbAXoFUTkNHRsHI1nZ8Cm5unN+lDN2YeJlXt3OZTVGEPcoGeepenN62fhrR/L
+lm1tnfjQabZ2y+l6pZz7Cn3HC70s/0lJQYisePrddPqvdb/3fRA3+OROLnMREmURaxRqrIhN4F4
OZ/JznHla182gWZum1CO91mwvBZGbZzrODbO+ajPuYTrs6Fquhg9AnG9AUWqdqZoP3JzGc3NMjbL
Ica3s7qHQg2EXjere+hzr3Rx71L2cHeT0X1fYdfrRlolt0ufSEsmjtz7KDpwV0d9lDa8U5H0d6FS
0QFsGXV5CrRPgRzn/frDQV/sToPKvGsmsmhWlnavXWFmhcH2Yk5S2qu0OpSs2acvuz4euuhL4o/R
fv1S1u9i/aIGDfQWpXxuHfB7pI3F2AvxbcnEgkWsUdV/O3/bEbRBDfuENjp2yfVXJHUips0nu29o
hq4n8sRdAyXn3BC4wITAXz8QxvE/P6r1U8I6PyCUS/v4xHLi8yNY3+X6fl1Qf+fLO+e2TWijik8F
lLB6UKDrTOdXlfsUiqcSZV9nPVqsiKUL+NKzlWad0yU3F/d7q1lS9oAdtyOfd65ejbJPoNECyLOX
BVmd331AbvJ9JK1TPs7fFJC3Xe5HyAnKnG4XEbRbyKjZ7WUzaR2htJLrFlFf4AKhFQvlTmQppiTZ
z068pyGm0oiEsjGaOzsKH5Rg7WbEDPRuf45SC0SBLU5u6z5VXfWMH5gRk067u9iQRpi8WwVa+KC8
nYbbtCzfLWl9MSNiLXOD8tk4Jl8L80sao5HI/fpbNJTfbBkSQ+5wCVhFeqfiMofwMD2aqMmqhsDW
CVUJTAvaBPj0xeCAqmDlqZi9Y3hu973saGktNJuivD+O4czURw4vaW3X10Apbztn9I9RHr821ixx
TBD34WY6pzKREG4ZXyMTtLEvy4PlwN6YJxBN/ksKBpC4nOTafzOoE+zmgjzw3h+fvB6O9ewPZxD9
t7l6n2wSOZ7qnK5+GBvoXYvsJvamNxYk1K4N487o6ZnbbpHirWa17lOYzIqCDmEIGS9SBt+YIrTV
uy/zh9nPflGMJhhxjrmB5tHPtmeyYswU+s0+u/G9yd9Mcjh6af3kqxMsiENjEzJo+QRae1X3kEkY
cfGEYdUtcjL3itu+AmWi0Z/m9CWUtO26SNzOTDI6pbgkLPqitBpi5sxbWdevPlxAy8GpSNdZbfwM
+0FXYXPXDe2frTe8tML/MfAhLDGKg34kIiIQ3rPKs7NfmE9N3iGsm51drZb3zGZNPaSkYadj++iS
MZoKhLXAIbFo5EhrJmeLz/d1DkNUbQHRfYX3oZSjtr0DIM2OyS1p+wfQxLu4osM0XXdQELngf7c6
6yzogngLxiKzJ++mSWEVeOSM9bG7sZqEoAAPuUNttk9FTYgBmtyUuiilv7fFzp7ALEAly8RtPqOx
9LPyhsL5EdbxuSvm64yGVjYQBzS403vZW3cYVV8XJZ8zK/geiD7c0KrfLNXinUwH/Sqs6Ie8Rixr
0onMxvGKOelBif5bVRVPvMora6DoHFl0c0uUKQD68/3klHDm6NlRKdFiLE3XT5atwdcQoXvPXSaO
2c4k84uQeGcQEtU4EnIXAbXnohF3iuAhmdpvyxzieQiRVUMZU1EckmGK6N8WKIF8n/xtRfhIN2UI
zJMmOUCd+056BL1yq2IowDo0fsiqlfvQpykRN8NPE62eMo1+59m0G7uF24HoCYeXeffQtz74JI0A
0UKEiLmykSfXorReWr8k6wdTPICEYpvaCiymonvGp9YwT6a7WAzjNSS0eUuz5DjDAMWP3E30Rc3m
4BOX0afl77zxks0g6m++SwxQPQS7yrI+OjSM0FXAuTPFggQZtrhkgnzT19hpogHllBujy0ie5iyG
k14MdKmGg5PhRa8LYp3NTNDukQao88a4Me3oJjbJmoxGM33AYo3IXjmH1kNbGytQwPTrqMajuswh
EVLi/83MAqV7PzQbrlFpR9Z5Kr7QC3tkXbzcWC5Oo6BgZi36304fYPQiuZun/Dl5yjwsyvxO0ESF
ZdS97iXdfhAYxJ2CPeidX26u5G5Jl4nkl5Fse6S4LgYbx8cYB4I0BJxC55c0srS5ghAP28qkLSLD
8hWY5UNbUo0tMvrWZudaZyawXxg1ENWFFALn8gYWEEs1shWINX1CT/AmTAePJOIXuESGuOtIRzcD
nYVp0MBPCkxl3XAcsgGNX0xZoCP9KAz937B+0IoLy9sA8iIBTiZEsngWrcz6W0vF+obb2jaZ+Da9
SP2m7DHvlU5kcbP6aIbhc8M96FwGze84H+lXhQyfhfqIqaJgfPztp3O1Ncob3wTxGrn5I9waknUH
gcWnMAlfI/+8gWDoUkDgRrYvVqt3960f/A+GdNLsJzqDuKzPVkH4cfor88S8G2Hg3oiRsTFlTta7
DnRHv6V6tU9bAjJyhjQupFbgH54oeBFeCtcFLd5gROeCDCQ/eLCGHniGwV2GWS3eHHO0uQ3C/W8W
4032ysMY6aMo0kgXlTypzCvuREmOhCgEncZ+lBv+k5XLh5yF9abza0At7kgut7tT/W0VTsRyuT/U
JEvmmf14qArvaC4fYI5JGraCfVDBv3GQA2x8XlrVIbizqZ/TVerPTRV/r8wGuA/C7Aaf+wC831mg
aYcesOioSJYdUE2sygkha65zD/2fNNMGkVmGyLcyLVgctnhqU0TUo5+lx8Y7Ok4z3hiCrKnAuzVY
hW2Fi0SydF/KDDhjmWaSYik3tKgfHkKUHb0i8TsJocEX090cDe6tw1lNasJhScf5xnVGj+HL7veE
jiIB2k5A0hLuEhtDIKK0chrmSxV9Tbxd0bWYT3okcnV/5XrWU8SpTyIIgPW9J8f3zMleqv62hfdy
NdBJ2OZ9HGyG3mbNFMDGKUgeSwQIfAyvNL6Sh3k4QGs2z5TJcAGaeM/gC2DHVeIxAWQZF4Q55u7X
jPr2FZkA0BL0Rg6k+WQlRp+yfgFz90KbkR77lewQ+JM1sql7Is+oBSdkWIa7OckY/KPfxRTW1+Ho
mgcZ2gPeEKFvhhN4/vyWYW6TxX1wR5+RiKWpfE6Ht6S7Du3G23VMiZBohh45XM6rgikra1Qmncx+
BiHCT3oR6jjnw/fFmt6YN+2sKP9hYpgYEZ49hmm1dQbmLSp5dHJeTyvHX1NMmkkEt7zwXXSFWjjh
/vS8Gfkg+BkWyqfFZHmVdPkHWLenqkEm2LWkETvpW227bwsVD2L6gN1OLktNHdDm+8atnQwpUk5g
KlOPwJ3vhNtwhtQNsuhZGb3g64xdVIPVZkRScEXJ9MmBHrJBVbXzCmfXWcEpFABRbEJZCI7WpaSx
+KIsu9r1sq0pZjon4RRE0Xv99TxBIIyFey8tHRzvp8ZVVQRwjpMKU0wODzBDXcNqoLuSAyiPSWXN
TSwCIsAKUoFl3O4T72c5DOXWNN+buiPZku+xqGN73wtsXLUZ/BzrEtEKphQdvwa2jUsc/bsumPfW
fCObu3GhaBGo6qWAWs/6aoYsYDktHq/cJLo6qrvz+thsoo5SE6uuLzn01rNa6wiFzsFZH182SR1z
u/C40xulPE8zHpHYIqakovC/nfUzGCb/IFnXbD7nG86vs9L/qJzKR3oi054JD/9BH7psBuRdmPSA
GFf6n6aTR3zh4IJyMeH+LMV3n1IGcIYA5J8EcTrN/XAuu5Iedekv3iZNBsaVSqNhuggRYk/X4Tzq
DS/gBtER4Yz6uCm+p7Y7n5JCjGenn0YqOUwEl9mztmNUqTMt/56GG52R9aEUHai1qkYIrEsbiS5y
xGZT1EfEjFcRkUsn2l24aMoF66cuiCBMZBG+0kb+uck7kyQLe8GapBf2rl7JT6HzRIARM7Ukf/FG
W+29KRzP6was/HReEHqmRE8dQ71wTgm1orTFZt27HKvM8QEsLG0ziTuj1CvwKJwRYAi0V5+PLwdL
BSrCy9HhpSNfLdh5lYn6aHgsjpapjhndQ5pFykth9KquO+e6nNWUPsqFJsX8QEYAWi+6WyQK1Jhz
JPEgOr1r3XP1w3VP/wZKqO7oBHgh2s5VUFQefEdqv1ev83LJPDqbtsVbFMrdMGGzz4Ww7XOt94a0
iU6SzufQ+tC0s9ElcmiEXSaJ41qPpRF3znXPQox2ZfZE/LVl/2E5zrQrvYbZhBFjDA4H6D/N2/pg
PewCjTtlfGPIXPE66o36597fHjLhbYn4wPW1vj6jmhxO2a3V8oZNHT22btbDc9eFp6l67NsFAwTL
hAzTeXpnuTEPASzaEL/YZEwSANc4FkoMXqM7L9ZZ6M36cN2IpsOvoZ6ympEYzmF/Jq5p/f9/eRH6
QxK+JzGm6dex/gTMI9AJpszxmBEN4b+4jcLNM9ebPq4j1lxXVWN+LSIWK4tEfJrEwBhSQHLeLHEt
TFCScUU4qnbv0GehzqsoaRsD1ew27G4sG1ra5Kc/syl/Yw5EdNw8AqkiB8CqEpTs5WvVcZZk8Pri
CmbFkpk9nZ7eBLvKxzWVIBDDWYfT0TwckrbYWRQq9s7sXnesaLqp9A7ZwNMpYnN/g81nvXlYQhKj
bBWRaXilOHJSifVaWcOHkfMOxOCT4Jki/Z7RztMp5cwd5DnSADI5QAw1cOE0AqH8f4tG/jOiEZv8
E7QU/+v//O/36d+jj2r7s/v5Pz7Wv7z7WXz8x789fJRly2j+s0z+RTzy5x/+KR6R7h8oZYWLypv0
Fd/T+o3xTxix+QcSPsvixzb4JscCYfwPAYn9B4eEb1InsbTCI7jAiIM/pOXZQlpQhFdxyX9JQGKb
KGH+FUYsXddxpMWgKS1Uq1pg8v7zKSmj9j/+zfqfeeG0S1GbxOzl9fOYoj8Ii/TZpYq1CdFvtZTq
YKxR8jCXvW1ig/NtF/y/b27aMkd30Mj8CbFg0WKeWrg5AxDtcHcmmqEgItxaE4V9kQ84wmT7iHCy
3RVGV2+neKJqRwUgviETgSTukNlEQVGycKJoFznT0zROEJmsr2UY4RtLFmYVLiUQkWfx3keNYedx
d3bvmtwLH6q3VA3kDGXEkHnawjEG8ZFGisDUhAwtK2GYt01GPyEDyTNLuLptFn0NwJKzvvD6cx9Q
pEL4m7Lw7V7T+ClJQQXOwXCIu3Q4Rrb8Hoe9IoGz3RDn83tsxaF1NPUEv08+18ENGjIArPZkXBl5
znjDOleKEZfVkNOyEU67byfqRWYZNmADSuIqUxTAIbMXCjQZ6ZrGlJ2krd5IUPwdhxSfkAe8Cjk0
rDpNbBZMnq+GHLfwEENLFfatDDHKBSkpronb3mbO7Th1JPq6QAxiKvYOrCPSgpeJpD9ybaYM4QrI
2Oa02Oa4UxDb7uYYu2QaBOdKDLdJ5HbXlnhDbp3dMFu7dQxH3goJQHlK236ngBkTFzJmLKMaeztM
Mts7rY2jV7tdZ4Je5poeV9CRUjGYLiuZ0oPJmSZfXdsLKHXNtF8iVsfMq3TGaYHpTrYvYqmvBzUS
ulf7R2ppmQ853zS6d8oePwmXwDwMP74PJH57XWqQguKgYUIYYCZ8u+S5ccqr6N4jaOMok9i+I07g
aqrc79Iquvswqm+mOqivAc0QoSutI3O2fDsu/sGpjPklZMC4ajF/ptkYkJiD5XEEnkEaGkyMPnyl
nV3QV5QY/lyM9zO5xMR/Y7YxsnjEHkd0qh817RaBxXAsiMkE91xVG1+O3qGJf6m82ioY+Kyi2+Fg
yWLvlcZHkxH0SQqQfcWs8KqIIueJvPJ4NEBDgSZUNpzosqU6EI60YU2RWzf8CdWKjvMkzPngpNGh
w3ejh34gvGKc7P60ULPepgMSrTjOjuZUU7etaR21TRex8jS/TUzFNoONn4+MoFtTNr/GMuRPpvY5
EBVqhzb8URjjTWGWz0tMHbgvk1vXjwAxUTIps0zsTIRcJBc5uBBzyMgmLGbCHbY97B4VGrxVQgQP
1SxuK00qnpFZT+Qv2s9zYhbHqBwfAwO7k9UQ1GcjK58LgsWT8CUajQ8/ofiYTVSPHW8+Wal9kA2E
IKFXFJ3ZUv4sfxe0dZZWdiQQhQ7nC5IpU9IDjtSN51Nm9JXlbMqW+9Zctte8WOeRT/ktScdzVSZM
n7khQfGSbw35kyxRmnsnCF6UpYjgc1lASw8adlB01132GmTqZgxNes0LRTlBSHz2gxhEkmHwgi4T
xrlZ+LAeTHSsddfs2kpj1Pt0oVO1pN9QfXqbCB0G8NpyQcJA+OvVAJK1EO516LNcLLqJ/Jwsg7rT
uG9IixeMCjEhiQNWazlw+oUdCUR28FJS1dKrS29fZpbELkae4wThJmM2TyAH4psE1MeCIdKsvEfA
gpTfprg42h43IwjP+A6TY0sVL5oP05UdQLOy2+BUFWA5g+usbw6xmq4MUwvbgoPr23S97QVNalqw
mmu+eT6iiRHB64HMFiTpztcqr1EaIgvcs+TEnOlgMPcsTx37KfsyJEO4HdskvBJliqmtPc2Er2ym
zmu/0GTbmGP30lH3YY3uR0dr0aE20GGHhkAo1pT3s+0+gkzdj2hsSLej5lGl82udO+NVIjv/6duS
A93Iwp7YbTLGhw5XmPSAShAUP2GOmIlB2/jm2Ulz86ZEJu4653HM0rtlxv/dUxS4zUQitp333ujb
ddA7rDfhxVIZfCeX7WiXBaFXdsH5q0zs3h293CYDic86yhDhdpHeL7ewnkyPgmkfYmVlPbIVYgGn
UlG07hyYPUn5tSPgGUNriiCBvkq6JRKHyFfhgy2SvflmDkmzQxJOWozbQoq3EA76LrBwCoFxiNkJ
D9uV3W2dyPndiPJL5nHDmAnVY+IKZ8Gi12T5oQVRzGyBQea34ZI92RXr3qXDpBsq59mxk1uMC0wa
m6Y/GiXXMRORw2AKl2UcPByactuln/dgoMzZKbZVgyK/LjLC+ugMpB0A2/CxUeCi0V5snICTqBaH
KrC+N3GuCA+a430Ug7027OHUmeN8jm2LgC8hwGT5z2ZlocuX9rL3OmOCQDucFoTPe6fG6urmgJIR
mLEPTpzPOBLVocmYeIgwelRACUs73rlx/Tjly6lKOeXmEgtxHCY/BgpEt5Fh7tIezESCtYX8Rvov
DTqBKHDuiqA8Gm1GmcCyUNIEkq+580cCWsZ3f9CVDv9gp+HPaJavwRz4V06DjdsrprNJrzlr5vcM
jvq2cyLEIpTIrMDddlEGKwXGCDXDTeN9TWb/3YuJI+jVF0JcD2PWPVju+DUaFixbTXtvpFRzp3CD
rPe6E+m9VrN0ZWqAJLk1XNaJhnBumwhdZUJy0EYO3a7kXoBGi0yVFo4aOFxEJ1jh8ppc0OHkKZAn
EVFlFD7aN4KsCwpiZLrGZ4r4N1bdMB1xo31vp9ENsUL31TB8IUCPZNbJR77OyUWoAsXMmLB4Wpob
M0UDUlVfVU+rX+mQV1nJQ2IRbBcQyuDM2S97agCDGM59XQ6vSwq0I7XoyQVetx0naV9H3QxWht5m
HCHBqykeoB5aSDDb0mh7Ih3mtWyaX+jj96Bbp20QikMUYKTOWbMFrNO45g6hiUMyHsnjijn7XDTD
CXVe5lY1iiEaTSWXk0DTQE7dmQS+14i0LOfIyI4uQqtg1s3Ysfrsc9RSWUYAJBZ+wbXZ5GCfxums
dJXhslmPCV2DWI9xAjDlFNhLV+kHUsTmvG5W2YdCy30yIuJiQPimHmbR5JL1zMWZnwb6mkVToJnV
rfqFcviOMDs0bSjfTmn9XGQ9Ge+JMnCNUw9qdT1o3WS6ALXurT/waoCf6xsxOtvPrkItqwiqAXur
Fl7MHWpW12o/caer5mL9jXWz/kbbN+8eeZC7y6HLc3w+5+XprDpklKznrD6lzduSCudcDc9RYgYn
IW0W9QYpAFGJxbzQopn1F+QymwcSuk4SNc+fjFQfKjrqEf0yV2Zq2KcUebXGY1V8KF2rVYWkUbnu
rgcvm78dW5/hb8fCpN0WraOOfzt+eQgYuSQJDZMybTzA37FBP1GrnS7iplqMEnm5PuhK70tez8Fu
1N/o5Wtd07I/w7vXrzmflFqY7fNLYhq/FAQ070hE4Jgpo+rYuoHOJvvznFj3/vaEKiNMXsg4+UuU
+BodThr7n+qV9WHSAodXEsLYJbD7M8B7fcLPXS3hsbNK5yyg41mRveteRlsR6VlX6MGk/zWsjN48
trbLOHK1Ir2YNys8V1T5KbJabFQS6T9aF/21fbJuP/fXzz4V3M0BTIRbs0QwfbVqeWoNvl33LvTb
Ed1zTRfHXlxon+aKG153VxkP4oaD1xBNp2T3db2M1o2UKd9Cra+o0utoMCYsaqw68DYLQBHC1rmI
cBpwEemH656pH7qUyczN+jgY0oyVaLcLSymOTl19N3CEXVcJOnPSoo5z1qoHDtMAq9ULULGSHK0d
krcfbUNOGxCzJ6u9gQiZPfmJd/BU+E2FKj9LY0x2NALsfdY1al/LkJBuouZLt34pK8fbEwr3WDo1
9fSoJOGvmhkueyfT90sWc4LEuoqMAoQgOMddDwZdrMutjZ+nx3YR77alCZy92DroDSi5S+fspeZd
0+fQ2WgjEt0TpCdrYhYRZcbJxwW2aUWbXY899jRrCMEo2BUjpICP1UmW1jX5kedQwkjxovrexKRJ
zp593U/D98HWIJMavXscqXaX5ggymmjOzmIsf3OFUzDr6pMi1AWVYRIfe9PMQY718xYKZFx2LTp/
MPWhQBw9G7N7G/g0ShkVaCUPyZ3taBmtwmY8EkpRHDMbLYHujTKjABF9MemDMWdoWf36l4N/+51P
N3/CDe7ye1Urvivl1xvlBLeB/lneCEpd6+4y+P2+muyHsKLCvPhUmC29WR9+bliWbNBEM8736MRS
ljMoqRd8wLF5EPXEea/VYY3gMjSG4GEihX6/PlE7gs1e95Rmo2dqIaZxerj8LKTCjEafts56rNFL
fHMW1+sf9vqvL09xeVi2qHjw4RQ0RWyGsiyM8+MMRndlEtS51jKtu5dN7qcQQ8R4SjEIckKVKDD0
pcDJzjWSlxQsM67y9djlB5eHQqHEvlJlVB/6tX3B364/jbL5p92mJjeSfxyq21pLMRjza/15rZ8L
zUYaZ6F7XSOp5YwW7k1uWD7CLb6N9XsQfsIP1u81AlEDX0qPxrYetEzH+6rr05/V7s+ara7e2jHB
7oNa/M0QyHDbF7w15UX2eUQFdPSZOHlaA8q8vDqve4FuIvztmGtbMIZHNM/bytUxELyNUg+/wbi+
5UxdN1Ik6S5cHqsiSU7GQv5hwiRyBF+jFYH2qh7Ue0NRzIfcGI+Rbne4op4P3mAfWbgiz+TSoOic
wFpfX8Gy3hAr/drWF6hGyvFrM2j975OYSbWsnTtn1YPmRkvE+I9Zdx/Gnmzh2rQPoR4lbZGovYtr
19Hvde1lqjSLuuv18ZRPqPvbMMDdOUVJDm2Kvq6MlhnxpppOfvbRaYHmukm7wC2OvR4RzMJQ7XVE
h/4QmPl51MfWTdtlKR0TPm5Liz/Xv1t/0MMBYORYxw8y2xlF+kzN27jg3PrLb+knuvzH9X+tf/7/
POa3Mc91eYZ1b/27y7HLw8vTXF7e5VjacLGGETWzVqZfwsszr78sCV5g0ra+9svfxDnZQotl7y6H
Pn/FsMG5C6+DTYOc8Lzoxlo9RGKPXvR+7WNVpJ3S4dTaFT2grS0sildxdVwbWevBaplex66LUXqk
4riMuJW1ULGKqmTrKtQo5nrKrGfuep5cNpP071SYEC2xpIRAjI8pltTPLl+CnAucA1iXpdTxByWu
gqtOj8N1KhlMCLyqP7tpphqeR1sgVvTnXUSy+mdvSpY1aGYfLYpfWMmZt7B2tZyiSU6xqwjYNsYw
xVnEDDSZrQcr7wIaDguLAgyyn70sRnF60OPidQdl5ec6j4dDQsKi6jBe/Hdj4T/TWLAwhJr/v8bC
NV2G/j2b/8WR+vlH/0g4tP4IZEAXKtAGUvviSfWDPzxpS9Q9jidcl6X8P1sKTvCH5dqBZZqmI4Rt
mX9pKYg/6E8ETuBZriVM67/mSXVoW/xrQ8E2McX6Hn0L+q62zZv9a0PBEU6MKiaMzuO0S0vdu8qa
mkWyIPCwqsPbMIjO6P3U+f+ydx7dkWvtdf4rXppDCziIZ6BJ5cQqks08wSLZ3QgHOeP8ej2gLfmT
7CXbcw9u3XsZuqsKBeANez87852nnBKFG2kRM7B8SAzS4oxxOhYdonTZoAYyiTheZbKc4IwhYsY2
gS/TzmnGKT2hbBDlpdJfyuhchqA52Hqv22ShCVqSO9RxrMc/jdglVq/Z4fz7ruf+v4c1/reiz4lU
oNj5l38SGOP/l9fJO+WSGcL+xmF98p9SHImcm10lAu8Y4ntZkGy7KVE5fB4gPuGiQ4aBwoZeEmUv
l7bw5za1THjw6bSbQensUFjmSxHaJ+2a1R6UR87+MCW+qmFa7oWM6O1lMWE9e53frknZ/lUY5hdj
aOf+54GsIG/lycnchpIJDcDjSYzHhPjszK/qdVekBTuYIS93s1bj2cjK44zc/IAuqSaYGA+NGYrx
LNmE8NydT2VjCGgUjRHP9+lnj+wtm2XJdfSUk9zx78vjthtNsCmlf9TGw//8svSbBXgRodTo7E0r
QaPZi8j65yFOmEOHrLvWaumvfx6GRWhgh+HDlJQWOdUdDjTLy9NdGdrv5aHyxZ+hBJ02OxEp78uS
PoLhW5qJ3KbLtj7uec+KpZIgs8w8VUaEA85DvlMqhgZTH7gIH1BcRW6mvy0nZ6RSPmRqUic9xsEu
ybNHVlPhqSpzIPGeXW1p75drL//LyFz+w8PP1wwusa0z+4cqL+J9Yrf30/JTLR+/RcAHBi8G95Yh
XikzWiwlAJ36Fj+8KtUcgYRflgrSOdUYgU4//zVrNuLtK2alYddZIM08F9tUVGSYcOtDFenFZDnG
wymUCB1aTofNaEzE7iWJt3ZsLYEz1J9C4a/5Ebb8SFxm23owO76kTbHLWclfpOc3KxEPJPIuD5WH
ncTmhnUeDOzFfdkiVan6l58v/TxE0cQ3c22QiWI/aHMRTGfEVzMX4aEK/lqLJyArsN9FzkeloCiU
iPhcPlS1OfmYcaFSxpgLYWu6FpYJ0ioafU5s2W+H2j43ZbMEpDDrS8RH4L2bSMW3E2JPuEr/Jqyp
EnA4pQ3I1aCeYDaSHrvKQSiQwDuvCuwxGr3NcP6pRiIf1Vs5LK6ZVr5IL813YZESEs0Nrcu1d8Ty
RgTZzN0ed8lTlDY2nLqMScU9LuYExJy6y/o82dcy2gBrDg5CuuOKc+Pgpwg5jWxCcGRK/mqEKpJE
PCZfRpddMtNoYO0C6jcavPNF+NE7vbXTYQC8AmTZnoEzne1SE04mmh2rBkhKtOXDT3FRkZy6ig1v
2nrM4ebRZ/WEeEJ7EzWb20/buM4Ayc2wWWJkk6nkFGUBSJFRQjYS9S7oITE7klhErz0r5s8bUXUv
TdJ9wuExTlN/mHRgHcNgWhe9P5z7Mc7AJtW/omoezlgHMalVO2MsnutcB4yh4VP8iFg81CxOHmzd
aJQsXat3e4ztnaC492uXGVQUkwpk2MDfeIv4FEsIXBZXPKsuXlDb5rtJUXEP0Tf7IP9ULw8ZwNjR
nI9Msivas7Jd/1wouWHWBycfAJgRnqWn/KH1e3+TIxtbOQ4RJHnx1GQtJWCMmrorScNWQQX8e5pc
qOEYsmxss0Zrz6cyEPZRRs9xhX5lwjDmdeqvjKADz8xMVEiOtxj+pKW5G3WU7gKRXrBlxWij5Vvs
O+vCsqwdMa4vyKnKYzxWyKVC+CSBb69mNw5PQcJoSaTeZ9fa1MtLGRnXhkAprJ5GlnlBbT8XIqO2
ZCLc9fW17OtF3h3+mf1fTlR8wFKptxUxK8vHnDbulCVNu/dIlypM09vWWaRPkSQuo8HUjsAcY1rb
eG+Gp3mWkPxS3+n4PPSAkVvANn2Mgwa6lkBFvota8RImRnPgOvHo2y+thYRnoBFBnopPhw/E46Aw
8Qqw+1qwuObJbCvUbNtOYCcycMsT731Au2gyqTX9ja5792rhN2fdAUihMMvNTGAIB2d0lXtI0EOt
SencZobtrQupUTfOAHf8pjs6ACLOhf2YTc60YYN1l8f2O+qAFFkw8Y1/vBlmcmAQ5tumCGEIWJNW
4d55kL/nvK8B2pCVqJjVryp+w547/2rZRgzjgKFGqLRGK0O/WppgD4RV7bDjAotQArzsLL+mtNwl
hgofdNT0mPtJC5TucCNanXxDdaxh9+xSxrTuUrmruC4OGJ4PDZEUXTUf0hwwqSVDQLSZ2pRJ/Sqs
GHanJFrUniWOFsqXeGi+/AZSNyNgoMqTAR3eSLstqeQaoZy3hIRiGx3nbWCWsGDi3jqUob6bGqSp
qiYehISc1mbRZ1fttNWG5HqkoXF0yWKxIBQmk/W4lj00Oc1Qs5yNZ5+B8koXhvHgtcv3U+9a5uIk
Kr0OCH8xvO8wjPh3Bd+gFYAFPH7e6qoIjVAyH/y62vZq8Xa6okULwHUL+z8I4+I9ManMxkfIOVhO
S5uo+yC8Hz1R//Kq7M7xydJFyM/axGm2jU0UAZeynd2Vt0l4+XMBM0KoV08iw1MeYq4Emcx2aJp7
XRKyWapTrAeTHTKALMACI6t5zvP+wTSbbG/0VXnuhw+3c1+SDD8MvCT2VAkfS8tR2MM7C5qP1AQ9
E5mU9OO27Dj8FcHDDOi8flfjEHBMHBA1Gb+XmortNStvbvwYAvi7jVHwTpZ1s0Hn0m8xqip0rSBd
3jJZdWsHGgUiP9vZixkRnh/4b6mQGD96YLZx7ln3c5uJ+zwe904ZvsUJJISqGp/qEYkgIom/GSOQ
ck7gxwbmLiVJjEirut/MJbKTzHJnqPSFxxIAwlj7F2EnzoIiWpG5ue8CF4hkb2+LApORTpzys2TK
vYKUlnKPSeVhKjFzuCrEGZy1+G0NSuA+xBkZRd3FlzW3kCdH5OLgVTmJyPVdgN0Mo3gtifQ5BqNF
BgIakNaMxo8ZVPQYzC8BkUXB1MOp7o1N47V8Tl2N+7vyzz7TCISUv1vmbnmrizfHhQJbMa30nPKu
y7BLF0ZbIFMPQKUre95KP/Y+fWCMDCh0dCiFcyqISV4h8CX/C9s/U1S1p/yD1srUK3d5YCqb38El
rztMN03+FciAJBNq97T9zUH/VdrDA9zNeCWz/H6hkrMbK3atSIFNMuxACPDc/tR5UUrQxzIAK4jp
kfOXXjDnlor3rCx2NcYOPOcPvoZjWCD7yAvTWivFwENN8haFBWhgGzv/lNIwMNz0iyFYY1n9AwXX
qiPvQU+Bt+kLcWcE413gsZUqO6wyXSx3IuyBHwbUUuqNeM2V4aefXgeiN3bs42B0u46nvEhCWLnn
7b1VhtCAx8iFtdaDGqnMfh8aYJOZapSJwLrcsCfwM3gQoilfu/k3e05MaIV3nWvZEC0O6SHt62ch
ppdp8t+KKvxVCoIz0dp8dahQd77Om4OcXqqCzJDJCQ72HO7hKeADgPOGXWLtN0fy/uDk2kW1Yka3
sdsJJhvU1dXouMGKQj/hdOpYBYt0O1oTssS2u2IVPkQc5V0RZMVOwfeKarkgY8hmctuzrbOXuq6u
vu1sw0iQLmWhR8EvfHGKCI91IYqzhVo7lsGfsv8cW/HM/WZvS8SPntv/rVgb13ri85qw1Wy1JtFF
G39J4h53UQ4wZsRWYRB5JsvobKgHTZn9CN2IsrDxNkWiHy2RPKZNjtjAjJh2u9+6eIcLliNfoAzC
NsHncLxEbvUYo1AzMvM5DzHhMgkj3y2Dp1ulr7VJdok3gFiLArbOKYvAmQV83OXgi0y27szx5zji
2Fr6zH2/egjV1XKP7G7TC9aLr9FSjw1Zsfs8s+nk3OQOzA9bdeXdi84Zt+NYcx2ubcElhUmdxkiA
6nciPPqgPdnvRp9hj67VtK8rZCTKBVEYWqTRw7VBTQwXRLH5nTNo+yFY/I1tWuUmiQbAsrIGypHy
VpsUklGQPtdZ+WC743hsrPtRUY83vGaXkMW9U/hgxMGbe6V7NqBv6npYh9HSVeFpOQFgY+CfgHRv
YZyS9zthTtzYOrW2CLbefERWEzDhkKTtGlvktol50VPuoDrhWtiZOgNDIj8cuxJ3LZIjTbwTY2EN
m+lWTPWLQOi0AhXKUDhyuZIzGuCO+ac3DrMt1aaCA7Xvh2FVVGTRStOZ6OyMxzg0m91Uz8HekE2+
037GUqBxnhC/8JZyLWQKzbQUtZOcMOQVLbYCtfhgC+9WGnZCLBs1MQqla9DDyJh6lhYiEZ8RuIKt
bYlbobl6Bco614b7nLGRN5vgmwXxg88EfI0sx0ZDCERGqe/U8t3NkLjvrgNx2Yzxz8qSCBmLiXBB
vYsRNnF1gQSMmAg7WtcVAP7M8codvRl2C2e4cnHUEZVjZAHyT7prxlifBQsWg+kvCr/3MWGzEAnr
RTbMQOb21Mfjd9VlFRyPA8jMZC9HN1wpcpu3XZqAHRqXosRyHKI5sm+ANBeZy292/OjOaRFLtHGs
qY794qqWRk32A5c/Ydlnv2fbVP4ds3Z+YtBdrpCoEyd0tCOiDvPcwxaZld9u6I5b5c33BoY0JgDu
1mqxrsfukoijvb03aRdJ6MScXCSbKkSy0vSJg5wTM2KSJkckKOk6NmFDhBI8CEMrLPOKEt5fZv+2
q5KtAuLMPLXbM3XHbSubB8AXz4WdBIAWoeEp9VgV1R/bgyhOLwK5VmzNnePPH8PUEnOR+pz040fW
B7+SxoI0rK4iBb1Bbinq+1KGWJg+fCp4ZAPcwiYfNFVovGWtZodL45D5xdpp6l/8wZRNYMO2baDe
zHbcEh4t10xep40ZUOR1JdLTrpvAfHXvSTYWxzwCLzsbYstpXNDqUkNHF08hFyzCeSHARNeeXg6p
E1apAjFgFcN6ZW68nk0o1chtgDNxdTcGmksvmxHSRCNEYSpsV1YDAsMg3ZRTn6Aqq55MFo87OC0E
zqUg12M2hFmor8s/+TGTrFLRXynCVCu169x3Joh8XKdk3c1g7XsKkrnXbMDit9KA1i2N8gz8M1hB
GctYQSGDLBUVA6cDZUFPNAwGwir3Of2XNxIk6GtwGSqWfKbvIdPL6MBF2OLPJs7JbScuAba3MqT4
cDQb4VChqB3Liq0MGGPsLH9Jev9VweuNsz8Gs4B6Qv8BLANiouPeu6Ykx3zoyDRzWdcINsvU9i8p
gpTADZ+ljVFwkuT6UESu7QaFR1yGDwaBufYEHdKlLSKvLSPAM/iNpwyIwqMcJFZVTBVzSbkxFkjP
UmT/hWrDVbKkeKNAkqRjmGJYtsXjxM3xOyHdflMKEhwcHzt2qwS9PPeJaJomkBm8b+FocrKBbw3b
MMRA5czM3WCEm9UEZ6b2wAX1NtvX1PbXo4vWJmwlUhbCHaRXfUnBCzbi5DFczshowBwgq/SMuNje
z2HM+ERwQ0pfqsh5yQZL7SdZX6rR+B7Hlnts95Fg8E8q/4DH8K5xYZXNd1xDht74hdwcQWSSP83R
rfIgQ+Qd/NdB8mPjQfThtZlCBnYEmCK/+FCK+nWn1Tz+pbSIjfoRJwzoLnfCnVRrMtsnE9lbIEH/
2vQhZzS6u9nmDaTKf56sAl895seAGyV3PQelAceuQQ5DKLp9p/E4A1gGJlAjyQtK4EFj+Je6argW
cn6suzA6ZCokclayhzVApDTtoZXlRThU8zC0p4O09DM4il+AsG9ol8xN7MV/IMntvRLQyDi7j25W
vzix85CC7nT7l9J1bq2J7Acl+URN4U/Z2fHVr87mbBmo+uNcPBKnBpMbX2Ae4qyO/LOEdYGkg0Rk
bgxZ+B7S3Rh9wqhqOiPWhWoL8LcZ6VpMKCB2fuzL/iCN7mYu55pd/qmb4rX06SX0RMc1dN+aRGdk
UrgQ6crvu76ttoPsnppCPIfWLwPZLmxB4y8Kr7sA0ByfReRBfHqmTZZj442a6VvhuPM1INzBYvXT
GJ9EiuOeaxHRidz+omBbjwmrnr6N3movObKl9GmicaB0Q3LfsuVKvb9iUFd8YszKrOgztuV9SMe5
ePK8wvlrGPmvcnnNxtg9e6Q55T0X8gCxPhwIsvE4Ums/xRQrMtadRUDuBzuoeNxh4/ttOdMx4128
VuYdO0pxtNPqqChT10UThLumkNYOiFC0pg/eZVUy7qaGwRnzfTqQbElen9E5t0sWe7akss9UkktK
u0vuh0jIbY+XBPdoiXKnV1iS3Rn1vRghWe+sQMl3wF7W1MjOPayhR5ZW5GwAWoIJaN6iApUzqDus
lOWG/Vm9DoiWn4iYZ41G5PKSOj8t+fPhkkSfaesdHq5aDUtKvSKuHq4k1gFBgv1ktmf08wXyXw6o
0uN3jhCYQCq1DUoCPqqR3tzLg4YRQUr1atLTXUenflE7CyA/jbcldmbivAQuFY2B6nI9Vdm1VgCc
bUN/ZdVkbAFGkC0zFM7KopXYBQPZigmsDqnVa5tibzTaxzrMUCfDTv41gSmaJg84Ewj7Zfp0AB78
UXb5M87HcheDmHaoddfGA7aHO6vCKz0XTQI0AgMGGQK/uziSaydxLGTaU0xAsPLvQop8ai39OeVy
OoZp5lwdzQehDmYYyY4+S9LySMtO73AAABiFJyZm7iFcQfMuuCE3p8XoO/JLbNPfYyAkmseOxnWo
rfnQHLJ86q6JRtqn0WLGve/BFTAP5gg2s1cVceV/7RhwheyQJGYzg0oYporXbTO0BaHcV1NKPc24
WWpHQBsGJ9qjwsXZscNhhYB+SO9ngxzrMJqeRuA0m9JKXPZEi5cFOB7XuGBVF/xeNZKuWUDh0Cg/
AIfJaZMH7i8p0B8nxMWB7TpVXTGfqZK5fM09ZEy/+Ury6XfFWAZ7mnvyq+w+K/B6DHqodmjQ3b0P
7nAbpv5X4yIE94PwpQjsKxKdr4nZz7mGBwo7GgfINKJDbQEyhGIgIj20UzTrbXqHt3Ltkdh+YhL/
CU2LIGEx9WsaR4z0Qf4nnV0QITZTKRHQETghoSNGlT20huXceYr5HOPrnUqtbM9LOXR4eR7HhpMb
MiHC0Xq8mkb8EhZGcgqq6bNL6/rSFORxBRFGd2dCfuajjbYN07zF43ycp2VYiTzXRGzcoSdEGw7B
EBTryk4HcAOzfUtqQCwFuQSctT62B5/wHhAOUAghiKWpMz/O5c0Y4pKgjap/SApzazbg2b2u3rjm
MS4c91g0fxv0rBcO3u+xTpcMNs0yA/djYhkXH4X02Q/ebHYi+1ZR4vtGre/61n0ehV3eZHUtbIGO
uKcOz/emyTohj9SwHUtWTWAbcJ4ODWfoDRFWd8Itw/Xb9S6MZtudHfQlp2z92+/nx2hOHwG53HXa
ewNHhoemf1PGhIVj5IiiMqDTniDVJX/qLnceKtE/0y6HJ4ALg2ZBOaWkJVUJqCVaeoToIzCxvtyi
99ErQ/ePThndMzoa91wKwZaTF1sMRrhzdfAUSoK50XWND+2Y/ElUcejokRCkc4sfVfkyJjEDL05J
WGSfhYL5tWwLN8lI7jBCrrfEK58sjJ6w8wGsZB23P5uYKBQTdCjKedAjLkW6uoElGP7GMEleK7YE
u2h+jbQ6dxFDVF35771lAxgg3xlSDbXdTMB5T6gBFUQfUBtGi4wwKWoUCyZh3AmxwhZ0G0G6yXEY
L37HHDNDT7KuApD0cdiefKXibSPgPWALv5tIWnbdKNgGVUusDLkt28wPgw0Y8kOp3B0Wigj7yHgd
cR5gOri6JwPJxSoNa1AqeNlXwvcvFcp933lsHZ9YQkbg3tJNxmra6AgBU+D6Aby39o9j8DzjlIyd
ISX0zHTucK47myHQ33mLvLtHH2KH5RnOxRuQBxI8cUH1cOBKQ7lcE9v44PTevTvOJcslWEDCSj0W
eZaBTYiqPIZECk1CRyVaSgKucxNsf0nusc/OzuqdmXmduoY6/6a5ivdpAlbYk59ThQpPVKVglAia
I8JQ7Td/snEg0idJMD0JSVSH4ZDiA8wpt50L0IhHpWjw1GxzeqbDLZD9R4RdaWgBAc5G8Frnw2cZ
j/FFse3eyJRtpygxZvFuDXndsPeoGO505sC8vLwp2uZt3Yb7IPbMjU2q42B38xFWerkaEFBy8KYn
3/1Qsb4muZPtWL/1J8vFlMytRKii3vlyJsPVdL1DlLOWtgE7GVNEuI+uik1Wlb96I3mp+vEgndlZ
MVjMNgNqzDRnPJP2y9xeI23OWsIcVci63psKtXkvGVW/xoPDby9WMxOeTNLn0TU3q/HcdeQaNkuG
yohTsBpJUlXlJV9YnjopW3IsamsjkvFxVJF3VE8wB/Q2xavgjcShwhKcdp0Zk1puGeJhJknFm+Wz
ypz2AP5ObGozxs+FbkoIhFPc+b4pG/SmC5JyLXw8RHXYbhLGzavEogKpAKmuUj9/JF+G4t4F9QLB
ZMFvuujtSvU7AkYBvsh47AhI4X3xo3tfZSPBnZhAcJXTmD7o3PFuOqkEQb3+o5tzN5CJviLLJCoX
Ssng+OSB+oIYFAr1aSIeJRQielXdren/htTmD1oU8toaAKPtsONpEz2mAPv3oufj9lD6RBgM0Gy7
kLHcGNntrTetr3yes22ijFvbD/2aiv9iWNyeh6yL7+pKHQDNbkxnrF8aQswAWIj9WCzuT5x/wr9k
Q8x4W/5RhFX78L1NzqbKqe1thJrJL51DtNCxewsb6CwKojUDOJtBisbfgkpObI7cdGUabBwHuEhg
Wrv+NdXV36LpKZG7bJ019rt0y+K37eUnN98S/F7epbFPIp/d731t1fvG4PJSNWSj4rwArBnvtOvT
FIWU3iNS2AnskeBykaOgWRva9DZDiXW6SUieHMfHMuTy05FQGrnkA84tOgnosV/Exah1N1ggUFN9
p4yWMfws1S6Zh4sLQXGXwjbrewWAisaB9Qbm1TnCeVj1w9lSet/3rrr001tTtO3RpDaCLZtsJy82
LyqHwZHnzPXAq+K5cYLuTBZOTEsKV8yfjQ9Gxs5pzPWDN6p5M4z6i2qDqMbmM8P4sO4g6pJpQ8yd
meBazyDzisnZKyfl5jdb+YO91Ddeh56jbZJtNab+1WNcHs7c8FKSYW5TiImN6KM9IbyCYAF2a9/p
kjTgN2QOpKHBSIz2w1ryCCTBBD4BBRBS2DZ4aburiuwxafU9lIbhBrWX9Eafw5nW+ot15Z0PKeGP
9s0jPR43s2g7w4zbUOC0j/McX2AzbirX9b/SFhFAH5A9bpbRFQwD9z7geLSM1jZV9s5c3ErcNYiv
1N2NZFYOn8Upreq7JuHvxArltWawYUjgrnLRl/ciZnTiJ4a9zepgwcVWB7buLI0FU+0CJBNzHgIp
rOJdpgUO0RxmtoBU2qWXbLLUL988gdzJLj8PhpHmF9fHUMXUeBNXfBZaNBwUsS1bSUV+uWRCAB+q
PzUlzXySC6SCbQAPmiQWkfnDzq+8jwSk3aqJtX0vzZqrJntFVANsItraPHeT+xZ1xVkirNukcXQr
3DR/zTOONfQu1qQkz0QdDrRp2XRa7KvE4Iln5Hn2fGtYEaL+peDCr6K4MrcTf3JJHBJuK5nUT3Y/
Y1OtpLFhUpf38mS0DL0CV+xr1yOpdCg7CNvGGvWJv7J9Nd0rgUNqIgXbLaebF2TlXhFirqU9ooTH
uuLMf6ZCs7dkjjn2/bC1JdsDD5I5iG/CpiuLKPJ4pkBpmBA51nhGl6L3kjTiSAzpNTKCRyAvTK31
YFAmSwZ3HRbA2etQ90zDuEuWzWEJ2K5S8xZX6FG2YX39eTB9BPjghgbXTo5O5cwM/ZFvV/BSFjWk
gy4sbV5jKipvHoq9CYNnXcc2ttUgvPZma4Nm6wXB2+NJ2YxcbXja6wLmxyrw9VG7trzYZD7romju
QZMtxTI+aGqnqWMDMkeHoCjEzkJPMEf6DFT1Japd9yLiJNqzaUffb2afgetgUM0qIEfE44APl2Ij
xvS1ZLE5Z8rc1oO4TBMXprKqj8ZL6qDdqIx82DF3Hg8JCSIrYYecZHqI95k1sXkjyD2aqLyjcYDN
Iwf9aGddQCikfYl65YOl1t8BtkXhvFQ2ZW1F0HNRQajw+vySdgF4fo6PreQ+8fL8RKbOfUSP0Iig
3kr0oGtC34yDO1V/bZX89msz2NWmR2qS3zhbN5l9JigOp4AuK8D8BtMw9yvLJUIbUJqrAvmZafhY
ZpGiFBH5BcoDm5YwXSIzs8919Ctl8ZiCG6Is5sqYPZNRMF4RfwnYasKNCDyy6eiKgLB56gHIMMsa
dkm6IXusWoaF5bwjaGtat3l6qAQHvaVbgJ7MQi1p+JU+CnZi8nadxgHNgozx3dwa+7ZGHljAb+Qu
dsXMT4JvjyRaC4CP3BJ6c4g3TcwMpeoah6Jug5FU7I3Zz3ain3im8KCxfRLZgMG7oDww2OzumvIx
SkK9k0niHEwYgxtjLt694Mm2WA2Zg7qUUJBWYcF0g7k6Jg4XH8tHngm6bWZAspsfafnDY5eyjbEk
AocmFETjNM2jD0chTdsj0xZgKyle80m4pxGD5SZhHUGPDONEmfNNx5lcpdlD2RZ0SlN8ipHz7aWD
1RQvxsAWlKbXQ++HzViTTQJdwJwRfHfvngqMg0kuZNgnxq12gVuHLtddnTM2MwNvWzpV/DRgj1oH
lX5wpha7kh2iwizhDPUuKbq5lue8T8LDMvKeqjRBFOz8ljO9fYbRchhLa184mHbQMJ/SwnpRVprt
aODnk1wefv7LWWjQnReT6qbNAdgbAVHM1rHOLxDYn4cfNQbShAGzBgZ2ank0Ro2dwo39UezTcbDw
STDVVTH9FOqwgmhBiAAwqpZv/Xz/56Gd6mjXGcEzT52Vb8oRPUko0AQkt/fx8n8/X4oYR9eDHA/p
ompLSIyNF2ivk2mWVFwzFpRnhzHf2+qSPHIjXni9PKApRACSuiZ9GDlAP4SmH2DTz8MLdKz5FCzq
s8JIn/ymh2Q3eJC0ly9JSY7C/9dS/99oqYUj7P9SS32Lk/IfddT/4xf+TUe9EFjIzQEE4DMb/5FL
/xucxfnnwILw6EBEDeAE/COcZVFfQ2CRtuV7/MsFE4O5v4v/5Z/s4J+BPJlW4NjCY0waBP8vcBaH
P+g/KKl9PgoBOxrfsgP60/+MZglHIxriwmVMAp/ep9O+hZKd/eASuJdH7hf3eyDDX7QVj5UskUNL
R20ARb3VMiAuwnFAZIwROmLy2DF/raqG70ubsEp0VfcZCMO1NU4hE0+fDGOAIy6rt8ryqOkHgpat
MSeILyToj3sGRoNYHnV6hXyEHjdbhCnmu1KIdPwiCFYtHrl9Nuv4kFuMWnUriBTuxfb/ILv+37wl
wuQ9510R6NiXw/KP4nLZB01ojdJhjUGuZiQSew0z/8qIed6XhkGYEBk5DH7C7aTtqxnFB6HVh2F5
7gYJDoxlXmlXSYI7ZcGriS6yojNuqakWayXTV8aqkfTeZt+rjv/1c8fVjcb+PxzQAJRPYDmI9k0/
8Bz7P0nGw1hA5OiTGk9y+JbXoQ3VOn/I8cpCg5DlHjrWrRhfCzAHsFTY+Nd+PR6dJngt0cXvUfNB
Nokg9Y7jkilUCnIE5kPfqS1yUVYObKcFIU94kb+GCqmyLQwUJgHZnFE8rVo3O9M8QNhJya8U+iGx
WAejf/qTuwqaddid6ywhOKmczvMQvTqCTmhEiRhPwZsYome/6ggZTayjqauYzv5oLWp1L7iPYgYh
bdX3u0SqZ02bGOoDOC2icFiyJIH21ka7RWdK98LIVSXxGmz2F1VyjdB9+F60mTXC+JzfI1Hhhiyw
QVBtcLdE4LDyut8/vrGMuUGQktYdZTjnYpEf2K2/Ytnk51p2dSU+J894qeoOlrEwvruekLnY79wb
KYsHjBNADgYSkbswZqDVm5d65NOCuLrms+wfZ8d7KkSHSXjKq3XHH2KUEe1h7zw4efEdhTGl2jjs
kQNnazlbn2p+IkSAXeDkfAbx0QrwaYZ1d5+4wdkxUSrrpmdVn6PLzQOY1+m71t5WhuwQy4aFPUpy
JMJ5e1c7mvYnRjwL4mFPEMznMrJGCo7HQeuacJ3mrcL8vypZ+qzrfpq2dSlgb4Lab+JzLimJ8q4o
Ni6axnWSBfYNiVK9poWxQ+uCZr5/UCRL2IFifyK2MIMIEmTLA5bplPvdV9gQaxRrDUPY2cVJ8Wl4
OZVoN4LhNodiBz+ZHG2mXnM1v+fDc8NgYZ0h9K1moKhd+8Xga5syNPUDCKZDV/xu0+RBxESGWkly
I6bE5H0cXr26eteMrp2QZbo/Z2vN+CIK+g2QinOlUX9PpvPmJ3TOpbirTTItSkgwyYyAiixeIMFW
tPcrCwak7hdIRQBygwmkGVMBxAQ7dsNtZrKON+ASl82+I54rmMZjq5pvXzzAa8dPkT+3VphtI3P6
NCx3W/c9/UFKFBiHJRh5wIE74biaorIGtOB/xBSIrGz7o5vT/ZQlK3vTeQ2U/5Sp5OQY+pJWsbmN
J3DKcRqZh4IWp8/n25CUj6nXfpaifY+zYe9EC9CFMRti0I8OkVbR8tdBiVoVwaG1rH6lJP2nueTJ
sM5AOPikiT5EGvYFzfkvioKPhgqrcOxPo42rNdoimCckf7YThOnBfUs5nlYa3xS5EqpO911TP0+E
etQDIyjX/Q5dXkDhfDr/Stl5LUeObFn2X+YdPYDDocxm+iG0oFZJ8gXGTGZCK4fG18/yqJquKt5r
Vd1mVTQygyICAcCPn7PX3vOo9uQibsIyfPDT+jpFDEB6RsqMznnI0Xh22gbdEto/NkQ4sBTDvois
nyVXHnqBCScqmT9jyLxzUVEx+/VCriF6mEQ10K+lv0JKLP11r3rwcLGx6AXjSpIzNHFn8oBz+7Yq
XXQpJIQXA8lwPgbZmbbMvKH9DPdBckOtyQcH9beXD9yu8Zce2xtMXG1UWpVc2xU5SFilpCqm7R1+
F05xZZTxYzB3ao31JoYxrtgsIUojBvZ3v/3djMgbfE13oOzkpKQfeQapwPU9twTOKy4lVSRH5gRb
GzyW1J3VIqO3odGi22H6CaULz62tXg1Ikc66C2vrXj+QoibNRvCkKfguuvAhcvMNFDD9QuQRtu+/
+xNbN/9MtofXBjpYe3hdjrPJnKexEHDV4b6i5CTd0lzHTd9iXsGG26xxWkFgsfJcdQlXbXZoOEgu
daxDSrCPoPm+jjuXODsr2llyvIU6gp2yvtmkC6Uq36BDuXG96lsUqHOWOK9dzi3MX2SzcT+IyUk2
TTLR/GCsXQZqW/YRA7DY1yIqTGB67EL6znsiLZnYPfKjwCzS4xj4LvkwNNqdKglZv14w5dU6TCyJ
SjHubGnf5rV6CePpztUuRgwOXixUOmnWfsYJhjnY7XzaGMhXnaYc+QQgEjE7+b2Xh+ageahlgHGP
zxrod8yU7HcxRQwp8pIuMHBGsGBKLI0RJ2Hs3mCbVm6GOxxeXL8mu793SRWdogIHbaalk0rZZbvu
VTCC8UbJhIzTZm4nZuc2ohWh4wKOVd4/TQYZXZFJ1gtRHC1erwhvrR900AfSAKuNl7EX92znLZta
4hFD8VEb4TcV99c2HM+qtCsEYBHKRunSM0LtjlQbob1j4CE0E8Y4Y4IfwNGTm7wnlOAxhdY3fO+1
8NGT9wXG1e9pnXzMpLL2rmN/OBQiACs7ZQj2a5JhYI2RPoHkHqp5TKGXnlOx7lzIdF6gaUfuGr1Q
tBqzA6CVupOJq/Osiasgz2nl13Z3Gwu6w34R1NdumdCLaqPPxTefmmlYmIUjn9YnvNG2dLIRUfVo
/U0HxHp0q5+JWWPZYlXmarbx75vTPTTbsYsa3h4MMre+89RFSXQ1YAwy5fS/Cu9Od5EJrhg/l0RH
NYsZhbV4jlVLfpOBe4GFoVDveU8jXkTk7Z1EN9ygOMHv54Q+ETdzeqg+9y2idD9IQF72DqfE9Y5m
4/UY9t8W4jW5FzPnN8TV2MlHZAUMMbPuTR+6LsQqWL8fWAq8Rk3/ubCV51QyX0dPT+BKmkbS+xZZ
xWPhEXTQE5rSVtarp0S982Sy6mT+OZSDSesS/9SEJHd0OPTtjLsRqbpkQVwv0mZwVD675TzpvKUK
mWj14kfLZrTzm9glF2F2Hwwx3qZELKyS7Iny82T001MYM56mAcqtaQmOVrBq+Sl0gc7z5dWxPK7l
jENYPudH/WdtV+6Yij76qfuzTaG/mM++gOffD7xCV7bbMZMHml7u3NyikuSJS1wc2BiHNA0QLSe7
Cc3OXT98XwZY8ijr2z3QSWC69tat2fg7LfObYmZYwcB4jRbt3tbWCtzqrVlsm7IGeJ7flsaDR0RV
PhlyWjMjFCvhYNdUjqQ2dyo5Aa43iAuM9IDBPtaEqtqhQ1I7f0m2ssZXrQrGu9wThAFXDKcbtOIb
ZmInC/3zViEBd/qhvspkzkTTH3a4F0P6SPuH36WEORaIDBttV54Uz/g3UysYCRkGkgiQDNl9ueCm
3/XdGnnvo9WvidMrt6GT7rHA5vK3Rmx6SpQ7ZfAzYei5LReTITFqP4STY3I1i4VI+laNK67DEssb
dcO23nwgw5eFMEruiQsx9oymDdAz4vuGotemdOg72+MUERZoQOq3mG5tap9U7UlYyxZtMW/iaB4b
zzjnEs+keQAfKiO5cfMQZUvRPMaxh0nKAtRCe/Lc54I2lsPlYTDY45ZGWEiuvSJwEkM7jzUkpiPa
S6LTThOD/mD6WF/88eXlMwtDCnVxptAPjtqtwtC+FZcHf/sB+y7X3hatdrn441dcPpvNhV72YNw1
2gyiGk18bhokMsLexxEkndFfEsaSGH/oGmmdod02DH3CXD4I/Tcvv+jyZY1RR6mpn0ZbgzCQB5i4
fJqBnGRjWK8j33+bHKc4lTFmu6Uz1lsvFcaxJkS+wCKXXrXX7BMcq5iXBvDqNQgxy8ejh5KqT+fw
STo1h0X/ev1rLp9d/gQqW/7a5R/JTSCOSlok2ZP9jYtW1pATA0azIoqA9ws3fZqx3nHw6H0XkCY1
MdTgUKZ5DgN0cSRJLzfEOrBjsp16bxvtwU/QxnDKxLeE4sa3BEVYO5qJhBY2UBJ5jVo7wm/nJobJ
2U7YXm/qKECWFi6P48SiMIWdePAIfdsoVPo7KhiqOXz2txHitg2y4XpjGdK5dwR8oigyWCnZiPVM
qwv1rAX9wvijgAvC0stvqNtRjrYZGbhZbKAMr96pR6qjjILkCgPkl64wJqrEEsZM7BgbNddmZy93
RkHx4BflNl5IoDesGqcbi7/fOlN0NQ7OG/2FH4taGPcVVKmtIt3Q2OUtkmRiKPDrMmr5EFvpKZh7
RqzOkpDvx/2hrFkqugJROdhe/r6wIPkps/a8HvDn0PdZ6Q/2tonUfYEZ2llY5GsQkfYoLTFdjwub
KbOY213XlwTI0+qIXUXreELlKkrnyB5fHtshTO+7ANFDxCVDqVF+H7qrJWNQUkkWsNaAISgtKrG0
idrnaE5I9jNQHFoYaOJvO+SvnhfdQxt7NADSaaddhJ7GpfxlN9y/x7bW6t/uGIxQ2vMwvjVZMe29
0VuuOUVQcAvSHMcxIoRNDNSYnn8ewTHO5L4HTvowd8wF2HK/0oXRSYDBfCvd4S7L0mCf9dF3YoBo
ZVbyO/El8TkLBxBYVwd2dUl60wGC3aC8RLMRMW3shUtafINWGzHaJisH7pa5eHACNLERVM7RGEhk
qEQEZ9C6d9MM3+pnTBWIYKBiLVNfXNX6w2DKu3kkBDpGjw0A14nnxHPvsnosDkk/XbezUd8FQXgz
Iic6+HZHB30an3HXQ/+EZHJZvDtGVRAqD9htBldJ7h5iyEcCWZD8zAjZUoXr0lhLtCnI7MwiG3aj
Y/vHeIq61ehGgoRNVlWzeQ2pRjYsYvaxddLgmA/VFhF2fVPrUbosMMF2SZ1LHPsuIjkNR7+e7I8g
7w45YX6r8clqaTws0r0mByG6FcKDRs5FtZ+GiG4ueV5xEX52Q1Y/aJ6FhEJvPzOFRojmcMCs5W1Q
U3ZIur0xmdWxL7OzPSDYcjhzVevusIp9LhIIT+TuR2+c2p0Xl9+YCGYPXtkzLsVwZUSW1JgF2neP
E2JYUM+gWzhHdGUQqVgZuTxlON44E/0S38XkYCYtpHKwKmskCCV0CaWQUzubrhX2ShixccZzpxvw
9ugVZlNR3/9Mmc7f9pP/Fhb2yxBQyUyL2tfjrHD79FZxExUnK8I5pF/so0WcQj3E/bqY0VFTSwj6
EMm7nVTDAxGSW6PLTqooo/t0rm/QlA1bLBBKNiAFtqr5xi6Nc+0TuAHLm27l8rKYOfEmaVHukzQ/
0S2l9dJ5Ew2FVVTN3VmOWX+GYyrVvZMU2LIvDN5DX057d2bW7vcQMfFUmufYmG+pp4H7kZ4dQ2O/
ZH1wa5oEXJGCZmwjb74B7BQnlSM3MQvB/KoL3BvHHbnLqHJG4QWlj/39s2OMr0zrzWv1rVFG8tRP
/Sajy3FHzuVKTBSMhek8mIgeqKpyuS2ltW2AFDKP6ryDPafIHrMN3tdiOzlhsWkn/zPSVkDL2Ddn
/CY3noPfdd05mkHd1ZFPa82VzzPusIcBLK7u6cBNOZBebWJFrLrySmXPOPdee0OImWA3hqc5WPtd
fS6Y/J2WvD2LqjXv6Vmu/JaTk+SwkelN0GC/7OkPl8+S5KpuWJKNxtBe+PrTSV2xBQ5ZHUkQjIb0
MM4k+0GCz9vQpJdkqAn/tJzMOaxPcRC4xA3mcfOrNJDTtib++QCt3BdM2PsEcSGMtvZi+u3TRJPS
FDT5qSDSsRzNECcc5KaLP3eaGO7oL+pot2zBfYYNfFfgCps73nyKW7mJoUjY5Y7Mm/Q/XT7M8PcT
sY/4qBEaQqgnDhCDJ4bfP80qDGmYmq3NwsFEQn+4fIZbLel6Q4ezxOVrcjsI8k3JC7l4YknkCqfL
Z+XFLYvWh7bli2z2O+X68gA2uPjtTkhxL65fFxcrUO1gY1YYB1/+LbyULn887LL2b6NWW/sqQmSz
AJhRFz2Xn/3jw5d/++NL09TDKaSWaMgj9qB//EjjUc9GJRqKP7778qjlm/zInz5FKwxbHKOq/eOn
//RNl3/0DXdArcKw6+sruDz85U8EvkU6lQb0Lw/EDSlDnZg8bMiZkv27n/h3//bHL7UmrtykM3e1
rha5ESJglxOK1CqxF+Aa9NxtFafgMjzcSB+DrTHgRabqIYkQhrgVNpeXD16Y9Ceap3gQXb729SNT
G9K6C3P0BPPM5o2h9bBxh55VdDYe89J/wpQZKZY+A7iufgS0fLZONVfmllMcc0l9KiBkZIMfKjzj
fZE/BqRdFuHU7A27IGksx1wPT0odCqs9t1JpviNsOKph/IwLnXMTQ4uG172oT5jk5isKCxbI2RHc
MhCBcBatElBw5QzPMkP7qLL6MUm8XzFq+gBVfYS6vkJl72q5vYXunk7sL9VvWtT4zYQsH4TH26CM
PrLtfh20dJ9RwdpCy+9qUT8NH2I20fn36P1dLfxHF3UwGkgAjQQsGg4g/R3vGA0MKMgB3Mt/hRol
CKzHcpTPaTY+xc0M4C38u8sEocRoCnh2/EGyE4nF7IxcUX9T8qeP4m7l+MNtYaLgLI6DBhtMjTjE
sA6M4tcx7IMXZ+fCiPbCit6Ffs0G44qWbC7LP2OUHVIgxvy1ESse+ZD2046sIZxWovLRwHdhhL/o
tJK28VYlXIaAz0hohkFrSKiNQdMbGuOo4DnQOsEcA3gEkB4C4sOH/MDJfzpYGgZRUCGdag81lEhO
7ZZpbISQoOhQQJLUGikZwl+eRkwyDZvEUCezxk9aOJRGAymJRlO4qZHYBK2iNLYywq/4mmPRQEsD
2eKflcZcag28YKnDfRkExtMwjNRYTAQf0zXPs8ZlBFtTBmkaopmhaRqoGgu6htH6AeTouisbbpO2
Ls9vTD99khrL8argkTTwdL5uHGwmYHca3zm4yYzs/X3QaE+lGR9Yn0xDP1WEtgMICBZo0lBQpPEg
H04I1wiAIY0O0UR4wKobA2WoouqCF8EZDRo4sjV6NGsIabzgSBpMGjWiFOEiswkZJumRF6F8DCEK
G3MCWTtEKlpchb5v7VCnUkzrjYxbVeGmKT6VhqOWCyZ1sDU0hR0MIwcNUi0aqao1XEVmE1o1eCsf
7mp+CDSEVUNjAfPeSo1nCQ1qhRBbEeSW0AhXoWEuWopPvsa7yEZ8Rj5FNmP7ovPh2Eu4iPt576D7
8USAEks0LoYCCK4JgqyCJEPKnMGVVfBlvgbNBk2cafQMT3LuB9BorcbSJHzaokE1qZE1Abu2IBtY
pWCmG4/+vcDTHAlTpXG3VoNvjkbgTA3DcUvJDpkG5Jg/TbJHgbo059HjuOEs8joH5rEHsqNRBOHA
IahLw9lM5XvOIodKhWutdgs2LafasW70/2E6A+5RutLgtLdZx/pqOOqJE547DXE6m0CBPWQkd6qK
ll2T02VA9UISXEmQqiKgd9LwIMzJutI4YQFXmGjAEPk6ugWYw0LDh47GEEN4RIzTZ40nmhpUzCNW
bq3jKLu3VqOMrYYaF4034v424dUA8rjAPioYSKVhSLsAi7ThI0MNSiqIyQxy0oegLDRKuWio0vVo
2LnvQsOWjT6QlgYwF52yBzqDruNxkPN76wQ/0HjT5Gutd38P6CQgNNBeLxOehuqngvRMID69sYSu
gwHVA2mmXTi/aDzUd/O9Gptk62p01NMQ6diAi4QhJT0izGnlOUW6nsf0aPtxsimLAjv1Tr/8zks2
PsBwo2yHTp63z5uQHbNkPzjZSLvZn6xbx7zrDAPHerf5IZq43adijraNeWwZpCmspQFzJTM/+WtA
xVg0ztkZjNtJN+zJhiOpuz+CeEYbocHbEgI3DowfIk6vMkBapfvpaOJSph+qOl/7AUayQxDi4mok
SOOg93FkDcX8Qwc6KdrOhmXhpU/rpoMLDqdfk8aEM1i/tlI3o8V416D1nXHSmbROTfdXpknjWjPH
dGTWHRByrGlkdk5qXbCZgVL2wZUXzS1LTTD3oMyJZprT7IetGWdssugIau45AIBeAKEz7qE1SiQP
QLrQpLQAmTYK2OnekpjgQKZyfePFA2A9atK61Mx1CHydZlDYruaxfcBsrnaOvgurTYkAfqLfCvnE
YK1eh5rrHjXhHYWw3gXQt6/p70Jz4B1AeKXJ8Ekz4p1xyI2fSpPjjWbIe63/tzRXXgCYZ/ltrnnz
eRl1ssba1iR63zcYz9feNutvTLNEXNbPKKb768AkoUmmFEnNQnGAF8DhMvD/378FAv1uEtdeAoJ+
VPWskijuvnz5n09VwX//R//Mf33PX3/iP6+TH6pqq1/d337X/melc4far9/0l9/MX//92em4or98
sb3oae77n2p++Nn2effnYKP/7oO/ByA9zTUBSB+fRVIChNPY/dH9WWRDopGPbuO/7PT+JToJ1/uk
TT7Kv+Qm/f5T/1+a46O/cUWAgI0+PoIJhB6/S3MC+R8mIw7+w83Q+s3/8PfcJNv+D3z4hBm4viu8
QASEHf0uzRH8wgAjqYDuMoofO7D+J9Ic66v7HzZQNuIjaTkohyRyoC+xScmsxh4pBPM2ZwAOiNtg
76v5qVnAsGbOcpRDxraM0WDOiqzVqaDGJEZ73QwbhtXLdZzRg/PQggYuYdGWM+/L5nrqevI7wuIZ
+RxS6tHC39Y3cFXodBqq7+/DurERNsfHwmJxk+i5gVFPrlBvuWyKXavEsE5qA8WA4uJT3/zbNm4y
JlotQZdFhwD9FaPqZVemNpvu3jqmA7ZDk4MriRF6V0sw9rtpgaSpC3R5DSuQ35t7v6wCmvk8iab4
aEhtONDUf1JN23GV8Vork+DAgbIfBbDYR/BhQDugPaXR/+y8geURJ6Qc2ezW6236fwaB86gOwGjy
j7rgF6h6Pk3NXOywO6nW89RMZ8tXVB+nOvDHWzW3BwwvzPXEcHibDMj13ImK8S22VL0h2yGiRnMN
KGNh77KK5YI0R0Qylh1tUFAxhHK5rVgMI0u4Tko5fyGAhqlVRL8o9eX7nDn2bxf/X679PxtEXpRI
v/lGHj//7/9yOEGkdIUkkghJmAAr+6tSKZ19NVSocI61HTyZnTWsLx9yvwWbdykVorlnoc37W7Pn
ScncxALI+/1g/unq+jdmlV9kR5enEtimLSW+6p5lfpEdCcMCxSWw+DgaeiZdl2+E8kl1IA3+LhLF
sxGUPxOZ/9MR0JfAlyPgYb3l+Zbv4FZqfzkCC9GdSxu7+ZEkYkimjPnb84UwiFP0BZ1Q+9lIkw2R
YxSQiprZaMdyH47diZfhHqEmX/7+OAjsT//lGUkt0HO5YH3TxDn1z+qx1BTtWJRtfpSxbgmXhly3
AUl+89jtp6qyV0aPgaULWMoimJ3HMl9whsO8Kl3wCbRdscYL7+cw1cGagaS1D6p8f/lVbkjn1haC
AVD6+PdP2tZP6uthdDBmZTbhSzrIX969iCsgQdPMkw7Uskva+dClNAe7waBXkTJqQtyYbOyxeXMt
tGxNxHWYhGDwKB+rrRKfjTuXOO50NCaN6t6l3sL+7zkP6b1PAlE9mckMF5HzpN+7iokV4UDZacDH
FMHr/D3oW3Y2+kCI5HMypg6bTiblTiwe0JN3WzyFnv7hFesT48srRmHJK4UXDqQlv7ziKYtyShQz
oUQdj7aBKls1CUTB+MwMRlzZgb8NCHSDl5PpCXchc036YYiRNc09ppnRrrbBSoah2FHiM0VQDpiB
Teq1IE9nCp4GiHmgl5s+hBV1a24CQY3ZXJmHH0GNCMfpm+zE9N/clU7/0VTTclAG0C7F+LYJvTVB
aVgchf90vXxJ4uMydUzT9zxpegEfvS/XC5JKby56G5NLFTxVQT9yyJdbFebfjT7s9/TzCN8uhWXo
2B18mCoHK7at10ZI01t0EdTyNBfcdQGud/MPb8m/e248PyFIafClFF9Mfcmdye1OYcDZzAdTZR79
zOq1gl3eMGx4qg3K/8VwtpflQAzYKbnI38oIDsHOaY+OA21nfZn3bMe8+Ltc5mzbRS6KLFaVfmjo
23WEblqL+uVI0ycn5WkJ5pNTnn3fuWsiSx0YpJvbKlXFBh71rmV/sTEitl1WXZwwmnlPZOhe//3L
tv71Fobwz7WIaXTdwHPNL6s85OWYRG6dHhcXDQjD+TvZLgH5dx3yy4VU+cbeyLLbj519DkK+WCgT
GcDED2mBL3uZ0B39h6f01XaY4GlTIgw2KWUcy5RfnhLT9dEa4gBPbxziV6Qy3pqxK/d09Nl8ePIY
d352iAbzLAJ61p2nbhIP5qctrH96Jvoy/NNlSjyPazoWIiPpe6Z0rC/na4oZgqEMLtMOIZAjP9sY
h2ftNrsjcG1cC+5DGa5Zp4XmWlSbG4Rz9YGB4HSaRzSsduc9576AH8IhZ4fid1u54h+eo1aD/+tz
tF0/cFn5uJvoo/mndMvepfHnVhO3kta5CTorOCkySWRQvRjCb9+x0loiszh7SRMe6vi7NyzofkZh
3jDKuKGg/CQ+l359/Zk5Qfo4WVjIoBAYUr+4E0YeEUvJTqsKZLn1EbKdU2E8933crKtZtNf5RLXn
K+heJIv/8MqsL8uCPvpW4LOmW64nENl9uSKH2cqSBsPkoyln+s4d3mfNMJ8TX8dWEc0JNI2BloDw
7ayGsiLvyUOwZ7DKtgL384iMLg9elhr/cM3obNKvh1x46OZdGz2pML+q1rHTH6ol9JLjyJTT66AF
27RKWevnJ8dklzzRqVwn2fLgh7alDyD7ZD7u0IlMAoBpwTF7pXBaYCiDS54TJBtCFbyjFLN1YIyy
W6BrXW/Mb00AZ3QK+F4PiW+t6JEfElo3T7aGp/olNT6qoj469tBiK9F9TpmsGWghDQllfzWS3TBW
TnHfN1W8myswMuydgOMEwZ1BNaqr2O8+QyyQScjrb0qRoc0eeB+77NA4dffhL+n1JE4cavwoUWgE
SEb7IAr2RrZgh1bhFBLqqIyQJ3L/9zcBT5+2Xy49/JDYHqExZxl3v7z5lKvhuHiGcZCUH4eRsM+8
KcgsWHjhee+4d4z17sPADdd+iHy3wf9gtxRNvXMtrPOsSOwxobBXQTY5R4/kQ2LM0rvZN9GnVMTC
VOXPypbNjvbyNyRE7YHr2V+jImQIRpm5ImYjOfqdBOnKwgB4rL5lqC/f6vAJK27MNMUVyds5KQfB
axrFLrI9pl52GYbE9dlEtrSSskPgwke4PbWTvj9MZ/oUa7jxX2PrkXA/Oh0dPzyIXZP26YgjiuBa
/ohbWKh8nHEiZb9ge/RkUFQeuswmC9EAt4pCBdzfdAfLrwiBco2B6MLg3YlAv8sKhCLDUb5BmYQi
LD3JZcIRwwnWf/8GWV/WS65O3+T8N9m5Uau6X98gMyi7qs05SiRA9zixt0hySxPkEa3gbM371Ol0
wxclDNomGm/lE7G2CH396j52UHYgkoJCrvK1nUkUJ23b/QNJcbk7//UUoonC5el5wufj101BYghO
IqOFrNS1cDMOj0XIdLgyWduxASIEorRwosERN6yWXa6of6Kmep8TymQPFeCqwhlSLh6mHAsbsH84
fvQLvpzgvul5PrMExyGbwP9ygs9+66AhwT7OV0LuE4wuGIRj8ZaSORsKxuK0tOezIbv5XBZAIE56
KJYUPdpl0WMgvvn7J2T/tqP/csBs/GtMgB/T5ql9qUpzVWO/3IjwMNEq2yARyB6KSUekE2U1lMYr
D+2waiyvogQPxaL+GeSi/rCrN7A+E3TVVj96aD/DIJlzXPz4LKuflDP9OaTdiVulm6Pgse/CAiHw
GJO6h9001/XAVYHtJKo8+NMet+Ih7rZDNkV3ykvYUnFVH3krr4lx/axQY127aVUf2m65CwVOE23E
5NjjSO7iiOnoEgz23lXJd5XG8dXk4NmSVWqACKAKdgKX0EzvDokfmoeA50mi7NxK/4c507oE8EVu
Ju0pODRlhFSNX4U/XwtphKw3NaOHwCWQEzOKERsW7RwVFsmpTsMRsfYy7eOh/cXbjfABJh0Brv9p
qxqdFO3Q00DfttPmUyVGwchZzbXAmOdcRYm18WKZPgkkYiqKr+1yfAhNGe68ER+0qMuytcsGmkXO
t7DixIg/zKPxhajFXd9CsQel2iR7NCdodWp1ZkF9Jzt9ubcnDII8WhLOAoZQjLFzynXnIpqhG60q
f/MsYzonOYKTEZkTM8mwJNlPvhWQqNR6yYZZ8abG3+oao9jpXOA9t2pYfQ9B77Ji9fm0CuIw3lcq
dF+hOjIp9ioeZnSW4heaZfHQ5+mHt8wjfaDZ2PvQIKvJ1WuI6+9dmuqbV26CN4VlBNfY/R3bsQtv
cu2d0ZUAkuk08k6iTRBBKnAzKWrQ1rAD4g2QYncTQkxQxbtaFNiFyvIQCmnt2d2IfSe4qpeyN46L
TGu6yCHWapX3ElmYJcx1edOOEwY8ro1pnolJAlYfb36H5jqNSuLykgB3sdH/EUvsqvAoz1C2I+C2
aPtDFk3qiW1zsXMBlflJZM+WUfm7cOBcjsuqO7pq/Bw9GI3IcC0sW2oSAnDlp6ld39K8uJZOG20S
D0OwiTSNYB6f5YL9KkVVtHGXfkNMbLeClbC2g6BzDVB1lkFLW4hE7o1qvb2Q6hrZQIxVDNlAgrA4
FCPGxrK6DAscUHmUqBOTN3kv7KHbeeVEndpDaC/gCKQhI81FmxmdpqK5W3r9J1wPAUZl3puNdY4H
to2d2P5WdKsyxPO5XzaNVWAt5jIyy0przxZHICoHOAsV8gIDi6BaOdSIHkSc8mwkZFjw7ei5fAut
Ema/ZTCWDUFyl+d4Gywty5ftv1RA6ffKMiCXs5x4jMocrgNrtl5sEjNXsUAFG00vQqPossVpSFAw
wanEYoX+Sewqt91nkGZXGLKwH/NxYrMb9rXT41AS0UwNVKdFiJWds2DjKW8DXDevzeLHYGLFu8iQ
IVYWYO+gn3TSBrdW7hF4XDGgbrHCWbvskneZvcTrIY6aTRBjCVxjYGvH0Q1TDBd7DlJnretsQBch
06pgdARkb6Slc2WSpsFmEJgnWYYniYN1jIfs1TDZcmsaLOWBiYtVi6oE5/irwZquQ3fstqKMzXsD
rY+lXzjm0TBxg6+AHfrpxa/h4MKUybElrqgfjQNeu+rWFzy5DID7W9wtLxiCBLhIBdb14jeg1QTS
4lvq7Av0hi+1h4+uUcXDebDZ5bIaJnGWr7msdnXrlFeuzVDBSzL5rRQROX52Wp5nEdnrymjNtyaU
HZSDe9diU7Zn685x8ulPWLI9JBl4vWUJDTz7P6rRHiDnJaESKWAUTZ8HhZ7+0SUUdqXmVJwtJ30n
GQefAS5XSskbHUtFocHWv1lepeLW0/R45+XY0ajwZzHQNWDX+Cmqpt01jt0f7dYYbrGp5xAWwf1A
0ChnH4ZvbLPZ4ZTRAcG/tSlnUsXj8uB48VMBR3drVlW3kXhEsx9Ht5WNhMzf8lbmR5SZ372AwIXK
tOojXqtY5hmDfUOb5NWikCmcrj2NcRJfk151JqJjv+TNvRNzDVbKxpIicCbu9S1aqbRtT/kI0pD0
e1uNH2UlX5D9lNcZc9gNAuFmh6kM+iRmZXTGby6/dSL/a20SPbrNplFt8WMlgMt6l5PiXjU65TrO
TQgDBR9bmvU1AOrRvgQFYbpsCOxkahGcGF1ziuMai7B9LHEiPS9pqu6ZPVWIsgjisUJr3/XDoyrc
dJdHdrMuAuWilk0ZH1fuA2Mg6zamHe71fr9mSkHQ2tIh7reViZC/Mg8Rlp64wI5bY8wpv10Gormb
n+ekJimBpmtYSSbvZTNfj5VCVcn8K7OH17z/6AqaN+xY7BWj15spxu8oVbzBCRTgWDjgiCpXO+4X
WOzmKa6uZXpbKeeqdN30aowLRbk2YnUAgrJmpsuqxiLYFJX9GGP0IK2zEeDYbjbqmBrVdiwL/6od
yCCyvYNstMHWkh/zWLwugWddxZ5ZrbP4ZHpkm1sFJaAdsEbDGRO8afcdOvoMneBTELN7gLk6FUZr
ofViuTVN18Hi1u/1FtTbDvWAX1TRq7PpaicyZWzDWFirkuH3wcLKHWbFs/A79J9xZkctEJfXgYxP
C+LfTZ/WPQbe6C+ycD4vY6v2xpBuzQw3pyF1XPYx/bpyo+k2l2WANzJZGwPOmmZ6BxKkSbZ42xbM
UGZCHjZ5RqC4N6B/bFH2FNOCwXa6HCUBU3uPGc6KaUq884uKcbI51kf8RV78ZHwfjW9TgdYMV35a
xPO68UPnMdMDD+7jCG9RNScBlSFZos/1uFY4RJSed2htvldE0roSxdb3k8ekp83IJdey6CakBiD5
Yqyz7O2x3rtZ92FiMTixEk9zcWvQ/16x86PtBLJk5M1u9hFZTASuzK37Eo1LpY28QLiX8B794Ckr
kGG5DLAxboUZnKdo13f1je31jGmonXbKkutUOo+U1JhlueNVj496RKDBbh6WnjZM/h1FYdl/ryNy
igaaMXNrv0UeookpRAksAVhojYAn9q/9iAhkYBk4EvONq3eHbRSuF6QWIalfGyFlm8jOyqyTTbF4
+ywh8MUkFprbG4nsU9aHW6YCzsEWZgJutDUnNDmDOWzqbyNOnKynGYranKU5iQSC7FeBpfs2i3oi
9mygLwssZD15RbdlcPxZjzYZI7mLL2n9ko6KHHs0ZdvQQFjhU07g9LkjrWqb++ZbQohNk6FvyCFg
0sTh/o6DChRwtY7FdEWMhIGkwXiVnQ76mT/Y26Obafx93LLdzslfLAVIdIYhEOEAEDx2+xyzgaOs
8LZ8324YjGoTxfV3y7XPnlu0q5lFjgZMfD2UtOxSd5/aqGHaJi7+H3tn0ty2EmXpX4QKJGZsSXAe
RM2yNwjLljGPmRh/fX+gX1e9cndELXrbCzMsiSIpEkjcvPec72za1D+WPmaNisHdjBclHbWHrNz4
IPnI6yO3wy2SdQajZQWKwsbxRipHiKmnV3CbFGGt2SwIB6DzT6pv/GBGu5EYFMJtVyMbpy6G2bU0
g/za+JF09QVBXb5WwNNaLf9pALr0o/PkIEYtJ4wSQkdgQuV2RUynuFy32BHDz8zLnxy3eK6ddo9+
8FXRb1jNtDUCRO5qZYFaQR0Dd0Xf+xELn09bZhXmnC4gHX9mygiKoaQ3ATNRQfqhlyiwJWdsTTT/
4GSRCL7LqigfC8/fxywFgZOBv0+XbqDeG/2urePnumVYP2HmvDAC5JRoRo0xf/ud4ohLdm9ngRP7
r06ic+kU5a5bzB5yubnHIXvAuNcJkV1g8zCJ3H9wv8v9yz83S8olvvvlsnb/7xD2GxI6ftzv59xz
Ju939Bkf/nOf+9dToyfLKnS6f/Xnjgi+kEyP+vnPl/96qnsoZ4bbC1JRGO6FBt60GtJd3RR8FP/9
kQ1VG/Pm3w87SSOgEV8S/cOfcX+d9//9+c0/T/avR4l84xluLhA/o0+A5izvh07EBoV8Cll4eS33
X//r9f3rIf+6z19v3N9vzZ/HWR426spXX9KMmqILOFrms0ovDraU/QNT4X2fog4Y3PGHjy+fWrXb
jcDx17UXz0etdWHh9XT2IdoBpmJF26Zg2rHS9MPN9Cjw02L4KOJuG2fJjz4rL3lLG1TWto5jfYsY
1AzIq3wb1OhwqHfeRscVuEqaSG3E2L9HcenjvMrB/g0hgNm45NJmoe8swHWVWS1Xwuxv+pyRNx5q
xaEN46P06vJcMXt33PrseEVxM/3D6HgZShK2YGxA4o0XY912DP23jP3oKdU/2wETg5El3r5sLaIV
fGvceoe5pD7XxvkHctXHbIwx+/RrodfjygE32NDtC0yP1TTNxwtAzeGA7XJatYNOLKD52E7LHCKs
JLb2syIkhVhbfV/1M9reKWcr5alu57jtLrYc8Go5aQaYE5FrgtG3AEx52g0+IEawuAxKs0e6XLsM
yM19ZGvaU7Rp2bGtsVej4tJQjzWkQ2xkqDHd7OBNWpBv9Wd4DpA0Zven13fGWpk+DEhk9yQVOxw6
K9f4lVOzGSbvhoIXjbkBNoCbI2kN1QXhBLJKA8nTWHbthcYEdU8Pcb3Qrmh4/AfNOzTFcKGv8UMX
/a7SuyDKgBoVkn1QPGB9c9VraobeOfaLbdLy7pn+9K0W/s1mmrRrU0Ent9C2/aC6gFKxJcsnTejR
Zo81Tl6SdH13P4bTzcpZUK08OhGhte0d9EulnZPfNjDHMt+NBQXiQJw6Nm6Go6SknW6m8tyyo37w
kAxHzdXVQ4JOJiRlgqMexJfX7MLCGo8oyoNxnlJ+1ye7g+4rMvtwbU76awZgau3NWrKfCWaMyyWd
1bFAEBD/Kug9gDfxdmVbgyie2oPX0fKImWRO6PfcEhkyId3JEh5GBCCcAASL1IsO6nAAlkIGmF/C
wJ6jZF+L5Fc2YoEpdPNXOKXxbpyWQCDleNcYspHoecXoTICbYhEmvqG+8afJS8E0oWSufNVS8O+J
+yVzBC5aCJ3bSDqxTm2723eIvQFaljW0sxBH68psmoNIRoiqHFheE6WIXX9ZuiQePqGFokasbcVC
xK2c7z084lMLD3B+RtWY7yH208A35QXkRd0n7WYGkbeCPvLDBqWyKpPhIS/DlyyyfjFFsloC5GN3
CZHTjtg9eJFFHu5710O2bCEBx6vBQDdE0FfOPjb9rPoYO9IavSVPAooiWZGqeTBTKMV0jghkybJz
KKpN3DIR0G2XC3Hrs3I1WNKsCjTh/OnptM5KgRISEUMLBXWr5+47QUfgurAdc920XqTMHpfxwNQN
6BDxmWzNRL5kMjrb9idyzZCuqXZrZ3QtcUE0jrvk8OQTdildH0kNi/qHFlrsOidhj4+2Fvumsb+X
ncuiYSFwE3a0mLnRjBgDXECzVh9kHZ2UKwCXmfMvPV2QXtOzUQ+75HcXRmINKPzYd77cOK74zQE4
rIcxp4ZIrTfhgsKizocraYHZ1Nxp65s4kdQ87UPT4ABEihLn+Rq2qL9lmwwqfBK054wc98cnNcaI
4fsEl/g4OzmQfAUeaxk+R0b75JdwJFgw3nLbLLZZ8ubr5qo2SNsGkZ5iIxIX6KS7HquPYfl0UeET
2VPyohFdt2amGAVuA5LS06xi15IJNWycyqMItWm0lKlRrbXCdDdd0b+ktC3MJv1daN6jB+IV3zfO
w3m2NsmTLJpmmzeSc2TKH4usuCDn1zcMC0xX/EKfbWykUmeYDu/+hLYzXcjR3VC8wCEJd2mRYukd
6IH7oXKgCdVLSE++dStswoUJ6NWimSDUxhE8TQZA4oZiLbpo+jXREW7XkumEOfwIkU2A0Bcwk7qJ
0fUcvaWZ9WU0U7iVS+sJJAzINEoKmRvuk4nl3zXX+gjj1m5c8yw5A+JW+5Skiq4G90NrsS1YwPQv
vVJwa+w3V3RHvSHfS2/WqKN7Fj8IOVK76U3S7DwB4zJD9U4ZTt6fy+wsDttup5XeW7xkfOJd++ZQ
6DWKrFCjcynh4YQHwwh7ZB72IkQ8LTlDs5lUMQeeSpVA34j9gf1swZy0Sse9nuLXyMH4JV34I7Zi
fZWZqicGp7oknf29o4G79VXG6MPd0RT96IWCT+IbX87IfTu0zHPFJjEJQVnUaUP9TV8Yd22xiX2b
/DyDQHIEefW+MLZOyX7DSyYSHDtZbnv3COIfNTeEv4Ayv/GIOsmwNp2HJYtGDBVZbo16Mhx6Gg3O
ctltcVCaK3OhrOg6/Mm8bw95aohTi0ERbgnoKlWplxoLycojLg+dvA350un1XWJR8XOpOuoSXkKa
TOwH2wRKdekGmt7ne1tFv0PokghV3B2lCMvywGR7luTSgJsAqE43cbV0qAYrLEgP4sKp408BHbOv
ov5Ql/3KGoliwTQD+zUooQcFZOS8wk7M1qUxArdNxtsiQy7LnqawSbZCpdPNY/ke8AiRI5thEjFh
7sXAncdq3zq+2tgF/MQM/GG/nKQ6DKINzwgflhw+P0rot+HO8qJ9lsZocbsUjLAAQepNME51Edkb
otsQyhO9xBiGhKZuODfRV5nkVjC3rrdJjRoYqpdhBCm9XSfqKYA/PFdm+Yu+eN4QIYnMoga3mifv
ZAy+dxamXciHFEeiOWlLPEOJ/Hm2qYFAZ9qgYR9wPSIZxk7LSfTLroCHD3GGD7fURyDdxlUbihjm
f8PS0BsfkUi23jGaC2vPbodGnay/FxJUklHV1wQ77rVxnQOK9n5FNT9spUvcpdOYWy8FCdanx4CN
G9EEhU4mCD6+KS78/aRPT2O4Qz2nbWTb7py07dnOxFwkvhsJ2PBik9QTb4/oIANpjISU3wet2dXr
vLbeGn94mir51oBxC5rYeSfLwNhq80NnhcQRGeqix5QkVqEuluWfMCzeQA/zDgzuasDzSQ6PvUYJ
cE1t7HO23eD2WPqdUr6HnTOysrnQ+y1o0yOXxob9GMcIDFE1zhtbIlpzRdljDT1Xo3phTgANSfOL
gL7/0yxuqgUGYS3YoYaY6pU1hQG89GrVgZ6ftfaMPtDa9GNPyeWTYGA7zTXU6/hiF8NTJ3p6nxX9
SCbvAhW88p8LiZnrDsildUtTukycaJPWdFP+fLPrGa+3iIMMt2KwRKDuqtC0mktsbb5GBjOqLgKv
ICVuumIYgBzMVRl0VkUkM4FN6d6J3U01+/rxfuNG2oj8jtIpVSBelxsnnCs8iWRI2p3eHd3lBrzs
0Z11c09sHAaPjtTBCpg6SXnGccg1ikVFPLkaZIJ3+1UlMXMCLZ+/oc7dZGbn7kXmj8d6bFGgmdU5
XLK87zfaEvJ9/x+XK/gTNITW9+8h2bfHJj1mRtoeFXkUR+AN3FUNDFHFEKldRXicJQEzRbSljsP9
L/yvr82ucKFLwz+CsG52J7tLCYSolUnnBwucs2SWlslidzMHsLQr5UXvRga1iJbQlNaARpfnLM1Y
8rP/fPqE7psk9GafFs5wpGWdFiu/nEm4m7Vnq4OSK78xaIZrufz8fqdxRPE24klezWbIAq2kRiRX
hqnTKe21U7P/wN5Xb3LRMkYvYwyrFt2ItodrpsU2yF2smbihrCWpDyKH3sO1A2ZIKQnDgN4iN5ks
YK5fSYyvjoVF+MhqxuuT1GFy8EN32tEO2v/54bJ/54NkUDh+4lch8zQlrfvYKDPi7yz4Sxh2P47L
/vN+k3KpCEbaViujJXx5SsgaL0iqQ+17TZ0CDWqtUoB59C37iIhmeF/tMdMkkhnG5WrfpnNQqMk4
kgPS49DzjG8EF6uDl2R7tNwkgWTRDzAB2sYsOX6VKrbdBKr5fkM/OxCdS6k8NHixiJiko0HS3v2H
9//ly5etVzNJUT5g4o6hZ6zBVcPy75PXOr7JvGaUA6tCLB0cI64pLl8rxwRjN5M/lk3fWAF/grJB
AIWIps9JI3AN5AI4z0mb+R1VfHvuh8fcAy6gvxF3xTQz7Ony6m8z+9oVktWbMZrvwhBvdo8/T2F7
JJvxKUz67TSPmIsNsGdu/1VF1M3fI7v7IPvPRtXHQ9tl+eBqwyMKzDfZk6oTaq+jQwXi9j/0HnQY
vHYVaM2na1k/EF8+4rFls1nrI3gbpGJeedJo8q+9gZa5YYDqJ2sEZqXJ+WuRYdSDWzuyKlUQKqcz
kQRs6pZv/deNpB/F0KGLDyVu5fv3c7fB9JmyZ19+9tddk3w5+O4Pef+x3il3047W+1/36/0eff39
m/f7zdL2yPCzLlVWMBUqC/L9JjNfM2r4je3vYuWoXRo/+SBtK8HrMq2LeonrpQJYuYWvjn2rB552
KtIQn2GnITvNSU4inWbNXPBRk95DCCoBkQXJSw24pCHiAymIiUz68Mkyl0mYrW2jzGcPi6XYNvmR
9Bht9AlWGpxD7jOnnNB/d0C+H2qYCeU44JFtL4LF4+yQJQD/KvCyOJj8Pn0iSialoqe4KaEm4qNO
T6MsxiuWTviHS+8uykvmGLX6bJB57iokn6CR9zQSDKjIzQvbfpeartnZNql3Nt5gA41ygGVk3jid
eBZpMxKiEVF0h1yLPWqMicv1znSuZkuybdzI20jacSN1dYxD49DaMZl3HnGnqTfuY7YslIoormPL
NXd0ItnrK/HbdQnJyUhckxmTpNRMP+qxokVjzRuXa/40vENn7Y+kXv0QSa62huP8lLl3cR35CCr4
5qjol2UDIyDQPogigtXi/nXIjJ2eSfuQEuox6BS/k9wpDLIHtrOvRetBUKgY1Ili+lVJ760xzGjb
LIMAWblXzo7XxI/RGwjwFoXpbT0VA7sfPljt+RMhsJgGe4k4fiGmHQwfIifm/XOOtbTIOM/UUG/7
Cv5M7M7dDsnXl/aLfdZwTj3nRTgR8aFJ5AZ4J15wnKijbU2YrmG5YVl2f9fVQDjODE5bIltrzSNz
TCxU6IJbAmay+dlis1KAkNmJ4t10rJ/gJSNOXWYfzNWmzaKFVkxjR5fXY4bJoqUie7pbEIYA9XdJ
W9xo9VLlsjk3482gGftOdudynKstIC2WCChNlp7cNFN8d834NkT9LUUMAJ6kWw1WDDMkhKeDt5XW
dRbYmr4hw4Gd5qbJnNNUk4OBxRAditwaNtgowN8vkWAIXLbxL82cDboL2qlsJMKk7jIW4zcLpvwq
NodbVrmPrUOvQkF7GPp3IIsfYBIu+Hb3KT17O62hZk/Fd89dDKGA7Ez8fRyx1bmCssmnn+EOiR6J
9ftJrTWv7TI+GFN2ZqHXmSv9cmR1BhXxNQrrq2MkzwL9Y8wRtEkbWlzS3eayaCGYS2LAHePsFtNn
Ib3fwNgpiG1MMy3WbyVupvyFBuazF3gkX1QHshFFcU/ka/Vz0h3e/fhr9DKaZ8RtrqMRZlBhfsvm
pRVgMLOQ/dvkGyN7ohSxAEDXNld0KGB/IHD/xnGZbFKAfhym5nWK9DflOXGQohOmD69vm+Vx0IsQ
9y3AzU8jmBOvfRYergfJNJHWSbG2wwXSFw6LDBDvqENGpl4azG7xC+TGfDZdSAsVLzyTxA8Bd3tJ
G1Xvyrlk1N+c4k59U7leMvp/T7wsIxlBrAr87Wt4GGQHErKXQQNVGjDW0Wx2YgH1aiA0RjTkohz8
YBDj1QTTuEJgkE5dtuvb5uyMDDbYXD/EkcFVnQB3bENW89rS5HUi+6wmelfusmYZEGVAtIICxY3K
TIrWmvVz0JHhGGkTTJ6IAyPqqH317sWT6dMghxXxt2IEZZt2FRMQjdYvTh5WKw5A4vsWEEGz11pv
z1m66IQP6SAfO1P7EfreE+/wRCXCtb2/TRFLT1FvtInE6DiE8aYeugywcmTvK/jJxWBsqmJ4o8Fk
uvpvxM8lQMut72ZPVTU992p+rweQAL7Ij0QrnQleBQDGx9Pb6B8FDSyBB48NXG4+mhkWFVf5n7gJ
5DrpiXeOB3MrEx1Fjd3jPk7kDhwhKleJlORHhJZu5ffh93nQ+43gdeSclbF2s4mqynSivxvmlZ35
SWviNNv4lKyw/qnU+G7R10lr6bDL+Ko7ZGitEzK7cu2dpuRbnDivTC1oonV0kAlD/VJVwzVTeI+k
lOy65luohxD8Xf2qF9olFWQWJP4bYEZogYwwKpMwS3umaCjftJarbeXXP6M4pRVYh0tIeLPtvVBs
JY39NdgViBPyg2GStR5Sr95jVcDm1ffo2gyd6mGc4GH2v0LF/iXr5lvrAFSA86tjd9dplpe/ddqi
XFz7R+BvnJSoCaa0AVIfv8zyp5ZgO+qylqNFqZPowTUxuad/BB+wFRjHGkRt2M07rAyUwGQuTZGb
XBK/fY9KWNgEkxAqTjd1xSz5E553v8f9RKB2Qdx6zFpiaQwiECYUgYbTLZg13s+UPEPUoLRAZ8M8
VzN9Vt2dGkBw+tVfZPR6HR4hz1y90bGem4k8nwylXoW8QqDGs0OVMqdwNvyV6H6W9hLZej9DippT
MwPWrAa8Il0IMa+Lmr3JRmzjwl5eEc4nyHVHvl457C91XReMn+XvTAz73Ef2lACdQF9k1AEoXsq4
FmlV2RXqmJDDuR29ulnDU38Jvbx+VmlGC8WS/Y5yM9n4HdF8tsqSU2lPjw3zvLNvKffsJI2xxVsS
IxSzq7NYwE+RMC6+kX9GvTufQ3wUh5GZ2OC7zblbbrwqUZtR8PHi3XOOxuI7mcb8VI20yPV6Lsno
ZIOYZUtnCbXksc07f7vYMKe8EHv6Zw9OinrufuN1RLEZRYBtG/iWDawmkSaaINr6kTMQaddxERUW
oWJDJumPcSm53m/EhHJP81GaW/PNY3BP2MqwuBIRfRLx6J+XXLlt7ow4C1PC93pUv0ZTWeeRiyEp
D1AerWokgbKT+jO1av/sEl+gz8+enZUYOGwDulllrELF9KsvhvZFibHY4oqgSkxTY+elHHKRsjWg
jK9RV5HmsXzhRGLaimWGX2mEd1k2pDA4qUVgGSi6MynnazzHXFfBMO1qnQAUX/H2OEZpneO+/JKW
Snam0TrnfMZZJdpk7zChWzuNnNd6jPjHDc2r747I5roQoFyGLQKmAfRjd7A2eKzVzjDY7qkUTMPQ
k6gx+RrD9ULxaD2DYdjFkFR1ei7Kv47ebjDr6ZlHCYxUkfndMOlOCe6yelEhw+vHtTM4POaOjLoF
Ws0lThoZYkZDq/mQRwivVseWISa8Zer0fdibB83HYhRTTuSpSE/diFm8dWAjAetYAHJZIsjEpGeO
iY4hxqxdxtbuAi+mdnc6lHfIY1TAaQYZRIV7bYSNb8MJQDC6UQ1XpkTyy6YebR3esl3t0IjXavqK
UiovGHrUF4gHMFFaR8A2Gu04Sa3oHmFO3cieOwgaf1RQsAI1483T2XvcDb2AN/DBR5LcMHZ+g9nh
z+MCurG8dCOsaDpgP7hEY+Ne4nTMd7NqH+rZOs+yADLrtt+yXvsFWdVCS0oEbLTIWyqIF7LgjUCv
w9Y1zE55ifmYIhBsxcgKM3ef4Mavc18S+wqYAhB7uKpk5AUxNRwQEPxamFoSV9vYbZRsvGICethb
v7NwaPeKbh4Sp/HqpuFp+TfbXH1Tl5DPxm/eY0RijDXjdiDWKzRe6imZHrwBunPP+m+SQDdO8TcS
S54qqa1GEYUIWbKFQJXzGVGmWMzOiFhjqbYqomcQQK0JWYG9orolty/6zFPSjnwTKmoyVfMlTX7m
pe0f2OzTQHWAvcztVJNwjwwzCbEUAyW6ZGWz5PNhyY58mmBtdqTxKtFqpeQgkUbOCqozI3Peccmk
NxUNH01I+RF33b6M2LDNQ3r2U3grfWGdprFbLNPg631KJkcQYBRlZkQ1o+K9ObKzTgsdOyQ0RaMB
/mU6OWelnqsnUxj71PoVZn5MDY7iemS0egrT+NbBjziEzKRVJJo1M318SrE4gXj1ArD9CLDyvtgU
9AiXY1zfdCat4dnPmtOkxLYpuWBMI1y9rm4POuar1IYF6/TzYy7yW9wUzr70Jcx9VyTn0q41SPXu
A9fDV32sv3EKkcKpofX04B8cXOgviDs1KHrVm8EUaud06hNw53Ds7OQJVfHiNhnPU0riaJd47IKp
L2Q5vLUZnGwY5uHEzIMsAybZCw6QfOq1kzIhmefvTd92tBXtM1BwE6UMOyoDRgFUEzfESpkeOb4S
enn1zSaKGaIG5h+3xn0O8rObkdJEj2XdW/jH7ZNH3JGNaJmphP0OBzAw7d7DYdJj6C6tTzELbVtm
Hj10JhKbZKyD0Fefd2v8/R0rgO9ssuQBFLYMYTkn82sNh4/QzlXtuSfJWxuUbSWDyqJEzAWhBRmV
FQpz3J8oROgD06TwrPQsffux76CQ3C0Ud7OfPij75HCAr0N77FYuCJu9jaL/WltP93u1kIzoFOBp
BVOA2LukBuljiQIqbnw+9DBhM40QwfDATDr+DhsGVUHqXYUpq8BvSCiySiBzOnOTxkE4knli7SOO
u1S+NPld8AKq2d6tmXqkfUZT8cJen5kZ0RzMXk6ZyCg2cdNU2Wc8AKsXDs1gOYtNZiefpYWIFUkL
iJnFay96azsMDHDLAglTyBlArjH7zhlgYLxZ8pjWxYISwACOSROZnmbZeBa+m/UASxzZ6KaayLUM
GXB6Jea5yP2W04xbs8N8SS0eMjeh/0VNeMhN3nF0UccCo9UKWtdL56CZTfIXqxl56gyrMT2TvVX3
t86k4solvx6HTL/Dtt5IPyQOYbmnm7GhvS+pmd0U68gKv6V9+BKpiZWOGRLyNXa73QTY2td+mz2s
oqIhq6qfmdBkGKhbrCHorEjz1uhdkeHU4NCRaXYTNb04YyjNlfB4Dvj68LKQQgwG+J20P4Op/OEK
1iN4K9cqpqLWib6LDNb5mPkxckbOBftBGyw+JMMGxkhCH6/Kk9rLmOMpr9Ppm+rYizk1Ux8t4cO2
yFWMp5TCSENlJmWwvDMMI0kE9SjuJAjk9YjCgwbnzkVcaBa5F3Qi/rxfT+bGPeRReZjSW2/YP4lN
RFELlwl2M4VYC7ttuetILTmW/Uc889kJUlRwapbYoRGhELWUXY30wRJmuXPqsTilPuFeLQYC2alx
Wywga8+gnPfyQXt1YjUeB2HtG12/ztKRl7bp1KVi5g7FLD+4WTkelhrYyYfmBo+LjcNkfeuiwbr1
lJH6aLQY/vKNZoJTzdQy4ZkDZm1lMAxjui8755uMyH683wA8/Q4SMToCLLU3sGfOYMX1cE1nrg8E
m5AT0Zrv8aAhn7Un4zKNerIPZ5zgrKNPDNv73WzoT7WtnC1riX0yu/CEGIV6iFSqmi3+vvGa734u
jHUjxWNMOHOgJm0zOFwkl4NKX7AOcWd9aC7DxFQt7x/ttaM94UyzwuNs0QTlrzyP/oFhj79b9vyw
79wVAif9oLy92+T+jia/s0KLwOCu0QP4SO2BJE+ffhOyW9H15loY0BE6Pj0Kg35FBuBmWHZqBqyn
jWQAoypGf5yI0aHSE1IgUIJmLm4G6sdHO6uv7hhhKZvhDLs3WbioTduEY2nQrhWVDBIHiqbcyZ4t
ZZfIcL5w2HmBYyLAFuzWV8RBcmI19bSuWuJjB+dN1V7LNohyKULdU8rmraUyXjcja9B9IaK9Qiib
b/qrWnI5DnMNRKX5OZfLbrRz2fuTC6Iazn6XuQSze4pbiPYjQY8oIw7g8+nTuH2/cQswdSBLhnBq
9jqUCCpF9CKGhaKDdE6ejdW4k/270DBch5RlFlwYSn1GxooYl7w94npBbdtzUb2/T47zoQ1o0yyB
Z97AMXR/wfU8zquIaksfoteZQjCgdOVaDwNFgDJMGKJvYw4BhCnii1zLMeCcDLTKwo3VIZbwhiVp
ZaSRiauOjgLnakLqGlDilJ4BC5YhWGoy5D5K9QR9JAwdFn6e5x6qjDFeUsfH1o0/F/O/kvlnUXI0
IaRF7C20wJgW27nXP0dCvU0cVniUIKn8cwjqLUPvFM93ZHUvIugzVqxsYn0st23ZXDOgb2nrHRIR
f+Cil0E5YESDCkFZwp0qBRW3sNn6hnCQ6K196RjY6ZZ5gd6y5IfXYp5Yk53hQut6WrvgYGDykhgT
ITJBHyBXS9t77WF1EcUT+/irFmEQdIn5u6/kvdz2iCLQ7LM+y4kNX8bdrZaSD4MIrUoj/fTldLm3
1LGRmKuCXTwyiYoWXDoFmuWc3aVPydI+b8MlsQkO8612u0vCIrPSik8lyEOISZlc13qxmQmSb6x5
X4QyDmza5ytt+Rz/rIndcNRENmz9If3MGVqtGxOzTE7gntGbpzxFQGEP/jofOdu96YE9SXxtmELB
o+qm976PG9wiVbTNXSK0CzyH+kBYVmV2XwkNnX0z2vrNq/SvcXyO/Mr4TqMCxXM5z+fEctK9bRJq
E2FWDzQaVJVO4nDVVIfENrqLOfYH0FroAoRlXEgIB+02o7OupnDnQ3DDzQshpUS+ibafw7kGeUBG
FPitaIBy2C64Xa38tEsBwCPnfFyOkFZ0P5U/vRpGeYEpcB0qcCBh28Nt5bqrt9aB3jebnE4w1qPP
PCxHj603LFJUifqyEow+qSshi4qZA4FUOWecFXnfZwL93Byfs2Nl78t6yHmC6sDd1HHyGbvhS5U1
j+Vsfagp/pUvmOihZFVLbeiCnr1GNAPe33GfG8prc6BDaCZLZz+n3LWWk6gZeSIweRT39mKFLOqH
qI7XWH05vGvKDny3ajVPNN90VmQ/b5Mgd/f3C3bI3lY3TpjmUtjgdh6kDDy69NSfjNb7rHXvkFk+
7kDjQJA79ixV/wwlCR+Cg0vv7JfRY05uFcDag9IvplXZsESTCLyaSy6+Xs+hbTFI4eKXfjqYqVfR
7O+Xc9dI5bwteDmj5r2MiuWu1dNspWmKTFJqxW4pJ0Yz3FoNbmWveghrTga9xC0taXXbkXWt0OGt
7q+87XFpp85EgL323PWWxjge+xtVRD37V2PxBpMZhgLSxb6pfBa5GK/V6F6bjMP/DqK6ny4RAWcY
JC4a2ml6i3y+ESaErkvTtV2zLBGnvcGw8eYs3+Z8GEktMYmj5apS4a8NCsAflYDqOFlXwkN5Fyy3
ZQEj9xwGfrlbvq9PSK0oXb0g75EKIRlqw4ZP0mJiOl0sMjuC+3Mt95UscOCRVlVEAPZ9u1O7urE2
TM6kLrngiFq69Fx04hJGKAxyNFS0Q0qNaYnDYlt3HBQenqbcIbmKamnZeOWfRmEe28zDPrZwstKk
3OcuHUX46QjsHP7s2U+nzVScbA8+Vbzs7QuNkLPK/mnX7FRgESLtpwXtxrW/yzXd2VD5QNwON1rL
5o6jH4woloG7NddTRFyUxtIpHEmayOCISrbipHawpEERdYEfMdzBkKEN5nNj2IBbOWS5ipOlktI4
8TS2Astlk4OD8JB23mHR0DZzg/ssw7VRNt8rPjnCkf1XibFGJNojOcwRUnafqalFdC66u3XYWvpO
NAl/qJTP1tC9qWWXlbcuGHGwjknEZdrTGZfHwy3F2x3kc/I5GJz0reXsOh9wogNXEBUIQqqqaPcR
En80ljOSEmDem/vxONz5SFVv8Wp/39duvHQ0GgQK9rHak61BAmnFRzaa5rPX1OnVnayvvPgEYzZ+
MAbVJzJj7RIhfo6mFyfzgfTZ6diINsP9bPmB7ab1GllD9pDSeyDAtKYJ47igi6BnRqLynhnnrMsh
NgIeYotRGHkQ7jvBGXSw0nwz+ONr1k0x/MwMEc4kGfHrKlnTPBwCJD0bfRDhRZtZsQx3gjmKJoqT
H7cGOEOv8ed9L+UNNPx0Sl2EbJPdHqxkaLbt9CDpeM3olsife/NJFDjU2HLQ4Ti7PsI1ONfwNGBG
kHaWYTX1260yO66xEQUQ5oZq7cXlvB0bdQN7hKllyvInYaK8qVi+MdL0iPqMLr1IdvBrkyZeqenl
jeiB9mlGwNmhJ/mD9Pn/dML/kU4ISfhf5v//g054+ZGUX/+dZ3j/jX/IhI7zH77p2JZjGqAdTNsH
wPMPmdAV/6HDUsBp/k8wKPyxf8iElvsflu2BWnB9HToilIz/JBNaQAtt1wU0pAsfJAPQwv/NZrz9
4Q/8gUpGX9U/X/837txf8CxYPC6sNx4IOIzvCOcvPpByU11TowbhblrZq6UuFMw0ApTOxk9xbL93
L9ohCmYuAQfsRf96o/5vT/4XYI0nh9pok3EJmQQ2452n9C/cTlXaVQOvY6YhRjY5Fg51yocrOnf6
upj7MaV7zhf6/P/Hp11YOf96WsR0dt8mPG37QephXDx02g4w2ZqAolCebLAnxf/wlH+zj/7+Q/9i
H2Etb0Ov5xkRZXXzo/hffJ1Jb9xIuGx/EQFOyWFbRbLmkkpSSbY2hGzJnKfkzF9/D6uBt3gXuItu
2O62XQOZzPwi4oSNb9SPsNEnXpe+/99vD0PD//rrHA34G+YdXbUx5P3/tMk2V2p8i81jZQ6PmCN2
UFtWzx1bMopb2QZn9MVXbDYsN6JliJPbxS3GjPZLATZYzwi8YMxIldDBEkEHTTmjzI5NXW0XWQgY
FgZpzVbt6VFWP0J70DYVmbJgLshEMrvkgb6Z+OIxnNklw9E1YmMU3S5DIWY0A8MpHZ9CpiXsFHDD
WACLk6VNPWJ4pWc9QnHD4GFqJQGmHsxKf+kJmZDwAc06wdiVC8cPwyqudJ7ExxB3IHXSH5nLw19J
prvhcE6kWed1svPw9dInVDmgr+/HcVH90FbBPDJ7ovhC21vyq50nrjyD9ZsIdlXOd6ECgyzhn5u5
WG1B9pZh2sUeQcoLQa1Cf0DL+GtU7KhCiLpuafyIgrNF3Xwyh7iPc+21bXtRxPgx67Rl2R2f7JIi
C7ZMNjINXX1k8m61E8W3WIVz6w8A1JoTFhy6ZaAsyunH+9Ty9Kpr+alGDV8MNvYyUQKA98zQKgAa
FhgJz6j2TfYXcfzHUPh9BMW5e4lCWjp/lB5l9dZxiq1WLrdKq3b1mM++7MfQ52ODFj//KhW4+lkB
XnFBiqa9pshJ2iYalecVHVxm9WkzVk4TlMB+/gGZfI8tArwRhiE53eeRZtYc08dQYi7N7OWHCPU9
qr/Lov3qaR9AR193V2lLo52ynbO0AJ1cf4bEHxXbCvQSedCwhruoix91rPyk69YWwuWnMKa7SuXe
XD1bDTvrrDU5US7ASgUDMHY/yOkvJMXoHYRBvZQK/0tFGYze0k8YltQdEXXslRrNdxXacoMRT9Hy
qTkkxkeL0BW2181hcjCbFpX5owBw2eEy35oFxVWZAgxl1EhIJv/adX9YtCg+sdKdM0MjNWYAaNBz
+Yv5I67uqv12K8yXSmxDOc6yY5HxfyuL8aPmCZmNiGtOX+CdW4xHtAqmq8MLaUxoS0u5UE064HpV
U/2SEzTCH5jR6chrttvy5mryBeQQmxtNO1cpCGj4q7lvqDhccyU+4KDwMfAydG24fpqsGzdxzuGS
ScQD6RhnjeSS4TcMze7xRbsOi04TfsHQeebPAkbWscaHfBj0Te1qVAP+9s7T4vHCXpumTeK26+Vb
UksPprX6q6UW7fFOfoN8Qj1n1FICazovGalYwi28u5BKKDpRaQg2BAxy28oO63UzzeVbVozXWReQ
lvPuU2usaAt1wK8qFHvTdsEbuHLeDDqx3gnrODDFn7WlZDPH6p6yIibLy8nW7fTQq0hqNRzuIZPP
ONcgaPTtBaDDXSklWfKej+9x5akZlaUO80oUBg7WvI88aYpdmoZ+IqldEesdV2Hs3to7hhiBO5AJ
IfdEOs7UU4pbMDfrNTliTOAgTbg7s0hsgNj9FFr3qo/pNdO17YpF2WrrvwwCLNu2Z403pQxca7wP
Np9xK+SnvUbdbbcnkmdFm9SdweRGzYbbed4O7+FAzW4vsHEXEO+YcE/mlvVzq0UErsK+OKyXk1MB
p5p1FrOoSzDXJ/fceJeNbgaqU9PQUFg3UZF+tLgh4wyJupoZvOEtClVucaYdUFxY8h/fJ3aCuV1T
JljJe9Fnmz4nIl+EvCkKRlWLvySNzB8cvOZmmPlGgBFX22kEKEkDLMOvDRB2UCs6dG0CTIbr7hfD
eokNtFBeWDfxi6Vb3RITJMkw7npZ3hU9kwGzYOIDiXz8/mnpAkHhqKuP92aY79JdB9nhEwod+e8E
t0yUTvdVI8M98dovjc+iysU4koipeJ2YZVljZPEpE3FvSn+IakqUpAEoiQGG4GpkLUPqMm6jmd80
lfJst/nnLrY3EOiP9PU+NvlGl4mPq1XAnA84aVS0zC1iAPN2DMWmsjLZ2kuv8lEUa9Vzj5QT87Fi
UbW3k8IaBIeLjzXGJweSYhONNAUkPH+2cp4uMqcql9CExFas/6CXsnamyVvePQG1aRbGcxmZVtZP
xeWtRU7aIvjNh9aVyGDznQpDDMloXkwMqOIm9gf5ZXm8QU3Bwdv08fFxwcOY+yS9RDycea27+IAn
GXRoPEeTSuzstvvNEznaFnrsy5Qv3A3n0Ffb4mab7YVH+2dsRL9kRno9sU0yoUt2Bq+86W1IJG7C
QGmiVb7TDb+X+Z9Fs+ptuq5qaKLVZtRod9Lk0gBV7eBKjIkfrgaYccxuzijnfVXjFOjqEBOh3dIk
VTIocGHdONLaabEgJVlyC8VypmG+uMmSm0KfxmezisHntJempBh1dcPn65Mv7vILmuzNVKoez2r8
yjP6xFcYejSXcaDH2OmM95q4f2AKnb7GtCqxXrn/uqjcURemezhg6MorVTyxvAUoXKQABH6shTET
RfHR0cGzi896vrt2vE3JifusssqurgvAUEkMcYg81tye5Pi24FBS7eyp0wmi5VazeHRa/5INiNNe
d41NTH6hsQciH8RnbXif2y5qc18V/FE8VL9bsfh1YT5j3dB4AE7njH8eZbdz2O1rfdA/sF95jih2
+cC2Jkz705h2/Sm1sNU0IhgQsc+LAgrK7AGrJAmMllH8psiXoEY18ldN+ueo4deviATFdctUfukP
g9WAlIvcp0VON5wfxKx7bNfhWiWBCESrZwuKJC/RagzeVFw6fJy5VQAwyt6Ghem7TrIAyRnebJX1
PJEXnhU44zdxr1D8GoONaExgEBWFNNMSmWuyAgrH2B3SpjS2LlIyAt8NsvYfc84BGnXKp9LBtsY0
yacxD3tqQmlUb1HXRmfDwveiDM5BuszsUx0dCacXLrwpsIEwca1FtVdIUiBqvzh7xZRnfWmejNEq
T+2SvVPgKIMBb4hvLDQPIdmJQd07rgZ7Sqs9bHCYC0GCsi0LiQtpFNhoCFz7wRn/LnZdHlNDMscT
cKQo4pm74Y3otMk8b/UFDxUXkeps+Oc4GzzTpTkymGm/We3GkzVM58hAMe0mwk3O2OMW7CtG4uEX
GfFp89+LSBpwA7PYm/OTTkW4OyWfuJ7oXEZg2GLKhQUUx+wNKsLcBvgQgnVRkCrqhxKF+BO6em8B
stwvNbk6V61XjS7Gy9hhxuYQusli6hOM5MWI7cKzOwrvpG6WJN8hYxluWHpaxfYHy67cTZNzNRkk
lgnjMZ69acPwJUlRH4R9gDfyh7Y2MFdKoe+gcWnL9D3Y3FRhrNUXOt8owcSQ39FHiLOZsBtlf+q+
06uXMse2pzTt35ZbkynRN243ArVD/NckI8tkEjhgmqsrJWXxXHa81N90oY8in4npe1EHzZ9K2oIV
vALM9zLuFpbcRnETNni8+McVxUKR2A7tHSK8JMgBlPMEoS0JYLF6RPNZG2sLM0HJcNzUIZoy8lpP
Etom1gC7pREJ7UkJn3PxHeV82a1VpT7BhQvW6Nwn9pJsW8JSUyUSf3bCxjeS5E/WDRR2FgknkBTj
oQt3yRU0KXK4ZWfjZOEmLDuIxw1ceTuiQ67XMBIounpPDCjbkZ75OaevrZs3sE9G8VVQaMVm60D6
d3gukpllQGC5jcJdyCM8SFcVwxi7fxOVrJtxyv5wKsKbqjOUqxuTvXAB98ZgXFnXEU90/N9cxkBG
jbpcOdBBqervqyNy22novw8Ks1ZdQVUpNC4xH6aUD2Ukzl5qlWj1OqoHsRHvXK3pqSdj26K3DRn4
lPWo07cu5QTk4IbUo4f5bCYYBUp0h2Y5INwVWzpqmfKZ5tWqxHfPgRVpEBUT3XxV+Xnom/Z3Een/
SnOBtCPY2oIlTDaNzvdqmRQlTFRrYjXLtq3KAJpR50duDS92zQxbq+zVihwfIgeQcq6H3U3GszfY
9IvHdoqw1P8Tcgp9UbccbOf0blCBByh7HA/sUa+CObqeg6BJHKMKNH1oTi1bC9wyitrQ9TJlqc+e
0sL+2JJlb3sOG/R7xVZPdkHNAmvGPRvZYWDICXdC6/zqMk140lRek9p+0evB4jRRtLvcWE1vsMYx
rbBrRt/DLsYmdq7bXZjSAyWSiyHC1/CCT0m8tFAWcSsQvyCPl6YmhvlKMHannZPpLGcOOHNki8oD
P/tjL13saYoVjC6el4iUhYcHgNVm2BnmB1a2Dg+6+0oQqDuws0IInKwQM9MKWnVtlvBRnNkIF7th
4r52R/cJxD4nckYGcT9CXG0ljXmG4wRkft+wOwBdmP6Y9Hd6Nlp3n0fXlITkoWQyG+bWCMxy+rOC
OlkUuc9ocwcfFZac3R30NT5dLvdu9CG4WR6VvO6hG8lTO6ZEk7AmTnFtd54ACPpmKse9RawVVrKz
eWianDa5PF1SQFMkiVgLZTeM65WW0weGxXlnNDqGYRGMMSdGqbkth+IEeYEzhpooxhHP32FR2OuD
zJwDvqqYBh4mEPvSUcmo2QB5WuYNZeYr9DFAXKOqmla+vetkp2qsL11OsNq1aCdHc7QT2EOxuQCx
ioOa+JtnlcbvUqt9qYGNGtAYbCX+HFMMRH+lSiUiu5pNLZqvij4dVhINi5l5bFSgezCfFmcCV4WS
FmbFTV2an2yeoU3xGbqS9H+cqjPrP9cv88K91Za/1RkyQFVqh7mqb1WifNUkANGyOXwVxLuHmeow
ai83FtscBFn3pQOq6T1plYXjQMpvdcxgmMBNoiIXDA5Y62ABHgSOkjq2qnrpBSfZsKvi7Wr/SY2I
Fla6wreziYWev+a1NJkcZisEIPQHSPCehXZ9Dm1SS6WKHf1dmexyt1giDkKtuOoOI7AEyzLkydwv
ykT4ePqpf1kCs+5/irZ+GYr41S7D94dqaeUNR/a4pK83Z1GlFdtQheIVsSlRQKsP+J26B/OvCkLH
15lHbZoR2RFddYuus5xqOKh5xCvg0z1P0ri1iXkxLAnESYUxndZa0OfGdDBNXk1uOXtTmGd3wYSF
kHJRQiYpKV8bu1rjuSbkGWC2XAWzAi6VYu5MTiienRVBkTd3tWR+MuESC1dXKHEj04vq4pluY1Zm
pkn+XHO862A6eT0be/gnLIJhjVG2GZ47Y5JMh1a9T7XeLTZJgNuUbSF7ubXN3iKAoR6IzCDp72dc
M5Az+39WbDVeunvo62WNyKu3EXukVbqG+4mPLwejLQsEykYLjzmuqg1m67zIyj1FbfaW6fMd56Ub
rOc73E/Sn5sPnQkGPjxSAiXLG1i2HfBIZP7Vb9rU197mdoznPD7nKduf2VSOlaq/5GP7yy47cBsz
QaGhmK+ZLV0WFIgvRmLtZjtbgph0Qq9pNCC37ezNCUvYiqzNShPAWZwhKk0DnTYTITO6wrE8LO1+
LlbgqVZNe8WQWwydxNfz2vjoU/vcY7IPCB6XOxPv8KnKJgzQ6N+GWiuHQaQvJH6LQ6WLm9EYxqlk
ExSuS30Gs1gNqwD7bss9B3wC8VnDacDk14iiYtsoBDEMFVfPvBh/4hZGaVs/6TaJM2P1PLgzDZEA
DgPdtk1uZ/eC70ge+jE/DLr+lDeVOE1wH8yoGXePxpoCGo4cYgZORF+Iefz3rLZ6N9+OHNPSmFOT
6/LAFm3MVje0XcZpauyNS/NRLcWu6EE9Ojj1wMRwhNdWn4VuOezk7PDZNSoiI1QtPowvtZ4TCGGS
CVDmaRrHjzCFDGfpKpnAOT4+/FyVbchDMz7WxfQOs1weKLwPj1bL1FVW0Y7UZ7cd9CL3pcmotREf
UJ0NXwdKIy35XRfK73wtnGuziTRuxlMhFy4mIz5AHRVMI0PHhtIJaoTHKJtNzHOJuyvtVG4H1l4t
DgU4C/fdEfh7wRwyYcaB7gsnCwpHQlU1j/ksTxa89Vhhati6PDHHqWLHknkpkzY+mTJ4GKu4ajba
nKFEroZGU1WsbZzOwTz0rWeu11dHseGOiiisugVFYCNXTq4gpc7tX4smuCNht3fiE5ckL/02SmIv
kxFHo9+W1MZzRJvsPO0mKQ9VARujGxk+EobjXtHyfw/FO4vTPhCCbTncOOyeGtc8F/d0YuL7TTcI
Q8GcVyYV85IbytOQysCapnNZaqtpUM+ezVr5UyJqRpnt6Wr95UpCTCO+NfTFSjtGn5byT19QmIEi
EVrCcYpbNnZJq4F4MQZEBZu4FgTNHJ/RRZOgIVYPFW+FXVY/3sBznhWTA4RLj/W2cbPvcmJ9n90m
3ZV3UMs+Fq9wOwhVbhq7gaiwGikyIsgTQuLWWI1IrV2chRsznhNcf6DzyTGumrleKm8Ph1VCa+gW
pErsLyH0KpuCiY20mAS5oOrUJhqZ0mJGXf9ktXPeWuqC/QlGb6Znf8dxAo88F5Rdfy2tm+6Yolws
hahCjIlgfYomYAi2NFxtFJynMI2EiyS7DgEXZuPV2DyNOjIph70OEkB1HztgqZFEDoDU84Gfa91b
6xZIQ+tpVBhAd+qB4M22GIo35VuE+NOXzt7inrG3cywAfCZBVxt4qRQzEEMcNBQz9Wbz1YjDLOmg
jBuO5K0I/1hhEoTYbdlcBa4Ji8jFrWInGgq05XwYk3GiUgLBdl42ZaedYRhvWpirRcv9PvIunEp+
ZZJOA7DAeHwFtfStX8nhm9I0XGRafrXA3YssYuOetrNfvUzW2bBmvHr6pPidKNgi2jzzOuKbtdWe
ozpEPe61N6UGiu1AM4SVxAdJCbwq4ltEYFHISmMyAMFQzYyPENee2TRfjj4j2vTKjR3qF0WiJFzm
jzRyzugEt1ZjsRuVY50gPy+6/Jqyud6OdbWnkpTK4qn6YjD4kUzG26KYb2MGwaobLwqa4yYzXOwu
NehorvgvUpOvplL+NiW/kCny5LY9PQICsp0CfslS6pe8Bkba8rDMFkFUAQcLc6xfD5tOnbjngmsB
/1T111Bw5XUSQ8TDTDi/F5r2CZuVj8XUKZDhefewvNgVK3lfwNCjD1mAKvrPj0FBHwkge5tzvlKJ
E+3MJsXCVYAriKb4sro4NI61QJYmr8C9tRXmS2WZ7qsRUjWQcAjEbkdvI6zFqXWynazZcwtkFiuV
1nbodJLdh5lbcuuG4UAZuXQ2o1PY+HbT8QaseU86+VOnGZeD9lPLfMlPTQesnTU9c5C0mZ9jUCyY
NenWJWtJMcyt/bEI65dqDYmnF2yd4rgafYiK8erAeBjGh5STuxr1bDqBLD58GvFqZXkc8vKIKYI5
sKVT0yBWwLpn83RtBct+QrR+U0Qpr4Gz3zJj7OlsuwZDV71qg+HgC2WiN5M1xeczw5DXawofws69
jcVOLX7Gwf1TOvBIyAtBhm9+TwOrRUeGc3DeqBzn70uxsuQuBR8iwvrDxojGCzV3tsSVURPTmZny
erDtjL0IJYRwbqvc0LCTFjdnrbTrUxbIKaaVcvVsuz3bEluz3wYtesE3zAB1GImr18fHhqXBQAM8
Y8hPZJ/aMpWYs+3nKS2rM9aU+maph8FQ34sRDEwrVesopuQj7ZsItx+lIdlsBEqlxqcKrY5KKOsu
mtHck9NhLJDsgLSHp4K9i4nE1DS1vpdF9oIvo7laTn+osJHuljZKd0DUU+hteIaMt3ievlsFlzZM
//nEZk+eBJEvZSpc/BtIMCGn+X5aeJq0FQ/diC9CDy1WKj4zh0ZgBoD06Il7oSTRATdKtFfos/dm
wiWHRTpH3O3gzdZ96uNZCEgcl6/+ggOAp8FkXSPBIxtE0dVQGADjGFVoZr80hkMcUAC/UGr77WF/
pDMWXAOR0yRs0UYnZESVL++x0ONYKDftGN46gbOtwbr3uHQhPXHEV3MBzGktAqSSywCC8S/HmuiZ
hntWC+dZxe7uFdlwhV1K8Asblo3PC9j48Lm60JwBN93jPue88s+QfO/Y5WSiMVdu6n99FPtOyB8L
PhGaaV0ZXjhj612vhoFaMXd9jdVaENhki9c5jC6aiqMFi9a2SavKq8rK2sQzg1BsUFaN3ItxYz8l
uJ8eDrCY+CqhgoVovmNtE/qtjnrqfrkjMimWI7/OnXmfUlO/SW3qU1SN9F8F1dsLTeYd+RDeevPV
YLAIUGBhQJf7OO6wkuVkCZkOxzhyfXfhqby0PdI3AKaATygdxvmogRvxynLxYMJzDxrFwv6EF6lz
3tDhy+47YDTu6jni7AXBT1V8Z1L/JRo4HDd27eNgH7XO+qZBzz0abaRucAUYXmx30/XxIyzPmseF
qiHoT0lAIwFAWpoaMa7izlV5RHQRTYkmZSybkd3xtsZc51EheyedmR20bG9PN13hnk27gt6DuK1p
lpwB/Dus1pH2oSfhCb0yP2qDwp1MB94aWdGeiBJiMx+HaMuswYtTGm9Cno97qUzPtKIAwXWL5KlT
85/c5CkzWRKCM9tHK9TzX01q7KTq7iiR/g2jerotYuYomTzHTGaCaEm/S9VGJtUdVBuNcq0+/CQk
ZSP3G9ABi895jHpG2XSxp/aljD1ybe5Gsbr06q55mmYZyHwkzUdJzYvvcJiC1QXSi+hH+mvmlXNP
4gIVkrNdHbkeSVeQtw44AMFkQW8MjIRNnezsyvo7IsALPeeerSFzCiLl5ZhSDFE1z+P6QMOFadRS
5YGXEp0yUlo0krX5OJn/9R1dUB0BRHwRzwPniI1IoOuUzY7R/3dYJxelKzUvN1RGbzHGwMJF10gi
rMF2FH5EUJw/7SGwjQ4L//JWNTjGJ7v9cdHlPQX4p8m8t+7wYCLQY0lPBzbISKuemSZ4Dm0BnEpf
jmpWLbwojvslo3Mtac51GSMiFUN7aOrsWtQNqD8dEL7I2qAyELC0cPgCe1e+TZSes7WE0CHbO6zu
6jAmODTZsa7RPRB17tqsYajHsIXqz2Dsamfzam+O5h27m3UKPg1nszZjoHqQIs3wrnM8I8Ul6BqN
3zRThh4PPodt4GweQv6pZHlFHT+Glgo72AaNHJXOhYB0d6oL7Svv8EROMO93I1cjqEv2crguF7+y
B7krFMRPs8zORjb/0xFEvB567VFntrQzs/JXGSN2ugRkWbwAscZTMNApcMKcfWjpI99ZomN3pOu7
KVW4+JalRSeigEeLBuRdhbzpOCYA0KPVO6HhTrUZlM7l+Fqr1PJZgkcoGxsslWh9jr00L7YJUrvB
X1m5z6POoNNaJg7hDqE8xciCLh2eMnPUjvVSUKuQ6X4JU3mfcB6KGmgztC1AO4g0jh1u3B4f/6p4
ih8NDYIsFvfl//1QV7nANPK8KvNh0wqasr3+91vRD/lPj/+36eRi/Hr8CYn6lob6JseswMkCknBn
QnSWfI/M4/ljaXZLAiMN72pUC4C1l7cyceRTPtKnqpWRseNkU2wBQrk4UBb35nIHbI1am8FY1O5e
c4NMKSM4k9GTC7vw68VaKklk1g3pMeBiKfU/ZWf/ZLc5UrRD0lEXUs/hU92Opyx2l2feQ3JUawJd
qcBJm/QbLP/uk6rXNUHeyJ8jneq9BPWYepYMA8yPEKxjhWraGNsy9H3+vleNB/qCbTqEj5Tl7pnc
1aEUXRWkdf2byviOScL4Oy20bTGFw0Ul4bsbHZiDlEWQkXeNSyRNuOE536FBSHCqxz5A1y+xyifZ
qSimnZvwiRTgVjZ6IYZLU8HNg7O5ryvOejpbpiItg8Q1TjIJM3bW4OGKSgZKVt0nHWNGSj3Ygu+L
tXniGyz6j64C1pPVrzMcKl/Tu2dLwi4eLaoPw1aemElB5luIxXT5II7KiuaKtcw8UKaHlZsMKD+t
WBA6mOHVP0aLbNJF/uFWBN8TOxhFSPt2cYTix6S0oQosPanFeqcDcCFeOyUvoCOuw2jbm5jJoa/R
rnVExT80KuoySbcAjztHnzHy0oKsbaRaWPrAIMY4oWnKGZ3Ato322i/soKK2uxqqDmJwcQGlT/TB
tchqTB9Ef8elk3Lwnik90usDA0ASmaq7H8GTcyKFTzb/zGAxPzBUbMgOHikZmQ5li/cjiVGbm5LU
2yyY5ZUDeU7L1fsgK7nYcWttmhwiSd/GSF91FvlgK/RNr3D/Z3X9vcSGHdSx81LXI5OJGhW3mZGm
09WGNMQiPZmTAPwgreNMbwQR8PGfno60EBBvcNHu7KX6lxriXYzzX2ppsBUl5lnY4oT25jEYYhgJ
vWadLH1gywPw3JdvXMTias60lHYyJ04dL+ar9ewoSX/rE7gresTAUtVSD7pTSRdOaMH9GO1DCSFK
sQuYq6hb0MIMwa0y2Bdg0uNO2DlDMw7ke9kVzon8MSzhVnGPA8iVQwOV+TgK3gaXf3GIXHD0lVq1
nEFc/Wz14bKbMt24pGHt0OMyiGsVorCn8aVtzPCKH4quGj1Vn20tLH2aLsv9gtqDwwXvfEdy/EVj
DukJTQwvTGB7b1SE8mIQFxkUNnBOVEyvnYm0LpUueWtMynYV2ahvvdvMxDLt4o5lB9ahXbEBpiaY
FGs3HbSQA5XJHUZ1fCjfR44xREwz+Q5KhytcJPV7BApwO6l9+d41iEg1pUnvmkNinBKX7F2Vdb5l
fJm+Y7/PtzSCxO+PJKimZdF7OKMvdWxS71OJiSBPXefOwsRAvq3tO/aqakvmVT4T1vYJmutMuLFH
ORJH4uOnabzoV/jbqj8lv/qcNqF6RFsPXQVpsVGe41SIQ2K14zWMzOHadckIVro2zn2Mjrn+eteM
lDS5xYBOZYtLq3UnUnl7rbec9y5z7t2IL7Jc/kBHTDzoo8xEiCv5hRP9TpeOEF0skY+j1vasCfCj
VaZTUI1Qk9se7L4z8EUoU0VrFhF59Mo5SKQkvDxYpt9UaKNS1eaLzr6EwUhm+FlXfCnzcoYBUj2n
VgospL6Oo1Ht8iaznxdesZJa5zJKj27a5C+FYDlGAS6YvbqsZ0OJL4rXH2bEDbJRD3kQoQiaNU4J
k8z5anLsIKdIBuCKL5PYwhdgDxdhDqgnY+gcMe0QNZH9Sxelp05Wy65pR9QakT0Dndr3ckyP0+r5
ChcW+WFAT6aB7RxWzrjtlmPY2Bbhi4SdHdspHgLdZ6lWyx6RrfWLWX47YcrAjRjrumpHtI+D9ekl
5Q2gWGop0EbXcy0qyRZSq2BxZxEhWX9uJI8GK25Q/azdEmHEwghWYxDQmfLEBrEMWn0AJ5DddvNB
5apyoCQJy7qkbDY5NIEiMeb+pAFq2JSMgJ/sKj2jfJ0AiQK4C50qqJ2EwGAupz2X31oy9qQMU4OJ
lbzjkDA8t4EwlDMcRxM22Fbksdj3lsWZfio9AhWaTwqCk0OKsGim99bSmudonsAMMRRj2aZapGrI
WBh4R5P3ZRmWl4gxAmk6vC2loYaXNh7jrUGmu6ez4IglDiAc1WNhnLOURHKb9Q0syomZAG9ygRxI
sZy9aDqTuoujatm1pVdqHnvznFPM7lN74hzNgSLmPokL6CYz+QhlPZfpT6iCGFUN40NJ6585l/cY
IzNXFhm7GrF8EpqxhjMKgjkDdfWsWvs8EgwtK2a1hF/PatgyFEhn4NPu+ITRYrJZjl34WUee/aE/
W3G5JWP1UU3oI7PqkjXpS/ArkzmeQEsaO91+AsJbeW2MYNPXenFU4kFl1e/PE/YygkpgDFOnas7s
zK7REg5Bz/WGtJ5BAYmrN451Gm4jCjsmdzp2kymZ3Q/wVUyQ3HPXB5xM8qOwFemPM068KvqtqC62
d0bGu7lvnudp7WMj57PnGfpL1zkGxYazDn/20pZXVyetbLZ5GpSNk++oBmp8N1wzmlZ07J2Ch2ct
b63BCXhgQwBTfWSGWlLCs0wTWmyontnZAKayh7NtdwHAbwnZz3p6HBz5JDeysJRd3Cx7OwdlmAsc
BIPY4Um1boolSTr3Ivd73k8Aj/oibOy4eTlYfqZyjm5UHWe4El2XQq/P7cLxQjFmEBWWyViHvgF2
O4xcxwLf+JCm70YU5sdsgbOr6tbJtTrwEaLbm2n6LKqZKUkeUQTcmP2BvC9noS7KtVNU9dppGdAH
YSgyCF1/7fGvYf1RuLjY0oScGVYXrfAKCzCZtFoaDGzaP+g5U7ZkrAIzbIqDMc3qKVn/w+NHeonM
X7orY3jqQOleHDI8t6HbCX27QEPiOj0mywaXqHMbfo3Y3d8irzkknvZc/nI+h7/umf5UMyZrHCgM
foFpeeY7xwXz1nAhmP54I+oWfhkE4cZb2+xcvITKZh2rwAo0g9jdaL+jIah36V7d57vSt/7yC0/V
q8VvxUavcd6oNsW7Ts7ruvy2U2BEW0x24pnWHIqH5d0+J8FyUdRA2b9LAnQkQdngP1HN5L4hEap/
7IN+TY2t8Zr9sezArLwF5MFu8prMK7/rt4xBW3Ox6ydY0NYteqelum3+DPWFBWFFhfAcQcosT1rr
w2YxdK8n6Upy8oIzuoAKWTKw81xnl9ScGPIghX60wwqjvzR/KpAU+yK/OPabovzlrWPOC4x71m2x
9jBjGr+bA8aSDinyC8bqdDWxacltfax3TfZWvLLrNmEVgMLArsjacSND0h/K9/Rd+cRKwCiJ2INf
7XrhG+/mn1w/6erGAPce/3QX4+4eIVTn+77Ae7yPEBM3wwmAXAEDfpN+Dl/FsDFusec88+bmrfl3
2o0fdFHDPXjr37WAWgqsthcqFWqgXK881bAQ7Thxaj52keFq2hvo1zkujE15p5UJN4nylgKzIc05
+EPnhd11eWpHD2ZMiZ6D4MO4cgNvf0y3oAtfxz3xlyr4H9LOY7l1bNuyv/Li9REFbxqvQwfQShQp
UVIHIQvvPb6+Bs6tRiYPQ4qq6mScm5k3SQLbrjXnmDR7hHBJd2sLNo13M2zSXfIk3WnntJur+rGR
nRiF717dAKBrG6B3K+skHo2zPCxkBo6wJkmF4+Vzs8EbMFIbDufCLtmaewrHXCTP4TrupxHgceMY
HO9Cw65dpV/lvngRjj0RaCvFTtbjUt0+IpxcktfGj7nAfkVQQzX5o+LI+0aSyEE8SJ895f4Z6Gps
DndA4utX7BAXFuBEWWf5UgrsTrVRYtRsqgdr7SO+rubGekhmorIOH01x3nCT7TcGRWam6qI5F6v0
wD0cLcEALHnjPxFpZukL3khFi6VcVDt5Fm68U/8o2OFBs4O18Vim91qwJubZ9RYX6Sjfu2vOphGA
yEsNbeOr3CZzlsGKYgm11ZUHDQol6AsEl+dy66LYvDQrwuIfJk47OrZZ7fhTdtzMP/Rv8abcG/e5
/db782qn2PkSVW6xwPN8iV4xhJyMIxqX7HkKLIbJvFSjFaGhPkkS3+E3BBvEE1UxQ4R4EJX72pG2
FH26V5Yy5Z0+3ySoRwFuU/2OkeUdFB4MSk0nPVnvWjTH3/kozGmZQC4611uzQ+7gSO/Vqzhx3ubW
UtgXa7GZowK15v3cfC7W5kmCGPUBlG9R2s1dcpocPUhxyQpzolPcOcKZWlFY80opB4lnQC8f1XP4
Bi6nWBq2dhyNWXnJQcGeuCeO38AW69hJduJJOVpHP1xTBnPXIwXkA0+IyzoYa3NWvQvqorY5bqRL
2kT6xt9kd/pztzJe3V259ezUyb+rle/Ow3fM2UMzswhVp3vCf3yWq7NGnLmZQ59u2xgP8RFMXrBq
hVn8SN3+WVTmWD7VhTa5uheVg9saMTLSuu7bE/cgZsKGLXFmfKLjHMhOMQ8d0hp86KxAZzwLBXsN
gwZW5QDdBGkeSWQg1UnmWvPkZ/mT/yYYeI3m1Qc31n5ZD4R0zmjGxjPC4RzpnogVtCNESG2bXVDy
shlM5CRMW9OkfZiZd/kRo7mZQRKit7MVOhuKKwJo5HX6stq4j0RfqlCZywcEkf14L5xk+o4P4SN6
boFS8CxObAyk0n5wMN6pDj3Tes6q++EdzH0O8nAhLuudcOrvrd14J9BE5cSwt3aetne/OniDOzIO
qQDTET2zI8KtSJ+1s3FvvHgntoQXY618CrvKYf6FXOopGCT40ea+Uz6VG8RAAUrRuXhnLTEzzP0X
/dvbIhP3aL7OZOKJ5xB86UjAUmQAQx6cBTaNXGtTeegUSANiMi8sa2meSnJ/vkVvKWzCVwBE7oO0
lu6K5i3cJRc4Y1TtCJ6bgtTn3NqQycDF6fg6dzFL2eA6Beuh2NnquioW3joZVuG3VZOiMTMXWseW
qRIHNKfRK1gLT1sws8gQhmbzkqyr3KGlhKbCYJyvhT0tWFTWw0JBLEMDxBmPfmqL8ixdepDc5/7S
QJp9VIaZvKqfrL0k2vkWE6RmzAq73+m2xTSR7oTnaFk7HN3l++DL24fZwvwU27XOmnoP8ALtQrMw
EhudMIcg9SN16i09zoSfWDzCtxu6uZzO++0UgLrMDumL9cwZXdoVAhhu4I4L4Y06P3Jc91M7RBBh
7yPiPd0RPcusfrdEdHoIjPely7KwgOd38tqj3m/Gbbyo7GruYQCyiz3heu/pRT4PzwlNo3dKP/7G
3EJpUZfVi/+UD8vqgykHvaveKu/CA093JRGMs+CBGd0dD2Is5sBegnPkO5Z1DLtZI61l2miklQq8
Jeb0TLmIwUY3l/1ai3bg0B3JHhFpPNdOjXLXnMFI1T9dWG39AkCguCUx2Ni33zUQPmpfMrUgO32q
EAzO20fhZeRJt0tCrwlKAtFIv2mZDg9QK9MtcbPc/WfFznfUd9U6NkAzUbYMc4BCH+5aEeYWKQAP
oeYIJDQ8Eg6Jf7GG6YNni4e3xaA4LElU8XKnu9Oane7buDEA736TL0v4lAbwbU9PXjuCbFeE08B5
I5hrT+WxQyb/DrUeKz9Oj3tg2khqUNYaKJMBNC6ZmAD+bNNJwOeRPQGB4T7J11K68MU5DSvkD802
rkFoz4Z0Iz/w7xskJeE2aJdkRLRbksknbWUEunxGH0n3V0q6ghLPnT3Qj5wUwuxRV/d1vajMMxdJ
odlzYMu/yofagqLpuBxDX8NkLR1ZoJA/ycEjRcH0oboL7lI8lZuuWHqn5hIVNmRGZgztmhlROWtS
B1b5B9Ben03/SbvrFXwqK27FKAN0x8uAQWwoznGcQ4UUHLw381Xes0jEX+GxfTWo3TnEm7xmu2Lt
b5pt/aI+5LE90BFGU3qCDEhEHSEtc38kUXeRLwvDsV7rxDZRFCXbjFSC9I78EyyAPoCSO288ZZ/5
64Szwb2J5sHkaP5FhAh2j/Qbb1eifuEtG57xLmLDinVgSGjnsTDOOTMSyHxXwlTZUCY9p3bQbKsT
3U73IgAT3I/f2U4/Zc+hOXcd8+xx/NqkT3hQ50o97/Hm7XNtkfOysI7o84LJyltisB0LaV6iQJnH
j5zj6vTNIwmX0ui+p6534XtiDsU8wPa1gXSCQcd8oOPm5hetPQr3yQmnTA9akWnGrQOp6Dtiz/GL
ja3AGLGFpkqN0t2KF3Qrp4pbxwZQhEav/WA6ZETx+Ajs1o7aHh19+DSsXM6o7wx8AUrLhnMrhh/y
gOfpa1Asyq9mBxGZKcP2hKoOQf4TwG6yrhzOLYvkCLy5XGirbBOvQPrszV2OF8zkFDwHF3nHycF7
Zc7E2zbb5FhgVJuIrPykjySxrya/bYSCfQmohOhQ1HSSttEOBgDqLXV16hQqWE2k/CuAIHQ88xPt
X+9VYsHiRBUuMJak28i04ydXIg/380V4zftXMTu2xOk9U3X24BmuOEEFNhIFhNQcz0gE71WCiB6a
nLAWjvU1XDHOPuLM+uRlsKtGHOO50KyBQu2Tc/9oBrP2lYjjcgMgjCr756DNtDOGFrqTEoEz9yUt
v1VxIWwXwPUDqUHc2oNq63Pwk8kwWpnkST8yQTOU4yuQckfPRmRrsn5uiLjdZW+tOfO28dk75Fyh
LM5KDYKdLwoBD+o7/RkuohxYzSU2GWuHYhkCIGLxTXCfPvC1pXvxFVzVmWIGH4s7ijvCC14faKCc
xcVttuDlCtv4ldodF4X4q3K3CEimLvvZ+2Q1Jj8IRVV9MC8Ydt/D79IJaemt86X64e5MzJoudz7O
yLNsbz3gZaSul++6TVLNwSIu/c8kpIfFfcgh1ZB5VG7CJXsU46Uhf2Dar5tnSh91MSf9mUvDwrtT
H4SXZCV+iMMKnCFoYOE+Yj1E+Mkjr98I3VA/SuD6WMIX9TiHfNSt/XYBovnD3VYXr9yGiHnX8k5Y
GJsEm5u/KOB+mGvg4i8W2Sc9M5SH/Y2EXgB7vsEHYqCVWLj9SrOtY3msHxFzXkwYIfgfEX4yV1GE
roadD0l5GX6z+knxQgfg8z5Q4PNmX20+54jAsQl9Nrt8fWmOvrKLP7VnRudD8ObaxMO7iz5YWFvj
IOEv/KS3gOjCGp8gYmdLQ0EKP1NfhZ3oFBjllxYslAWrv76ldbLwiSZA6LMM19XGxwJ/L52mxWYS
iXGHM9bSfT5dYk06DDb1PO8wPErPz4VEW35B2YemLZ5zNsbiNUbLPu9X6oGBw0vyj/LW/8L+aj6A
AA2+w3P7wSYgnKRV+pKeh8Qm11I/una/Nk6sUUwK45Ou207ZDRtQQcYLKXNAZkYCdeb9S+0tGugg
ZI4qnNLm/poTsfuFcpzrOtrb8EvlisHJSIXQO/P32KvEB1Z5b9Zjt9iHeGDO2SF7Q45uEUU3RxhA
qJ374J185tPMvcRfjOH2mSP0AIlqLh6DO5YjmSUHy9mMdld1qS7aS3VhefQfiKGcBffFqrtwd1X3
6U5aGdt1dBSXxnPJbCsQlGYrFk8WS+2Fs/Vj+9o5dGMu+SMCNVJb0ZFuWo7Sq+GZCzu8y2qXo5Ms
FtVKpOVHs+/J2jCa3stjQRSvN4cHyZLRnc3nod9ai/bgfnT9JaxWQmJrop2RLsOuP68d40BaO1e/
yeHDJa7DxjgTX6YJ1EPw2ubfBCLIzqiuEk4ADXkejmfzL2a2th0O+R2rIJpDazPwZUu7fNA2vc0T
EHfKsqIh+IjH2J8RTUxJgsy/jLoQGyXNrcN0fMZL+J5yLPOX/VL8JHogqpYs4BeBhXwSLsxyx9jn
b9UzdgqZi6d0FB4Dbe5pdctUalTbQATdWTHweFozmz9/Ak3b4kDNrUVF7M3CKJnSiPcxNL1OcdgZ
fU1SoOm6SdC2l1DDo23w5+9HiLCSqC4YKla0raSWgK6SfRzPkwuqEsOUMsbPQqxUK6PW+N16JchE
w6b80TPh8qrUzooQd0nA2QuVMgrRrrmPxLCwY0IfF37eYnUemAzd9JcQ2c28obOBx3tUkMFVO1Xq
OS712f/5S2+W+0bNdTvS/XjTkwes1ioHyriMi431ZX1lldXuLCDpwOmzjCIs+oRlkgvcVP78RR/J
Shc8m+YCRUwExiQ7lgHHB9+8ILIsHT/nYI7uEQsihWcV7ylKDkq0A9GIWngWonuPikWXeyaiAQnr
c3noVPlTjsCLp+HEvTaPLr93E0BwQ8vULLKCOxf5Ts3cwt1deMOXkrt7CPMyR1ivwTz2HOpyxVQR
8R/zIhpVdtArJ2S+jWyP/dGoiDEYsVpQmaFx5uZPanUZVNSr058Ds4dRGFSfQhieLVDqZV891MIY
sUaq86yP3zo9p4Q6XIZcUOxahX7a6itpMO6jwXNyQT4oXDxh+z+kknoyyJ2bGTIpAQSHEiWjEFLk
Hl2aO8uuNp/yZtRWkYcayO3Hx26U73gdHGDIeqVOlH+aAjglo20WUJ4/TJlwTcv1cfT55EGWuyrt
q3WDy4p1Jo7XRL6xaPVOJw7+oRQwnWDGGGy3aOxW9IL5BAWDmWHszdjqt23KIZNU6JUCHYw20Kja
liV/kDutkO1nuLMAcQY0eBf/6GVstG+1KxVEIsy6qIlXWsxxYUrywsB+CAuf27Bkzv/7v/7XFUbn
v0DU32dBWlf/898SCKD8P3Sd9ef//LemmibiJUPTLRV3Jh96BXTR+1hOW8EsnU6FD5FZYApa9guZ
GKoqIdYlKexSDTe5AleSMOrHnz/+b77L9OmWpIimTodIvYL2GL3W11pmlHC/um+3Vxdi5VE6CKli
CJNAiXAgql0iXumfP1cCO/TXz5ZkxbBMjeaWKk9f7B/kHLEC6ir3UkmnhZyPEqdYqduB0d0POl74
UURNn5R7bHh73ULPSTuZm22mrFWr2/zyVabfeP0GJJmADZLuLL7R1RuQIk0ckIeWjiuCRQgLASyE
8OXDwXaEOx/yH/3JCQjD8O3pnrWPBFiMhOOtstYbfhkOxo3vIsPfUhRT1WTr+rtogSvJQhbQKwcN
zPLABj9hBeIhf/PxormCqf7yJpRbA1DG4mFgMRF1Vb96ExEduzHPBSLWU8p9Rpc8GoqGTpKTVjPC
2pwevyHVr3lO4nmS2hVO1KLnaI8cAJdJvFGIIUBiHBIryAUGzD5PSeP/5EYrbLc4rsryyUQDkg8o
U+uE15sTe4K0krJuSlpSsQzM+vjzS731TmVFMbDImhP16mpcD55K0kHkVY6ZsBGSxwYlp+h+mTx/
Bun1yFFk5o4mwt8yDPnfg7jH6TzUllw6bamdYdMc28TYdgbF75oZk1OCNbr0OOYtOAaLP3Tmug+1
Pf4POIddfNR9RlRc5fcdKRQmYcD4oE31y6onZkn+GhflfhwAaOR6YYuVey82/ndWJuXq54cl/0XP
Yg1SZF2TRcuUQHxOQ+Qfk9HSVMDhssJ1wOJo6hkZtAIQhw2tliHhnY5lkDjAgtc9tCdxKiubq7SM
nzwJpqsfQRjR+y9C37/MqAQYCHNB8aAVjJ137ybwen/+ujfXDkWlcTcxx2T9zz//x9dVKkvPjICv
y8iaNxJUGwxX83HCTklJ+xjRUp88/a+9tg0VapceAjhqMrPYFOvfvsut2aOwcIsqinqEoVdDwENY
IgnmUDqRRvfEKKJhMdFGBp+aUCEXtqcxn+qWFrtHG6Pzk8+fH8bN6atYmqyKcN50BuLVu8Nv8p8x
2CMoWpSSTJG5DRCJDo8mmM2ZrGSzapp5+LIigCDTy2nlU2hSV5pwMj02OWzs/RcBULxpxP7zOpS+
aiOi4Ort8ziH3RNzyybMlbzzc+u773AittgoKZiG7WaiLNUThurnH3ZzY1QsUzfYjWXV/GtdQoPK
ABJLp8q2WkOJXVdwBaJaW/WgZkh/idajZK1jCuch5JefP/3WvsgIm4hnIsA95WpPUHtXbdSEPWGY
OD0CpYluYp+3XWhLnvEYaikFkq7+5TffWrVUEWKSCt8Hkt0VTi4iLrwd4q50xp53ieDmVTez159/
2W+fcfXLwCfL+EQZsIj89qNe2qqZ/LL43hyTTAaJ18eoJBLgakxaIawWuWZSFNJK6WgBDKwiVs8A
07L0SJ42hS81WGpFs8cvc8TURDMe/XAc72K32AZlu29F/KGmLJGJF9OlMqgY+IP/GuTeqp6YpETC
DbDAhkc4JFRGJ2CUZzzkgfs+AcdMF5XGzw9Omqbyv1d7RRQ1UwHPKVpI9q/2FFXLG0UAFuR4iNNn
Ndv4TCWUXEYEBZGcaWZU8SPubloO4G48oaBrknP0zaHI//xVrFvfBJIrh1VNlozrRafQDdEccqVw
ivRb8Gi2+zL1a6OW6OMOhF3W7lYBWOEr258/9+/TCapJE2GdocPWN/88oX8svJYn1WMZxQWhLv7C
kJmTFQ97nuUtfjQW3Sl/8udPnEb81TPn95magXFeU9Tr07FVBcFIVAHuMBVCb4gym6Psc16GT/8P
n6PKosQLZjVXp1/+j19G7gHmstLIHJPazeiSuwSJG0z1L2dNU7n1e/7xOVeHLUGJdbI3+RyQFLVg
qQs039zy9ZnQIwuQMpW+4kMcZGsC73rW7fxFDddGEZ75+dQa2qZdCdakuVKSpYIeS1J8cRVyEpqN
pEYTvkmsg0oJitDNwClUADeNR82I/Efs97lIloKMvAVSOIpe6D6NZSKqcL2TB2tZll2u+aGy1orK
W43tKkv8hLhwOnTEYGVzy1MRwGf10s/GD3zmwrrjQolnskMeSS8/bz5aU0ReEPlkOhcprp0+euuM
BddTWm0TC9mKzRfJQCkB9jHH3NTVi2yNDEk642PcmJ7/0iW6iHAVuo7Wq0eo298iTLxF5NLBNjST
GuYoGatS054J/gzHey7Nhe1SYc0sGuCtjt0mjBAPmL3/FIzj2Qvufh4p0o2NiQOlobEYiCjDtOvT
UhyPgsI1LSPPGCCA7HenNk6PSiefzNJ6pxrRzsQhOmLnuVhJeF9ZvgqkqcPqv8sCbTOk6gnz+rMm
FUvJzx9HIX6VdLIyZaUm4z2W7XHwKewUOhx/76lsdeIVfbeZY0q0e4KDygp/tREdsbXRpVL9p6yl
dSoABFWs97jrThqpV2PdnGTI0FUL8DtMaYgk1qEs/KWKjbBW+T+EMXEcfbPwO7yc4TGR1R1ekqNc
tycsc175GQ7pWlGkz8GTbFcA7a1S6FBK+a1JJTvvaT0GPHaXNF81CGJKTUtI0ogr8CzMp+8pq120
qIzm5OvS55//X6vvqqw6or5dVC2EChk5Xx1bG6jkjkZbsCnFtypsHbdnTZPUZ0VO1/gsNnGQ7kdf
vvc09c6LYEP45aMwZnvcLjB3fP/R76KXkgTZXe3D5HE94aFOq73aGJ9kmFPNN8tLhh3xPmqJuknh
G49N9sAdlDE1ge1/GSE3NgrZgpZK8UlDlWlcLSZuArVULgfU0WDIMq8cNjXk0rluUYdMSm0FRfsz
QMCOJKNEziLy2qOqpwnqKp3zy3eZtvOrBVSRDRXchAXLw7q+olBladsuTzIHHAjydGKmhWAyqhGG
iF6u0aWWvG7Sr4S8e+uN+kPKxFNVoqzxfVNdZm1ON9EUvHVX979sYtLftw6FG5qo67JkQsW8XttL
b2gFv9FJNMYyQL0rN5HK0nhBXO5t3b58cZMROqEhx05lwNnyhW7dkLPyy6am3Pge8G3Zz0yTHEBO
LP9e++shIkJjaMDLmo8QARIb/18iLP9wQzB1zPqwH7ZpjDhRIfF3omnUk+dcbS1kxTE8dFH/0JJt
jJ2Asnx/D+9v3GeugPwJY4msRnPZQjnrlvVi1IV7pY35LUEtQ5yDraUSteI2+gzLRvzL5nlrpeJ+
RP6rqFHbkOWrc1gV1Xkc4amC0Nocatmi9V6+waCatXF5Lrr0HDcD0h9lBBaTvf088v4+QavTbioZ
IKENS9OuzplRm+NukkLsKCbtJvxKi34YzlTrVoFe7Do5eRgFxEM/f+iNMcWpHdy1YXAwUkT96hfn
VZY1XtvEThYh+URLmEfV26g3QD/CO81FJ53ikevfktA4oqL+/Pnj/xwB/z3bVFHhZ8uSKum6dn0w
84I4T9W4IPVOq1V6iy2jQ5eR3pHpO6p3YawfW8wBtLc1etICaIuO6kTRqrNeNC9lo5yb6R8T9H43
VHj5896kYpK9DcOD0uzB+G3CDIu+Uf72tv5eJvjiXDo4tGsaX39a0v5x/ik06tZ6k/DFMd37Cm7g
0fwMMeGDoPzldnBrYCgU/XQeEych7eqjfKTCrllbkRNFcA0MHB6eYSdaszfQeWMZ40ZZW5efX8zf
B2Z+HsR0Bcj5tNhcH7vUHLCmYBKSwnoXWflbNkhnkAwLMZce/zzyyE2Wqmz8Mh7/Pr6qIldyRZwO
63zw1STQKooYtWtEjtA0myFuCbKL7gJd3P3886Rbz1QTKXcp5LfwWK+WMI5dfRDw33a8VDvqLXd4
ArmnghtbZfZSCMouUuVVKGorE7aAWrHKlgpOq2ZYB4gCgVQRa6EQWiW4v42sG4sQz0ASOb+bsqhz
I/z30OoFuSfMD9tviQ9oDPyTovWsAe6uDupt075IBBLO9BBGlPTbUNOmnfZ6Pk5Ln6EBCWOnufps
NhACaPw6ciwNuISK0Y8KCKwF0chY17NuXcN0m2HQBNcAiSQlg5lfgKo4IV9xinjrWnckJCrY/wHe
mhJGQJNJrUh4j/skgljDTkDEPNOegpkklwuccYhC8iZduVX6EKuYyPuJIPMHOlZP+ZsebhJ8YvHk
aDv/YRkIhbnUOuBFf/51gHgW7CSgT5jIKbWCg+u617rSNn9SWcZMnEzx5EybSjGHfQySI3inrofy
rQfuJ2StA4jLmstS8QbgeZVP14BfBtw0Sf96sKY1lWYk01KvB9wYwnD1VRa6oRNe3RC9nK8t9WGT
lKjRCoAortZsshQSCaapT9w5SyWv7n/+EjcnF5EDtC8sGf7/1UKSqAWHBy+LHTydSKr42WIknU2j
/uXSdqPeyAi2dO69LOo6tb5/j2DcbkqaF2nsdApNJ7SJZgOyg3W6KtoNR6gzzAP04OAyakUjrU3e
lW6768zxty/y90llqtBLtIlMip88/X9/kTEUsRGDZnWkCu5Fw18WfWlX3luUDM/aZOX8k29TaIfJ
CJ+Y7//3D5ynoLKhq6YoXlfkmAZ6G/msZkPkfk7Pu0RflpTuL4u1/PclmSIYKyN9Bsr38vWs7aso
lcaMFUOPaDFYcP5ncR6jzjKO0UB0ic6aFSq1E7S6NetqRjnkeSJPh5VMlBFnaZTmEDlHiyPv1L4L
VOuSwMyRXcIGeuSBlYTA6fdl+NZqQwyFKtF2uFGWMfXSBOHXRig7m41ArreQ5288yjmR87tB/HXV
v/mcZAXWHdgL86/OTcxDMnSqX87Q3wlSAxI5yt8ayqYgIU2UNXHw3sTvKuCXTgBX1XEi1YtNkCKA
+XlgGNMMuF4OeFE0eVVJIZzkap+zGhnAk1dEDiZjXDqA/k3ADxAoCa+KArRfmKSyurr3OU1wJDha
ZmWL5othqucEbU321XtYV4KkdSqOSyEbJKhpMhpH/tJaJBZ1vbbXLHc/1PLZ7Clm5AwGUcnf1Dp6
spT6lOTZm9WLuxxQPVlgeJnKl9LUloVH8hQ2yjdK1ZQgrfMoFQ8KtCbCrybw8FeQ0Wz3zURZZrK+
w2P80CogYHKj3PqNAt6CwB+CI13DAHiqX9KAay7DXkRx2otgLeWdz3CYkWEKa+f1z58NPSGklqec
F1RU/Ow9FH/bVdWb796gwsr6h7fv+mhfutVUUkjY2YpykwJbMqN209HkXEwTouw69EH+4GgSKeA9
SWE86dCSzmGZvoVe+dH41XoU1bMQcMqsOxbsoixOsDjuR7XsOJZa86j0P8J3yQI50viIEvThHoeX
k8EiiybOlBHrKKMF/bNlcJm5Vs1bBd3jtBYrBv9IhIAPXirHrdPiJMi8h7qin2UIv2wDtw4Ykqhy
jcTgbU3XuH+virHR9GEAQMQRamkm9emD17sbUv8kr3jMyuFNzNHquPHRyoZf7jjyjS1IYjGcDs00
a5Xr874sMatV7NvO6Eqf4Nqegf0/GZK/LKz0FOavjaQ4ijN86ZOxTEO44z+LmbHLXOXNbOtTWgDU
M3O6fvlUqbKrHgGF7KYr6j1Yqqz65Jfx+ue5emt1paYl6Zz3OY/9de1uoa32pZdlTheiaDPSddFQ
30m6Uxml6zGPNmJnrBQfhxYqzSHly6EjmXVic4pr1BGGj3XGvyPU8yPs1efEFD9HWHCh+Sglw1tU
ib/cqW6+XkmiLUkvhjvd9e6rClYYlGaVOdjpDoXelYiGnrw634picPQ4bKVxvxxCzx5M7ddcoRsH
az57qjzLkmaxVv97bLHkdXWlFowtwlPm5MEzwNQds8bWsoUmhCec9Rt/FD/zWPykTr2C2GannXvQ
5OaENX8W1QTeNsCnFTHd//wmb112+XJcZxTOYNzcrlbdhPw1gPO8ybHOnsGNrYZRew41lkvPN2bc
T3diSm3J07SD7lkbtfeefvkGN+5VvBnRUkydC5Z5fQzMDTWok5TqUjG0p+n9dLrleBUQ8/pZtdoT
4dZPWaLv+sg8EN1rofPIQuWZpMLP2vCOBFE+p0D2BSJr8RT/MjtvbMeSgqrGUlT2pL+68y18SzIg
ixQldMO9OvvStOIcVwygwCuOZpP+1gy+NVgUYrZkTZJlrntXg4WR4WZyNaYO1YFVSUBcCc9kBnl1
kev+KfQH/mb/y3Se3vHVzku/XtQUhQ60KlvTCvWPi3s+dn0puhSvcCxfRnSMPd5wo957Wfpb4du4
9bb/+VlX480SwihU1alQZsHHqgIXg6kEqYsbjhS8FX0GgM1E1qgqti8WhzHPDEw45tYcLCatvsCy
fp6IvolqrDz6eWU+rMVMvQCqT+jkk04Cbike7XyKze0McV0J+RlLrA9CX6kp1kKR2BrbvCnPf8jH
SDQT2o+w+fIvNZUc4pedUGvBroTjuvKldZEayzRr74bg05ONpVWlKOmMjYkHm5KLTHpgnQ22WFjb
vGwPVgL0RRjscqzIfy7OEQCfRsBqigE0bvdJO6yVBpda0XyHYX1uK76llx76FIJJ4o4nLaZTIltE
GmWYtOeBAcImJts3fzfX/hQ8m6kWzBdXfCbK5iWqdEIMm5kwKMMckLbVL1qRkBwFIs2qwI/2h3Bp
8VNWKipJ3HjqRkcTZIResUp6lNJi8pYjzaKyWJGDVW9Hb4hhoabsI3pBkk/GCAQvYKsK8Z6m5QUb
ZjBOUFotduh1CDfrDjYdoKhuCAmIaKKHJuGQqFgqYJBYjPlPTNR9ZImwErSD3xu+DVkIyTgV7Bkh
DM/kbPbEOCh2SiyQKeRHMHp4dBj1o5keQZ0vlJzzmCH26yplK9SgxkX4hVuyg6zoy8IeZATV2XTN
KRnzqw2yo1emR6Gq0VK4aJ5ULO3ZR2VKFznGt5hG2VPYr2EZzgwd3C2Ng4sBHMnNMXkDKbZ8x9f4
b0XuXiTUqgEcoPjaqhbW05Do9eJoDcbW1AdMpHzJaR0Akm6jb7WVCO6h6++6oHnODK9fpM1g/7xc
3pw/kmFILA4KspWrC6teVEU96CxIcuUuSp0VmVzMISfxApWQOujLZrS2/MRf1sFbhxTqH9xeEVOg
Vbr6WM0fYKh4hC7XtH8k0TqkUUI9P/1lJbq5HWmcMBU6trQRravPUREHAa+3UqcbLKfpGjxRkOAT
3LpUUzLkdLM88I9WKe8DYnEK6feTwq0Vn03V0HnGVGGvL45WnhRJ3ml0FPBwxAWK0wb9eyfoO/72
AaEAlz5z5nrjA4v/0idaewEScSeWAJJNio/k0u7quryPZCK1TH3rJjIdLA1YsksQTQc5c5ZIKVOw
ch0vTj8zr35ofG8DV3xrDS0wBdKmWo2k9Calmu8RFOJhIE66ZjFk+llpwMBFLJfNMPUIY2Eul9BK
/WFyOonDm5KODnHNiL6NuURgcuKLCPk/5SpCmNNiwCfXi5Dy4KHIj6WZoWFXMQ2I9fg2vc0MMhj+
rz5amKH+xFUqSshozgfwWeGxhLcEuZeTyKtLKOx/OnY+64YCR28heQGFmjbcmxxSySoIwSlQhaoS
o17IYUtaeQnGUQIhHBNvTOQHKQQI1Os4/8JIBZhUhM3dt2D5EUZ0nkqkQa2e854E0wHNv5HXHngH
C4e2BIeC3qPR6ptKxEQZl96s6fHYtuHTGOXQN5JJJI7nM3D5gAkr+PMcvLVf6gpXdAu9G0N1mqP/
2C8DsdKSNGpT6If0mOTHRI+3QyfakURczf/XR11f0doc3nAG8tHxDUiKKXzhlBo7mMR5Vwu//Kyb
p2SdexW6FORoXOf+/bvEQs6zQi35XZFT+aTpeenS77PVdG4PpeFFIjF9xMkObviXn3nr1EOVhpIU
Ry3uYVenHr1EVpDGLC89bV8I6EmC5aWuD4ZvbaWc98v//vnB3v5EjUr+FGz6V7UBODXqFjiGThmW
GMDKM1SZN8kdLllcftXsIVCdlj9/5J+l4/qcNeljqXWiVjauxT9jlUP1J0HBCfvYn6uEHLZoHDFb
WgSNiuVsrPVTBZuJLLguPpnmmSBsBDEDZ4Sym1p9GR7z+iiwUVWYXfGZJjUn0mC0rQFpgyZkUCdI
HjESbRsheqPQ5WKKG9f6/2bszJobN9I1/VcmfI8e7MuJ6XNBgosoidqlEm8QkkrCjsSeAH79PEnb
x3Z1jT0R7WpJBLEmMr/lXWrPXS9YNMdR3a89n/dNwkrDa4Da9uWIjm7Iu3KZpuhL0bztcCV+aAuI
cT2acGVg7UVpPk1Bc1tp1byKqMQCaA6TPkFNONDy0MQ/gdqshHWs2OdNh2gSAEBMwsSa7LNao+P/
mvmoTjiI4/39Xf3pqGXMWrSCaE2DQf3rqJVThFdaEpR72dSfxYzBMZWUaLlAvu5o2pt+CDP4jss/
FTJ/NoDQA6KQSUHX/o/MoBu1OalNt9yjUP2ZLTy+YOne5qJ/KxUGY2rrO3R/Hv/+Yn+2+tN5AvGu
q3/O0fWfZh49aHMAySgf5iwhArmadQBOSy39rXAOmW/cFKJ5VPHJ3x/3ZzPen477Y/6cLXYxCkcv
ITZPOx+renSGuqM0jZdWjL96O39M//VzE+DgJxVqXIhdQGKkpcwKP5TKe+lj6IEp096qsvtpGmWY
AluPqcaabdFj41J/OZi50X1adrOewGX30cygbmjwoKOo81ZOt7fi74VA/ch1p5sstu7QqpzKCIFT
qwDkpxnfYxcuVmcjlhc5rxkYyY1pAsubsN3r0BhMMoRznOWpH5A0WfIH5ka0e1Ge2ibVBTEttGjY
Jh1sbZzbXs7kEtfPdGyfoN0Fx1zARmo08g0D+esVmRcFY0Gsr1WP2Gx0UEKoO0fGLh4dPO76Djc9
jCGBUm0qR76Oiy0xgSPtMXpnB9zrGLkxSs4S8Us8TViCezQm8nVsoiGcW9OdXSQHFTc3rfXiExFP
HWMDS4VNnEwvdrxgg9U/ZmI4YvdQb7xcu5xyZyORn0215Etb2nnjJP0Bj9n+6LQJblGQX3Ho/Ycl
5mcvTaAMqGk88Lb+COosiroDd1lTV6/JroT1MiJH0ev2i1M7lzR8X3osyv5hpjd/NngDMBmwITxa
xT+OJ/LLGN9CJgi38I4mgvfAbiMzNLp1gxJuqtyhDNWC69Jg70YZloZldJzSLNvHWfnQDrQ1a5O2
b4lrh5l9VVH9Dbw95lbjoqQl8ku0eNFLGBBURzZrU4xQgA0HNYi/fwd/whSw4ViA8zCZbqhV/vBe
xNpcgKks0DyKyi34KRjuOhXvqTWOdslV4b+FOTukPm1Gfz3XEsz2ggBg9iyokMcQEbWg340Ds3Bf
PeCqB34LqtMO1wKYuOi3Y+lRPI/WNnItxONrFC97DQOKQlfW0Dq+r+mY7P/+os71pR/WRKJ9x1DB
lE/5R42YP81ogTv7ZW9axX7C4r6hqI6Umv/YC3dct+a0NYKoDkWJdHhpGo8J+grk8BX03hhvkL7K
d2lOGoBqpZ/4/zAP/QyIAWib1pGKErz/KMzGk7PU0chkW/vJ1ZAWb1rR3CUCYrRjQ0Tu8Thp0fHu
nOkR8cebZOqvHVpfqzEi8+w771luy6T67HMeFCr1wNzKzxm3Ak+yi6HyLzGtAe1ja1//cE/1n8yg
YCOACgBwo7HzY1dTz6LYpWxUgs9uMVLK4fsNM9NGpB9wfgYjwt2dFpFeyOQQSKQHRJYv14GOdoNM
vutzY97QQKO7XaAYZEXKn3NoQL0Z81u88LrMxTv+kNVGVv0N6qjonuCsGNTUOCqXt8VJRy3M0FXF
t5OXbUZ13PHTeyYrBCor4e2LPLBx263IpXzrIEwccqyEurDqfKGbkhwQUEOkr6BAMY5K1zT6hKd4
/9I1VgLWMNA2elODPNWse99JXypgSCtrsI2VrImVfM2/yoMPTzIFu9nwPXb0MHKIZqpxD5AtbNwT
iqWfcRQfphjtpzhzwtgSd2o9Gb0nbDBPKijsC+ula9tHYxi+m/T6Rn4fU9Og+8+OLb1/TIj5pRwv
grqnQZ5colo/hnEqv64j3ToGrAaxneU7qoVQ0tsGy5TAu8MOmfQRRUCm2BHNr7rfL4XSHZ31UyXm
j38YCz8bCgDSLB3QCkntj121mWZC0fVWuZ8yUSALaa2Q970v427akc9xf9LgbrQ1TDzV/AXPJi+N
f0CW/CRogSDogzN31Ir+Y4EXu+umKVWAFggenyzqZ9dDYngMGu4NcNJ9MDebBR7pKkVr+Z/e4p/M
/pRK6OlQxiVC/LH6XtFjH2SZVvt8wESyrrK9LdAw8xC6D60GepWAjHTlOw8O78C2jBLEQ7t9VAt8
n5Pe35lVdoyGxrywZmUBOAaIEOLLpTsX4zBF16hlhhgmPaY+xqHEFjuiGmLCtv11FfvffwmLujPp
80PUGK/GSf/Dr//9KEr+93/Ud/5nm79+47+vcW4Tnfjq/3ar3ac4vpWf3Y8b/WXPHP23swvf+re/
/LKpwNXMd8NnO99/dkPR/05WVVv+/374vz7Pe3mc689///L2nUeAGjG054/+l98+UuRWaHc+JZr/
ocOqI/z2sbqEf/9y/dbOxVtFR+jX/f3pS59vXf/vXzTP+Rfi2QokqlN5prjOEJGfv34U/IsAHp4M
gDWF/qDsVYm2T/79ixX8izIUyxIpqeXCZ+PF6sRw/sj7FyE4FSoXSoGne7r1y+/Xf/vr0vbrg/t5
uGv8WHAKFApCcf/ogVBQ+PH1qPQha8skX/b1MmATPy4sDnZHLwONpVkr4VJTQMqJUtdNEzh0jLHG
KnLPX/kNukmz+z0AYW8rS08Ls4Y/3crfTvYvzOIfpw9OzrM8zAZNLvM/4QEAqxNI3Ujxad1wUBhh
LJ7QbXB6eUMbHXxA2T7PNvXhctwZpQfa0LW6fwrgfiw+chI+qR3cWocV7T8CuB4I3Ng4ybSf+wbz
LGZKalISikzNTfEiCvnFqoytI0Tjz3fslbGGHQmMtBc95xQLNNQpmj8ID8GwrLfxvUjLda0XJ3zf
bQ2vqaDjnLXE/yfsrJrgCF/+HN6o7JBZB7qPbzLSfqxnDsPsp+Ps9VgLeAiwDS+jV9QbJqt9EeHt
lk14svpleuklmR5CVHNC1PdGd3lNda6y14pbgoVxfb7XS47aq561IA5w1eV48AWhNViwbUdDf5zM
pD2kgYu9avTKTbLgFvSXXsVh8JS+6wMMNWqcPVcT826sD8h9DCbO1o2f7lOKZKtlb3itchUfzA2B
5Yxle0aUWzAt+vW9CYxrHdkGPnyLktjN5Gb2UEcO4kLpfjcYz6/9Kr+eUHOO9FJCCdEQBMXbofPN
DFGniLXRqS7soX6IY+1Wm2LkCgXbFKXLk6mQnMgxM/ZSc5+3XHwR+T4RSH3y0LnpJ6cJvbHcoRMO
b2px8tCBxe0iYR5ajrqTauuWfMvNbhGopu63DCmCkzF5TI1QcmfDK0JE+7L2rI2BrC1CvWiGWcW3
uPJSNBUbBLUjGzERM/4KYpFdSPy4VoPvJJhrDqdY2t+ETxOkUQM8Un5YMAp05N6scR3Qppep4N7l
l6BpPgrdzkMr8/Nw1uIAWNsNX4d7Zjtov5uNRJhtJgBLq7VrkVam2bONj22IHTuSZEhd2cK68jIz
X3VLfdtQH0LsrkClKXN3VYBRTBQQb3UnQzkV+je2ra2appt3vazRJUJyz6lRRsz7uFx1tfnpeoi8
9hqCFfDtEG8AvHR+S7VR/6Idt+p8DsLrEPuOUjqnWebJl87NTk6VHGvlxBPkp5bgzmosbx2VwSMp
KC2sxFnTvO1WLXpAc6zvZ3aymtv4UiL0kCru0WRlL5OTn86flAaPacQkcXLsB5gpHUEl8lIL+XiX
L0hiop4xJiO9ZldDEEh2T7aOIumc2c9anG8aNypwF6ckbVegcbDY6xvunVfzWjdL8uXV8RVF5ydo
oCtXc9BpHQSSuD52X6JNt7kfoAllUiVG0U9qNA49Jo+W7Bcz6uYYGQzEShICGdhY9jZtr6LS6fgg
UyaFwbRc++H5CuIU7UFRzQ+2BFUZB4zUrEVoSh8B76jnvoz2l3SB6bbyysrko1zKYq0ZDUVtHp3I
qcR1ZJw101Krdfm9BN4TTSGsWhTzJWX+CPXIykJ10rfq244W3oY6VBhgIT2m7GH2ccq282YzYLuH
zZQXY+ODwK0XY66Zt6IIHbm8ZqNS+NOVxl8y3iwpOnjdxPYxmcDSoCWNO2LU0N8KtPlmXIpnev60
6KT1DrAb2vE859u4FE8t4k/MHJ+olNRYDmkoo0r5XM1AdWrNMdBVQ2hYR5wkixSA0mL0pgFAfTBO
T/D0ya8LvlhWMxY7PQzgLuCR+k3B/eLOCZ10oaNDstURVFn3UlyB5utW6chQ4jF7SQyLSS00Db0R
7ObNm1h7Bvn3MTh0IoC6XrXNSI3RWHs9YhvB8DwYzGx+Bhfq/GzqgfEhguI0LzpJur/DIgmNdkWz
GHhJcEUJcOLmAIlLTmfUxrVu2O9tyRKB1yLuvbw7w4zSbzbxOmc3I2COdYZc+srOebXPTwQKkU7u
j9ngpH06U3LfTswRM3p9vs1ZT0VWrtM9wF8K9zFXV4EHrkxEGKeCvcM72pVoviUVz0hQYBD1eZjS
ZQL3DSdKIB7oteEknhayM3tWDOv8ZFgNxr7qQEQpvNHTwRksE5n8Nt0Vevrc+c2NhbYNAm48dtYG
cxPL+H4x8dCqFl6NscOSLHjLyAFFE387D5FFMpsVevzVCUR4ikQHPhdvfWNEiS69J/PyV7jPn4Ki
RS/QyL9MnQWo7lg8hgwKuGFirTIaxY3j0HQZ0cXrYgSQJvUALZcuXhvmIrjBOZo0j9Y5gvchPBkZ
auUc9ob5EUOYW4HvVuS++taKkIaCCyG4Bq4TgDof9gPSSPZLVyghiCm6OA/MaGbxxtjlC3MePdQQ
ep0tKnli6d77NKIgB6gaoaKH8yiyAqYVamJvVoIucOtvvIhVQjd5nI0a4B00fKrz5dVs4j4+NMoM
FpqqPywM2Jax3WJ1udZccTILLFOnON+2o/uqakOByaRSqilatEtYlpQHdQQXqwYl+PNndVkf8rj5
qOjnAHhCnBoNHRSTmo1fMhUvNPbOXEWtVzsaof9W6bOrjoypMoTn/Ka0qlPNskqZAYN6zNBHBBkQ
mgRWJGoLN72AKRmGqs8kz4MHvwolellWccy6kzVZiITNjWFX9ZoK13e61QziunnquLeRj6utN+BB
0zj82psxKLPh5OLD0trKNWnq9HWKtt15xTbgCoRDkHxmSbelIybDAjLf2ikt5Mudp5GrD0e/PJ3j
AA23bfgpLJM8kxUC7Mz31XFGLX0deWS/1vTSNywqWU43cu7yr7weXmvbuy0dbe0IeDgYd9KDQhA0
y7+q6ZFaQrOemuikTQyu2atV6Hw1Chy7WWpZBt1dCYZvNdRMZOZSXlSIjiVELaG6Z5Yev40pwjEq
9NDw3Gm0eV1orEKLTiAN9PUDkaU0GNa/vRbc0xR7JY/ZZlV33NxfQxADm8KxKZUsO0XCjmHRYxg7
125AgnlTWzgzmdY2SXjNY9k8jP3yHLgUou0VYkZHK682Kei5lQ1VdO1NCJyRFO9tNwm7Drw9Tgt0
WyNtQ08KMHx+3VrHudG+k5RQDyt4VYaoz3eFb17WdqAknKaXuMDgpFbTKmScjtiHu9OK+gTvmkkU
NtHaPLodYDwLi5zzvegGPQ/rEoNVAY0Cwxa5ikviK8vhFLLpAGRjVGbvfFNGK4olyvaWd1mL2Znt
zd9jH8iQazORUjDGWgmKHDY42mdgg6jOhwlL7ob6RqRC3bW+xLBUDeB2sa09C1l8eT5LqxMwfvAM
R0s2+CLf2Dp1kIQtS/Bcmd9QAYDej0YveK8uwTaFSHneLSqOn2z8S/vi8WyIbWGDy7IR7xUppTOZ
lTVqIkg04vwz23ssJQiLEibQcU4pfuZAClyUDU18b1ZVV350w3BvNtSgGqrCoeVxXzPnRYF/R2uB
WPjaqfkWIspl6mNZbU/AOwb5TGWBLvn4FRW8OqDFUKJHP4xXsFgnZn/TE+jh75F8+er45ZjTnwJa
p0u5KdzydmiLU5ZVt7WGbUoKQDBSALfzOipu+zjR9x60ddvNT4VyoqsE65DW9ocySzTkjHRzUw72
5Yypgm5P+jY2GKudhdkCNNmTkYvTefgFI2r6HW7lAr+hpXkrF5SQJ/8aWA3DSMVzYipvz2FQar4W
EhnH82ScGdjjqhjkPIlnHYurkel3kYWm5pAbxD15SzkNaDaPchi6p6DFPqGi7bqyKv+xLtPbqepO
WU1WY1Jem45T8mTVRhgvhBlBzOpc6kokqss/zrGv58JqjDTWcEu7LEdi8FphJ5kPkDNMiy+QuLzd
BNxFl78GpDcrYySEdPXokA4pHoT5KYla5ku3xJTARsAerUj7YMztrb9EWzHMrH8+mXaWdVQ4czh2
KkRd1PS/5LCfGrdCW1RFGz5tPM94jUYm2LYd90nnnPKShRSczUMR5HcVNi2EAMXJ62yUGds1HHpy
d2OtS/9xSIPHqbKYI3v3sp+d03l1XDQSV9MdjqVMDw0hOAlF2oeZc4vt+yntiGqEt3wnQAk9FcUX
ZfRI7ZNgkGufZHIVxOPtqOKGoESkOkZJyRfZF0+INIR1z7HzZDVzQVCp2CYXV1Q+CAKaq7ZzYQcT
/Mep82ZWn0PKJLEIF1oq4s67Wss/z2Pfc2W6S6M0wAWFLYoUwUgPQ+aBKKYauocSRSGvUusLvpZJ
lX5T8QLU4cfCJ+keU+Jhy80Rr+Xe+HK5TiFvrZxpfBf9KW9YMM+PeUnu8oEScZDFC1T85DY2/D3o
kiuZMPc0Q3UyO84VD6ddCt5uR3MGFlL3QS9C2ZgwWWdfKkWiAaMmtAe5MNudx7Fahxvb3uszp1UO
hO15eTtK/0oadzMcN4JDQqTZHD4JNU/0WYZtR9OjdIqv3gJUNo7zZm5VnisTCtQxynKkfIdUm+4l
OkWgnq5qvUyv6zq/1GoehI21eOMu2l7TmlcrdZ563X9LguDoFeK2cHm/hEFvvHCL75XjjTsKsvn2
JteZYprxMV3cmklJjkiLayr5AxvKYiOwWIvkepGh6eBNvVB7ND3MbIMIdlmQh+egUtUAjI50XTgA
J2yk1c9Jp4i3LgVXwjwCQqNOsZCKvnlivhqsGj8ojdACcNKTywK5CjxtIv9ikVzojopSIJ9uW2vR
mPOuTo2roQ5Q4o8g+zWGFuyT2LqpiuBrjDw0gmQRZrmTb4N3UzT9Lhp5a4Y42k6jDp5zqK5YrK9i
n0isW4oLU+EFg3bhZXdctEUx7OTOgK1veUhqnHveeNGMGaqVLlL49IUeeBnFwQnS+tB7NTbyUyGi
UFC/XelViWbstHgizHxEVgOYn8gfZ+1B3lZFIvTNWPrGNoCR56a1OPzxT03gedAryGcraeLfXcci
DZka+COGPHbpOXt0+PBYaMYnSx36fBKRSbCypyUlDuc/DhH0BeEZ6cak1X8oxvSGYrK71edhPIwE
YgfPwa0htrwhzJcZaflBa6rD+R/dMLFh9ZP9H3/6dRPw10EOfNX/bUOtS/iibqZkwBGKs830592c
v/3Hxn/sDOvICusN/jn/7fzr+ac//hac9/zHH//Y5v/5tx/2mpYIxo5Uan67vPJ8kaOTIQD3x3HO
p9d5SH73Pdbe5w/O/+C1fEiyWVA11NoODApnS8PZLv98U4LvIkini7MNlKGDC7LwwkIitrRhZrRA
3dbtGPNARhl1KDtbFexGfo89926o/WYbGWWFEmRn7mQx7Zq+Gg56chp6vIW4l/IQDejUT100YUxW
uIcBeU6a8H7vHjhv53D+4/kfvLqT0IrRQXdiCwFkCklkcTkwu27yDnGR+YfzT0yn3iFVXudTb0Cc
6W77OrK3AtPHg9bW5gGjWvMQzeMd/ubIsLhkmLRAPnLW3zoi4biIlb39NJB9eeXGNUr0PQpMUqWe
7XhvuUCdVKTUJA4RqB6IAKGLhL6VW+U5wpU1wMLAfio0N/g+zJtstg7oR2BYAFxjHaOvbJhIbDhu
6W4wW70eBan8ReBgL+HrUb5rTJBBEXwjEyWFrTJB65Oj06HZl2D7yRqNi9/gW7z0KQFER9Y5olmX
j3f1CEzb6Kqj5hfdumqDY6SjYZw+xXp8kAVQNbqIQGylX4adsUR79CC2+CNd5668SrsUDKXnfnRR
fltbtrsCHjIgTb+Q0hSUO3FkXQ/O4q+WKL6ZYGxYQ3y7aEAxNYF9wmA+DH6eX8oijVno/GqLMuKn
OdsffoWbm9ZgoDHK8jve7mADm/6jAVI6jdNmagrsr516J9L+1smGY1cbRMHldAWynHTFZeJtHIko
je1f0Ca4rnoZjh0SrpUlp1AO3wtjHu+7rrM2lo1YQ116GzAFANUZEH7h7UVkFBeTIwFR497SFpa4
mUrM2hhAHjUzb1/iJ73qa3iKpWq3u6hb00PLqe2gGm22yf1Uui5BS25f6k7ro1EFjj22B2zsOrBZ
0n9wVH85gLtpJjTPK/hT9AlwwUC8br0A/V6DpaTmW87HsdSMvZfNNCOR1GoQdlvbPWAZzPmaBiEK
uxsvg6AXa5z25gswcWFXAw2leosbyXgy8LylAjOGMngwU8rQMMUuTTka1G3lVd1bPpgBH4XxqtnX
Fhj+0iXJrKP+O2dAvmJEwS63aoDVOICMMF+bFDsJSho++PWdrSeQ6mElx7jtcRrZpkwRZ4tTYCuB
KY754l3hUwT4gggfeDP1OH2dIQY/6r1zEeDzZo3I/Q5d/UFquI9r82SzNO5yIjH6w/pmiPKaNIYa
YtZyKOxiKacmW3ARl4nu+8eR2jUDCIhqq0OJbtKtiUi54y6hJ4W9dboeIqhjnHyniPGvt290GW2r
TkM/vTOwebDks9snt5QRntzI3w0WkwUGfLfCDa5Lw3uMIkoirQ8ny0hvOk3Oj1qnv5O4UlJxs8tB
Ey9GMgCo84bbukN5HK29dWHXGJGko39RBQ26PNkeVh3OSzMkVEqoR6/HaSeXcOP6VtLFni7IVN4p
Db0nS3Y9GtalVkDuTquje7STbIA8Qp/EkCmLMa3KLrrSCmRcXOiV1YQzfZm/GQP89K6LGbYRRRvj
WE3gc3uXclXsSvTEdWB+xOX7tvFe5skrbkwMf1V1rnIXnJlF81kGJYLOREaLOV/lFVWEEheNSJEl
s2VqwyVyb1urbvcN5MjZTB77urwOMsyo5kHVHgPjRo7j9ZzJ4QD7AQPbvF1T+OZFLaKVk/kXfhdv
lqjGGFUu6WaosT8acZ6ktnCROB3OcxBlqwI3UFPOF9mkpRd9md/KPq+ZO41hI1D/ubyzRtt50FKy
s8wdt1GCOCZ+pEQw6LT0s/vs2A5Om9hCkL2IbtxoA7qGpnye5+CWSC4MRiw0wabNq8rfLWn3Fi3X
Tpk9IpizY6p7TKVcgx9ZpwKGAc29NYIjL/1Ivbdx9r1rHQJsDkpzQkxRC1YOAUkuYjj7VvNQo/Jd
0wqK5j1g1C3NUzoc5IhKTStRVtb1iJyXGy6md6tHpDg5i5jvTHdFl3xY+KKkkTjOoGb9YV7pRPHN
VAKXL8LcwJAecz6JVJ5uDx9ZMlGbaIS57ssA3zHn3Va1DI0KI6V1OiVa2ONnWUfHpTOva1E/9q5x
Qrzxht6Wi23VRTSW78B49jjKPmpGnG2vRl9LrnphbTQ4CjJGVH0sr/pasFqi1FBsJvibad3eIGF4
nTT546wxbQRCXGdjaI/me2ISBptNu69041nG5p3nNtu459FDQaCs5TQr2yAsB6N8nLrmMs9i+gAD
AtMIYHPPyxai32J+M6b61ijiKzOVN6ZL/cDxKLQvwjwIuw/TAhshvbhqY2I13HNxOoszaOKLUeHl
lFCmsrMl7Arv3iLnWo28l8WCHVEyoUfePmu6dVlSj6hs+1k9GrUrtIf3jdJeoTJmtteZ/81GoJaM
HVxWO75GvvsxNd4jigwBOJVp8p4KHscw1a8z75AEtu8bKAMn7w7EHsyiw6hw6Hgl4MkK7yJe3EOt
lYfAGEIjL0xqLvKaGvzKhirmUwIfpv5Cm07TjEK9Rem08JsNOmohpL036in38/0c4wgf6/hVUfG0
I8T3C4D4yRLcayUdCqalflcUDanq5aJVSyi58YhJPrupd9f55Vu1xIde3PoUdYquBYLcnLQMcq+V
aG8dM1mfUVlCDBKfCwN0CZ37a0uDG3PdT+aV1HCuajNAmUaT30/O/ElN7IVQJWzq+qNNL/2MYVix
XK2pH1yA+kd6vLycSsArAN71oLtclibaukY+ktn6dzMFDk86CRm2xGoVQe4qz5p1YXi39lxh30Yq
SVG0vIpQv6M64ly6lNeMoD1ovMzSvuwzH3JXcSSujsPZ7ZYQ8eQTanCf9YSmet/hiG7Ebqgbm6bU
nEsMGfdZXTEbVL3qMtVh70/vXd68ux2rfmUzCPWcFqtDUbm+QqJ3Y1Dl9kEPJVB2J8yYkxGAHti9
dedgNxtVNWmUE79KjbGmhNejhPAAh9CN1OBMlL6zhPrQI1HrJR1W2s2F5mVP1kx+1JTmrpxs0ouk
qrHNJaUq0dO1peVdYqVaY5B0T4X7ztUsa50VLPQuJtKFiSW3PcuDkRn3M0GSqrzkIfgHCsqkg9BG
xDzIfaZhljDl9o7Z78Mwomcn1tJdX4+vAwonW+pL06qdhpOggZqAIDPSWyGWV32qwL5VrOlIO+ND
ismBxopt2zgdiZfRZIzIrHwZAgqnOUDRbZVKUDWU21hcr80ZS/JIDq8zHneDjvmXJ5pkvQB8UFa8
T3Fhc0+K5kkb52s3TZ5KvUdD0sNabQFx08vhMjOdnXRN3DfMmzyibuLhA08LL93QBklXAMy+UNkp
VqFDr2sl/OSxcYJbWfrKW8e18nd7Ib4m1nM9qlJzSS6cl+ldhkKgjOy9bdav43Bj9GvHN96bhc4r
/83gIojX14M06cDJretAW6X7Di9bbkHwrujxUhXD2n4FdogyrL3ScQlWX/NZu83fPksnc20T3rcI
grHK0XzGFooBonMIl92rvaXwfJra2I3JWwvK7vevmknNbARYRG0S0LuagB9zOOEEe7WLoaLPGUXr
2Rs2M7sjkle/mlYVWunTggYi+40bNOMVj4iNI44xJAj/R0bOTMhZTVYFvWZYp/kjtjetoDBH7Syo
8q3BglQnbljzswW26vyz+oz/amibASMHNRuEzdiGINVohk2rfPH0d7lvhbayLNze+P+a9i5ZBXCc
XasxGHHQCvj++SMUG9XP6nUM2E9WBdd41+4tAV4bgbQb5qG1QcVu7PUvdWIVmmy0KCnzpvKuzkxq
c+O25xuwmAJ+HcuAEk7Fi7OrbQcWqgl2W3mi1IdEVKE6V6drChwVo5MFMlgdvG6HzfkCaFxbOQ4o
/c3UVKHanTovdVhNXQ4Uy/O1s4/G2cVkW+rbia/ftHSyjZKKCZu2Mlqr26MuT93C3y814KzMiWiO
ulmzkEzA+EpprInJ3jB/b5uM0cbfOjpgOIKH6me1jaDfr7vvOmmLLahmsGmX/7o5SoE7PcWZh93l
QYQPdL82qGNRoWgSb6v+FPOx6Py92gReY7gMZCiwGmyj+FC70nHDQsyYd7Vcz237LkV1q3aptgnE
sVhu1BbqnCrxmRx/Pynln6xOOBbOhToUh7iWIx6iJM9ZZ5wPp3bnygF84NHCzooU5T5Y9uhcE71k
G7cSV2WL5gFNLF/pLpoUFlsUHXuLrh6yUKtqaJtwNOl0xFb6BQz+0eKtyiQut4vm1rsk1jWW+/n2
3MCv++yL5fZRmxiupdMglFA+xhnKdnqp7wc65qY0aQdnOCr11KL1iqEINBqv+WjaAUf4qoNuP010
s5FRSrdVHq1c6TR7pwWS3WRXTfyGpbVksTHvyBbey3Eqabh7N2cYhN0wUMfyyCJJsUw1Rezm0RaY
Q8P866AUzIJEvqsuIPIlZplcWHH1IEZoA4sPWgd5ioYYh3JDcejEeKf+K4PG3NQKJqagYB2gIRN2
/HbcGl5HB4tFBNFwRFCjUWxT7wMUOO5KzvzSRy1ejg4laj2l8r0QscEJMjdW6z1ZS/ZqVZ6/dpsW
7SgFFWaFqE+z0z/kMfHQ4lBkd026TdbMmmGPpHH6hTdVzsWsFqw2UxoCDUVjXBqYu2L98VzuhlHD
liL1Qi1sy/IKAVt6VaoDQ8GuWLc2/ZgUvQvNTvdBK5I1NVaGN0XhuZxv+wFp5KwQ1zGygytXtcz0
HgRFV+UfdptiahyTPZqS868+hS9o1lrFK/iJja71REw09y9ka+z1kgaSmer5Wo82TV+/VLVRoVOb
Z2GkzIEte7sYNFp6fxBre9AfoG7RJTOLUyQG5UpYAeKlSSHiCI1ci1zn3Jwkdt5XHrWDKqHQbYLr
W/WRtVuink5swTKM0ADcq3lnuaLamhjv6XVhX9StftkGFCNmieOgVM1MxxRX5xJ+cVEKTvOMvBJA
xVZ6LcH/jdt0gumiR9SyDdWGlga4t0I8xBFB6nmg+x7GJEPlblojcDbIkQ/bkkxm9sZ0V3U0/aqy
7oiw6DsPasjXGk4ni3SyrdNcubNjXcwaT3UYfUSBiBs1399XziyvAZSHtFWcG907BEJ7XqLpI/UX
Y5MG2fZ86AaT+5Wba+lmMissJu24usBeDPyX4o7bgEgmSxy/kwqqvNIDx8jLCsxNwcGq6jpbUhl2
MSz/lHEhdfe5gBa6riWF06FwtmNA3LKkN5GAep/OfNPLnDWahLyJQ/JoKWSGZI7OoAtMGnx5kAy7
CuWGsqLUnEhPgxQRHSzbLELw28XAs01fnEj4GC8FDy5Mim1l4Moppw8iToE0yIxaRyUue7ShoHx+
0w2aE4ksrsgDnfU8LdhtyurWSsQH/e5kBfIm2CR2fRii5nbokivDzb784joICI2aorUhXFB1Vu9C
NDC2tXJ6Auvyf9k7j+XIkSQNP1GMQYtrakUyqcm8wFiC0CKggaffL1B9mOk2m7W976lLdGWCACLC
3X/VrSuHPUDHf8HoaSJ0rb345JSGzAnHCPZWjoMzhmWwLBY4VQGKC0sqL7keijw8++ObM5h3OvW+
m0ERaQfKozahGmx4lRjbRH6koSCmNLKcAairp9DL4lPnQeEHLlpAgzoDl6P8uKWKkY/gDwSJ32lW
ebVn+ymHQQjYA3DDAiaJ/r7tzDc7oYErxF4Dckz78tI7cstxsNMSB8xn6NJd4IIIlB0xxuUuDa6j
1jHAhTI/z/DiCpOqTH3JABJdBPp7VpW3JrOf0wgekGJ5cXRQPQKWzW3BdIgFnCvL48zLyCTUfiv8
bCHmzD37MF96tk14E8yK78IpAKelR7MilM1EUNk0mAtmP4bM38zeO8skvRl6fjUr3oXCjz7FQLRo
A6htdIm7ywaX9TxikdBpGzvgwG9nn6zDlg5UG9+jkDhTNQaye5g8cWTXK1RyVENj+qLPzIgKfsJ6
rEZ6EjNdJxEJZ04IsRJHhV8QxExAVRR9ISMyESLOoAL3Nk49HIYuIw9KZv4lF96uso2LlfZPqBlj
Roe8IE5Ps05gkfIdKCgj8npbyrLZeqX5XDW+PAGybeISMypHh+lRJnZ2xBPuwSyJ63SMn1XX/NCw
hNuaMzVAQbZF3PMIfIv+IlzjQ/AHZoS/f4oCo4ZUB20eTg9hiSmyXEwjuZEKZupqugeLwGxkr4cc
cK4OmzdMtPcJ1nfr2gXTdttvwmhe/pCnhuarqL7F8IhPeWF15xRt2HaB/LLYuZsNnUQvXvNGMT3x
iyMIVWduUvUQapoa0khY3BRiR3ILDBzAm+00xd8KFHS86q0xhudU9xnW0G/0E28vg2Ake5XzyHvz
VNRipQmkLQt2Bot/VZX+Rz3MH8PIBlQmYJ/Sj9iE9SpE95H8Lx4Oi+ji76xgHaczqNUY78A7/0/R
U22w0ODAtsgM4FBM3QKKgvx6XkJEfWE/z5BDD3nDGNESAUMzf71wF5KOm1QIUHdFj9JaNr6Rg11x
lWTM21DW5VUoJqMbUhYFvntcfmcHo3rdsxv3RJ6i0MFwvHXuJpMOR6tOSdbRv/XAkb4C8GQnTzSg
T3PIffvvdHL7n3TyPz+26eJ67v4jJgkaV5lXiWwPtGmHjI1jnPU734U8KjiayYi5S6vvchq9DVZK
9kp6OlGkuuJclAkLgk4OVgDlSgn/blI0nwgmwBZk6Zsi5Es2qgCb/R+e7CGceLvO5u4tpygDtjUp
Rec+41gzovy5rwMWAhTkQMTfqmyK1HuK3QFzf5Pn8YdrrwgORcEoKJDTlSrrc6jZsdUOlzuEpECt
PHqajA9pdK5+y3h+qAXGzP/9ppl/188oDjk/qGE6Hl6G/8hzQlKTur0wm4OITQhwVfAyg1Hi6MZe
prDcsX5uDZWIqVg/Cz0C1OVYWozj1NFCw3JxS5+cS1u89oW4D6WxW8gxM3ahq3lm83CdqaSNy85p
23DnHF6hSIseGZN+/mGzWeZrb4DjzrRIitwQDvFhTutHJEwcqtFRxSZGDKXVCvzvP777z3fGxBHE
QoXhwWT8hzdA2MnU8GNimDStMXZxthGBF67diGMiFyH4Fkk1C5leMzCBbbz4vJD0hMmjjHNFAlds
8mAKHmzM3U3pbtn8DrPDVpf3x6aCYrkUDKMk9gKmQakOldDKb5PHnSmw+yuynC8kWCmHA8H+IzD1
GMCI/PkPdchOIihztBVZpWFVMDTbwS3RlnkwqZIRhkc2HlwN2f88LTykZLDkyW6qo+Nh6IA4nwY7
wg3Wjq1jqYhYXkh+qJ4BA5mMj8jzSvd+DfszvWkB3KNwek2hJsxug/27Ol2BqyoKcoLXl0LZSPwN
PG4GYNZRwsTa/PcnQlDB30VVuHeaBqIVYquQ82II858bmI3yrsomQmaSEmfInmJ133oEYhooyfJi
uHdmByNT8n82hexOjiONTd1H35zJFe7rK6MNXyf18lWKZ0VM2Rl52B3Waw4ef/wjERfvNSGefgF+
9WdTavSjhSFg08tkK3TjSxvmX24c3uCe7YYmfjH87NtL2Thy8czggwO1NsBQYJWltaOtm9K9S6zu
NufECk8y4Hk4n1LxOPHbirfEB8bbaMq2uStegzbCo6XqhgffHbft3J6FbLVd2huYQBb2udAH+2xD
d01TdHU1MEnER1/6fDwFfl/zJ4V+DAZjE+fyoWFWd8BVNaXwarBjKBsNNjnc2U01MG7MtHzL1oZ4
o7wpDr4rHYadbHiKGbbQ2cwWBrpt/lI7fp1RI6kizamz78wnxcZjb7ItqsCFSbX8vUEhZ9biUevD
7yLPyFdC92Y0v5aCMsyrqyNAMOuiw0dGrQxF3Kpd+2UO6ovqi8Mq/nCT+uiXwSs75U21pnTRJGWr
2VCUtR+Db38EWrVJbVKR6z5AOuLXe8aQFzlTcfmCGmEue2X/8KmIQVT8aws58g4O47fVj48yz8+G
Fjk0iXDoY5MqfCYouQjfwjo7LEzVNvoqw+6HMNRnRfQQKEbdAkmEneeYY1li26e8KXMEYqd15Vak
dKKxLC61476kAgavYnWpirPJGkORQbI1pPKLl0VHL7SRwv7ht3Wq7yh6Fp2Wd/SRtTzEcEg9hghu
xKhDEeisCNgpxaHLKrhco8lx268MuPdW9dLp8Pll06891QpTyW4biJG7pjMfsS/9CNQu5M58udbK
t1gaH8sCj+oq2tgFidRJDwOgChHASONaJbhOok/TwVUUXdtGH1u/e+FwtU3BZkPfs7KJj7LpyT2B
rSN2YzTPPm0RHvpPoyyfqri8Tko3QcDRqqU99hsOfy3IcFGwghfB8HwT6ASKm+QLLW13Kxic9Dqj
gJnyXlf0x1LwD/HIiuLh0oVfTPqFWF7bKDrres3pAWaUmd65cmD4J60Zn2tusjVXkCSK4mPI5630
ELKlA8A1yPhrl5b6uYOehknJehjS+JoYw5FUnuFQGj6DHhejoWEmaARBGiMLfMTKouc80Xx7b83R
1aa3PIrUyTZVoAEAesNlmOYfdjoZzyl+vVhvXXDNfqlmRCyt++phOQYGk2sIA5g4xfA9NQLga3yE
GG8VDGTb2NoVUWOsB8Pst3ToJMQgrOi6bO+05ECPeNlvSn9UU9KWTtUCuGsVsQeSZnFwG3u7EINa
ZD0Tfhg8CTJxouAEq+xkppXcpaI4zXPsbOpRM1ENz3cGU/N91AuILEVxzNvJOM3+fBcVVrpFAnMV
nV7xcdVMQg3Zq9asQej6qCZJfqYtw91gN9+jwZ/aghlDidPlCUqaeXLd5q9fARvq2NCfhKE9zjo+
uNDXDpVmGpvIMV8cv5xPfvs24D7LfAkqCgm4NhmR6pctYFDXxvsySkf4ilKcDfxroTyMBxnM4hy7
iXuq5+/lN436k+VXKOoAQWsLmm0x4QvvmTYEQO9uhrx+sCzXPwfdnOy9wnyPpZ9exnDE22fON76e
20BTk3bG7PGuo/85lMN8H7pucsiSTEc50kE3zySxGILAjLKPce4obfsc9cYVEp29X65yuQrTxUGj
MJvvMoDDEpRFDfkhBlLxJn0d0Iauy8G0cd3u90Y4RUcny8B3ZEpUWOKv7Ziv00qCiDUNE7uMwbkO
eLg1VQ5wA0Pw7OVvsoNeZ9jhMXVr51ypIiTQUQl7I1pqxGaPVti2h8H29q7OSCWl7gRoGd/Qge/m
eNqMhvHLHJJ0m3RGfbZkW5/HSP8pIafvcpU1HFUj+cFeHu7wyd2mY68fXasAzGFKeB4Mi/DSENiQ
vfg5CL23NO5JDw806CwBoqPcWeMJgQ7eTM7D9Gi3033RsFwiX78axHmTXjnDHxRNchifw2LWT158
mrmAbg4LBkN4kUBy6veNnp3Cbmr3Wu7QJUs5NydbuA2TDHPVz4Ao62TSrwUMpxME++SYlAHcY5QL
zAj1tD3RFqaITE4eOzUHT+Juls8IofLi6maOa8PFNi+Lo/sYhjjeYIxAacZifIMA4xr9tDCA0wYl
Slm2MLNEsa4bhPqmGx0WCVfZtkyA0/47xGhd8eouy65VKG0G9OpfWeS8Wvn8ulQXWC6WG3Cy/WAA
54Vt80HiarrzgPtgcmc3D8ORdB7bjab0DDYu4NBKsL8Otgs1OhvHeB8hqJpsjLDq9McUhueFnl0Y
mbN2KaSB68hcMhCtDY64hx+1W65yIUyrEdEc5Ncx2kBqPOmRfq9b5LkDqqznzgf+al6WOqmeOD6G
MN9HCXSrLPDrtcD/WJGd8bRt1nYxP6rjc+GQI36B1V+z9/NT4KKZPBE3BuW2SW+DogZr0M4p0+uX
WeY3xYdV7HPHhIGOsAkocdw0SAJiRJBBSfSzmpoP4bTh1KeUdvikaoCag19AE1BdtogQzRQcrpLr
lPifhLniquv4nhbqcyohnYlO0lrxJ4tIZg4rbXVbuP19ROfuxjvs7+Gpp8Ne74aXuY37Y5HjSBeb
0V2dDeVOa3aLZmshCOMUl69rjV60h2e/dSXKMoiU3yb51yvEc+jJTPpbOc4elgH5SW9Rvial0qD6
xmEU8r7W/JfQnsEqjSvdLdoQZ3ixYe7mWfw9y4y1CgTViZdUWbk7TsYoa7ph3CJXrSa3xiSv0rUO
xeQgNLEPSwPtKrZx17gPsCUehrwxd30Di6t162O2TNOUHtAXR5KprppydMjDCUkEufZdeWr8ajNn
5nOmBpqVUteIhHmMhm3oEHUULebFNuBN0en3DcoX/hsPzContwhw+RvXiSZT8umZohnjyQzMFEAG
SUYY/O4jbBKXN2KOTGaRlJGrxKjuKaKH1TJsGQP6E7fP3l38XzBC/kCadgzBV9AVp8NGSwaURFx0
c8w76CrWSPVUhNRFeIZuzG6ekejmt0aIXZOJ9+ULQjuA0MP+YBZju0rs5kWJdiz2B3Zb+a5qz2V+
EOBj1Eo73Kj6vJH1cwp0jUiG2jdnaJMktPWRKC9xLUjFGNynbDLvpWjvYhcWdFDDdG5IuCCWG1Kt
8l/An33laxXCmQR/ZAfnJy5N6+yXwcZTLRzfNSy0t4bLAmkHHg/eiQY8BP5HnekzIZLEeampaz0o
EVheqifk/PZ6v9z2TuxfWiVFjZUUCQ8PLs0Cp1taRMFH+G505/XhLxHelWjOmVa/ambwXYmZ9Ej4
k4Soyc3oltTkw3wdCq41wFUa9Mht11ZfPhACsWH3QeoyZttYhD/0gnuoqlQObLIv3Ns8yNuhnPxP
Lc+/dQOxgFq3rR49OvhK9G31Ow3So64GIDmTX3S92jGd6l89k1NTXeNI/Vu5Ha4U/txyiT7MoYLu
I5/L4DTX1TE3DehieDHTaBwGwdLxA8veCIHjVG8ibuyktbcj2LrmmHwvExFcWTchkeZrl0HgxgJ0
X/6YHNhV0OvPXup9eaN/zwxqq+qlqO+2Wu8FimvFHVDSoTK8FcTMbecOi9RmPqdK/f5nLwt50EOZ
3HyC/kjv+43BoWQaXaGk7go887EyH/XdFNHJQxJnO2zQTZCJNpoDRbW5r8qOBkdp7ho8RNa9dHdK
tKL6cdWS2BPtNTUZX5JGawl/ZioJOFz09Yn5hX8QgkGl8Fj6oyri1A6jCvFMm+Eo6b8swqlFgaGr
l0pO4rUgrblATr0M4Ja5taGqZpe44KwdUN9gqACvNETyS+GXKz6VNRTp2mShpgwiD92oI7MngnEB
ABZ9DlGKvAiwv3S3h0qrug4Cz9dxg/visXZs6l4q+14nb8iD0+Hfd3O7z0sDRzO4J8e40SFjOR4o
Tpyd4ikqOFpeO8vhYdjnxAqPumXYa7Nx8SLGz25N3o1ApCvu+9l5aqsiWGOeBcbT9ky9zZ+T2mVT
etChrYOVqCGe06+hJ3MqFlFxsMZdFUFp1WLH3Vrmxmh5iosiVosnTqLC3yKnHTNMtvSCRj8f6PaW
S7ASdtwhkJ9WpKFPZ3GL0XpoxoLTlR0pyWkWpYVq32VAqzUUB+lgbWUwXfVJh4CB6gKLW1IFK81d
EcHEeqr10yIQHcKDZXe0Ru0GqacoHhaAc2lyjR7dnuleCD4BZ2f6Xuflp9mKXVjO983AQl1Ut4EL
XmnLsduZPzp/fPFFM25aC4FaPBbWMdGwYSTxq0QGsWtz91IRGwOgxiC/mjRi+PCAKSNmD5qB0jc4
LDYdUyemO8N6w1xbW+dDj7BETXzs0ELz13jFhdn0yfXRHuC59F1Pw3eZCvifLv7N+BCss+yaxLCE
iE5hesCyWTTLi/IkmuWRHe3Ft+TnArlNE2ed106fs69fEm0mTHxOVlDhGYz5qWIpFBvpJ5+L4g2l
KOdq1P1wg/lhhLc9lO5LK8c3LCqxiHNehqC/q0t776n+tWNUAWsMzZbydSAesdzmSuWl4GZHIpbl
4pd+Umj4NQwiTFZRmTLyiUsI53KF4sD/c/IlVX1tiGmERhrvlBpzWV2pOe0s2Zy9woC6lL5aIT9K
mcij38GhC9pVpso72bI9L0suV4jMAmoooKjrf+ARWTIB1+QeE8jMondvebnM5Brb2q+iY10KEe16
h53Tz3E7UJNjz4XrqmEmuxzJXhr+EAn5isqp4A8krdfDCkqUozRR3SwugbCVFSq7snqGUC3A6hOG
zjVgfl3Vx84Fm2jcF4AmThZVI5UaO1PnIZeDf30cxzzBYwvLPU387q3+ow0G4jLBK2UakrZ7iB2W
R8UAY3kbRB1X22VdLDMEAcAC5MMHMp/E+9B9UjUzpM10syAXC4DV2l9koz0vWiIfafNKQGq05wSD
OC+cGCTOb9EooDQE0a6gHmb2yLXiE4UQPrPXQI18fMoISmY4WmhRgHqA9cEgERsDNc4Y50uoXsiq
o3dWtXRn4qdAD3oUdXH1sXmFdVhc9IzNt6FmikMB4wG2N4XQeDDViedB+UTKnV1VPWbiQpxjXaP0
gnhDqNmXqrR0Ss/lLieR9T5Qd3ojA59F4qW/urOTcJUauGQjOMVSXNRpfYPuPFnht8L64gh+yizv
qz7ZL59lK1R3rkBSk1q+0Ph/FwJJNG5eJ48nv16ExcppTu36jO2wgYr3ywxohHWyzJvHUIdwCiah
UBf4Z85ao9oDwa12CdpDObTzTkGYUM3AvDweS15fkTd/NDS3s/RfkT4AXDDLgFFv3KVZ9LGsIanr
w84dawQrbrkNy2nrtShMlEeNksQ5I26MmRdeFyGtpwT4Ss3ril8ZQwpUTP4ebQllhlqZXp/dGBxp
M33wslN0ANr6NG5TCqUxMdTNeFsgjjnHlKBynqfotfttYy69Gi3OnsC9R5dzK2ipVz6jC/wZgJeK
7JucvVucD9fYn5BbhvqCf2PDL024x4t+khB7hrsVJ2feFJdJmQnkblrsqnFvoQcoLfoG9bJOMbV9
q6ZTqmwBI4s3mMTtFlWhqudiZYVg5shflQJxoY3YZr7LrISRsQTUhj6FWlMcTCKFHVRB2yIOGBsn
vLVqYQH7nGyif7F5qyB+TMPOQuw8VBa2oOX3QhiAYg9mWrSbwQzbza2uhQ6jPL/Gc0eBEjo3tDC4
X+c3droPzZ92qp2JlbbWavJr5FIdK/Bb7XpJ1W1h+xc0R6G5Gsbsl5pBDh015KLg5vx4C/HSwcmB
99pLkQZraH1UnV4x+u3Qic6BfRwcYt6WHyHqMY/0CyKYSqJobWIf1Jy2UO/m6AUvi69FisyaMxL2
bxseSjwB0krr1qlt3HB/BRRnXcUl83QPo/JRAJxJ3Iv4e/waaEMqA71q2AgHMjCaFgu1OS2EXIW6
fJoyR9Lx0vx1PBa/Qh/b2ateICTmtViKFZRQ16Igk8qLvtUdVd8WmTUdmVJ0NIb2ZyadW8YG9Kxa
2XZ6KZggz3aR7ZYxv0Zjqm+KOv/VZfGdqpzmlBKN2naXJTGq4oJ3B1jlTdMZw+C2Dq8Ey1djfpcd
AlyXQYejCgnbsHT8O+bzsmc0SpeeJBCaUvSTK3Qs56Aed4zFt1wujR5g+h9ZPJXN2Lm0zh6zXB2H
pdphTFqO87Sm2kiRVNDthvlGOV8wJgLeUQqHvG5/awAeAhuTtdGzkeTfUEcZ7gbusdN95il0YJYS
3Nptv4FLhsMe1l6wMfqfTpLs1eu+7IlpEvN1XbJb8BBHQ/WfuUBKlGBLmalFHlR++6dXIoHo8kti
4bXseUVwAtNcD1I4GzUDXywLvNje0UfdL1YFuhLFRxNT3tJGLJVTQy7rJzJdBByMeVd5Rk5VPYcX
VXtZLnhoFc7345AG6yauYfG5r5NsKmjcr8swYZljiGbCZL03nhdzjDqbYNumDWxP9EB9yjbq+RE9
tOmeInyjzYg3hyiJPSa/4a55mS2ObqI6mTMRe9dV35OFARIxwuNa2vZzBAK+KsR8GFvegaLgYNf8
Xt+V6aFTNi+5W96JzsKDxJm+vOH3olIPZAq9xOeed8xqPJpUu4pJn27YzXuOghldlz8Ycq2IAS0d
EWP4ak08KM1IwBgyYh8yA8lxHWOImp8ivQNHKzYKfddcpo+9OuqG6q1lS1aTlbxkHqNXB0ln5PqQ
/iAPfy8NdDs3z6bZvfXDaK0Nnk+KQf9+8VgKgEsEqO3QmZtxGCPac8i3Aw0G+R2/06o8TplGCeiQ
LOkqqq8a1MMu+5zi/MuI2CJA5/r1MGvsdVC2DBdyhkCkE8utVUHkGjLnHAfaBKXOeswV4yMb+ntZ
GzN4TXxveXCw6hkeXK7IU1VI8W6zKhnObnuOlnByrBX+xvFKMiXdaBjZLpSLFqPZlWOHF4ciZS19
9uNg/u1S2MLNQfVSuCQA/0Fd5/wjl6gx7BoXoNrl80YMNVmhELtSZ7uQhyIHLt0U0p42WJNi8Zl9
jLa5sBgavf9KWgyRYy7ZrW+mASBrQ8ldq5NcYWKL807sAIBImw8VGKYKS9suAxQetaQqeV/MVeJU
3pFc+azOTQkHncF9d8ahChm5auET0CFXZ5k3Yfaz7N6XLXTZz4rkFjs0BWYFl9J6z/x4H8TMB5x+
JMqgru9csNcdbf5NEFGp59VjJH/3XvdVSXB1L+GZZQYlWwyrbj26CDDN9NJgB7nAeItVCMV4RX76
mvnrTXV3RegfvHhY9RB1zMJhyBPu5Xwx+kjZAzTMa+Av76zKPwsR7HM9/bGYcuSCHS5Xo2k0BKta
kT7CwHvxWyqwwKQC89jO1fTLxRRg4XQMc3QavPgDxiHDvXG1jDkroJ41esK937vxYTGGWpheg1yZ
IefAQhxQ4F/qQKL1wvQ3lCcqo6ALVpZMfy/GQpjdAi+VJvmw5nuXWL+TJntVBkbq2NTKBJFGWf/y
yuYOEuWvBa6D7befmup9Jq2Fbret8HZRvg1MORVnqG9hWzYgu5FafHVbviDRPC4AsO6C2DGgWVm+
f8UL8CGA7rdFlMFWG8J5b4Nn1T6NI+U9No7wU5XcrHeVgxXVYa4ofp2V3zmpb6znQvxehsOGo+TE
I6kbWL2AkEBktXnuegMTvqhJG6E5gEFEOKsGPoeoqNv1kN/Wy0sKMNqv7d5Z51h7KyCeHA/Ys+ru
83LD6wGAzNvqwpjworhKqBcOS+239G6luI/zYDt7YJqZE2PHD9k+LQnOayBmmxg0QdGN96OV7tvE
edcNtmTYpj8iRamN9HrrNwYQKXWIWXtPRPOEp7iv3lvdkxvgnbXvtPdwzSDCKysx1aWNyhIJvZ9F
csenmvmSLYF1gGD4qcbrBCuR6Zv/IbK2ymlsgVG7zvhlW0Wx6exfmT2iKFR2EqqzUdPRmBOwaPBj
MEcXWSItW8Zfu0o+q6ggFtSQpPcepk67i8oZqoBJf2bZ8oRbJ9to4X6pBZHkUNMMdDWqil4IcORv
Ktw0/pQPSU1DkasfNFIVQNs9iINT58U2GD1cQvTmcfHvSmeO69jbwZv36AANvPuAW7cO1HCMxiPW
ciB2xYRw2gCyWlfYYOuG86Km40Rg/ipE/aUcrVTPCPDxiqblIDN5VZ4iZWxfZoYeDJGpGUcL9NR/
xrb0AxUhOkx2crY79pVrPmsvi/dhpi7fF5dRE9pWpmiIG+VGh5NIvg9MaLrNmSHm1zJl0Ud2jqiZ
aUTr15I5P8LTGBpgbG7ULZzmtOKS+ydPkXlKYv8AUCDB0GqZWfGWaQuqvlAoVeO5rNxZueupHmyZ
PTGjOJlUL5mV/zTV/FTdZa+a7/LKO7kVcN3s/MwHiUwGiq6Wf0/KLc61fhnx+KgeD9mR6S4C3qQt
BgxweA95GuQfFGA20qU+5Jla8gkJHwc6MJ76a/yhOQjIYpCqslK3eamI1Th96a9H3OEBkUE91P89
4Q4HW5ySeekAW+wVUB6n50ltFOoER3OUEve2IqcRkkRFcu0klG6TybYptnZOP0zXcEOX/Gk3bLyi
dii48anhTsyq1PbU+B6vyweHOK2F5Tl3MK5r6T0tJ0kPywe7I41SHnw/qahEeEU/HQwL8zk/WUGI
ZxtbVHeXFt2n2muWs588+HsT4tEWnqg17ZQVW6dyyYww/g7wwcCjPSbCBG/DuKg+2vJ5Mu2XxUFK
Fb2OOd+ywj+jwFP2gyaZV2H43t5rTfRZCfNX9WjtUqu0N3XFA1VVxXLYCA816DTtoER6gSpVFaBg
3DeYJaysvj8mxXBEJvUARf+tGbCAR13/UgxPUQ6SjCTiRRqGCZCYsHWlt6W+JUZPkCu2ihubwEs5
/JnG6TrDANtG2WiE5h8W5F+ewf/hhPvz/x2N/82cWNd9+FT/xdE4/hnF4VfxH47Gf/7RX47GnvEv
fHBx9CZGQSWim3Dm/nI09rV/WZoHoR+pAc71lgOb8C9LY8v7FxmPEM8dOFtE2Ssv/r8sjS39X45v
azj9Whjx4xxv/58sjdWX/LvtrUGaJH7bRAnhuW1Z2t9dxyXzpVZmjX4Wgf7c1rK8C+bePpWmTR/t
/xj1sT7B2ok2btZqhOYq5qScorM/6/fL7zq99E555j9OcOUfUT1/EHM6nJff2YyVV0KP8h303J8W
1G/oTY+lENYlKmq6TL1C51wE8ckYyEObovwcpo6N9UNJZZN3KDDsXD+YspAqXuQTh1sHsAEjB2Dm
BxzzzdcgmVkfo9acCA0fj+WQP3Cvr02LCVDhOvHOcQJQHl+ro1Xd5QFK0vFgR0bzYBmtg/nFPjfC
8FG3u34zTQWLH/8A6uwh+oJ1cMjHftiZUa9tplEvnukoIvAjD+BJTZnbKAiAmkzrcda6mKLLufaB
IZ7zxP4y8UJ+HHurPse24KLlT6cMh2c3t4b9DJF3k2AWosx7bnhGVWtkxkpPZfcYNeMqahkwOwzS
m7IMM6iJUMLnPKywvPL8C5reaJVFaY6gm1aMxweCZpruvTfhu6AHDY2tnkQXz+ofVHVeI7A76q3o
72GX7yoUHr/J1WbCPjT+szfDRjBgBfaUfasmTbSH0ggcXPAZ8cd9mpJ33/QXp3WeHSaMewMVCtIH
vXgoSli4kIEuYzsdyibGtqkZT4XqqzsbSm/J/34Pp6AXYX2NmeHNuogx4AXBMuDIrvnpjpoXOlf0
3sE5ssNHb9DSu9yFNR8wMAUE3k+O0d5j0zZuhYmjmhhs+9HP0FTaSXIXteKWTTMBGK0vzxhLUp7J
t5CkpbPe02VGWoVlqz+AlzCVm/rUI0qFmscYXePYe2Fz8AwdbwkjXUNQ1q+NPw5rFG/QQnCMWU3m
AySf4X8LQTL/vuAs1pnHloAdBznCf19wXtMNWVDP9XnA7XcLJc8BX+0vkAfLFc3iXaN10dE24+cW
w4sjrINPC9eATQQaAzBKHfpvG9ZfW/u/+4YblEr/uCJLwz7dsm18CHx2gv+kiIo4MyvRleHZD6Ph
mKU5siK7EuusGp66NLeOWo89YCNx8/M655brmiDs0T7XUPylb9bvzP6ddSD1bZvl3hUJxAxhNwhv
gzVcHFBxjvzh0+W5gVcl4Yv/s/LtaWMx9z4vXmXwb6h0kdLsUR0EiA3tFX2BWPeKXleW0Z2TIc8s
Ge21Hf8wdPDGCpUGE0ByAF6yO1pyup/W7uYHd8JOoyMKZJpcPKqglxfVg55ZDmQkM95qOo7cCcms
95Z2bPEt/SH6mSFsINy9g81Nbc3JS9hhY6lH7tklwBTDnb5l0KSbR0t37lKhh3eOTvtoqFYVR4v2
Lq+LZ2MSNPzh9OTViPM4zlMjsS64oZ4cQ1jXuQ72UaBHyIUHTDj8ftMmlfGiERiOQbJFOYN2aHga
KyM5RLgzwkdGbmZF41EXBCz1w3eOk98eSeKrXjss7lil4piCcBU/ukdDzzJ2CUwNw+TC/Mrfmvln
nrfhNh4KJGWZ327aXP8iih06WjE7+7Tr3l30UxuKo/SYDBJnST87AisS2Kci/AgNQ+zUzKiQ8zMy
R8GEsoQzm5r9Y4E4uTGKI5dUHhg21lsvxcQoaRDUy2G8jFj9bAHLY7x7ZXdIXH1l6P0vsDMkk0kp
8Dmf17oeWlsjd6c1kyxY/Ul57iGVem7TnKPU2zS9DX5u00ShUiQ9Xtf2aA/o1EPH2VtRh/tzO+M5
KkDpq44PTdQaqW1xmDWK1YaIOMjCNO5TgpzYEvGqnfzyLC0/J3XJQBALIyfzK3/bNsBeVmRZZ2Oe
XviZHmY3eLYcrHYSK+7vgGyRzWKNmYEH3y+IlWoSVPjXoY1aeFa+hQvNovAz3no5YavJ6oDDELg7
t6YdrttkbZR+i4ONdig907/YgfuIdDXdJYOZokHCCF0GvneBBvGADFAQh/gqbd4BMisT5i/Bl+3T
ZYbkoNaVHu2xhiFQKngWnQigXrnyjmgXEiH99An2ROS0JeKo0t/7Y19tClOZTnRw6kZLbsuKBrLV
xyePuapLaABAGMjnFCL2tcbiKBR/e6zsZ3PUrQc66UqfzWNjGj+FNLDhmlEypjHerJb7RhuUr4RZ
IAO34q1MyvIykYAMjY/WfLzi+9ysJwxkq6QWm8DQ/G2ATy4th7nuHdxgOIoxN01APVxsTlfN1JuI
t6td2erI8pqcyNw+LvYWVfAEngIhhcEzmY74yHBKybG2n2EiY1AjGoiH2SM1SbMtSJDfMFUI0RqN
/pY48dewn35g+lAfLDO8JrWPaa6keUOb9jTGhOhKNGm+UEJftfMg5v4fys5sN24l69Lv0tdNgGRw
vOgb5TwqNXjSDWFbNsfgEAyOT/9/zAK6q+TCMRoFJGSVj0VlkhE79l7rW2+whlCaJIa9cl31uS/D
Ty0dXcDTs9yNJdP9YXkfKuWezMwY6WNjGyhmzIfg8bqvKuxBA1g3bQKMMSzO3HEHyWMUoFo58G+w
dO27wUzPVYI+JSlgbzD1+IkmANrsTznbZB97ct1R3zuu9Xsgg5eFkdl/m7yD4cKnvjyMZRTdEk/t
AaEQmtwvo0/CIO9rXJ0zOFDoZhA5iHM99vo06XRfjA2nB4tzvTMolF9DtqfX5dVM0JSp32pZNWsV
wImfF+MsmuddPmXGKlxMptny5NrOdJxgtGzqAb1MNJRbVz67kfDBQGBznUf3qofSp13OX5YipcWd
VFffV8caMNNetb7a94p4s7mqn/D2kLwzq3M90VJtUIlu2Dg85hP6Fw3x9iq7Dm90B20fnVSkrOAW
mnF4C4IJk2k8LHINOjq96M5Tt264NpqfUhy9xntjcgXQA/3VszcZJ6ee2lMRU8JWaXLQYT2t/CW7
kpY7w3YvfI0IOd2XtdyKYvbPTYUWMrUR2hnZuoxL+4I8yIHynxjrITESGHbZQQazSYLv4G6nzv89
DDx/CaqktROk5qkvxS86ldkeqwMdYOLCwUHG/tYd+BtUJREHQyhxYMYRe3TxO/nT5RP5XmQ/VdU3
OI7ZUYnuCZOFPpUsJldVuPYpZbQNBllbZ04PhwIB2EGb0MFbHW4YEddbY/CuVXlFA58dWoi5QuI+
L8iBhLWMKdZxnC2ume/G3DHE9wSkrNmPb34cXggOoyArvPbMJGUAvavZjB7LZASJgox8PWGf2jWd
AyNj4fmVcqo2lVVfBzNpLgQbkRMVD987zSip0TyEd0s+2okJBK/GB2GFW3rAGQlbOXIgoPfbNtIt
4JSEDcLhWNwI3L6GwcPoGI178JVijJ01SIY4np9Jrn66m9Hvfxpykvnow9N2m9EeabbYl8JO9i62
hn3jLr5poJP9ws3kHsOH1rOWW1C3kPRGTzEqTdPckXEWfcE+gmECNPRWj+ajaQLNmkEMbGY3+F6A
stwQuokCceJY0rea3zt2Pk3qrY5CvamWBTZdltouRqPgzehGQh6lg9VNX4Wck7MdRD29YQvni22z
p7cYQeG57ROVLJDrZ62DXzh8q1NuG9Zr26OPCamaCkpa6hb1bmWI7QLfutbCeuVysn2Zp79GZoG3
3nMPgkQEGi2e3GHF+AQUz9uljl5aX5HeDQ2YnH752NOBAcM8jJ/zoYNW+xCb6bChSx1edWMcqql5
dET+OzVFvU+SaWdyrzqGqZ4Ynl/pibIZzNbPePHp5gHZ2Ym9MXjIeAjXXOi4mZY3d8qybeGXxjNb
l+NN0MiUeTNZdvfO3BIRjKr+QSXAkbD6fMPvrE70Pp/mpCmfa7IyH4KxczbV4uwoaiBMbjg+p6bd
bqyMxUIUzJ1yg6ixIFZbO4zFp9a3QZTilQgrfZO0/sEW4yJPqsWjtLx0pfleZRl/3Ug4gKl4OiUa
R2wvT1lHPM/Ev7Cy5/7QaUwaSJsi1mF+k/1IBPoOUwaDb8/FwXM/QKrUn5+ZiaapCzmGftShTuFU
YaPp1inV4NosI0S+4Ag2USLHfTJHS/SmHe8JmXssFDKvetAwcOqlSVgzNpaTR6CYLH5FkRdi7ib0
pUeBh9s4cQ6pj7B5RBscpl397X5Xyjiebj1cYbQUj2Hd1LeEuScISvIhbHf8kXBCwuGBvw9pjb0d
Qirv2pnqbe03X2xOd4scCSV169YIyitr1Zee850r4/I07WASZ13UtznJLf1kk4UwJdtZDEd/WfoZ
95WbuKuxN9j5gZxjj2NovU6IOGLfEtWpKgX8vbKGLZtUy50+70ND/ohgQV0z7lE0P1cFKsokDkPk
lOZt7z0LI802gVGcYiP8SZiNeYQM8ctJqx8ccZ0TxDB/T18LnEUQbLIaC96oMixI+eBtQ1rmb8OM
6gorFPGaJhqvkUeZ73s7pZGSe1Fn0VNfsCZuR74mwWB9b537zv5hTVQ5sROuxETLuqvxQqHBBZmX
hmLtpxGQkoR0EhQK7LgBM9IKXRFTaruAGhk8RQ79TWegRdy2fXR235ZB5nUorWdBI8Kgsc/ErYy3
ZC4cCsKAP7tVOq6iEgDLrHzxOI5v9yDep4rp3X5Cy7sjO+qKkpwQdWOPdFA9TJZstohtoc0MkTj+
pG9tXmGAoeoMG29deqztdjcfUkagEEYhQ8oA0a62X3QA67xrlpHh4J8Fb9aGA76Nfj9GfJOVigCS
zNq1jvObTwW2dZ1ba7l03mN1cGYELjj/xYPdttXBTeRT12Sfo7TymKNrzEbe8hQs4UWOxQIQyuZH
hAXg7HZMmlvHP1l5Nl31vmeOfykG5vhobMTeJEEFTIZ9qcA7ksHtf49AAj+5kS2Ra0GMk7ZrXkxq
boCv1Naxc9MVaqe0VcnGbXi8hUydz1S5LzCEe99Wh7HUV2qAnEi4QfAXHydLgInEaHQzaeRYPkqk
OqXNlJQZqSNlzfm/APun6tPgIleW4XhyG8e9WLkLaXOp5ko78ldkpF+KyDe3rsfJwVA0DzS1+0aa
ApnR1IZnM2eyT4YvWXy8wDVUOBIeo8QyoSXZ86YDzRn4lbkH9urt8E+95zZP0tDzI2xqK9xHxvNQ
dtVpUC1GjqXthuWdxhfdZWoFmjeh8mG7KutgVFN/UpUTgOvPK9YpLzmlY5ae7l81llxHcM2PoaPB
GlUQWJKgauDTcmMJy3pMUzN7pj9ZPrqd5ITGQgA8D0gUwuty7Y/ddxFl+Y1nJQfzkChU5BweSVHd
+rFdPzb5EJ0jWDb2Q2+N1KKYA0+U+vmpDNjsVADQ0DLn6IhyI8SfhSmZEj37iejLYYpaymcaoNbe
mjprY2sjxtyzShvpb50y+hZ1GtpgsjxZJWw5p4PFiowg3fR+M64cZRuvQ15+odLtlvTQCGFSQ/A9
jakCy+OmqdPp0ZKzgrUUpfAb8R/l9B5ipmfPQMzIiRBLFgbSKFTH1ikA0vM4LE0vYxTXfqTbDnMl
3qVdnL7GmPmPpeZajNRMXlmlZ5Is4ndIM6n/Yja+/5I0YF0Nq/QOyeSCzfG1vWMbz54q+FUp1rST
WRWcVBRr45SRymA1b9UskgU8Seff66udkUr71gXRS8+JfSvcEANV0hlgSSrjgOzicP+lkcVsqxg5
+KTsi4AXeLnfK9qy4PjJp4Fa+FbXxfxwb0LWjEZPM62MtRPZ75HXA8WxggIrWP84R5sJejl2RZol
c97CkhvVQ4rXinrZz9Y0AymDW0Z+zafZV/NZ0Q24KMN7jnyqtAbREhmMJuOL0Dk3F61/ZXOCB2Bg
WWKAomnu2Wy8SmY7RekFlC/1T5UbqdUUHjo3jC+MERE/yfzs29m4ygO0KyMYRUZ/GhRZzK9kpRh0
w4pPqg3a15KCYo+IWe9bNV89n4ByPJ3DRc5dRBJNk16Ndm6JfBLDRZhZvTaJz1mX8yCdhzTFqtNH
z1jJyRV1HFJDWNDZbRcv32z9KmVYn9qhwGqVckwq0GjvIuQeZRbiXBt1RNt1Sh6gIPsginlxKlvv
5mF4cXvbP/WLRhzvcLe/FyDYOo9zrMAkt6N1FBbKiHm2DhXGMyBHJglKzPF3VClCZhZ+0+FXHZbP
o9+cBhDNiFmq77FoK6qHOt7Y7FCgxgKEYfG+penBdEgEB0Ix5N7MRrDIc59uHQG8KsquXZu3n0Po
eqo2Lx2g2U+lvNgeYdCulcVXWVrWxTXSrYlkcs+WYcPtZQVt8ja4oeXMqHeDp84P53Xoz/k5nNGE
BKkgk7p+VIlbncam/SpqpqdBOIDvQ+YTjbFzwL98dNzqNZKIv5aDZNVKzo2d/KoDGjr3KBRDVvvA
0SXYEX79duGpV171PW3nX1USqG3YfjGY682e5x+ESC9RbEKuDCh3ZDHOqyzz5t1coXebig4XWXUE
KBBu+JAhU4/9oYbmea6M/gl0YXpx4/JrkhoDlWcIOJMjniSlbimlx7J3eY+xL9PVUF60Rvo5H8tT
6w70FDLO6k5j02+KuGnlor5zaGd3jGq2LDQt0jabx8vR8clJUdOCg212nOPsbUCyFsmoxqajUv6U
EQ6bWR65A5Uw8TGhpG/rsqVDA9b+/vlTuk3ryMAl5Dn1F6PX5S6wZ45CRZ9tLU9RN4vP4F/14ySL
a08X9BzCwEIkYJ/ngvECI1VnUxetuExlsMWUBaAxLB0OFTQyVQ43s7Xa+ozOZpWzVz4m02bIUSrw
PiJzV+Z4a0sedEPVO1IX9ZqR+e/B9ppLy8rUdgE0CTqduz424nViDu5RjiXeUJnt6SWhcx5YCBWE
OUoCHHyqVGuD9Fx6BMgp+ohGZZ2KVwIYiMkjIGedGcjf4g40ZhwAebKTHceEAdm1pFOXZ2qfTlzc
RAQOwrFjG5W8CzFdTCqd9IiNEx7G0IuvQW7OV6yqz5jPFP28+LObICApUH88CIPunq5QUzpt9J5n
PTg/mkW1KdUexy8pkW4zAuykzQV1uEDklfnsux7tJRiO8rdfWg005dh4AZGz9bDw/KuZAgDqK2OP
53rM+83cF/1eArLLiBFZTV6ZHeVnL6EbjvRveBCK0srxqneh0uM02T3Sak4XpYFG2W00csSk3oez
yWnAL03CGKKMEsu6TdBq1p7E+E81sytGIFW+R9vGc+jv0H/vNrIBGIERrtwY3ls+YBduK9adgUyJ
JyRU27h2j1RezhY/bI95Rw4EO9IKykiK2mAXRu32PdH98BZq97Vi5ZghiD1l0QVhQflEqM8a3yNu
MPx7HDOt+ltgD6SWheUAX9VK132PNDa1X3VthYfY0elp7FrwxgNMW+7TryPtrJQu6L1zL7ivfadp
rkKnz63HQTuc5a3SHHPDygZGn0bhZyw7V5XPnB2imgVUDcapq1BR3DsSnWANx69s4iqcEY0UoCoG
5l8M17O09fa+mS2U3pGON0n05AqF6b53BObtnsKP5Ysel5e8YIJDh9wAJSUsusaJ1SUv7YR0ahjw
i7lWjUlpeXFT/0IKit7di5bEHp/wgBnbsPDjk82tgyhn7ukaaUk8T5tx3UFzyup0s/QEKiRNXn5w
+aMR2vJMoIlEEGh89iqg+lolcJjCwbxWTbiFaNvstbaecgv3UCt+B4YWEOf6NxGrgG6Gw+mp8efN
oMHTFG3sn2iT3qLBIRACT/q5tUGGTHVMDrj3Zhpxs6uqOqN7MEZP7ZB+Yf//QZRH+ILqANuCbvy1
Q0VJhBMeVLo2xSvhQbiEMmgBWbm0j0J7VzM3xV3DhSq/F1+SWf/MgcoSiYeb1868mAQZOe7GvBvw
h5XgVTvca9pq2cc9uXEUCQXZSPjxbMpjYwfyoI3FiTl2zH8jRqzoJN1PlED7HtHEZuh7dFOk0l+y
TtGfsVMoVyD2uzCYX9vFdpaFjA1Cv8eN7Qc3nck3BRc1CUz7tXHe28D01n7sm7c5a87hkBbbxk7l
NodOtHIGumBi1p88t4y2QtU0O6xBnCy7+mQG3M6hmJlodshS4nH+WqC02Qj3qyDXkS11qBnXSiSC
AyhXOVGghL3cSYaBRxMef0ZfU9jm2qs040imtOc5dG6xx1uNhXT8MjTRb1IlOA7SdTsHPfA0ltKv
ZW0/xxm9m7yssdANbCx8RMYurdP2hj6TEsU983RYlyw1yI+MNHKdkqp2TtGdFNg0YtSQz2McLlmO
ZrxFa41jYZywfWbJV0NP8c7vm3htFQXM1JaEi77wQa4vq2SoqTC9EmXVGDX1t5oMqlMYkUtz/3/Z
M5mLmivamOXZMyoUSgwfV/XMecJZ3Oxieuwkh7Ssq3aNO92iDmZSbCT2pSfRNPOm4cZzCB+WeQdj
MXPlBG73KUq+4/HTiIgi5xAFNE04E6k1I6z64rgTfeqQWh5OLSKxqM2+uNX7lMQZs7aKJjimU9aI
JjnFxMOy98vxNKL7qowmeOL4RhOWEeCspm7jydm5lJ6G7xZlUHIz0k9JV/PXo0Lbj4qakc3EwjVn
FCSNah8HKcXZtH5jZ/3XWDvPqPDDvHuNdKpeguGL6dk3r0sZbbKM4HQIfvaFpvudYlYm416/jB6m
X5o5N2Oa34eu1M8x8RE6CNeu0wBPnu84juz3yEK1Vo34Xtrmqxd7IVKiMN+uRwfO6xQaKJvjKV7p
UTw6bUrIH4zDNIsfM7d7cWxEQBw+Nn2HPyXkNvc84z2KW2edGFbOSJijRONyJjfai+Zsy3vZbi1j
b5oEmIwtj09iWifON3jODPibFWa8oJTtDsK5ivonP880EgBwSFMv3y3Tipk9rJZRimfNMI/LYFxb
0nzTBqU5w/dgNWYTD33aMz4wCklPvCP2aFulBPwadQrAhBn51oGNV7vhgzc0Z1PmxKsnXni5fwUv
7ZwjZjpob4TBJwrR79F3fB1idOp4AIHDLwrRJokZ7fNy/+r+YpBUcuxtY1+OKr7GpUwQmifvjRA5
wsiiSa5ksR4AqU4IVJbvdcv3hhatqnbYJ5i2ZjjAPGuDQQ5n+6Kkvd5fTBtZWoce51/fi+bJ2irN
hMR3xuxqxkF2pfSfD3Esb/lIkPz/+/79KzJtPGoChYbY35qpQTuF3JrsSDzSGZMyJzTSFNjIWWIb
f1pqyHylYWGQ20fSG/++v4r7rtgLGsLrhpAOeiy5eQxD5418GZ4eCySUaRb73sgXNAeJqvbcqI0V
Uvxi1Jw3RlBZG7iZw0tOa/IMYgPmZPjseXOM/jrN9jYrQqTp99GLv0ne2ZXBItgGxTUt6ZCJyHsb
OHlB0Es/VWb9uxzSz2JI9pz8j/STNUOJicNzQytHT2KnREr7XTkna2S0IgWI7Eof/Uoynh7ey/Kb
5/XfLYZ/Xays/UBQrUX0auF/KSyXsRpJkyr2zuFEs5izHVWb1wFWKuPnljlq7qLyj0NY7zOdswfk
7K1PilnlodMwwv4hIRW4ys3v5Ri2D8lbZ/3wmRdxknKO1TACn2jwbVp9LDdhlqPqw+Hi9B7Om64A
GJq5Ep2JTZwp2b5ONT46Cnez432brYK09kCSHCCRVAT+E1FfjHhrdXVnciWAtxMrpkx6a04kGUcD
CYiiOqFYpROduN1TREsc1yr5PEnRXQ2M2WPyRbi1j26F+iCjaDS0Qx9PF2eMaGrRMHwrkScTLtqy
7IL5nwmKTcniDVr+TbNYToXtPjfw2pXVj6J3QQG4olr3M5YnI/JWmb/hOty1sHIo69NtDH9Aa5Rw
mok7nSrMYKHlWSvyqGjbbJlaUQ9LdKd2B6qIeR6HHPE+DyCiBmchE7kvYe2v0zl9x9vs+ctzocwE
AivhBU7t/5zTxoEokRe7JBieizq/AkJ6YnZM2JDGq2PmY7P1VHSyhc9TEHM4c4Jphfxm2jSN+xow
Jgp9TYsnIRfFT9xfYf6edz5T0xb3ZNqKEvhEnULw8PaEwU9rEZU73Mp6NQ1ttQGif+Rvvwx900LW
aE52Bp2hLVvFuct5SWwwATipzU2Nbp09ekkFVF/sKt+N7pBCRGp+ub4JdNPe2jnGZbJEDqzwNOOT
rV2WfALAVzZybp5tBVNazu42gCS8E4b/FPoDE4XYr+n/LiYcqIOcM9+tUdw6RfcRdOdalInemK5G
eJX+8jE1BW3arRlWQtQcM3JW23itI/icka92tls+tjR4hDd6TOllsNW5+cZQ8hvva1o/itHgBve4
qSodUM5rBvSdsWFqzR5T0UapW1wfMXGelcHnEyGJIB8HvS4YwUOi2z1nTlhNscsQpqZpD/oMeAyo
JqMqtsOU3dolLBkrkIVLKgzXdNDYcOxqIFa0VS+eTdnc9lviEfWmTwnvMZ12XSKBXs8SYVLBdjjE
igE9GvB6ZKuI/eYcq5SUb+zKuU2zySxWsvGsNZq6TYq8aZMFIPGM/KkKMocw1GJezQYpqyljnakz
HBZCHOteSX8rtMSVcSg+dmvGgu/Bcx5C84cu4I0AioEcowC9RSbs2/p9yiqxkjVN+xnsPArYTxUM
kULSS1GWikFiZi+d1RBcscW/+FPGBdOV6TvKpu85K9qDD5fpIUFQU7TK2w6R+dZMtHzoYOCGE5+7
AQq2/yo7S2/ncktuPChAX18qyag28mjEOROpTTiXiUymUzS4+pB6PUY3ingzIBoa5rZC8rIadBLw
9rQvMKJxqpQoKWHvHd2UD9Uzva3T5gcOdl+yLP9hJUP14LIYl2rahOmQ7OD4vU7jCavmN5uVaK0Z
R22D0Xk2adcnAc1lJ+Dkm+Zfwagkm7gGDVvFnzueOuKXkIgTKABVfn4j2+eX37c12IVTRC5RXKtv
0gONNIueUcN8rpSgdZrYNCMU+GmpwTUb/c1qIUdkRpReTD4LGWV6XWDi4fBRnemXvqMOeIurfjh4
Ovjdz+EvMgJJ3SgMhMiB+fDP8rRF6fqf+lTH9wX/s0If4nYYfOAXNpUUCKlr3HRkX6RT8KX2ar1C
Mwr3ckDpbAu07RgNcU900SYvRhhBxiXnoL/ucCVsnBxZOZihZBdTHf3l4vz/cnGui67XQ+TrO+EH
OqwTzYmfMEs4Zm0gDqpF2+GFKfbYxNnQoqefX4SXUMDDoKMF1Q66CICpFejSeW1Y1GXDHHFEkdYZ
Gb25s6fnv1zgByKnHfDuQa/16FvZLIXmB2lfn1Re14ZxdHQ45pE7oKgmCEzM59TYNVw4boZhfIA6
g8hvAeHASYJuWl3/+TL+0BhzFb5pWnyOlghC58NnaDk4v2Okh0fUNAwp5pygLFyR0n2rPIrOYvkw
6wQxSUWc0z//6OWf/jd+L29AgO+HTyYQpoVYerm9fn5/Tsu4/T//y/rfTRz6Nepg7yiWkXTLuDBL
02DjDqj45+U3jrENoJDBbPvPP9hePvsPP9lyWT+5c03PcQPzP3+yRdZrhVHBZQSVNo/Ivo56MKCA
kaSg43Q3DYCTrHZ8LefgNzmyCsLIbbpXe0sS6sK6lWOBFS/s6b+VI072uTsVmeovrlt9lx5FPFqH
v8lThfvnZQszMAPfFg63zEd56iRp+YRUxkfRKforxnwcFgVBxdBhnQunvwlrxaRA7RHoObNoQI7P
xRkBLrnXTY/RoeXsDBE/zpm5G6RWqK6d9rmtnmpd61Nn1gCo0e/5wtgxN0ZEPr/LIeh2Q5sxcGA0
8SARXJxrO0Er53srWtEZ6gns8IymMQ3a1us/f1J/3p0B/jfuEtP3bYaMHz6oqnQak3eaUEn6xpBZ
YBeZotk0ffe1FVSCqaIBbPnZF+Xl5vaff/afqxs/27eABXvMPv+gsxaRPaB+b72jZeKMn8d2i0iT
5BJSOP2lbfrPP+3P5Qoub2gFruuFIcvWh+fQ08JuUEt6x9Q2fg1V/QmNNykhdPdzS/4e6+jXP/88
e1lePjwDbugIUwRIi7EsfHhr80Y2dD4qd0mw8aEoZStK4p3VkhxR4Vb714ggxcu9io3nulYlMi/B
blsFNAGX8WijfIdYjfr5LhqVNRl6peBUNUQESro4bliwZh27j3ELQN2gk/uX3+DPBTTw3GUR5SQm
+OrDW1amfTRh3HVIQCWbkp5FuctadbO6ID6OfjjuLcv4KhiEeSGXi6CqA1ky0mNb5IhDgEKkLndt
BAywcKaQcYZ3AdH02U7r+HUuP0VuM/8FWf5fbufQDhnt8raz3398z0nUSDGwuvaRVgMNfnKVme1g
9UIBeLCiCiv/YnSgFR5L8/TP79adhv7h8+ZO9j1BA9p3SE35zzXPp3nLz5b28c6Fa8p5erAClDu9
yk+WYJpPjMl0sXSAZz3TzLoWTS3givEBjV//l7vdWu6uP66GDcByTNfzXPHhakg2LkUSetYRTALr
1aIemhfNz437L9nN9SdO5Txw1IeGb1R/ebI/gpfZeUJcOi6COp+BzZ/LCrOuwCwT81ib5jd6goAJ
EjF9dYOdFMXznDKCFi42LgkrEPNqBoWniBmSJN6bn9r7qDCsH8ry93NXuY+9ONK5X6WWqtdqRs0Q
exm5IgwuH0fHus0Lcov42mMcdtYp75v+6LozWSG9udNu6T3ohJFbjab2GqcxNry5fcAw4m5JCGf3
m7xwk1ZFuM4c+dwLve+asDwxlFiWBneC8hOxggF0QjVrTXECyMNG+tVSpofKYi+zyrfMjJ/tOWi3
WcigkFD6faxXATfKOvVjYloz29sNI87FuDbOluint3EQeyNDlWTI/JkQqQGzK17sfpiZi4UMO1tO
VFln4rcP+gD2UvGi4/zWtYnF6ay0/nK7/JcNOzQxQtkh2x4HiPti9m+lQplyepygtB/jwQlOc+6C
VpM/sqQNnkiqOkH6Pql8QjOQWRxkWpeoiKx8JZPAPZizYrhMCzZu0BXbXbEjEpQ+AVpGhiULbKhx
P7l4mR9wKNh/uXD3zyceyDerLOVxSEbB/U78twsnaArZCjXg8S4TddGYzMb0u4tj94eU6i0wpiO4
IP+Sz8T5kl3JTLrsbiQ4w+Wp2U6R0EjqL9as1DxHRbqi+yxQD6pxxbBTHPKY2Csv+xwzrdr0TPl2
TqSwHNXMGlrGWlb4VRDhRPShIZ2TKJjke8jUj3BZb/fKSnPuP4PxKEkxrMPR3hR2Sg+Z2fLJkeJp
hM68LtRPFSF6Ji49ZVLIkrlv6OCpYQq3xlsgakwpEqPtne80U90L3uFHGY3yQeEG21canZdrD9/+
sqT9adchytbFHceCykNsf9jCzKZN5j5gCyuCfUiz59r6utkgZ8NfFBbiIdZyohHHSDCvnOpYNAAp
xgRRRB7W8U7lf1ndrT+2VE/w7jsWFiIvACz34XqatGVwqab5yMc7HHziRAPf34yVqa6pQydBP+Wa
+Fq/Rvc4mvU2mVGqlz6DtzSp2nOXWslfKt0/V30uKcA6iBE8ZLf8WEAFs40mm+bh0U5SgczUe6BH
z8CQeUOeWLRn4CAz5TQncrmcCaCvXkmzt0/C8sVfEhisP+r95VrQGlumWIpX98OaL3Hn1C2QjaMb
W/gCcSccWt3sUsaAkD340CLbRvrK3HOtPcNa+x3XZgz1Y5wX5cPUyBtz/Yj/pnPWDaddDpNpdiLk
4+0v99Wfu5NHQbEcSjA3cUD4eDQrRJKOXu0PR0MBKMc7aR5kbJ5Rx+KwZ+y4pwE7sMS00WMUhXsj
3DUVj3aYyuRspM9ihh4z+O6nJFbqQLJCB8IokGdY/5dkOyL0fa6bUa5Y7q461ICIbU+S1mxjOBrI
b+lYhqu8rdeTk6vNXIXfohJkzoz8s5pEtDVMLdFZ1WW4TkoE4W7m0FxchNVJE8ltH7goC712J1Dq
O63vHtxGkDM5kaut7Qb4E2ahk5vQ2kaZtnW6wN91LUmoveWX2PVZVjqq1O1clem6I27hkWe6pCs5
HOmNRsgbcU5XjlueRsFY+P5S60lvYQQ7u/sBpGKgh/pV6POMWxJ3SOk9zlBY1/1Gdr79yZoo57M8
/iTt+hthu0zu02JjONo64OD8rUz0IL2YYSOV6hInrl55XRc+3hfRjKbhyQz6l6npvpFnhzfC2Awo
rc6pZTy3NvDtGBCx9J34EtdfGPhneA5A3Hhq2t9P0mmkfo8lCvYs7Hk32AlWRLLCFC5S9jgZ7VvH
Hf9Sc/x587sWJ338xqErQBctp41/2wjSEocMaq72mOZgxHO1utfQ9QAjX4it0TBAGKb//6fftXjs
Hd9hSOGLj/Wmjk1b9yNsUoLd9Ra2zaXo+vAEZasAKOERTxiIndZENy+qLImZ5196BbfzgvM/P1T2
hwOOQ5nuBzY7IWYw1/zjmSqxfliNch1G08Zr40Ns5CFiC3Zp2CL73WHfcA5eEl3A801QxrKH2edO
dCs//JzlxjZRA6OyYLiQNP2DQoTGsU1WPELHkdTdaxwyyp+TJ8H4D958SmJfpbZuTpbdONp/W+kJ
KvjPAtbhd/GE5wl+Fxtyg7vsTf/2eToFk0oH0fYxGRsiyIzEOs7SNY+yzehr3/+MZRE8+PKSl8US
QZoeBiCRx0zjhH64fxlESJ6A0sliOwnj8zjm8/H+klLFI3EnzLtQ7vr+LZj/NA9pXUB40PPRBkPS
NLDSBUI4hiCNgA2FgeKxmw6qmRmmZGRjp25myIekHv/vlybKFEhmTD2gfR6zJJg2rtf+luFkHNNq
HtnfiTtUsiUTB6A6lPmoR7ZUCAkWNN9nYFeOfeZExwK5dhTU/NpjQEjC8uWEWYiBxLFcXu5fhW3K
gdIsTV5xJ1OsCvOpdDVmGZW96MjBLR018Z6zaLEfPWdnByYymzF5aTo2LVYxFHPNq9QSoTGoCkZW
MzjBT4mM3Z3fYGdjloBe3PDSB1slJFCi/v+X/Qq9IJa7uFu5I36gbmIsQ0pgczPS75ZWx0jI5jo7
oOG0SsetWPKqzbaK95J4+9WIlsRmuPGcWb31WibdukXLshmjnFFBwYDVmhx1CvEEQUnhj5MMgrMv
xZrec7StiZK+l2fTUN+cLAZRF+cB5D2d7DVGsftVMgO/lMzeD10KMNz0QWbp3AZGn3M3cHxhMo9E
aO0Vhj4bourOGeInDhc1knvbIfNN02vSZX+LosZ8zWIz3ME8RHITRi94/lcgxfmNjEawL/0Pe2fS
2ziTRdm/0ug9C5yHRW8kUrMlebZzQzgnzkMwSAbJX9+H/groQqE3vW8kINjOTEuWyYh47917rmy1
MPW+1X72Q1In5U3kCGabAgWWq1z3+G3XYdvSNhCtC7gfI2KKntTDecYuj1uLqE6alFOdIl61tHqf
Th31gqScDpyk2Un5C+/sobeU8UL+o7WB4kfmeU9Lfm4cyGu1saqdnItToDxL8FHse0Sue5xbxibr
qZ8CQWZSEbsvCMaAS6Ku2TcVfshiaLBbZhrzn+SNHtENqxVtKCC2fpkaR7OyDwnFPhp1mKagak9z
Rl58tilqYXzUlfNm19WHD6wqTId0je6t3KM5dDttJP7JSgysfElzdMnuJLUWV183mu8IZzk716Ud
qQ7QsEwjxZPmQzfdeZmb3sUe/0+HUi+QHfrdUyNQqWMke/o2ps6rLHcSwYuJvoshDL1Mh6PfpZ6G
W2Msw7bW8jryFfKqsczeUcIKoHZcRt/u4hiF7R3ONcaXzM1+demXnizuPiBTYE+c3ur2Kkn4ztMG
WyvlOi4DrtfFfFxQxrwoNOKbIitTxEl8WorhASOPwWqru+hG6C54g0LUklrTncAJhiBjLndV5ucH
KfRL4Gj1wRrxPecl5sUJw19kA6nBhR1bT+gFePqlewZv6oW6o0e5BvvJXjlnOTvv1idzMWiO9uy2
z5AZkm3biYHhiU081MKEtS5X/RHW27DnztexnCIgKA920gSIhoD9SntOENvqSCC79EKzJD3aOauQ
1LkhgDBpu84qZEhYmR6ODLAeXBPkLsEn50D5bPgeE2poWij0cBac1X4u/rQFUlG0fe1Fz7JVmYLh
pERYeQnqRyqV/kKrt4xoQAZb4eXWzm8IiSi1Jjn6I9lQhZuIF86128av7UdOTFhWAvlQ94NxDSwt
xxPxhHEH5FM3sMZIuZTh2Ac0VOxJnfn505Nbm9tM96d77tTzHQVVyhWwbEbliR08b/+uJdK4tdxM
gnJ2myDGPGX44NcGrjqNQrvkYCrjhCHZoH80BCAm6AdeSPSK2SnnOezb5IaA2H8uil9sDExYpeWf
+oqqh0pSJCa2TcS89r7HZDHGI0KoezAZ8oW2vLHTxUw+d1qXp6lMzgQwzQVJ9YPov8q57vYZKcTb
pC0G4qrH+Nw0/pPUJ4e39CsdkmOAT+ZUBIjgZsTvu4yxNohIwkidbqxeq+J1kBbETTM5Z6jJD+PY
npgy5mfNYYvrAgfSed2ia/RsjpVk+ExPWpGAiUP/YTQEHva6t5s6vdvHRf5o17T6+pYbv2lrO9R0
PGkDCvNjVtX6MZmrV7Z8Fio0qrzbOo2+QA4YktC3bTkTkwCYwikrGQbvkwFUawLTb52m5i0qItuX
5xbpdLYZSJAULXez7lyD3PpbkEs9WynzWJMpTexMTpShmqoT5t0IZ5vzXHFcFnHo1vYPUu5MqMWO
uet9h3NzWdxQ3fNryFs9lJAemAArnF/aPikxCuAWW66MJGm06UsQGriJdym25QhXDJyrReCVCIzi
3OkP5qBbV8oWtGrwaW6qIw4iRtaKNsm0Ip+e/X4iZKfxTP+CgG6IGqdJoVpW+p73Fe59CYFVELnt
WALP+fqtGQpnW2OltSDdIWrFm54Vq1BEvC2K3KZ7FmZCElYyTIgn7rZjOc+CpbLyZH1f5oZw17FX
22VNB+vGAotPPMDKjHUj4p3MI3Jd8VLOcrWMZJc+U6jylin/0oM3t7ja2eB9uvA2pCNK/FpA1fJJ
jc+o1Lbf2t+myBizpM5X5bmoCnNipwKth2Ou2Q9Vbc/kZnV3SkogW+Lgj8FyNPTQ5ihFYTT9Rs6B
+7CSj54HEktvDOdgD961LJKrSY/7Zsr5c7bbOCyT8mJKPTiYHVFHi4XUFmZ4vh0SZew5okVDtrgH
iXkCmL2e0Yuj6kjJwiTbhYQ2OaZUze6xKoQRNsJ+/h7LDL1VHF0IWrzu+oe1Bl/1o3vpa3G2V7H1
lKDbKYtLk9vd0SwGxslxgtF67OH/B+QFWTwLlEQisOtmnyWpcXFG9wxF/Lfo8+AaIwuyaPDs+6W7
iwlcK7B0iP7xMpwyIw7T5VwDnr2iL0NSbLfakckzkBe9CyLC6PUMSAOtIAgCc/7UBH764GCfAA/v
X0Tnhv5iAcyK1de3s7wH7+kTWwAFU16ED+jWCSDIBH2//R6GEOmkbYYRNhgUZmjQfR5NGT2ihkZ0
xDwfTauujkVOYJdfGY8t3ZF8+KU7O4EYwe7i4JihKdmkcUs2mY7h3q6x3rst1ne1WhhxiOIT7iwG
delPpMXToe2tO4rWOpzzrkUEMMQnijx08lijt4bwu0uMPXOfmc5XFlvWg7PI1aiUH029/IgnZe+Y
h0JfrjAveHh9Mr3uz4A3n4Oy3RZ2rp3ilfNFwvQap6meiUXSz4OdwGi1520/2zXNYnkwsP0CK22e
6O29VLOpn8sFvYoiXqLMSofx9jhGs2elV+QkO7VgbwZQ4l2Mocd4okYig3HyRJgyyhNtwYqC2SFb
LntjGe9OiubRbWEztpC3Hi0/ZQHpC1ILnOBG68TNEFBmTAQRWDL2E3L8QfevfXQfvwEnSeFN9+9z
KKLpXRlY6YXzvsUyjqSbNL4u0rjzgeAtIPW9BE3hwMW52KFt98MRkYcME8sfH7VAHXV8zQ+g2CVK
eAfKEDC7fZ16t1y3u71WkcodLwjvYBYgVJHZT28sluNEfDTKh+qpMwo2NEIF9cRu9wCmA5b7HPGJ
ozCDZ/ExmET7VC+AEgzNXXfOhFRXnmsai/fRks+imt5cQ8VPdIvQQ7WFeRsxWdMeAjAz5ySs5IVf
HWRB1YK3CWveuJwBiS63FSi36Sql/Zit8oYTaXA172+c5vy0nf5FPUyCutmTncJ0VCx0QfvCOHZF
zfnG5tooV1MVDjDZYjoCqKkuFv7Qgyv8n9ABTJxjZ9EzJVviuToVDURY2wksjBvQnf4RAUvgBIhH
GadiLtq4YlYnOD6vwjGjNGjrR9TYzTFLfQKm0+HRtyrvS3GDBQu2oKGUNUFStv7UArftWE2OWeJj
P56GHIM6uayrwa+dSBbO7Q9XaJwHa4kkuZWtEfZI1k6yFdkxreZ7IpZmZ9tL/OGmqG0mouLAi96T
0eaey6V19RZ25Q7p95yl5j227FvgTHhAlFVeZrzUQVYGL76FxxF538Mg7HOr5u7Rka18HEcUkSNE
1O1aP3xftwpN+FZ1MFzkgPJ38KzpaSI2/poPVvDG7hNEzoweHqPPbm6J6hvRx5ItN3RhoObjolHn
UWG/2YGyz1qlY7DUzXrPb+Z96mqiFmtW2zjXty3U5CMU7ORxRcq0HeL4uZhsAE3W9Fz1QAtUMR7c
EmM3bUP/ufQ/48UBgGIEzwr8yj9cEW7rbg3+ZltfxwWDie2Jqw3zYhMzRqwBt0gbMPYaA0PjDM1V
PR0rnSwHv7NB1IzjBA5gjJqB80ApLAAXZbHsg1JBN4AXemGrmeFDmAiQ2vovrYwgYqpibmVXDVvN
nOajbuCKiMGe7nJEeg9WY+0Q8xTnimHTsff6izml4kTeWeg73Z1vh/g3n5EwF0W77wOkGpPea/tu
JnisifVnMnfz80xD+ru9tcj0Vz0yww1wvm6qIc4vWKxZmgF4MoJ/UfV87TRcXTYnuLmWOY5HB6Oo
TLsDYbDvgbHXSl1u+5VlJHPnLcvw4AiSIaN4dTVh1Ze3VoxyD5YXn5Xhn1lIxj3+an9n0vwKs0F+
gR61QJKNC9MElDtgYdc1rCYQBhIt6UJUBi5hMqVvXhmWTZ8lFOR83lVl6XK0nSI3Vsjbk7am3qrl
VfV9cTL6+FT1ZXP2BYTfXmj7MplwdNhMwRqLedg3IqlHPxsh20qBbhMMRQvqChNnVzuye7RyDpJx
3v2c04BQhhhdlp+NcJZJmyhM5i5uNpUhgJT+PCa9daoyh4ZZ4wwnjsPZxamIsluSh0mkRBCMhEJ2
jEqQgIM5cRmyOinvYY2KakvfArvZpI6D17mHLJ6uCYLLw2Saf71udh4q3b984zqljSdFzLk6pMgy
Q12zftgojiOXioKiaVy2I+/fwevelM/SYFps64NST98gKM5GOjc+2ZSQ2b4xE0jNjWtMxOIo0u5B
c4YXgWpxK/uuilofcnIhsiEaE6N8oIUcq2a6KGc6+dQQpxYE2ICyLkLxW0DVcrszMV43Q/nyifqc
y3M1yFbZFTD7yS8C+4Yv99wMcJJpxyR3+vfhmAci8pJED3sPWeWspeLSiXbYlp24Ge0wvw87NOUb
sn+7m0SIbuNa88ZFXr3BOZO/yG8ePASY1uaH6viH39ZDAqKI+h7qW4FVKDQS1JcEGTLv8fs3MVgv
IzZkbEakVTgEn+YxmDAYRFtW/p+VluJBK03xoHjOY6CcN60JfnBW2QjbL/fYajnm0tTYE5mCgabM
HwTpiN9VZlfP/zRKy9a1jrVn7KTB6HVx2Lv0tWsZjOVVmCkH3qF8jq0/BjAu7OFi5ljlHHTRmO9+
/AVF8Wcy4ZmxPRVHqUmaYmlQ9k+m5UfYLI0wln2yw9l2SHDHFIslI3uEHZMG6QPOwd/2wEHOozGw
cQ1BGmuPIwjBNG4186WwaIkZxuD+XrZu/UNbLOK2ILMvlW+8BCU5R4n7aY3OeDOz8tjpXnnORfWU
dBRetmXDfYmnRzXbgNY9rSAd3PUh27f+MevNsxySOZLKcr5GI3MibXaOblFbN2rRC5d848rpiB7A
DL/Dtr9PcA2rq5ExvchQHfMjBQjagDB6Y42mpE/2i+79TQ36UbgyMXoPyALUzL0qUaymHvVro1h2
Aml9SK71TZrM/dFaxglnlVZHgT5HLBPZLuvV2ZwZgY6GuP4DglwFZMCfpjAnjAyDA12JKbfLEGi/
tYtnrs1xQGdcN9hZCpqVVf4cuKu9UiIcRO2794Wthejf2i2kfiIBs9jFMJM/4Boj/yFeatA7WISW
ZfrjucD5Fj0P6AiSVohXcF3Q5e+WwLgDLBGs5+PyU9vD5cHxE1yVOaiTq0y1nax0DL/xXVAFYCdN
yPYTs29PyqRZ+y2aZFBcnFyal5vCAejiJASCeB1dWMo6v27l3lYcu4OScootyB3R89YYyzf9WERm
0tSnsS++ht7NHjjKi03nQsr1OTcd06Z/VH1gHS3psaXMZGDQNKWTt35N7+aLAWw4tJx63CVq/FR2
1+9UX5LVUbj0Pj0PjravKPSm1aLSK4Q2qdQP3zv+0EOSaJpx11FtCQtfGNckNlSgdlNZqQ9XmsfM
xvXs6VdMtLoztcd6YmQ2AxwCurIFbjrdkXh6G69jUqp30TSY1jFmkR18V54XXX9c/MK4kipvhUOn
4dhWinuHQtRfi52yj392CmqCT1bhRgogG74jYY0HKj8RYUhoje/uy3WYqOPNo4yChm82Ys/8ZI11
ILNhgZhxiBeMVUYsfvB3mF/MIeqzzLhIJa6mmtyjNmMAp5d+D07NbQuxxaVb1NKdwulyzAtdhtIg
Awsu/XNbmvKp7HL7WNk9rUStundXVzn2o1Mkl85vful+6UftaIu9jziBRoU/7Oj4Gi+CrepYM/Vo
uuYOSnwLbA43X8yGgMH8iKR5fspK8BbF7K/6jewhfyqF7xCAWhohy8ed/AdwAUokWzNniV7S2b1w
Eh3nGz3k0CKWYpNDO31Es8qQTrikJbtKcjcW883C5YZxuAVr3grrUVvjiW1T+gfCYi1w4DgaqZUd
RhHrlSugwmD1HfbATwF0OXXCIFzaKx4eRkOrUiD8prcrjIF9TTNpVweZ+6nm336KO0trY0pMcyqv
eld9xUH9Y3Bomszli6xM89UcF9ym6B/BerRn0xl/U/OnIaapipnFkt7YrULbNcmuBlSys3Btb2hr
w1RI7KfOcaKFhfO5YTGaU//kcGjapZP9sxVz9obe4MMnMwXMb/fHod+ZFK9+7VuXYdDTB5sF2UBT
djEHxgc+7ZYDwPE/KmtSrA0lkytrtN/i+JOK6KWiY/TUEAUVZmlx6wkAY5KRzbslTTGYqqw4cKC/
qJp2ugaO+rlrdW6ffnbweAtCOWLlgLyjJ5W6iXzE4/VmcgR6sFrCDjN9T/RhPZzmtBiYBom3whlk
KIpOfPqrFSFW7XQTotEflVF/4Kdr73Mj/9YDNDJT5eW+UJr3vpBxQRt40a7NjPejUIu9Mym9DnII
cg5Qmrwm032AgtTsvTIOLS9HFEyLbQuBhLXKXUEFDgBsEjjlcoqzhQbgmsqMRQY/DzLZI0pOGl1B
qW9Ss35W+fQeN8SzpSB0LyTHnK21NeLOZByOeH7DqunmKzq6+WqylIXaNNHVHebXYkjs+zjzjTc2
L00IxWmXtMAVnj4+p1g2D+6oc3Osn85tPDzrAYn3pX4rm3TfeI3xmqQq8ky9+uyYruxLMBW7rjH6
V09Ua5pqOLq43TdRjFeZ6xFCDahIokLa+VMBPXlLA2zgfuCThU7ufE8mwYKMLKico9dDn6KK993+
3KREPAQ8Nw6QYrOOpHP8DuDrBjfaP/Hnz5/7uBk3+N/5w34dgTvcw606O1fz7r+U7+5vusEmCYpq
oywM/pBcGBuFPSeILMy2NhYd8pt2CjrAfABv3F2Uf8vUMzp2UlHyLkQ1u7fDKLpG188rzrLNF+Gd
23gzRVNk7pyTOGb37D6++R/WX7A3nHpB0uNKXqGqFGCsAU+ijwaH0QehVzv/58S46qAfy/N8V3fz
RX4SUcwwssATBby+29K4jiWJ9ZHW7wa1p5ePexUlCA4S/ZrORNU4bfqSDu1OAkTDLcWgcmj99gAI
cdzH+WBjxe+CbW7N2tFX9RXbXXP1h/RTNdXEjepGzK2tnwUHATJRaJBi1vUOSd1cymJUX00LDGCY
tOZhTbm8D0p/WzOZpSKylQ/y/TI2CWfMrHynk7x1OiQIhZMKvOW2/W6NLh2znONmXp8tDB81L+L5
vYvcDR6beXcnEQRH5uleAK6Kn+/eI75K0So3dOQsTt8Pwm7FSYD7/OdTL83pI7a4fnIz704e1LZT
LCQhu+un3x8VkktjIAHLYJx2YvJF+vqlonO7E+bUnILWbZiX89F/fdoxHTkszhjmvlWfmsqD5JEm
gkeDedluKv2n779ZYpIfM6ejQ2xU9SnOrYvHgHD3/ZdxM9YnMSbNaX0FSpnaf3y9rT2acHhwamVU
p++HJCcSPc54+D9f+/4IrM267LNnl7iWjfU5Zc1+HS+xWLbfL93JWupKZrrbxGix4QztKZZJs5/7
spNnvTWHPbGv/EhkCH1/Tymz+p+P/utruQDgZHRlt2VO+rrUIt11nomRSaZZH7KhQYTSRH2i8qlP
EltnWefLHh2jydJjpjiEGFSbpf6fD99fS7yupKXXnLX1Xf9+YB5L7zQLCh4ndwJ3Qxzw1tJZ9Ucn
g7JFuMqpWJ9IMd7/Rzv4/8n+L3P753/9z6/fVcbwgwIz+9X/J6TfMlCI/Ye4JPzqv/7Hn5oO83z9
qvifz83Qp/9j+9U1ZVZ//V/+67/5/p7/L4dv5bmuq692D+wU/8b7+9a/LJgFqLzAAPumv8rm/o33
t5x/mboD1dq0LJcwVw8hz7/x/pb5Lx3LCiMLTFN4dmz7/wXvj3L1v8ShhMM6jEhR54BKwH3z3+I8
spqKusuz5gDGLNkb8ehdMjG8EPjmb73pvVOjfBqlENtuGkco44ZzycFyg2SnHHf9/c2rAjp6flxd
PfEYe1oM4iOAV6fBPGoSSiMY+FE8X2dCNQ+jHvwiqt3bkLMMq2IC+G7ZIPMhM63+vqkJkytCFIqf
Qo/0dSJE0Uv+9mRpO2bWcTiBxnXmAsWQnuC0SxiJlh3JZDZEHVyCI1Y7zlYwRGta4kiWCSwMSCNM
nDMOqI1Lj6xAphQZvFBSidIGRGRbk/ZKyP00TeQtcey2uiTY10A8ipllKu4TxAJQU6U9IjFoy2fP
KMleA3hBgNhyyOAmENNjtGedA4IllH+sstnZm+n0GqR+uqkx5VyYJgyTnzHaMyEXBUp+ahZYK9lZ
+wQaN2E+mc00BRc+pFxkYqr+jZiYVJaG3XbE1LIHs0mr2Vgp8Mga6drJj7LJLvOopW+UQYccg+7G
ylaphQiOiBS889B4iNuV9bOTGWx2qg4Y4kcvM5wXJATQNDNxJAHZXpse1SWZ4gNhLehy7THZxlHV
TPPXMspLZb06gROcLQ2BWB6rJ0uHj7SU6GbAbfsP3ogT1kM04lZPKJLIJtSkfaNsr/DVojsp0hif
Z+LpZ2fQzgXzqlNa9Nk1H4Mp0oP2dXTTfmcNsEMWCvMLKbAzRswInRhsOdnNhAwrCNe0tbra7h6X
xniv2wWuQOe9TQ2B3JbDYHheQwFUgRtx1Ch4WeePbuNCvxnGPJoVfndArNsli523mMig3qQTY3bJ
kz1n1k4AvfIFTA5RETYau/HZckVGF+R79ucuwFeWdjP1ziN8RuToMgs1JO8L2eMvrYZZTAZ6H2ll
umwAN7nh0mJUKjgmbBkkW7tkJbWOoMZw492ZvCHhtD7byiA4aGvllzIGvaONuG1sXZJgaI7ue5o5
B5VzBK9bvWacWt48DrRRMbUJ1z3GUl/MD1XqaXc5ApXQ23M6VU9k7kbZ0D/jeFuQQqURVUx6hvt6
CSSUSFBYzkFgpwTQLw+tWSVHo04Ogy26C4NxuEW9bR1hoR1zRBtR71NtTiyfmGMHee615VE0Y3FY
goIZzW8YG8vJy3TJBVQ9szdd6VLOj2Rb/cajVhFxpwOxG+BEy2Sod6kIYnBJa0sosyjqFJU/ysxQ
azEka5AnzmZ8NrQf3hy8iIyWXBGHVS4ccpaOqcL0NueAcQKposaQGh5xGZyKrnjVyZnWnCC4zGV9
o0cOvtQabhNF263eJ6Cl3XODig2lqK9ts0TXI4J+TwMJKxGp0OMeVYba0R44xRNlYjESASQns7sp
hGhBL3YBju6XznyrGaMisZrCWjeya5Kg5MZRu50MzbsT0/DCEuTdlRr+ptLi/AvvdZs1VQOahOJW
rxPWjNaKgoFhdwrIcp+Lrkas0nCudsV1SjLv0tBA35e+prZzRg03MOx6sP3hqWqFOuWZy+RSzTVZ
vYNFah5yu7ldE+4s84fh2fa2FEVAW2f4LYl5SgjT2mtJiV7Okojj7O6PN8xlRD4kUxldQ1CU+9U9
nNfgC9Vpr2Uem7vMKpBfw4BAYrsiQ+Zm4VSnYSHJ52iZ0jFKLf8v+q63zgK02AJq32QaornmfdaG
7Dr7pO/lIo553dONtxZ+y1w9ifpPVfbDa8fJtZlsptcBPUg7HyKkURwYK9QZatsn+XjsDLOKtJhm
vnL0icYY/QHFJpD6Pf2y+U/cMkyB/Iqa2CCpspfiPXcMCIvQN0KdfxPU9QfOcBLFvKTZCnt6rZkW
ENDS46V14ktqSOKO9frX4hNPT90VImT5RXcJNXTRHxEFjpE3pzm4+DJChE7mOZEiBCZSA0GLhU8J
PczoE/Ja551JAi4hyfpbO09y21gAerOlIJ4BL92Ol36YgvQo/AIamK1Nd99ItY1iKolYAYoBoqJ6
YeGwOoeWUqIAxjI02i52RWtTe7ez5BXdQhY5LU0w3J/bdlY/namatq7lT/vAlRUNSPFpJstPHw7i
I1pvl+zfJznTvCqcR0J9snuSMQ+H/kNHzyXQcV69xtLOHjswh1voHfWuQ14Tgg6P6sJ+IAQYljWT
gp1RJO22w9GpYc5CbEkDJbDp/y9l1Ye6/uCPznLrqVaQ5kAx8+v8J/FlSagMR9ssdgSrJNg3mN83
yCRPCc2Xa0W82Bbp+ELMc15FlWuaJw8sB1t2DqQgnfsTXCqoaPZ8CArkaIvVvVuo3Q5UsMbGqLM6
QlP2Nac9Xb4gPy44cVDD0e8BcsxVwgVWChTzjScDBDp3182T1wlqbjWJaEmT5SAX+zf9wvRhyVNr
U1oOi0//F/UkIkt50Jvqw/BU+1SNyXsjll81obXR0nPNVPMKpXDkTaDipMPOQJEIde1kDN2n7xYC
3XqiwqBVYxgTQLP1pIdkzluqZ8Psj0XMzCFj/UYmHzPa5AewOt94xDHHQE/LPmZiNiYZkzpj0iv1
DB0I6kT8sZv078VoP/uEuMnaSD9G09jWjjAJHR7gacTaK8vSpuUtefeM5Hdqjwz4i4I6EoVrFHCC
2SY9tNkC4mBY0P55tjPVhH7ZAXXRWfMQ7lZk9Mr4Y3JngDN9fzUypE0BWSGJaX8hovNDxYDg3INp
BuChn9OUCli6vfflpP5H3MZfqY4ESrcr+6Ue6BY3CTG4abfYL6PXvY+2zv1iJCNKRZE8Ie1n0p/S
w1pmIn37jDZx603FaXAQPFXj+GCNqALMRWsPbnJIljj9IzSYSo6LZLeIywGtImxQ6JzODT+xsYWG
gcSqM9ODJdJjWyj7bwNGKmZsrMz5D3o3eCtee0TWS4a6buwWgbqTOTHptShVmFcaNWTmhTufcBe3
fioqrG8ibU/BHHTEcnIRM1Mff02AjltXPIGy0FeRkTy2c0wOYPPMWwU+i/nEEdnNsHNJGrhYZZcw
Ecy/gIaAahH+wC/FCZvOEKEzZemLm9/Xc9ZIUp1Zxvie05oozkq8svdCUUmKo8dQLBx052lo5d1U
x7jp/B9+bFucd5fgefGkFZHIWD9kHFdZq2HQl4zA7Sz+Y7L5b+2+0cJ2xW8TZWBsC5i8UdEQE0lu
jMdtZ/3NJTHjaW+DW6n1u59ySpLviIi739aA78Nssw+ymvztOLdscLkdFmgmSL2a8XE1byibQYIk
0EXQzGSRrPImnJwl/Yzv9crv9NT0J2GWmdrp8jlL61nznJ8yqJsnkqGPsz08sB6xgkAd3KONvriK
aD+Dy5KGmur3rvpwFBSSyuFU2oDPj5rF6P7EPb9Hj6CLmz/a5yWttEjX/lpAyc7Cr0nP0nNm9Qw5
o0kCdjO8wt7NGkCn0lQ9I4k4u7t2WCWZ9uYPNrWzSkPlt6RbxVp6NFTxm+ZiEUplEF4VT++ikYzM
NWZu8xJ8FmP3EDMAPeaADQ4OAOEJ+DRB3kiRdJMk6X5lB/vg3Ad9OFkZyemUCb+tekLKaQ7nWtKR
0VvYYqaZvY1rn4HSY0Eftrb01v/z/R8Zcgyn1K4AIFf8W07oz63S1gZXQWj6viFP5Cz19K3WGw/A
0fTbdxig5mbTsgb2aCv8+M3VNX3DwWNcpT3qnwfW5yPpV48avB6GSgsOguzoe1xxMP6ujTGOew5g
D4wXkihuAbnYw6RO3w+KZELiSdWnwQACR6aR0IuA84XP24NHHI1ug7QkQeVYjma1XRKa8/WcLKHu
EUTGPU9nKlZ5HRYtnjPk4e8GuZg7+ISAe8FwGs6EyKFIbIjJdPiVHM6JN5DHkJLDOTiQzS19VeX7
5XxSnC1hPuFewEH1syerDmcPjtEA+dMGrP6LmICjST+jpluSXWKWDaptb6SDmT4Kx3N3TjLAnK8g
+HlPzThEXvqTCW9x6cmtDRLqh/xGI4y0nkwF29iQ5wZ16jHWHPsyjae5pvld9C4czNZOHwwtTnd1
kdNB8vOb75Gukac5OQr0Jn3fCx7GpXxr0oYg4sLOngq1DniBpEI73Mi0yJ+Mytu3jvgT6Kn+TCO+
IcaTsWdZM4IsoNphfxo/NeYpW8Yx+q5I/I8a0eGm6YG+BoRirZRVmUt0ODUCA2X1z0vOvB+4xidU
xsPcjelBr8uPofQ+7dzdw/C8eIjZUgfYTlHZ71r3kNoT6SqIiAnsIvszZ9Ma4+U29PMnkoXdoiPb
UyXqVqFZ0DHik7+ubKk+02sejxQm5wIWql1eS/gmKyRLMIK1HX3eK6riDinaAWqXOgwafhtUBqeY
PWsDZYnjLjUgTJ/cxWBMwHfqaruEzA3bnbxT7FxAma7YCfE15sjXh8x50iR5IYHeMs4AOXzO0rdC
+V/uZN25d+/1ULzHVuuegr7CbKpfbdcDxNTdvr8RNhPjANoeDnaHF75l42gtI4ph8Dve8m4mlXlm
KDyB+vMpC8c+3oJEKAgG4fIj9kxRBdE+wOR5jrHNHeMOpWFVzfu5sg6lKN1TpwKGG4V2G9W0xWaN
KWTGTeBVoiGZjJ9JjuBJjdKEbhv4MtTn4ZmF5zEbkI7nFYfIKsaLMXaUI5EFCmZDeCE50R3IYsQx
aLVz4/gt7xpEkpw7J4mJ5/qtDRS9XeAN24pwX4rA7upPs7/LUOKFTIR7GNW8kZVmDFQ9SG4G3znZ
lnBOOYe3U5AO1t7h+7UtTHk7AW6hY9zdzOuaFgzq2V6qz9LtEbVl/Ra1xxwi4rA2nGVeDHA8h//N
3pksN460WfaJkA24Y2wrqwVIcBBJDdSsDUwKKTDPo+Pp+yD/tPorq6utuha9601YRqREDQQc7ve7
99wSSNZOj+reD+PoF7shZPkownkaW3tdWM/THEpgTNq1pOLGGK6Ga2RB1kOcGp2CFmVGbUu/BNFS
pxsery86szEaTmN89fl34dL24I7wjTXavnT2yiLLoVPmeOkcM6vhhzKQHhkj6Hr47EwJ829D/Uzl
e0fa8VGIH3vxXoo5iYB/uT5+T+baAwVbUrlin5MYVhPse9uZMJBWR6xv2zCejRNeqC+jMQ5lzJZp
Ec6+F+59Ghkfg7HtysE6moP+3qMB3lQuJfRqcXBf0+NS0RaDyLyNU7lGkj89FAkfAPC+75QVYEpZ
M5EAMCPxU2uNd7klI+R9rPkEerGaoRhAmzR+5EYnG1Kf73Vq9BvR7ypLMcZSkbnFauQPmZzu+hU9
B82fwUro7rF0pGfBVn/Tw3SFI4chd+zqm8oMyEn7JhFHyjON72nOIZ1juty1KCNcl/Yp1CLHT9LV
RkZc7m7io1ILZmqNoXaxa78prGXbzZW1wdI2YxfxHGKTUXznMBNFp5kYYA0CemlGti6roHJpCRM6
jxMwjdfZoc3noMYWTTrmSKvhD8NOpO04OiQOo3stn+/q59ihn2ZuNkXcvnhr3UUe5/edh82rSz5E
DNxTtzBWFUu2twrnOe5Z0CqkkEXccl/viO7AqS5+6p7LQUjczhjiGbeQfdVGcjqAiGcsWcsIVc+s
y0+9jTZNYz820IQh9/WEgODSCxPyhGUOn6rEuA6N3/dkdyt4lvgFxzjHxnXSLxfHsXguVOxZ5OJX
nD8S89tN4290Qy9OH+laHoJMSt6g9g2vwvtkrxIxxjbeOaOpcd4MlIJZD3HED8x0+LOKjcs4w8Yp
Sa8Dt99mZH2cHmSCXn67bXOcK4CgeW/dhLDE9TQGyM1O2cf/zeyy14/MTOozh6oTFv77uiJsXXd3
UZs+JWP9yHAOolnPAIb9DZujK/dIH9UPsEx+bEE+rjPs12icbyubXw4SRZvWVwSmlQrzhY3Z9s3c
3NXEQ3R3AJvIMh/B2g71oDNoSWJR07B6y/u2J3/rzay4oxmza31dvPbXMlEuv3TPBUG2hdrO1J1e
KGo7eOX8KwmzZmu06oJh5wuj0iPQ/s2YJt+jblwdOLUQwY+4Y97H3CDpUqEfWRlt5kP+OWv4vPGr
fxt95VNHwe3D+8BB5dYUyKYcE45M9SGpRcYzqfCjqjPSvkwccVO1df9ewSWESbHHjIpHWRzzKjt0
o4nlWeJN0PZF4ZBdq1BdrUMMak/yhoLby2ojxRAq8Qp4AGeMxe+dBBR6n78A/uR7DLsrXSp7fQRW
17tas8VzsVVu/YUMfE+qqPiuGmLobXsBGM6DVc8oVpsUN5WpLlXffPXCPIWWorfWQlaZy5eZpBsH
KY8SafZlvY7uWeU/CqOphvHeytfTjVsclLmfDfcb7/y7OeJiT4l00KLhYt0r75qlPmmS7r2AKdVL
yc9ekfaC5xxE7gYkzzZsCBgtE29sRns3YUIzAndPhQTL7QgvpktkYDsORSUm6F8slx1GZvbWsaU9
ljGnoDA1XzL5TGPFjUd6Cq8ZRH806L7UDMTQ+XcNd21TZ95zq2GNpijtPXYL6glCuRwldto0Q23x
pvh3V8rb3qIDskHVxuEU4N3EwBSX+qWpfhQ6mA0tMJGx3JeDqx3s4dosaycpiVM0jo1VgJ00MQq9
WMOVBlfsbe4YUvAWX6iliTmV57t8CclqJcldMcJvXMWckizoLtFYeg3Kl2H0Tft2xIhjxGOLy3r+
irL4o4RW0ibxyYmJ2nMKhwIFbJ3muRsN8fRE21IeA0Vpxv2ohyVnxWibFoQJtBZZyiSF0GswjoSe
YtvyeOK5HWfMNiZrmCiA+l1YqbPGbSWwzmwTINAp6NQN7ih6Pw0p/LkY2HgWHTUq6Sd26uk46022
Kbxko3Hp+xYhrA3hKlKpiUUNb7aXs+svQgM3CVkmKBwspC57IOhDw2g9Rwa/5enWtozPMv9FPYh8
dmMmBG03+CLU01OnjBXuBVcirZhq05YHATZvd8YwEu1KBHsMA12SiquYAlBAQgTZOpFcF5DRyOW4
jKIG8RMCKSf1SAviMKZ02WL6PtLhZd0tpDFqiXt7qVyeclhmrdignouuJkjhT/iEYctr16UGK9Y5
SBLQ3uMgTjEA0E7PYAfTZV5FflJn857nonkQ86BtzZ6wnmc5WOfC8kWhwrVR9FR7JCOYjr9mPU49
azLvRhYtz2jEPrG9e70xn4yYpKJw6ZGwWzoykoiEQT9a17pL26OKASkP2fjVxtFTb4cchrqIdSdC
V61EG+hd9+jmeOiH3nO2zjaHPMlh8tirMtq4KEB+WvOEqBHqdy2pV9/1PGwKps5eBCzRPcbinWWw
W1MRRaZcB+fWW0bQFOJAjJM9iuv+Lsk1bErWKnsBWTo29gFLnwoSWGRKI/Ub2b7Rchn2ZRQMOZ17
etEH8UjHqqdThCxaOCDY+VZHNzuQ/NdQacKvxDOhjeZInM7cgJuQd0Q/PzqrsLmuYf+NMQBNukWK
EDqStDB8WyrnkDfV1MGGn/VA9nAyROyP0htRpfK9yHnZbOS83YwvqP3Ddhp+0k7dzLL4nnoqaqGz
rm3276Zd3i1RFNhVvW9G7OvpuLyVXZb4tlc+zg7flP5AcxIrD6p+a03shz+EMz3Cc7e2QHWgvloI
ClHGPVAuJBsx6OSNX9SzTX8Q6CCgw6QulF5jodyBOs8PxkyCxgEukQGANHtlUOCNH/6RmsXHZGbh
dlIOcFAMbiB9Pmih89jJ8I5tAdL/Qm1YmWa+nlILxj3udbgo5YLnwssQFJhDXFVLoMBz0NI7Pf+M
+eDMjH4X6ttS7cXRweYR38EtltRXkQSGl7L5NveFSm9r4Dzt1HPF5u8W2117ns8JaH70302tMeu3
bIfOWjneZ+vZQALfUfmlL17tmclhTG6ds1Hzs+Qjx5SCUwpyl9xn+vAg5umV6WJQYOpuhXOjecPv
hV/JaJk/7py3W73mVaYI/G6zTSQVUF0gsuK7IFYVefQZ2Vj+aHqlr/csVmJpG/ZBMdoPcAL6BX+2
F2WBY0cXcDQfnZMFbdW9sMszd8ng3g6zc9HslDYxTq2+buRP49C/1VZ4s75Wa2WXsjJP7Fj3vXxr
KD1jYsFha74xeLYCPNiHSXmKirvGKd88gRNIt68elrM+3NvL+CaEc+ad9CYQx6rcW2m47SyHfQqr
jwxUaewFS+SaXiGEZAU5i1QLcRENYcHgu3DUqRXWNpbKpDAeXbU8JV35NiN09DLdYhY+F3Z9klP1
nJv0HNRb7lJa1loaX0A2zt6dNQ136/s1aAi6RXrHl7ylDhpC+EPYdx9Tjaq1pCNNfgNn7XnywdEu
vhYewmk6SJWktFzgxGsLnozE9ja1bBtk+ubBzodXQmX8ujueAOIKAcjXepCu9nJvp23QymrHOPsd
PjQlzmnz0HkPpWHfNio+tq7CxJ3vS7bF/tQQnBjEzgYWEQ7lpWkHWnUz7QkiCZWC00OaolRpsAIp
Z2vTfZ6nL7M2fzNV3OQFlUt1H93LIbvSo2CjhY9g2NuTmTM36MAJxVmI024078htQuiKv6ucgWvc
1C4y2QvaMx1KRjv6jqDjydbFnX0bmh8IW6dcjWIL3D0A1nvQvWhfTuIA/ZKN/pbCQnQoOhbmoOca
0Qx1SUxjn6TxcUjjJ5Gy8dbkbunVHm7NIQw10BtQJ22mLjW+o5qS+BBLrhtGfg5Zn3zortc403ol
UOWKuY2nn0WVBHhGHtcLv9fSzypH9eCZVo23k6o2owR4LJ23PItpOfOIcVoBVNdnBu1vU1ZtU2sm
u0wcx270V2NyLV9XvynGgVpABFRxy/sGFkqaAifwf0ZJUC88N6N5FGSLiw6evxk+CdSHmv1LVYjb
OUluy7T+ZHz93s3uASgss3E68ZzpV2mWVDh7Z1NbCEmSoWNFdXvtazG676Ewn5Vwn7sY3R0x4pvq
sieVYV/TBGDe5oU55gdMZWsIP3QrfKCD83fWxM9lme3oDHpg5nycimWT4YB28Vd4ZXqnj3utap7s
eNgypNqR+/sSOnNgW1KvkgSJNfxChjks/VYN2Wer6dc2794L7nqtrM9DnL6JenqfetLTkSm3NE4e
sqK4XxjByorZdyTaXYNFipnpxi28m5gCMp4xR9eOnoU07iveE+m633yvfkMCL+5a8AzPOpM0m+cn
VXf36fzEfOknVO4tgfNbCHQfOeSyyFl71KJzssy3ro3nRCsvizRPrax/Egrv2mw8WdrwJrmpbJsJ
lKI2L2FmmukPeZe8lyALcxgfTK8FIiSquexeLQ2SRJJsdcRGKjT9OKlvY8cDXMAwRe+nO7nUd5No
b/pF3oKHQX7meQkXsguz82BMT4hLj4QCQxyP0bUy6DQE40+p4UVj9bQg0iuX27OgEK7m/HQtrYnS
701UIEXaQ3+yq/X01bZBDvvPuYPD17CAY37xSkWohouF7sT7MLo3wnYX10T7EvQr1hkNqaSDPBTS
z97SghsWMNZVSKd225Z+dGeOOV0h5ROMsWCUJGAqi4Bx1QS9XlMFqoLBeQTodrQU8aYahT8Sb5Yq
5R4Iy5PhqEfHXtWYCZ6/1cJtMi+pEvfUXHzJOT5EFE3FxXIOmaJ2y3JbZN0HhWxXSmM80Fq+dJxX
5X6EnjrO1vyr0momKQaQqi67hht3mZ8no/mcht3Yduep695iU7071AcWmfcSu9xy2Hxzs+t/4Si+
mKjgjEX2NcnrNd/Wo1NVx7kX20SLDpnjFIzGmGzgiyHdfJo8tDi4VnNWXdJ4Ie7PHokVI7Alb9NU
F74z246P54ZWUKPcNWyzNqX5aGgq2o6O8cx06+KV9JtGzg1nnAPQiRdz5LYndcurLycd+aEms1sa
LZcfwpNl3rPn/VH8/9Cg2MtTu9m4s5viqcrbfQT+bkleuwkWu2Xt1hYPpgPI5QDh65hzHY3OWoxA
bXmBbZi/16+bKftBlzSTNPElpl7RbwVWnfULFqbx6BQW5t3YO8/RcPXi8oZjxyGMk2dRAAsYqxeH
1NxysQzymeFscg6Jx31uuSctZv68ftBcNK/DGtWNkx/Rxb0PzuSpEvXDEEO23shpm1flo4ulxByW
bVZ4X6ILG3a11lVfFp7k3nZZqdxhlaIMzx1jxOVFLsM+tbpdrXX7LnE3tokoorWI3Gx2SEEKBOYu
0y44QSs/UzwOZvpLnPHOowIh1OmWmSj41JyLiuQxinvMzvJovo0DIrZ6GpdkOyfq4LoDubD3aJUy
p+qHZNUXauvRLpmBxjrVus5X4z0zojlEIcW7pnsJ45A6PLs5unr3iZX1GhZpMA3x0S1RcOiT5QtQ
n0eDsVpYIusi2yPhbQblfJRM07B6Lnd5Xt0Y2cSvMqPDeOGpRduoo20dxqo08hZYF7ANMIEqN6ZE
AZgL8b4umfAS3uyiKTdMf+yN1t3Zbk+BbarDsq0OnmB5xDVxsRREH/YTNyR7//Q0/n/7539h/xTY
P7Fj/o9//Zdf8/+Mfqr/zf55Scryp6v6vzk///qsv5yfrveH6UogqZbpScNmAvVv1k/P+YP0HNhv
19Zp+cQW+m/WT9P7Q7rUNDom5k5P/Hvrpyn/MEHcExyXECc9Xvm/Y/3ky/ydHqZ7BsBl4bgwZajN
E6vf9d/Tw2SceUVvljTU61oVNwMD+LGVp8rkHByojhKTEyh9+UOlyUJBoOvkrvRbBqzOU5PiHPvt
GHKyvjEiV9qzGRJGf5nqtu9+R8rMq8/FkaP2PaZu2PoofnRhyoU2u7keQXc0rmsbDK5mR0u3VW3n
3WOLyCPA+XTdSyJK0mIpM5nhMDdkOlZTvlHtPEoRw19WPMzRJrdFJE51POZ3mebKehtOGvT8sdL6
dRxIP/R5oFqK8VNJQMrX3VgBcRyo1tnbuWuJvcBdCOkiFRGP8CEvP3TX5djQO1FGWVOOfrfxbKaa
Pg1eJnM+EFjGj1AzqKGu05DoUKyLml3t3K9FhzDsyecOnY0LDVUgvhtKvG1AAfvc6zq+WqqwCsSR
hd2pSHMrMT6duM2iI54MBAy9y3WHXU2WpccpLiZIM7F5NSf44ikGH+KMbDExjADbhT5UhRlr6sSm
XTO9PL700bjOh3MnZHKgm2ZOU9kS4y+VGC1Cti842Xd62GFh7CxZ0GefGOoGvZQDzUhuZC2/wXV3
P9BXMD3LyW3kIx/o1d92PMfPEWepXzqQS5bmrKG7L23bOtn1FiiWjbJk/2GT/QkDSRP1beHhshSY
K59Kg5YezKaID01K1wLBd71yqauexU1mCvOhtHOpoAc0VYORrCqzTdeEzvPg0OK0K8e6nx+8gXpv
LO9pmm6FUMxX2pYfFQaRhDS3xclFHN5ceru+X+YO+0FiK/ZpbdPVKy1HDJQKdtQZ7wBvLZ3ihDCW
9zSjau5vy5k4JmneMtG4PjPbpM6uAs7tO0nrEP0aE8wBJ7o/2R0Vwiaxadb14tYY40Y8p/S4sKLT
+2q6e1Rsoq91nmsWA8SuoJuqHpQ40FDI89Imbaff1vVoPFIlJFJIANbUXHKwt9FFm6PZeSktCgMP
qsEpzqTTIvsK98UelixIMEIs8cSIp0OamwaCMwqmjS2gdmRLpL3VeMUeR0fKq7EOeujlQCPMzOle
d1R05g4AlNFb1p3BkSLm58yT79wU2ZPWdtN+KingtECCfzUjTcezJqwT6e+acLwZkqcsyr2o5z5w
QPAymkOW8Re9bANGJPJktkZzSaIGWk1J7lbLFvoLEm1+yltb7KfErU6F0zjnOdYzjFJTsY0MxyZ0
gjGYYeX0aDdRuCVQqDY04KYHTI3iqIeR9aKrBj0t9hKLSgb5gwFCfUIHbW9NbTQfqgEdZhoXkk6G
UT7U5YhgxEZkM8Vj9+BW0fDFhAAXjp7Ix5jMI0L9gN3LzWc+MG/sfTdPxltRdglmoRRAjuJWoU02
20kPJ3zmItOiSZeQwJIoA61KFIfO4+gcYRRHmawM4oyskHegtsuPcjbToBm8CKtZC8W0TcPAsZwe
/DZNEoua20PXig7sD5wNDwAUxOsewZ9LcT9q3bIzcbDdj2aofYpEzbxUVb9Q39Xfu0M6YHnWFPW1
KWXNQPyOdqrnrA12TxV8Yt7rVo/ShjmiuM3ASTNnTPXfBf7sx3YoultjZjJBMJunE/vGQhzNbtFe
IZvSFTc6OblQpbAS63FW38cydx68keS9UnO0FTBAQK940FJH8BlpBe+PMCzxb6mPPSVa3OZ04czX
xW5WsxMuQZskHnxrVasDZwJ3I8BO7LPCBQvVYQg0CnKjfjI4ML0xMPwaDJFyhdBh0+pD/Ajoyb5t
Z6ujHxNjfsj7cxBJbR0Z7c9HUffaDue0tqtjKW8w3M+HLEf0cwsxX7RU5DytkHvcPhr4XCTXMrSc
X+1kalRqNclZlyvBoa1hWglZ7ye3wkqSeA0Kuc2EvOVIMKk6fg67XF3iASSlQJrfQYqa932qpYFH
1cwNs5V+k0JeYINqiy0YRrEfYpPS0EK5L4CsUmqAU+sEUJ18awZfXSzT/BAW8Jf5HWBalWWaEnms
qr2nrxgnvNnEWuEGeiETaNUSKWZaUu+IgOPBbc14p0VGeWxEBUfaDvtbR2GNsnKFMygjhRHneLF6
1k38ow6Mhmo0Dos9hvQ+47ZTEqA9DwQGwtzRzHGWcN/UNf54hOZLT4H4N57F9hb2CgwTpH2/dKti
Dx0uYTyD1UsraNN23Wk+ahlFwzgvAJik9F9Izlywp9R4jFdTeVkwQpZSkh7THf2ID8d75XRlP+M3
E3eopsOWB6azn7w03xU9BSKhtvqrFski2q8Oup6nBag9tWtMHMYxhsGTkejZTlu09kpJMCN9i2Ne
OlF9CBATcFSxwBtd3Ahjpg1MhDrim2GhKSUdh+nO1fI60IZivDVYOfYLLfZB7tjhZpnHaJ+aMg/K
xEED1Rd8EFqcYlmUyUwSVo4b+mHSG8bl3YUxQbItDKb3mGXz7exhXpDVwuXA0APROp+WU8SkdH3g
UukMBZIG5XGtlLUXdCmYCmjz88ahVXsL4gmXr8GdUZil2tEc3G3n0uMaTtp21yO6QUmY6O1M9WEf
T8X6AJnguvG8gyuhWzQoG1ylRRptc0wU9BYvCJkUTaVBOuo8Q1s9PzM7Gq6algJJLxZiGkZlM3NI
QO9a8xqLWEB/tiwznfS0A9wGK4CiNQdJaQ/7JbMJKZgq6z6rtqbKVR/NfVnNkhM1ZjwKLohIPIx2
Xh9z1+WwHrpd+1oP1bLDn1Lfmnk65bsMLLmzTSPSfLsu67rwgjkO0pTOAGXYxYbtWofZmKfl7PJL
ghfTLHb/NJtLTYwuHDClkuaZLjzU82ojDUYaJ9tUJMLpJhtW0X4d0vhwmJUVIpNGg6b08+C45leE
2CCgcfw/OQXtf6o1G9b9y3q8+lXVqkUx6P/173/t/vH3v84Uf/tL8Ge87GH4adX1h1Agn/rP08f/
7f/8K6T2X51vhGsTBPs/n29uf77azy77+/HmH5/01/HGs/4gJGeanG4sW7fM9fX+SrYZuvnHmlCz
JZhliM+C+NpfyTbOMLpOhyVZM882Oej8M9lm6v+d4wyshf+QZNNdTGTwraXn6Izw+db+fp7J4XLq
KozHczma/YwEhrHr8meO8z/Li/73/+3P6KnnJiBs/5k9/c9ehjVb21URDCYWKlmkuz8/CBy5/ddn
csBKMTslpqrZCYX5Q5hzm+cerjZHTHskfh8/VPsUTy+VW4kjbEk6HiWfjuf5vUDB5bVqaiAx9QAn
fy1uTMfZpTVTe/NzGECRENqYrYTBtT2MKBsAFojWs/bWT6Ebv4FIyBgvQJDT5HM/AA7smuHeqtfz
XcVyOrWVwloyXvJ0fHHL9pizo7uweBk+jnvrpp6cI/wTeNghrpO1yt5oQw2pG7JOVLw4nv05TY1E
y57D7WAzwVC2c2PpQJMyoVEyt1JtegBpA+wSRvi4Nli+p5GoHAWq7AKznTlr5YaI38Wj13RDdQJu
MtcZ7vQqHHd9ApTfXrA2K5bM1OisbbdzUnfANkDCr6/LF5FGh862hiM7xt+TGeOTmsrHDPC0D8R9
9Sblxc5iKOEC6qpl/hLxRgUOEFGTiVzFEegwcwjdGgeC+DVSLxnk8rYcczxAAKBKSEz7Un2H8eTB
uvcgukJz2ZF9ODuW++JFhbepbLcJxvaptO3vPvIARul6f1GJPmMkzO9b5Ln9QJdgQQtrK73XMTUe
F7uywKPV+84pHpbafR+B+m5MttabMlqrCwfkQ691MMSN3XFGD3NTiCnEfnzpyV9j0qgA21RPPaL5
kXo8YKEvpByWX/SJ4VBVsg80dWY8A9Y4H0fLJsVNoTkRSUPQTK1+7nJCFLAlC8wt3rIB7JXxZJwp
kWx073O0DX74OhYwa6rVORNuDf1XNY4lo49PYGndLteLessE3Vdt1tB8nRcAP3j7jAxxecgz3r2q
vqsLz96Wbsp0gQWeUxv4wLm0b3DbnhxZcEbuJVDqiZkkO7UgsquXkspeiGh1s1spECvb+mgXMuga
iOQNTbFisa4z5Eg/wsAu8tjk9MumQc7tTd20xQZPH8ynoYpgWoc4y2w9DXQR3xbRWkOUawfDTocN
3yr8jsb5ytviC1VkW5kNlATTuaZ9/qPrOMBj6ziUtR3YFi4zzfwsnSVfrehWMApFC7l17OiDTseZ
E3H/YI5SbLTVE09I+wEZ0BdR/pHFWaAb8xfD2Xe2iu3BypbKr/vy0wWFCRLL9DWJ/6JeWYIQOnxN
NFaQ9ifN+5qN+nFdX30XZZs3DarUWF68ZpoP/UB1cyiAOkymvic9Up/6MPlNM9qV5RHaCGakaoiq
YPUza4w6ODMJbMaBOUhA0fUTzMHwoLHVyNZQ/z/+cDT8buZrUtDzmybiPm1hO/YadUAhvgGrAw1j
DIwqOPSl9NLdO9m4nxgVMurST0viQXKPzJu54p5w0hm6XrmK9MMlldlTXwy/Uu4uZlg7FgDUsqtW
UQY8FJsCve3UaAFNFq/W0o8+GZxljQ3mhCzyU14wp05uokWwfUOIYgY/qXO6THt+lu8FouBFFjMD
NPRbIRosxTSL9vM9GZ3Ed6LOOTiFBFqRPaPhgxF3augonoXL1P1yGn06t+xSXNzc6CaUw9rutUrc
nFSdWOenTkBTDxYbzBGQ5bAp2DhWMw4NmgWYiQmVesAkX96FjcUsaFvrqLi2SN9Nb7wpagZEkaaU
r3POZKBnbWKzZgzs0jbqLrFvLD91YR1strEcVdmjCtP8qMN50w0XjqLkBuWW4UK9JXmCXbGw7k3G
AkbrbJLWCDdiGlCTM6u4lW1yNexh0yhXbtyB6Xy7aF+D6Sb+wlZyI+gAw2DIEAtbV4LG592X4TYc
tegmr5iG9xLJgH5rmntoaidfCvBtcHI/1ndiwQkrBxMBKA13661F/+B0RjcjDpd+i0I/hhQttIuI
N4ZN7Tvekp9mGt9YkPhX2qmoojrjhv+uK7yrHnDwaAV4xyy6sZk/eHreB1F19lLcP+30OxGCAuSi
/YltRoV9SHOwILQVcgzqsvgp7Rn5jtBkKyMiE2j3v9O5n/FBudueKrJzYtVvJYzTzIEH2Wskamzy
9axteFE12j6WvpB+GVs+ltaIepfxkBaWX2jYqJig8NvNrTuoavathA6xUXNcYZQ3vpCyrkB7zn00
Dcd4VCUgrB1uZ5wXIn8xetO4KTM57vvSY6lN1L0bls+NjlAfwqLbWCkT2MUWOxUSiLMZL6kpvPTI
fStxzMX5KTNrDhgUOpxpf7yk7LZZo7F3IMijL+bJy7iXaWh/xz6t78NWfoZNuDEHXjtyht8wYRxc
rAm5Uns5L13yoIoXV0S4lPN7x1xJK3oekXO3f1v57OxcaTC3x48exswHsd1deUnAYoSkiHul9/Bp
uTpFdM4meOAjWRuddmoMwbF3MDNgMRWn4QzAn9006uT2VyZm0IBpZkZCcDY0AmAm537ym8Ei9M9Q
nVlJt60N46cZSeOaeEomu34rGgvkZVr+9kZj0006GCy2dLDtiJx4eE3HrlPbrhgnzkbUFrRMX008
ZOwucDthVt9mcOq3bkOW2mZhi4rklFBShQV+tXolgeAb3hDVvGcf2eGTi/HrlLHy5eqV6ZLp0Lvz
Z9iHM2ClDlFZTj8R4bDKOXRl5m0xibwL8vacqZ0BJ4hLf0OOQDa2jLZqQ2IRx1CwybPmy8jXLZ7b
H0LNzjgaF6cK3Uj12IQWCX9uiHSMMhQNMbD3tibgBBUV/UHOBVgSOqI73ix/zDpwYZRg6Sol2SMZ
ufH7o6rUbX4G1EFGa+DlcJ6S7Vx9QTQTxLeNBQ15bJiymgDi971TVJceLg+SGQ5VW+cCmiEvMKz+
cZTMzivuLO0P+pR8l7yTmNwV+6uCDimV4ELPPeDLc6jOk9OCp7ei2rc0TN4gswLVkOzAtAdpP3IC
aouFn/N1PRhOm1J1zU7XS0GUqsy3vYmvwZr1B23NSFNC3+9a22j3hK6vZd2CcAJOukN9ZCtrDxeu
AfYg+bFZdBqlo5DLsxy/nS77XlL9q2udR9z5cKDMmS3zMHw08eIGag00tGmJdY7ne2BZ6lmrk/Rg
4325tAjTSL71tqoUndcGltPx25w9nNzxGr3CWzDm/NGqeM8zbArspDrB/P8lemokPQd7iCdJpdXa
U1G49QMcYnzzRxf3gW+WbbmLPBdnaoIXxOBBvsDe2UoXVhrsw+HcOfMOBa/ZNJ0DHqlBYM4VTWE5
yQ6r1Ke95WBPU0wANu3Cnj5atPFJm607RvO3GRaGgyHNigYhkn4lzzU9rHZxnK7VJytQobLJDlfC
2jgajS+2VowbvcbVSeaIMsWYnY20Y7lJy9pjUU4oI0jRiMas+dE9Ev0dus7pz/8aBPYFUpJHoc1s
G1HK/dkBrjfFKP7w6l81VWjo2OpsWoO12h5wASb9QaVqOE48NmlTz6nC1EctYJN+OxeZPDruum13
PPjDkq2cqGKdaFJ4UcYAF3Gsrd2EXS8lmnDgQXH+E3Sagws9dOHyoNIxPMwZdciT7lCt2VPvgXBw
g4x5zUdIrPQ7ZMcwbfQXBMf71DAJ5qs+yASGTJE6gWLeNCpdngZyM5cmdC8FC8lgVOeuWvT7GT6E
NBRTI2m/A7Ggm8YMw0M2V09Nt7gnEviPlldvkb+dgyiune4u9wveD1jyRbNzSwy1ngeLPhE2QU89
dHbUeyJI2QCnCwi+IScLhhqYcXPdeF1Jw+zcgMEVEwDGsrorp3PEDBsOIJvTqqSikdKZ8WZB1P7H
H//h39ws/wW1TTFw+F/sndlypMi6pV+lX4Btzgy3MQehkEJKpVLKG0w5Mc/gDE9/Pke5K2uXddux
c9EXbdZ1QYGklCICcNz/f61vuRI8qlQKmiGkcaG12RisXxW1C8aM8ayGExw4UzgGIi8zFG5/HdM4
Ss6OodYPQMmxBs0EZJTRrxQ3LxetNnQg1NiQUI5XwpTGJWrM9wSDK7UqC9+21tDb8/1C7Qof7fN6
3DfvUY0i0VFgKj3TsP5Bzqe6Zse71QO4fmPdJGiqNBkNUCjAC9BVkPbJTmEuTsWIlTUyqqCwQuhH
664sIg/pRfcltjNoTop79GczdrCQ1sNZ0x4by24PA2lv9FLQ3DpLSP6e+nXrRjCwswABv/bXlz7+
QNukG13G2m6al9+/PNSEhjRL/bE/X/RJZamQJRxX+6ZQ1CjmWojw193Wj5ZzpMPnzbkbYoWt8vEM
/d4NFQmL4J7pMMfaQ6/4Vyw8NOQ/3eQcJ+oHWYcOyR9CwmBiYjrwbwJf05uoZ8UvWG80GKyCKoQ8
7g4IstB5tMG60dTbce6yxkajki3MGEPhH4BIcZbUqVn3psJcdAJ3NyZP7aBVdC9aH0zM1F4tbECO
1uS+Ipi19qbiVDmKWAVFccFF6BHHG/rixHOhCWI4BypbihO8Hhut1gTMT5aTqRG5EVXonxq7DdY9
q82Gk00pGPlTG3Rqs+5hRMeLYExvUv1oCJ+3ByaOmPz3xbfuJV7C+5YT3Fs9zTN8F7zliLmOvl/f
OCdJXYjIvVIQLftEveNe2U0HH57naSzyY5zqzhHpfhOsG1taAM9Q6GP/DYNRRKhF1ZeWxa2Q7Jqs
gcvPtiYzLvwVK6KuIF3trYclmNv9ZA4/bE/0B3/uH5vehHeTqiszFZWS56y7agNPAqqhX+ibQZHB
/EjjWujU7nq8btZDuIJKN1X65d1QsAxP1EKMGvUdi7jwsF44GksGxPPFa0zvHU+tegfrG1rfy/QE
0yIL6LUUnBPCkvKN4RJ4wjBRg30ry6MzOEEDWR8cnNsFLUK+9uRZ8D1C48m2RpRoRPT0QVr1PesA
Nhk3CmJZFJb0zECiqQ339O+92el5L3+O12+L9Yu+zMa9P7NG/uvfOSITy3497gejaJF3/8dvWzoT
bpD4OdUT7w0Mch187FqgGxnFB+Ym6ouppP5ctGBb//aTssthk6vNurf+oMQEvKV6A/ZNcEkYMEdq
2wFnrI6Ez0Wz7vlm+9oMvbtfj9qMUtteYLhCuVXbOxXQt0srpD4m09mPf2GrvX8cOnoJlYNRZfRY
pMIS/fevN02QkpmFAG/9bNeP1ff4+NfDdQPctP/b4T9+BIu/fZIlI7qt7kXKTFyGlY4/RIugeLsU
PFlmW8VDhcacZ18zUj+LuAY7NbrA7+HKXHdJhrkmbgotYbpVsy3PnmLwhevgtBL6vHWXMi48poZn
Ql89auvZHNSZ+tvuSsXzWlbSCRoxfx0keYQzVFZ+aZ0IsNhmA+fCdCQcWU18WZF3f17+egiduvkb
Cy+um7cFZcPeUOPRSsCTKwHvz3E4zuLoDdrx4+2ot7fuEWe0n6SRnCgTtzuS3IePN7x+E9orwjtq
ULsRmC4VGmp/anzhBgKLvu5OJJxtqWn321wNvvQVuQfU3no4RS0r0CJJh6BHxz/q8iwRgDFuszF5
6jM2qd1R1+5pyf7zIlTXpIP+JFivSZv6G5kG1u1v1/e6C4GOtKfRIb9GXeQ1Kp0jOVGXv/3cemUL
opqBrJiHv13868/8+RsNHf9tWdQxlAb+Ls4B7qdyYgabWGDJ1he4/pPOIdeB9C633nhACHYYyIE4
purpl6ibPFZ7/zhcv4FWzf0IaP3/irP/riODj+y/UZwRPTS0yd9Rg8bHP/ojOBNg2CzXcFCU/QEN
0qlxXSLfHaxefxox4l+OrlOAQwBmGsJUf/zfiEGHHo1lCJcfEJ6K7v2fNGYMuuL/FJoRW6Yy1m3P
M11WDSqW9G8xlS111QaHehwYRLp7VvQINKo/Zuu0K8ZWM2e5fbQzwFfqaN04sb5vhaD4Nmf1Weo/
VnbnuvEgk4OZVixP0VIlEf1ynyXFjhhHsjL63DmlXvW1F2GMC6Vs7/QFtgmLXKertlFCkI4gPS+R
/niYC3/atvj9+efpXYjmIZoM2LuD/kDsDmQkQtfgdiGdbUdUvv4ARk7nzvCG5ZOc9exYL8tlGEYy
gjIYEMw/bIRtxbgjcLDpMGJ2lJh2rZ/jMTWm7CHL9s7oBg0+ri9iCkpCWFAR5cTs8o/L8BuSJYfM
p/Bu8TedyaLb6ajrQ0MqdlWSmVvDm8sdHElq2grHYdjUJ8KwlnsGLqygkW+e4rOkAkh9Er2o14x4
5xJm9phPkm5N30HpJKPpqBPROUXxu56gNkWwUvIMFT9N4xkaNX3pGYgcErds3zkxOSOqkLB4A6O6
1UT4ZZD41/KzkhNt+xBulWfMh6G61GadHYmp/8Xj7ylrDOPcZ9EuIdll35vujcXrjdr2udfTaScc
AthA626tprvoSPGO3rJXtc+HKGd8AuJIjk8BVxv1Xr1zVFVsDLETx0YUUv90b8xcmIwwTdz4WfeA
OCfbgWCkq5bxit2FzyMLM9JZ0oFWyCiDhH5+UT2l+rC8d0iYm/Hn5JP5U4RCARV7tB9tvkOEhyGo
yj/ZI4UcD2VTVaI2aOiRbfwIgXDmV9N+cQHwe8h80DHgYoGpN6GByINleiRkOD7ldd5vMtd69ouW
2WxP6JVktYn0BPWOe3GbSr9EtvlTLoBdhpDO+KhzejVbuyWSl2nrZMfox0nw7tocc43bdjytB8VZ
zPDFhBYhxlFNCgpI4fk8VjOoylZ/XBbyLdFUx8+e5u5hciPXVqHLTS56+im99iAMPswM0aEt5Ns0
2POOQEb8gXgD8AmVKv3XGDu5o3GLEUDLq6OEl8R8r/yR5I9zTPcrygRZzKM1IMqzP8vK59UbdkDx
vYB+JlDBT/1ZozzZm2aLbTw1OWnNNu65z7x25BOnHvNU03kYPOtHznz2K/GjXWNfBos+5kyGgQ6A
xdIXY+N6z9FSvunlgG0nSWAzJ+Fy6KqniBzbQ2V1J9B8RGVooB4NxyJ/ZD6mmHEPdgwhFPkSgQCc
vRiTTy9kvPNjrPDabBz0eLjIBPlnktf3FZb3vmkBpswdNQ1MPu1xWPA3Tc7BsJ0DSvRlW+Bh3/Sl
xR1uxOJInvOpdo1pi93yEFPd35dkT9A4jehLYVofyEZF33vGj51dDT15MKYa9/g2Sczxvpg/9522
HO2arpTmUU3Qok8mP35NvfReCO/Nld4ZeSdueA0mYGHdpoILGYGLvNSG/U0QF5UsWCSdjnN8l9SS
IhT7RAqA+46Sz8mIZXfI2vgQYTsK9WFH/XfLbHCkm1L1W1GSeJEPGkqyIuPasG+zXJYHyqqvUCi/
pFYW4kTFSbp0TUWH2jtU/I7arr61KZZS4dDqJBoA6tyM/9EZUFGK9wj7rUaATZEgJw3HCGNU8SvO
4Q6hIw2zObw3POVTlFhpbaDXmxYPJ63hJd4ZQvM24Ww524aV4IZcBMK+my3EPGjjNUF8uTteqdqf
7CV1D1auX5bFeTCTsD5WTl3vs6H7ZhUalSrf/5k01utAtOzZKCGiQhF60GcaPfG0NDu86TXBaC39
WivdlQxtuzlxznFKpuc8z+8zuX14YpcTHNzuJIpK7kUSX8EAXEaJsUDq012Fc27blGN/8LIiMFoQ
9TldsdagixueUlCDR+xxKG0JESU2Y75vqKsuL+5k9cDJCSX0Fu/HOMtthWGn08PhLh6bW+NGzSmt
yNWTyfeU9dYllPEAaoC8i3j+4vaZt29nlmG2N7FD6pZlL+9t0nK/tGopqTu4XDSB49YAiNcm+XjK
xPhrnqpqr0P1GzucJUlPqlEKZkKWCvY3wZLg0fIorE9NVdk/3PHFSfLX3s2yTyPNMHJ1eWqSiYre
Wow/oQLJxzKVTyRMeGTQTfOmxGcCdEPbWrr4migAfHZNyzAQ1bSbYDG09Ix2Q6hTGsE/WeeUr8PI
3yEdh9dQ8yn1Un4v7C9REUWfRFwiPO0YVYr72TfMo1io0U54lc3ucSAUgmJsyIrYH2rEbvOy8b/p
5JDp/oyjzBvlEZLrJ/h9GRPwmIEZ4Xhf09YA2EuWSQSOM2l0mkrNV5pvC4UNWLykHIYHIQH7wA0H
pOZMn514eU3Q+qLnTnY6GDTKN8PXClrzvhI9lBegw4sTUfSHE7hF2HXoEKe75lRy82O6tXWihPUY
tMQMenqLZ+cVFV56sR2NUkEP7MYW3b5F172zPFdubb8hJmbGlkX4bHKFGrS3R5ZltMBvlT4W56jk
tLoNZPnSAR+RutnOqQ2yiDoZ2BZaNJc6Of162zkWTDaggPKk6ER45Fn7QM8k8NDlb3IqEoEw8rOG
7EL5eOu72oWSmdjdqWkjAFBD7hzcSrwMQr6aieAR0pV7Qf0HYBW48Sozv8ez3DmtDaurtjaeQf5e
reck0DGeQ2s/u4P25HjyNnIZ0Rm+iLbjNk467btPgKc1as++SB9Q2EXXpevv6Yzm/UKdKwGiGSek
vtE5f81qbl7LkP4pilIiAcrulacOCoy5BQBNrQUaLfE8rViQ6y8sqE29BZ3hRQ8Vrd0OdSSuQRaq
aEkBqtGB63OARBp+eunU53bqvhITmGzb2U2C1tZ/Jj3zDBJ0yBVvcF+70YHgNJ0msyfONiJDgDmV
w8yurLaupes34u6oddr554lkzMPiZth5qMTft2NJAc9HQOOqMAq0qtkOKj7E9ldNN195ldC5/IWx
Wteil86mlev6RwvV5nEg6tppIcHWroiJOrDTgNsL7LsAbmZXy5mybbglNsih7VUwghEDYhUhAN0s
4SlYRxo8rIwZKREzj1VtBIBRMH87FP4wHhYLyTmt7zjHkjSFjgjSTpr6idXFfeonBuDqEMu+bf1o
UbKcnK7fgfX3rrAluT6NPVkH9CSo2+ysqgg0WaBfHAf9zMObK0N1u4yo35NHAbWqOZlSxBffpHJV
DA0TGM34SfBIty9056vVWyTurKrHbDw30MGjUuJfHq0ZoAwJ3lYVw12K7D3Fqw5N4rKfK7BvkRo6
cxf6g+gezNr6OhlcK4nVXha/ICU7s7+WsBbIuISF3OPk2hmIqI/rYSNLOmgpd2PfCJ4gvn9LByan
s22fe26OHSJrFTRdfRKtVR4KN1nuKAUyfuc+WcBWLY8uHEZGweqpMUGNApw6ZEQNvhRRF0xOjYCy
wZTLdITsHlFe054Ju23HHeKZXdM8aoJuU166MXbkBVguy5TOaVISVd2bzhpjG2ptsjc55UXKyF3U
SchFWL3IpnCucAofzGL5UmtWx0NYsy76uIuMXeN11ckb6U+5jk14aJodu3BgNkwY4d1iZN+mFKEn
VKxsAwOx2AG1uVjIrEjvq6HySoiIPpHDjg9/esgPHqXcq5MYy0PXAAJ3mn3WmfS/aDM5rjyw5ui+
LPnErLogewORPGFd1SeEoeFej4mQ7cfyQs66czdmC9LSrD1apMb7tsJnGE9wBN+6BCh57L7NVRVv
RUYXalC20sqItunIMDrp/jYi5vggAaMsZhLzSq8kAWb3AklD7i1A76KFy6wDPxt9jUn5Clqk2CEr
GBYOry0FzGNn8Fg1enlkaPxO1qf1CCno0iIMBspLdmkPOaGtkRlZQEeiIO7c8BhH8rsN+vCq82Df
hjhX09kKwe/JHzh3mgM6uh6z6JOM2v4lpnB4TOIfnTaJA/Fg091CXiV4C/K+gsWawMsPb75dINaP
HwTq3KtLHa6S5Jkxd0W/1UoqO8ur5Ky9zykAxCkrf4HnSuWVcw5QU+gDAPflgaRP7unYazaGNIxD
jgt0t/iHYQQH6BL0IsZqgyU5OrdOcqo9QI2ccCTSkffdcIimGTXD2oS0VjeN7D5HdZee7BoDBjdp
XLY+aASuo8V/cuPhrowQuZE7ynPA9c6Vpc9HYqifNIXQ9Cffei9A81YpqqFUK38YabJ1JO1OFMIN
M1wY1kvBncwaeB+N2f00T3fw3h7a3sifCfpigLZ5/7WuUS2dCD/SjPAMPtfet6VgrsznsjW4u2mt
AaZaSJ87Zu4WYGD3UDvjp4HaolruR0ch5F2YkanYKQTBXPUPaIjfzLq4TcIY7qQlwVcbPfNZ4p2w
oKqJVUeyGzZ5m2cyhd0Emh/KHIOG/rYU+UvhAr93WNxPlqHIE/QLS1eeJ1k7h8Syp+NQRHSAHeNL
D8OTkvs4nrXcGEky+d55BPTZbvErzZoDkITkqkty7FhsM8vMCCJOje5MzPmzn+mgSqx+gYvAM34y
sVUwL7grjZHJWNGQSm9COCcY5lrX3c/a0Zx9FRNzkLufEkJLtynQ6T31aLHDWUGjs6yba5PGYDHa
F5xKyd5nHDhMlkPiq5D61WuJNiCASDaITiAubafcJc7ZEpukS760TpvQ1yM7VBPGp7hHVQqyK8A6
Swq56zLXgYCRuGAfI14bp03+7BL9czdF1tmNsE9HFxECVuprljBiH9HEiHe5ZDCp/YGUAyODqG9d
DGtuDiP+pz01iH7rhED89KmsLiKj7zAPYkMfgMV5pTcg8mGaE766cezyMwSGn4vBr8OVzvKYqNB8
yr8x8303DJrtNLrvopFrG1l6g4AKRAVqcevej/j1zL+d2XU2JZO3xh24HVzeQhlB0qwBMtBal3EN
qgyQ7dZu2gfNe04wYxFqgHaU1sKtVDjqRmhGwDjlFpv1eBkqM1j31g0qHZgZAxlLndzMtBlpjOx8
1XBfN43dIK9Rm/WQwRulhYForSxyI6jVhnY/Moi+je+JDUmPuLNtZm3+zQmz8Lz+tU69hHUD66ij
n7b98yIE0Rf4P4xuP7nhwvfYrHv/u0OM42C/tO68KgIEVr+gc98rUeoQsjhYvwwqf9qDtP0pWr3c
MQVh6T0vTJzUi133TJk8EF+oHQZ8B5jg1Xc1wme47KMzVkwjKKLB+PiQzLS0troBkd0aUi9w+kEy
FzFdeuHxrQdDv3F7w0KpIvrT0KIrVZ0oQNvdR08KZM3vPQT+CD75iZ4JgLE32jDZOaMF9rqlJ0XN
pA/MLho2UlTjThvIDd0u6UgxXv27aQIV2HOaLNWqbGW0W/vnf9rpE46/nM/m3z12yROFq0THasmF
8KeHvu75LS31P18rma2fStoba0u9d/QxWDe5JnGse8nzhFHnkLv6U4S986OrKmkZbOpBorWb2jr4
s9FVf3VtsjY+AU+eQD02Vk5y1v0GtZOW1R+d1lw1Slzm6FzQ6DeslkYrFnOgQ/COPw61TAB6Hxrk
UKpCSNYCLF7uxLPuvK30X6HT42zi5G4ywfQCWPoNBPYqfPbUQaW2qbzF3lY9SZTbeR5k4Lss4Zvc
H7ieM/QU0D/19LqSibPJzkmRUC0RzfXS7TjSsO9UY/rPJlddFDI/pgPMwsf16/z9lEYtIgklMYj+
6vKCkI+p4qE1mWe9PkaVGxDsUW9TfMBI1FVL5q9Nqf4oKiGTloz64s1UIoW1P742i9f2+DDntK/W
41abB4LRXGgObfVc0V/d4yNBKzERj4UMuld6aFMpo2mvo6yNkL3E/Yuv1NNkLzGmI6iWSlmdZiN1
kYUgYKW6dpFfj8iwQ+TYdMLQZYczansIXcijUG2PSr8t7fANaNVjFCN0EtI+DEi9GyTfs9J+Y7gj
9pFkuAaB3QxQ09Kb/gqOm0B0pOOppsI8mj3x2nA/EJfPiMzNFLX5oHTnvlKgQ5MqlCLd4z4ulEYd
O9x9rln2Ae22OI1KyV6yaDilSt3ueIEG53FfKdm70r8jtvKVHr5Xynjcq5IhNf9U1cS0I0b7xZRu
OA82s1Ite0mUwt5RWntxlPls7yyydrYfWSmG2CxKn09fc3hIK36tp9T7CzJ+gudL0IJjdkhbkEE5
Wl9Bp2tCqqsCTHPlBsiVLyDFIGAppwCQKZe7iqgr5SKQyk/gYCzQ8peucJed3TownnIWXIZXbwYn
w3KBLaFT/gRPORUy5Vlwy/acYWLwMTNI5WpolL/B4p1tcuV56DA/dJggGiVTVK6IYtS+VGb5rOFp
wkuoVpmlPEJ2tgnXJkyMAOLqDcs0HBHkWTkanfZLonwY1O6pbWDNcLFooCHKwIMa7r4qJ+McjS+p
8nNQydo4GDwy5fTwleejwfwxRbYLQzY9YKlJt42Pwt7Vh1dpe0z3GgpQvfNOwyb/hh74rXQnsdHd
+Fu/uBgTFg2d/cjJ0KIBYNNYfuMDp82a7r3cPSA4IYfErI6RNH7IQn5KxgjjAPThKLwtoTsTW0zd
09ftY+9TAKEsoSLGkmPrksVcWOB/aW8wk6l8wj0dJEpQPgGp2TIUR7NycfWS9krbuY2PeGt/4m21
UZQAsIhiVV2Tj0ujLSfdIMWhGVjZoUfa6BVB7lYKyqfzP7NCmDaY0aqxZ44ALIxawdeRZNxdpNxq
IxVGWiE8SuKkus0YqKhyEOpqImc25vgzGQEG0cAthSrqqwS+xZdCv7VPi8Ebz0BjMAV/W0yvP+AN
1VmQgv52mh05U+PVNLN0b6N73rbE6PhcXbZ1n87FsIls+83CZH4qB6g05FpP5vQi9MI6RLL/GmpD
vtNskbO25zLrSIthPGPig740jsu3iBPDOhzGfxRbh7QXlG1YMXZeem7BSgJDx/KmN6oJVYTPxF7W
m9D2qoMOZm6DY/7KzbVRrYzcHfq95c35Vhbu2TTz+pAnCMZdvJVPQGMIESQFM0KXxMdNLcYMROO9
R14l7lSqHstz+6E2iMWCgIb8mlLf7GjRpUm/zpanwcMiV12Htx0luPTjXH9ES/DqpNlXCtvAWaIK
nXt9rj09ujC27kmiOjKJ28dwXfdIElEyObW+i2tI9zx7j3YPiXw2cC3RWGFp8kPT+H8Y4/CXkwac
PG92nTCdg5dr320LvbMrxa8WxdsIsfcFldpyiA0/I1K9eHbGkXCpTOKPDDOw7JbvHIpwIl5BUn/2
ldGpp5bsU+jeoAevHyZtk5dzUMfOZyKgjJs4dc2+q7jywrqxz1XVRcRSOehQqs8l+bqZ2wP5Jfbi
EHnNqbGtcltmZBkmc3nCdu+j0ovSfYnWzIx4nCYjI/gQk17Rz3eGad8zYAFwTFjcGBgrNgTFOCwu
72Mwo1KZg9vmxVjSMNBMeWj8qKc+mywvo/QqMHUGlbXFPpN5T9ipSYnWONRmO59yPbmzEv8lqxOY
2WQjHXWkvtRDEAPPyVVmaIFbpp8WzlY3nr9FuMexXEzZJpfOMxPPLyI2NcpY0xEf6hjAbtvLHudE
XkTXJGnhP/pfUKgRPNmD0eZHXuKwpprsBtiDWIzUvn50Z/fTaOkY18XRMmaCmujHsOCzwTZFFUA0
+aWhc7DRYwJ6XPmeVCOZtq3+1E0YQXpDw6YZttuiisY7KYaHrsh/Ugy0JJB4JSSQlhKIhNRxO9z0
51VXsH5j3ay6gkIJ7TC7v1DXTA/xwixl3TQNk9OBQdcjr2wDcgpktGMBZoOc67dPRdER+WlvW7KS
ctkOR6diZrBuoLoPH3szsm6xjfUErwU0OKBwHo7rpDZorQyavMyhFR2xhG89Hf9uIqJ9Qk2SNp0V
7mh/gpOg5RdZKvjK6qZTHmbXIufBg/DsIUZQffRT3SOeZWynoM6tcyZQCCLBnwKg95D/KdyCR2L+
+kf84+CoMNKugjrM15slN44AQFjUe48N5fv9MtCeTLKnMeydg0A1jqDGZ2ItCcCxk6A2BiqFBTkL
ONRTVLZMhJwOrnne2yMRolW5MYSo97PIi4sJX/2y6ENxsaKRigjLq2hOaoIWnN5HVAjUG+oJ957R
pXtL6UZW8ci6t24I7GVJte6WGImC6iDBO1zKhMLQlAHQz1P9Zz2gops97u0cmworK1IpqJb9iJTk
qtecJli1U+shS71642j9qYW8vl3Plhsmv8+WK5Wfh/y8ZnKbnWf4BJu3abbzXIjAGFcgTbL42ybq
T1lTSe0cJ9vCx4H7+FEUiXY0LaReaWjvixm1z5+NWSKlBE5LKXfdXb8D5+kQGqwXsgxgZtxH+F1K
AHxx/YZ5qwxmgeSYvJj2SmIUmdF/vgbr+ir1JeVGZeXnLH10mAxJQ5Urfk0BXffoR5MvVb6MqWMG
jJxmQMgQdwJUtjWbVEmeLLVZo1iXxUJ5SKDwzjcLajNKm/mPNFY7nbBZkUuAur5LLobUjmlJnTpJ
W4j81PMCcFoEkUVB4rfU8szJ3Rp141FtVtN6OOEE/Lot15ia6q8bMoP8gxG592s0U594P6uZKimP
dZID98lgxkzDmcKVCddOpabhykzFsmWibKA0HTTsFM9dSXGHGtaD7uDCQ3bImuevje8JwKsRS9hV
n8jnCvk/0X5ZSn6ppXHzsfH/2jMb30abxTVq97F3wKxwn5nhv9UiQ7Mnarg+7eZ4cQUWEmGcerTw
Uq0RC7Va9G34FHNEHXc9EZGSZObLjJoDE4Gz82hfU/noR5r4TMnrauKJ2pb2pTH1S08LiAJlMWnH
VfEWpQv1VL8+Aamn80a2jTwOs3Va5XFFHT6RB1Ee1r8zFgWyuw9NHEZ46xCa42PvLbRzXFAuRVhR
+LV6Xqy0yH0aCEvn7q01G79vVr2uyjXIsEhdUKRvLbKkMH2gB1UP+I/Y3PUQ40F/NP3+jPWIZR0/
sQtNIZAuWgyUploL+nEDIcgaWIF0MCAQxsqth5rbModvjjE/peQOk0DEUnRVFuYYixiV1PEUSWqe
bcJnISvcmbgWzoQ64KPhdU3EnStLDbuVuj7/CgVeX3rcvM5O3p4bpdGrcorDW9Por27HKfxQ9a0C
vwauwtL4gMGTSyVm8xw7p/VXzgT6/v7t67EgUWD927SqUB2vykGCCIiY/OtYQiiByLc8akP2NY6g
PY2xd+wg4/J21NXFFaLjuFi0UzipwUV9rbUcwoToQuzWd2xBA8bRqRSWxJ+8LpaOJXaaNkJ9HPFd
iRgncInRDvqOyLcxMz/uzfUlypnAdMLtFeadZXlbeN+wyn7OVXmka+boSFDxw3qEs+GHnAq5d5Ws
OKR9uCUrtdvqSqe7vtT1flkP182ivjEqtbfEgsJ6hFc+zVoDdsO4A+RwH1k56hLObura6qwgCa3N
Q5awCJT402RRZAEgQ9ycKoKwnl95gmlYG1FGo4x81CChN/Unc/BMoteGe73UWT7AqC5Z0+wmai3Y
v9urTMSNGQTFSEYuIydwr5U5dOwmwkDlUL5udIwdoxYYFZ+qUcvvNXVNJKGkU9bGa9o7bxC47pta
93esKGEA1xAbXZvgTwJIjnWaKhB+H9hkRnVu/WYPJv0OWzyRugOWB2/mdo7RGHTF1wh49naQ5AXm
BDqXCILRoJN2ZHoZAUbW52G+mE14rXKWk4Y97hJjuIdQ8bXqcsZZ6zqMRUmMd/Wdcnz3JKlVkthH
zzqen/JQnHrmY17U9FtmhcRwacQ5eQJiUe5cKdPfvDQ0N+6j7oLPwI4583BPHqacmTHwnnKPO3dv
GujImKQyUenHc91W37kjl02oMSkzktDjydyBwUyhTHod8ge6BeVlbmyim8zyPJfN8K0SN9sNre9x
SBAq6xOe8hVzVHwQO2+E4m1pDz6Fi32qZ5CMxv6X7jOvb2L5ODWdue0qzT+sNyNF54GUWBDGZSuO
SEyP6yjit0a6bNddvACgBWbo7sqzMPf6g54v2gFIpB9MgHrO/1e4GtfkO3jo6lf/nySNlY7xB7Px
/xJ9w3Uc4BT/Z/rGE67Xn//r3OXv5Y//0Ht+/MPfek9X/5duCEN3mO05hkc39y8CB9/yfMtSiL9/
yD6Nf/EvdMtzQKtYYpWJ/pZ9Wvw6CBq4WRGD/o/Qgo77D8Wn5fGfKUBxWBavC3HDfyo+URMMNN3o
JeMvYPYZxV/nIHbE84y0/Ihn7dZ2hF7OZktcSdmzzvTRWlUlK2Rf1w+kU90DGYqKm9fIZ69aLolh
v3oRKVgmN2SHvN1m4Z1l7+S4XBEsHEYNMUJ6jYvq3FVYdJPHpnTvx9SnzD9OR0kXzPeBVlH98Y7U
y5+SiSKYXj8SnEV3PM5IVCN/SA+JGiyonAG4wjZcQbkyUXOR8kyFakAXsVxd+oy7ZBqI/tOsIDPz
GW8/MRFMyzdSt3/RY76U2tcqiyGKESShkafml/BLm4XSYk8rOmXNSIYuw5WR/kpn8N9e597D0GYp
Oem3LM9PveX+kLNLy55IjKQbgWR3Flq34kqjHZOrtTM1MCHt8Nxb/G3i93y3+AnK60lr2j0Zlz+p
y7kmNcjQVohn4jcTDSovoiHYANcsrC4R0k5YttquLOXjKPIrytlrhWh/KMkno1NoNeKsjfMtad17
jbzHRCyXyhc3PxQvKP9OZjnfQh51MH7aQn9pYRvbGUlV3Ux8Qn5t++SXTu3B15IvYTc/Jd7wbMT2
65BF+wICcrd3K+8ezQzQ4OzqZOm7bhOyPPI2M6bxunyKRXimveln/cFCC2sZ2XWYlxs2lUvqjEcq
8gFZdEGb4nJd0mtCUrGtJ9da31pAJlw5HPAM7xI8u2DIqE5kgV74WO14FLjOazNDDNHmm1gcKFhf
RI6OxLfiX6TJMaNzqstEbAnt0wu0Ouqn0X5OgQ5qFuIT09NPA3+5wpYIFknfJX2903vzNSO6h7gs
2lOQ8/RbHdunuldZbJ3yTKNWRgrIGdbD8WXoCERYsm9M8H/ZUfyrgaOmPkZ6ai+ExV7xZj/rzbHN
xPcZNhp4CgRY03Fm3k1kKGqC7NxkwzYyxycf0ynYlhEOd01QOdaDzmS41sfbtDinYU4CnO2Zbt/j
H0EXxSdYTxc9thDXzCSm5b+8iJapmIZtMpkHYWVX014gmbn3S0NEL31Ei0VmCIqZp/fV8/ZTNsEA
n/F2W6+xmWFO1LdIf6/45t7XvwH9ezPN5q2jIBSNxKIg/v4Vdrik85Jcjil/d8UE0qnbk8wB5Zvk
BcmUjeuvn2+0ZlG9JK/2kP5qs45BokeTQdYQ0QaalQUm9zk5rKewykjRnF+YOCLO9HboHW4E714z
dHlNyrWqtZ+yai/T6dg28snKh+dWK65SDQfeN5CmLxRhn+g1kFH/ZHBKWid/7+QbNq6gH5HrNcuL
OoODmC9anl2ZSL+rD0Zdj3o0PrkJPadqeSFodycpo0mqIOothZDCJiRjpmudbINTozXLbezErafw
W6EInNBzmS2/r935vJ+M8Cxkn5txtF87elY+Lh/8Gd98mlmwEDaART8NdFjVtZ1lE4uR5b/YO5Pl
NpIt2/5KWc3jmkfrEYOaoO8JghBFaRJGMVPR9318/VuOvFWVKeVLDd70XbOLFCmKBIEI9+Pn7L32
a0ofEh1leweCt4xnsBsxspOIpQDI5RHqzWqmy7HoSA/LmvT7aFnrKHoblOgjGu+GzmiKiwk34KaK
jFfiYVdG9trySpm9fBtLOu1YtF5hKjea94J0gMl4zIGs3hTEmhb5fJX1eA3t8Z4Je0WlU2bjFQ3u
q4yHLUUvq0wRvbuB9pkMxedTM9oXqxYfYV1ilUYgDHGVzEhQCnL88Gz/E2BzhIbx9zafjgZQuYqL
WWOs3U6HInAuKPZK7eoPxcksEJ8NgNQJeKrm5JC6zsWy+zsupStytGpUf8Q8as5H8xudzGdRxIe2
VuV5es6gFBYjt8cUcknwSjtUhfXXxqyf8NAfvbK9N8AY5xTYhz8eOXuf1f+JBdoUHEdNLq/RkRsS
pI4VpPvGH69onza11d0rg1sMtCdcxnldS3unFitG/O2CTgs9sSA9UMDf1YKNUR2Jf/zksbO18fyq
x9l7W1WfDP+1y8a76etIVq3xwwiZuqPlHZ2LuiXVmiA8eeGIulE3UWNwj+k68IOeEMiuKwkqytlp
POsNtMKOPRFnv2hvjsU9z0JF+so1bOP3lp+RMoQfve4cIr+lzHS41bL32Bu4P8ITM2n1szJDXh53
nD5edINTs69ZX1tN40zgZ2uyw5/6qI6ZA2F+CCfz02zAyCACNj6MGs5s2oY7BgL+EjzlZzeu3ifS
pzH16h9x4IC8RVlKnFl5MjtzBFfiHGKW2FMSkk4eTZNYO2ASE1ChbHef0miedjGd4CxklAZb9y0b
x6tXJNNxKjJUR81Xk5PBwvRdppOJxqaXk5HOPttqpCSP8OwMWnmpuI/KSq2rCTFdw+6PPz0+N80R
6ZQZrRnpPEchCXqzatCgr7MOjz89Hkih+/eHlqme9kLA1aWNx4F9JCKYQWnwubemcdWb7QlTLiJY
0qGZCaX+kvNYBLm7Zmz+eBhUlyiLrXbDSOmzjsqH3gtRmG6+4Tj7OYyY7gdATlABlsE+owHbpX21
mUT0qks9JLJ0WLshqEOvE7uKtqDuQvfJ+1UPMjYHeTl0jHIQZBfam9t8d2pnk4y4J8kWjqd2hSeA
dtok+UxrnLQSXTg9HUAendYcS5Q1fzx0zG6PPDmY7bK5gCseNxRFqOVzsJMo8FMtvBLVUqypv15d
pnH2+2x7O+VUXFeh+17nAO2rrncPUd59hZOzzOntoDzzmCkxvuocOvpFar06+PlXZTkwItRIrq9t
ZlwtdK4Aqctijo2PVEsOfW5fgGDg2+vhiNXuDgTfW4dDjqFjfIhrFg9ugXzqbpk33wLEltxs68mn
0LFs9wtcqvYJ5BPB055eNLR9G1p0FUfGRL4psoudDXejnu6JVVxSx1+ACKDfE73jO9CG+mg5yeFP
Rf21SKegyP8j77JrEeVt81//qf9cJnuG9FzHcg1H2lKngP+zMSqKuQxjYkN2nUy+V8ke5+09lwOM
tvFSh4h0pmNFHUXrc/2Ln6zznf94Qvvf/us/bQp0DGGcHmguCboXzg/sb8Z2SIknmcNp1a+TWWI4
SZ19unIy1hcKnShuUA1hlvBUekyz+cWPVyi+H348tH9X8gyE4Unxw48fpBzN2C+LndFSxLPWEKu5
gS0JEvWW6MPNMaN3+uHwnyMb/Z7FqkZhG8bT9hdPRFnPfnoiriEdijZP/fev70Bg5l7oNn6+U2++
PfY3m8ok1Y6uFE9TSWGQtjcpMVaAcer0ep2n3S1XhAQM1inhy5Nn7QhKX5fy8z8/M2XN+/mZ0WoX
UqLDBSL912dWJsEwx7SQdiQb5Sw1RxLunrWGpLlxGChCbWdtJd23x+XNSPQYpdMHldg9aK6FHb8L
b/wwQxaAR3no2vM12KIL/Fym8ytcmyswXOCtlCHUdk42bWU1blUJQi77NokJOeQGUFW6aLlT0vGW
hSiSM3GdTXtX814MpK+lYLvR2d9iQuZ16y11xaZi80NLRRTftK2REGJx2zGGWMK+oIaFOAceKXdq
4mFJ0zZxz2fBqxZMH8mMOmtExaXsF2Z9dfXu5pfZ98rr+Pbxe10Av6NKNCz5iA1i4iVAXz2mLwXz
r27o7yH66cU/vwt/d3lgXDBs3dGFbTycjX9yLhpp5GVwj/NdaDQbi04Mdr1Dln57VNYjfKf6j5bI
HxzP698sCebfve+WbiqzJi4rLJN/fd+9QXc5m3JnBs50bNL4Jc42Tmy+xsXAhG28blwreZ9GFjVA
AQvR9XeOuweQ2gciq45pb+/1+SVs8n1enOesv3ng10YjfzKluhgEBWnaT1eT1BnF5W2MY0Q7euHk
Ey8iW8eQn2bWw45STH1fEtE3uP/s3tlZFKDqVICmmGYyrAtjPHroNCY5v/acqjKcgPTrl1P21WnI
WoFdxvme4U16Jll0EzXfXHwuYAC7lYfVeDXqycoAAxNNhrMeiUraxxiaV1apLWhQBka57moiwGrX
PxPAgvvJTz70tkPS19+NqlxnXfCUJ+PrIP17hHK35whGBW6+GSnVMSON1Da/1BxHizR6V0VrWw5b
kJnYr5rPdTd99AblWB5xZA9vVb2PoLl1wb7nNQ7s+JyI7By61ptR2Dv8g2RxnUYt/q4ZgGsCiL1B
t5nK9F1P/YM0Vjg1xhL75WTvJlbtvnXfnF6/quMeFcsRLBy3qy3/OCcVzs7oZpbd8FDlzyNTYPV7
aAP1mxNcBkzoxNGtpN4fB1d8+K51kdByf3Fp/0BLVTuAaUmX4DmBhh9CxV+vs1kS5WRpJoBgjm/q
SDfytuuv0i8/q185Z5qS/2K1/btV3xaUnC7jOc821N//6W6qjSmS5Jqy2CYcyBoOpsWvt9S/uWUx
LgPEU4+egXn5Lz8kCqukTZHh7yxSopm8NDRx0vlej3SEAwCEtIKeE1Hd4ESvJ5cBlC6OTZh8V1U2
xtwj7WnSRGGR2brqtOw8zWDSRNqQYb1JFkKZp4c45N8U9bKJ42+uw4+p+uQMAQr0DHIzFuIkG1+7
wHjtY5bqmpSHhTGvyyk7N3AxR9ndTN7/zk/eDW86tm17LIBVqXOZNOfX0LMuSWntRpOSvMnRhd9A
iO9sDjrqSdrUIeBfL5NJ6A5NCydY9275qaTD4HqErI7XxIzP3tDddWm/Bdl4dJ34nNfmGfPsmoyw
ozo2tWGEOEauErs+cXkc5+AJ3BzTMPoFRs0pie7eYuyLz3onmXmTMNyNlF7CiL7bbBeYg8n2S0gp
Jj0SeBB5uQc3NXeqr6B+nFBJUn1sv2EOvGdNvU4q+SagYKlDCcYWNODB2veHu1rBLc5r/7xu6+Jv
ChwuMc9yORUJizCVv14GuVGSLI28bqenbJ85ICzkdTX+cM5NtbScBVLJY0GmB0Yt3iNkgNuhKffh
qL0Y3jJdWXN/qTnm9RwNO8u5dJZ7aNpXrDjI923idlj0+muTjbdQC06Na5wqN/7iteBwc2KdY3GJ
zYgcq+Q9Nvj+0uAlHXJwtOgOChp/OeCezmDNq2gB9Nz5VKOqqOhq8C2+fVGrajX3HwWwPEwvx8gf
Psg3f89YzFB0nS2QleWEkM+yKT5wdNNcoHvna+PNc/ub3sHYscdNVnxVh1RJWHONKgSM5qakOdKY
3TazqXbovzjl+FqF4soBbxyspUmzTFVjftJjh9eowe1L3m4CHSVt3dxg7n1MZGqrIshuVMvCfPPi
ccFkeeH4EhUUFkKb37gLuCVM/7mkRde63xJbu1G7t6t/fqP/ZhWjcFP/002PzvYPb/MQVDJthz7f
DW6+aogbtUo0mHIYtuoix+9xtQicKINfXF/4QLl+figcXcpndmgdXvtPyyeIesJFrC7ftaH9mtXp
We1zrmLHdesBjluRZmd/aFeqf4YAkXGstaspeMqJxgsdToMbxWxQRc3kHUIBVkV2QluzhsunajHd
+QZLamEV9ULVSy6NUjleVXcjT9y33ms2QxUf1JIxROdOUywUZ4s8DlJbiJScKiybPgLfuYSGubJo
7sVkkFVlerYzAGncrRBLLzEDyiBH45jZa0boTZydJxSgaJ1vAUUP9QSy7A9DbUY572ZsnZyBkNE2
Oecm5/F4vo3pRIID64a6hwMzeVe/szmL11kXr/EszhW5qk3yTZPpGVjtouPfJhEZtLJe4ylaj3V6
UIUOqkZAtaR9cHKdrVVXpZe2XpGS+0Y/kDu2d99UhyLoiZcICU42rUs54y6mHeL24xOJJPlvReVt
ewh/RIDj2vxe48tsh+zsWFQd0zx/ZGJt+qxEibZEVapF42VW2RmqrEPW+T4LZgrD9BSEykZjDSSo
Vjp2FKZnHHfjJEX9YcGLFucypRMbS3JMk3dyvi6qa63Tr1PdpqkKNhqDP9WE4+z1oX5pz6RiSfRr
pUUHQWZuHXc3tcNH3BtDz9jWn67q49KYjsoSQbuo7qIzsOn3fnTOYYPQKpyJ7yN6qPBDsN2ptVOr
r+qswea7W23/pOMEU4fYqbu70/ChF/HLTHNG78SLdlCrbkeTXPjx2WB0gFDl3YriM856BQR/tzCX
1ZrNCk33Neun5eTHNtFrR9u231SnjSwOQlLbVS7sN7bwY5yyfVBdluFLXDknVTDp6fRqpdZbDG+v
QOKmJ/MHDuabSTXR58o3GB9CEhpIU9kYyo0uDxHBkqrX1rYp7cUKZy4YquRQlrBD1QXP0EOVkRHb
8DjwerJ6WXQFrJy8e3bBtJQXL0UdY8O8BVSpNp/cajlB2pceikEefAgMZMjaW1TCFH9sqoTZsMlV
dGtQnMiC9kIj+9d0ZsITzuykFYv/TC5LRdeZ5Vj1CefS//2fVy3dlH+3fDDS9gSUfIs8r79uT+lk
xpVh2dmukdNH3vBCzsPe9D/R56Lh0cEaUIdRt8tOtDGZ0RBszY2kes/qwmpCBX9uOQO0ALYWxZDe
CCJ9LNuPbyCNb1VMgVtH3wtv+ogJnuf7Xdi8XzzwpSAfEIcNSX2iHzSsm+dEgxgtsMSOEbYTq2fP
ycllX4PgRSTYTTuzKjN8gt2V6TvCfHTeAnjBPnJnonqjNziLxsmZuU1GJyMO3Kjey9oLV0FcigXm
63uNsA2MFL1NYQI6vuQstUsHe/toFNshhsxAlxsQ8iuOh7Dvv4vaLJcFN7haX8LZ3Bcx7oJS4AN0
Lo7VHtcGi5Nac14CTVxEhcmlDt+FSxXSD6+mGG9oiDF/I1LVDwTLrNUenmLk801slOA+KmI71BLo
denZ44pU918jvRfdfOmZa6SxuKrvpsqkwFBHY9KWnrQaQTczAXVVwPe4qG/i0e+vaS+rzoDGOCEx
xoM6aVg4UfUEHUsxfUwZT4C+fTblEc2nza4uqYKK7iZOUSXFSp+GbY82xiHJPqia72nb3U1nBHJC
oSb/u/T//4ylXzGWTI7xf7pTf0r1u/w+/MeXok7+MnP/4x/978zdBdTkStf6n9H6v1MvpPcv6Qhm
6ghHVJ4SM/T/Sb2w/yV0G/iGcAAbuI6ah//31F386/8h1E//qexVy4m0aa4Jm8bij309vXeqXhCb
sJ9EkD713MA3H757zAhxgCa4mnUfnq6n0sX875wkgh0BNu4vijJdnbH+UhzxLFxPHSxRIej6jz2M
HuPaXLmEFuWpV21K23/BMXGeYSZdbKjHgJfqc+3IpSKBOIGurQMblPdYhtsQwAf9+rr+xWnX+GnB
tZE7WIYhhbQMz/zxuFtrJr0Gl1BjYyp7vCFoeUSHMy9N5W9Zy91Ovs2uKhpkdGbwjaM64VY2OCbd
JWmG2tXPpVx3+dBtAYAzTkmBxkhvTrCRKtyuYFPFqUftVrTBWlH7V4Ws6Rs3u8HQkYEH46c/XZl/
1ylSrckfXmSag1xtRCWSs/Jjg7DiVDACIMz3wpvFkVkaYJGQlQ77OG0G+pKGX0fbJhmNnV5axHBB
wzPR17blCc/PncG48ZQb7mffEN76F8+NS/2n58aFjraWGAIO+z+U5W3TxvXgygw94nDzB2eFujzd
F8KZtoFg72og8Swns/piex0aThukvjFUGIDCEbtPMj9l2lMgpl8+r58uTEfnJuRZEVdD79v+od0b
C20sjab2gJXvqzanH8NwfWlr1MYwyU5q5DCFrbee9RxbJradMhsKZRzE0mXP+jnrw19cmPZP/QpY
FXT7DLgDvJc/9SumBppE4I/9zoz1YYNVQzs6NSM2w9XORE/VL6l/TgwzeCb3ICZS0VlP8MqXs+VE
pJmRBiIINr/kViFRlWjMosfUOkxmQP+PnmqN4UcCGibtOkWs4BK9bSfWHTuefnJ6cbA6i2NnXJ/1
8Sl2ISKMWmGTDWDMiFw0GiSjCad4+lZ0EPxdzRuhLxUni5oJI0Kzt83iS9hi3B0bjHgov3em1lzg
62DGYjh/gbboTtP3iGJnLUKHybgEhy0twuXbDq+a49XK1U7xNeRDv5oM9/7PV6JhPYYof7lPpDqi
sVyDtOOI+GMsUJ4B5IizttsZA8JMI0MfFPhwxTzvaMRmzQk8AGtQAS0ZfeIikI4e5yTPr3GYM9RG
B+xgwVzlIDuOHhbZOpPTZqp4gabutyEs+N0JKzwm/uwfQ19+lBVc+CiaPF5fY8WqNKwcqZVf/BYT
U+hSXo5Gs6VAlgdczNfEBbo2hf0+bKS4UGCIy+NPiRcEh9bprr3nVEszJH6h0fTw6fGQht5F990C
9JfurzvUKsisbryNHb6Ucdw1ra3feyufnkM4bwCCr4is9K1IZv0+N5DAmzp88sgLWkDSBAOEm2HV
BCvHKIC2gLbaQgCul7peBkt0+rjbGXTtS+RZFlGF59ZD7GHY36bOyFfjqAdnwlbEZp67dI/Nl/Ky
i8mdQ/gojJro1qlR58ZgFZ8SvWhPDomEl7biAKFHDSEfQfCcxZ/JRu92bG0NBds8HQn30i8USwag
ngv6s6trV9qqL2t3pRu5dxpCOraWjUMUJYPylJX6no0dWhSnkgVC3oK5ZTfhDYqaUxfhNW3n6aCF
1kjADT6qrDN3SeO/533/yS0LzBTqPXJAgS6r0NRX5Fm0yGrFFzv09ENQ0dcbBxSqhB7uzUwj3hPZ
g9RSqRi9e6+S0bNsgYSTInEK9SR69rU+ehaxFy4KUZHDUVRbTav0ly6XPiuzi2VytKiUCZW0MR4z
dM+nC2PUYYVdF0dVis1IxtLCalI9e04U7wsT1WZXtl+jNsgRVeDU5rDeLDtpLT1SIg6TdAcCYtnl
YxxDa7e30I2NaXyy1EMzCXPnD+ElAV9HjjgB4iE8kScMoLd4yMHloDB5GkXIkQxhMX5zgVfNqdN9
H6J9KHJUvz5OjSiKIzSi3TvsqOnaZdp47dsMWUxyxKdikjc3mjdLVNpTBHvt8ZFpiXs+j7zIeuE9
TczmnbLxDnaKwSbw5NPjwUb8vffcNKRzxOdmL3f/+IvE5vdo+4EoTfU5MMqDZIVCOGYU8+nxxbSG
opXtMofzsshFLiR6kgia4LlWD2k2u3tuEoBj6sOpYjGtzXA8W7WzfXzKAvKIMUA/gB6Gmuu54dYw
kuAlyUMJLhojLguMdns8CPylIcx+TlN8Be2AbpcSlbwwS2TtpnN9PLQotw+wxD4eH2W1O1/49VYj
heNhanogjAivXh4PY4+zbJY5+DETlkLXjkxdY3oREiR2nWYZjoSqJLKWnhpihvYlyOWaDXZmbJ8f
4s70XklJlBhXm+FFCWT0Ingt80zuQltOu86O20XhNB0mejyFwmu0S0cMuWo8FcvRr8oviCyhx/2G
wyj61E5cxKLHTJPar7rdeEvSIOVet0Km9RVMl8oYP9Ki8661i0HR+OpmZn+l7eYj/+mclil5t5Uh
RF0nBryQB/0OGXG98Ak5jBmeHVM/3o/cFzSiLaVMTPd2atN6Glp7HWX2qat93FiyrrcJmLd1IOdh
Obnw2og3mrZplsybYBAjveUEgkEZfTdY2jZeSefSbjtmkgSTcB5znaW+nQu0ZyFeiKwe/ecwzb62
JhH1FovvLgOYldedeyEvOlxp/rBoBDYHUcbWEkLgJ8YAExqHpro6Yf4Mhunuj8xwBtIdlqONtgMN
QU78pxeufTc4pyETqMermVqztp/zeqHbhrkvCeJlmP7Z7rr2ipF3FVdl8Mf6BEDPvE9cy3Xz5gqt
fGanuoBlH45e5OVLxoAoNodo29nHkWHhlk5Urkp3B8zciA9gGL9ajUV6bNRcOmMg1WpgkYBNRu8a
c31TAmS04nkXuhgcdTNc4gvHnZrOL04QEIgTNB6gf8zBCfpEMQ4e5sBIg8GwDPWmXnoh5Bzev6sb
RMOxDeQVLN6IMIyg0Wqih+aGcmen9Cc13V12lML4jJCQWC7tM361aTNnLrAnclcWWpgDWtX0b0C4
aupVANxxnC3phxccwsmgHqM2BEmA1SZ0h5MVrE09ny961x/zItY+z/Nu8jIL0GQ47TAXJTs8MZe5
Qy3DgSxleJ1HG0sLkSJCY0z6z1EBB4i0krswk6Vih70kwbSyOgieXI7aa9Axvg5HIli7Xq4w1M9I
jZ9RuekHn8jfjSzHkh9vzJjUXTbWfj66Y53swwlr2YhM40lkrnPAfn6O6EwExMDtkyojGc/lqA/W
jo5jWXinUNUBmbbBp1djpLPswwxrZQloPi4+BNCFlQAwsDO78lylRnER3u/hYPYH3zffKGrsPeOZ
36O40JaVcMy91npPemfKgz0xvcod2rYBiZvIR8wRqdesH3NpsR27TCBgQMmtaMf6WhMisOhzx3on
eqb8EsnwFSq7DTuDsJzBKqNVl2b0RHXT3FtdAJLfP9ROXW7dJrUXbtQne1EhA8GoUkYBBPhiWmgN
7ujEuSJfK7YkgeHwKJB1kT3ToutdYWWOF670aRGpJ6+1QfNcdt65QMmHS1mNWqdCLFv8lWcvS7Zz
AKUs9O5QtWqWgT5SqCZ2f9cKMQLFX6pw0kjTbRYWv9mk1e2TFYcNiMooO44hgXVe3DFXoUZFbYR5
xaye0rqvd2OzaRqt3Bd92e/68ffaZio+FC6kG7/+Tpi3CXKPDTy2y2U2V3s9rrSNS2bBLi0IGWZT
o9PImwfDj6AsJ8hpTyUSt37DUtj542ejL+GbTvwKMISJHdIKbY+dgpuG79H6kI3yXK+2XEF7tG7Y
1GeYT5bCpZnQoKAl2YAMW/aewPPI2HFOZH4wFyu1E0PsdDXXdrLqGrnmMmHIjBEldn5PrWhGzLc2
IkkMI7y5bR2Tz2oxDerKzgA05cbbiF7Fogd4w1AkvXfDioABFyFlXR2HYSWL0LzXnQ7nol5kY1d8
9uehJJnPuxsd8QPRTG7jAJ6XpwMpAQ3JxnXcGD8Njm0b8qE/yfhWdxlPbjLf+16bl7OC4ekaqdCh
1g8gL/vymEb8nNTm1mXuxtbUxhenkdSmhC3utJAsuMeH+MfHEzsLL3HvYrtkj+oBA7x0WbZPNI+u
7OCcIesOx9KxcTNPjn+mTDVW0kiyNz30r9oQ97+bEuBSI+AflcjzLIgGdZY7R6wT9tFrum4teuMw
cox7fCYaBufoGsTKVjNxEXS0S1jH6mvLx7/qymPde9bCymS4TPOIQLguKFedwNCaZ+1wdOSEUIqJ
4dqqDT7U/N+QXKWbYSjFBt3S15oD2bEPouD0+NPjQYZwaAchO2hmSJQXlbC0oxdnYGV70tLUv2ii
5ABoRNuOs/ddtka06sV00ezYJNHHMf54oN2oM3aufADLEis9xy9gjQvwoKJIn9w5+iJoAW9ojuoc
6Z6t6jqmjnPVyLUZCr+8idSwdxUdHHgQU3l7fI6BYU02cI9drjQ1SmlNucDD+oabYem2bXV9fOTD
9jkAeYzRLPKXwc7GSrvhMs5XlZNFa+J9yzWXjPmcOIb5PCURAZ4p0KkQjSOzpjbeVybWtNFBXCqG
9tSJoHohv4LurnmTuhsccJxmOwv53rImY/7kesknVPPypLfu3rUGubJEGSAiCvVbm+jiFjqo/hue
oN96FhwQwQmMATOtKdIWO3X7gD0zSrnjuFGcIOzkQDdtyAia9qQ3njhMsxAHEqygFj4+lqVF55pc
jZVbOEh78aBoE9hPI6NxDbN1PlhawBTfJVjaHN1jGWKx7CnsumGcD48HPFTw+P7343CCgAVXZl4b
vM5smZPze6Q309rRd46sSOaq7Oe0xIYruYmO1OUkHibhIstKfHJjHR9lGNREjlUXw58Rkkf2myZw
kqZS5Mzchv2YOyALIjdd4505GV36VhfON0I9ATiQ8CE82L1ZFp36QkS8scGzGOKLN0cXhvVLpzXu
VHi7WO/ITOSpTjrAk5TkazTC6allF3DtAbfgNH6toBovKyP+rDER02dBolQc3R2m7IuaNFJqtN7H
fYsDGMpm5n3Ys/UuZ8mQtv+k5SFanflLJpx55WAbXwb3sIRk2bdxQWIl3LHQDbhKG2JemgFiTftM
cfI5VDtMag3bCUykIJqirHaGHu+DdG/U4TXJHUytPhWugU1Rz6EZoRhH7DQFJw0A0iCbVQPqSTTi
ncY7db6/9hm6YhanqiE6Ud/Hpm8s7X7c9ZZF6EKv6Ttorog7dNLjBHIP4Xa/W5qEy24n72Myl2iR
XNQyTrvPywXhSvBuAmSUtNrgVKSrmJ4SblqWy8dDZkNOxdmqx97vzczvGXfNtjKdve62Yo2G4dmJ
UCu3dbI0CpyXWl664PJxN/UuFnFT01ZlTCS4o900k6DVourlGrXwN8TcFPGqvQOZs0rcVzSX2tp3
SHmsmtEDnw5Q3q6DcgHrtyaHCd5Hz3GoyPTvPi91Ofj5atbYtzWdQqBNqvfkixnD1YPxTpBgNWYb
1UHOy7n9jYXjiWUoJJHI8AhZD4jyHCTYz6z4PtijtWRyaGz00bNfA8dE1wB8I2o9OqAOQDFSWTlf
heYnxyvfGHKmh6jkCGx5frYMvSE+GfDgm6qUzwkRQsge669RXpToqq0zOupXrBzRIqqrd6dDh5w6
1bxtBrICnR6RdRQmYmGzhnBoT44WoqkFmhQaZtIML1rqrdrIqC9tAhmnabXXnuUnR/12jCcVT1Ky
fbl+SXCIbipKlB/u2lTztrO4efOlK6Niixu1fI7ApdhkiWRd4iwsR6J5KEk+VR6QsvCzU5+WBoel
T0JvxQmsRkmabstALa94EQ10xFVbH8vaSld2WlekFYp+79nt15zG0WJwQaEZIznotc76ZYsnM9Xl
NaRBnWsOjlMyRybxXoqhAqskLQaxHup4kX+tqKW2Se8+K0fT7BvRMrHh+pCuq6P485jmDn27Tu8D
TWUyjZEk0KWunooqekFXstJm3z3xrvXL2KafRGSUXLsJLeW4yFaym52jlXD37+UI7VDvkWs/9o1A
Mz55k23uKRTIMQgGkhd59qkVP7vO4H8q4nyDTJtIaJDDeQA5UUwoDVy0mss5inMG9cmzrnmsWyMW
cX1e2Ho5LyPFy8Mv7wOJz9wFCJanvmguiZaVyxC3agRNHNqA8H2ORdVuaGAjk6BADmu0H1qQQjhz
wFsqwIKu4H1OJouNL+dPKDnKg03rel4+/giVBfZFg48XE9dXt0PyPIp7kXsbLVGMvqFx9X8z+0rO
lKW0Vmn1zZ3TbzHNiMNMDYjOCXnd4fExyKMFYZLhnmw9crQehnj18Pjw8QDXHkf7//Wv/RJc3P9+
9SARepAG+OIa+VYvh2XVO19kQphfYwGvXjsa9sUpT3awYj2minwBnanDXGAoqmzYPh6hBo8MrMdD
H0+YZ34LOYObYjlSrJ38tIuAcWaUXk9dybSmi0B8Y81IPNh9eWYisi2z9ykjElIzG5fLvtMOM8rR
DKUIZ113LZNaI0IhHDbgmuebXylPtT9nG30InuW2bvzsJZL9p1q4JvABIoSEbWdgBZDC1bVxnPR5
ZW5Lb5AvuEbjhde7xGNkxd3DOH+fZQnvDvFDD3qzYOo/mO50wX1QrWypEYdakN3rpbiG+pTksFDs
gpZQcgD4dDKwbc+WD3yIeFcDkZeWHUhDIcUhsF6AQ+dlmRy8Yv6NN1uyZGv2Ht2HC0spxjmIuwDp
FpZBBtDb1HNKDopkuM7sxnVTcAKcrFVfuLR1UzorXRoUT3bcnF3s2UdkL1uPK3mlidzjqyIaRGOI
RKRZA8FP3pwsq49+TrPBjxoUMszLTkmaX0y90F5LYgs2khphn7ZB/+xp3qzGD+0HFO6tnNttP7fW
i5RhseUWQMMPduq1yP1jnsfaO6Sacmm5ek/oYphe2KI5KHn9uqQYJ5OPHg/m/wIa/Zc+CJ8dP5K/
Z+Gw6tt6abDGPKW+2UOEJZm2FtOushrnW5abLkcvm/dV0EhPuxANHwOdvqPJy4FawrpqErIiB3Ml
M2vedT5BpnPO0jGZqcnegorcozFZlEO8FcibaHE0B8IL8JKEnXMJKjQvNBP0leZ02knWWrCaGs9a
cdj/DgBzx4HS2TtEmpHTnD8leq/fabYRw4XdJ80QUdqc4CazCF/q1u/W6iNZMY7rslZeWoNYWzj0
2g6zFkitKb+HnBGWcccpOKgzCKtuX2zxdipMabwCa6NBZTtPsS3PcV2wD2nOB3L2aQ9nemzbS0cq
8Ag6IbKFcSyVfUJ6urUf4lHb1GUvz0OdoZfKo5OuIm+V3ZHp5P9h70yW3Ea2bPsvb45rcPQYvAkJ
9sFoFJ1CE1hIqUTfOvqvrwWPrAyl6r4qe/OawECQBEkQjeOcvdeuTpwzocSk/YNROO8ZEFWSjgl3
oeJ7n+pS2xoxFykxeZvG6b/0kouxjHS8jd7yh2yK4WiFCtvaaAi/43IPkjs6tqQ8pC0EMHdK5BXy
wRisFidHI2yTgM722PfzWxx3DNHHdg2NoiyFB/xA28j5IvT3xrTqfVmR3KtUyzWx0nEdm2d8VzZV
jHoPLJt9bGrpekbLSzI35RF48CP/1nxySrirSTYs+9LogTggPdr4bm+Q7qMv+CTjB04R+dZJ/S1M
RMi9Fa+PzfbV71y4ZrSRGvytlyHvbihz2jeTeHP74q60ZfsQL2VPBTrqrloB98HiktaOEhHj/Db7
I65qX7+JIFLabN7znJRf88UbL4PjXFID13U5j68R9KP7vglvoBxzBI5OttUnWjYEHt/5BMij8CVt
a4nkHeZZdi06Njhjkv1SNfGlS/ovi5NRSbf/IEZlV9pGGoyRxmA7teadNMv1Th2FTKN5jI8LJB6m
e3AcOwqmsfuhj3N8WTQ7CeQwVcfhWOGJPhTVhPOuGQyCLamkact1bDz7YM5Eeut1He9U5QDGuxOE
CNNJnSmPrTuWpyGDVJcgMj7OGZvDsqzbpPDct/Z55qRsh93dbAzteR6yR1KMEkh2tXHJyJZxGkvf
YVCzN1lcV9dQ2wpwAmffMJyjZiWES3DjCZl4O/a9flgkt/+UiutXzvaMwvV0T5hO+a1bTkQtn3vT
Sm4djV4zgySJTo5wybsE9PMGHSaeUMnp0Gw77SZtNVZqRPejTTFgaperZ4X4pmWf7QU3IbuIrgSR
nGw/BrbOJa68/tJX/vM4+c2hgfW6FW1pPrswWTjx8Ka6I8cp7NF4VnpqXKYw/TmYBBbUeaqdIfVh
LwOaOOtf+44rrFsu5SEW/MVo0sShbpf4FPVo54A67dAFzw8Ci9+hAqmyHQFL3zoTPeCagV/aWTek
9kL0mqoXS6TxjS0JsCETyYcyEpJ3Xkhod7OWPXisIki8aYETkIYHPV5zY7bD5B6T1bckuxjdlT87
l4oxY9hROMoGoztwh9tcbU3vzxPpbqVdiWsSOy96YfVHzlUvtCrgq+HDXw1qDC0EQBLCnyT1JYO9
D95lsfXn0dpM3ZjsuDqg0kVuS+EkFAeFA7ZW8lNtZdgvkvlGMKC4MddJYnBGBs5wCUdGhLWO7xDt
KNlwDs3mOhFPY5FD+Uu1JNCaC5XUAlFnuUZwa3/mIRw82Yf1k4m0/k4jbQBXnW7P9pPUWudpoehP
Cvlbog8QfnLR3th9eHRHMgKQG4ZntshCnS556ubavgX6Sz/P6zKCfYriUuQWvK0oxyHYRta2EU15
mTRQpWtks5Yy5IsRpAekyxMVjH/4J5FiAFBjEuYdPfdOfgeNv6JzINJw67gZtH+HCzvlVoPZNo+W
c5IRFBNSstg4khMGX5AILklXYONLsZ/Aux9zN52traFFwymlLtSOgOyOdS+bIBzsifwLYFt2wvVl
McLI4IpYj7ex7Yl9mtOIH8ru2TAJ2y3HkNiKsaTFlCOovEZQzdHjnzPp3uGdknekDck7ddrJOYLR
oWRHd7qjaclYvem88tZd29TWJOTVnu6wm8RHD1nlJi0R9cDGze7idQ6ow8+s4qa77EbnOOaC3qiP
BbTNWRaWV6ca5A265AN0NO/SOhNS8SXLT3FacKcQx3RZXe5AffO5bEFudJZOliRJu1y5I+c6dlN6
HAv9mgHw9WVZ4PbJ4hOBkMOR8x7xKb5wKMYW8pBXy3vsmhF3yIX/2GMUKrtWfwvNpQzikVwpfRH3
veTGvyh6YlXYkFvgAOXBaiuNuNn82yiMOMhG/1KXNrR2x3JBthKyUYCj0s3oqe3EJRmnmdys3gji
1O1R1Xo/5thqD3NYjTstNi4xfaO3iQiqxQEt2zIkvRU1+dLWBACpsYedRQHlPDDUE24lvpNhv1+S
gu4Bg9DSo/pX9BqsqtmgsnMYTIMshkb6T2npH/y42+Kfh5ucU08YCuMsRNvcNXp1R4keTbFRv0+D
/tOO+h92VVbH0JfzU015mtLCU1KbyXHsKC6p/UHtGSFBRBZDjl3d5RX++wImPoSTLTs3e7zMnq0W
0JFHOeMgS6t9IBwdupmB5cucu21DqYw+1Lch7sRWcN3ATEDWXZSKJxrgkBxL+jkD9257Klvc9tHu
JCAExBFU1xP+ejDGE8pYkLjTS+nbPwFJsijP9dUiYDwvPaPWcjGWgzoJky7vcZ5jTGdP3Q/yaZJr
0Ur9MA9NFcwlnc02NbRDr7k2sS7uS1xV3VOp+9Y1No2XrHlw6P8/OpmdPPmtoEJdJuIQpz4ygTUf
1RprpJ0qKlU9VpGqam5ZfdXqYTxbyKwS0uwKu+OSkKT+yVQ8tE/0FzLZV9FmwMSQYCiMXu/WdO4V
tutjNqOtfRrnK8Xm6qwmCtqlqHofhDFFHKuAiwYc8mRBwFI7ezbFZMol7hr+p+bLxMHv3pqpjUQh
P4XEEp3LUfw18b3EJXejuQhwMCfMFn9kXdHsUsWbU1y4bs3VVHMiq8Cp+s5rikecCNEVm/cxqwh6
iqiHyYFmpLSLgL4ycEAuWudlnaiHnxPbjYkjz+jVJivfTq1ArfBjVX8vay0/WFzU1gU3YERsZ3m4
s6fxRb0sU8vUCjKVYay+wm8rzGrEWaZrvzTUSM+VMwKmU9i+j8frwmiNrR4RZQTlAJKNOPhyqzhU
imen5j4fhrHGQDXqGCtRBvhcrjb/b8s+H36+zqTNk0EH4q5bLczhsFA7wN+g1hB//ovqsabV/JUJ
WER2fp3GJUb/0MLen4+xY247u0CQ4WfIfj2f0uGjeoFmffcNPEKTO9XyopJy1XrdpWTvULOKoqWe
UXMCbzHRHt2Pz0Vq+Ufg7orwk74niampTp+rU6/4WGc1UfizavRzKouWCt5fgbRqTk3UE33CHXie
9YAw60fCWQhZrGMquIOT7/w1FTtvIBUwLgLFZOYn9TfHanf7/Fth5gzrQaUOJ/CKxCivk2GdWA7u
0GZJYqKGx+ncrOHxBuV5ino8/JyoZUW8cGeoUTXPQDxsuryoduqHRGsGuprMbhvtoqwlymPxymc/
HZA6oRfIQYlv0Lmg5kbXBEHJzNq9S8AbWDfKfb4+77zCBXRoo9jynjSvJ1MwdA5pUU5cokEENw0g
9PiZjO4vJjieYJwA93AxoHROhmUkVv/bgQGacfFsbvEF0U0zd3jEAAyAJoy7wki9vTFnf3g+9zs0
wp+dig8surWzyDGtldWrB6BwIBZyW4ZxdJCmebXY3TaowK5Z1KA+sqcXo7HvOiONbiIrAmC7FpuT
kPASJz67fMENRKZZfqcWR6+cxiii91NWh/wzrBBNxkbKbt51IdX/ubGobuKYySFR1Yy0oRKZ19Ai
RsHsr9PaXu0haEknvdNd/2LNMiScDAdqQ4+0nwNb9q9W3t5TMTv04bPQI5jNs/ejtl87p3C2Veef
ZJT94Gwd0ATk90TJIdU89FoNjvKF7r1V8HfTmPVm39tEtf1sjO67ph90WaTbye1+eB19ltl3NTyM
9AtCiZa9mOngxAY3C1zGEwtMiE3MUtJnFoh8fddTA7qSdvatSQhAGXtwxMKYThVii5TOzVBwbxmG
94lHPzGaGcqXOMjd2q23fmDmpE/SzaEg43nGfqSAanVkPKJHgd9SiQ6pg/eYE5QgTLac5E7sDPfq
BCMdzo6c430d5/TPffFWOQfD5zbLLBji1y1M4CF8SDoMCjNhbwURFmTNkYrsFXiOMC8u+xyQd8Dw
i0agQ3PQFIcQsc1mapqejtVKRDSSq9+aj3gi/G1I+sUWbcQXSlRXfrvEtJegKE64r3ITtl5Lfklq
k3VZO+ULR+efAvLYQp2UEGYIHkADrYidSwjjGC4WPQwzPixD0uycXv/ODYTkkDVIu2bfTgPGh1VA
XX4z7cOufp07s6QmnXxP6hE0o0cqFkSS3WK7DT9YfJld+4/QCQN7PNdwU7ZELwINanWDHPhipolS
hId2so4kK05bHeXOXteabN/F3fRs5D0pqpo27xglG1hPSj1om2o4ptFENgXpBU/TXKNKglyw+IQq
eUVhk8cq5ANd9f2y3jaoRRGs7bYfxRe9nDWuQra/k83yZoSGfS2Wjki5NCu2qUW5YIkM9xTZkwud
P27ooIf6nr7iCnwLnybUxScgPvYGVAAHqJm4FA9sgdzHMgJ8kZRM6/LBckrs8XEdVC3hRtoMyJ4a
zrL30fiha0GvBIfToTKBfWMiOP52qNNnLhTDk5p0YJwnqT+m1Q2xRQvmJ/OPhgxl7rEws7ok0QSp
HnEpXH7mCRBjIxmT+8Qk3XIs9mYdgmoqcv/oklDLYaIlX6LYPceWeVPRmPUGe7jgLqVH0MEUL9wv
Zme6XyaR7GdMSfd6bzw2ZfsjJvWGp2Zq1bNZ3uGHablRF+PJE5nJWaNFbFOJKRBEzu4Kvz0QTWbe
Cu7sBnzGF4Tf75SZSWKgjEjdjwSMvLTGGzd9KeoU5gns6l0oJ/aC8QmhB87kYRw3AtLfiSSzcsmx
9TmedbWN2bqWBnLFCV3D3tFmhyM5tUGuExBa1e42iWJBlKv10AwgujQnmnaUq2CBaq8kQTlXs/Nu
JnRXx2VpkqAo4imwKZsGLT5d1OpFvEMf/nPOjUeUFfFjR3keHHLx7IyXeZH+o00qYWxnrwUOmpvQ
n+trqokvSnXTtFQlk0o/R0t7HBw+/r9XFv8beAuqKxfOBuHW8IR/t1osg5H6iWvWx0x4GYgAmt5d
Ae8HzeCzh2jxcSpkG7TLDDIKccfkdMn/8BWM/+L2ALPICVUHEKLTCDR/k7P7YdyRzdDVx0JD7hT2
xp0bcQbQxpiQmRTkjcH4HEFAvferIb61/GjrGwVsBojFW9mYBcq4KL6sYlNyo4q7wYueOprLJ25X
9dtVBaqqUf/9hlM2/38IsvnWIF9wT6DDB9y/ivR/wQDgZsjNtJrYcD5e+9wW3ikawltBZOAO8YJ1
sFdK/jSI0+DM8YHbpowMh6Owsu/JON+E0vLfAa4KLwZcrL9UFHMo/tg/EajYFucvhsBUY+5lBZKq
SJLlf6D2rD6ef5ob+P6+gYvA8x1+xu/UnlmmeGaEU3GqKxm6W1oFAVDyI2yyfxBUn1BllFskT8MK
E/s6OAmnB4tYQL/bVUaFrc7wyEn9bmdpe1wc76u/VkCatH7jyLtPp7o+EGYxbmURk8uRWrdWl/db
9Sf8rwXsaa5//t//884orwwgrLXJj+6fbi5sH7/sr//GAja8//H+b97ylwEMduq/dNN0oEtYYAIY
Ff0NXQVm9On4grNKO8vxadt7OjIADt2/HF8mZjB2fpYS4IB1nP1HoWyjn9X9x2Eif3v8D4aUbf1m
bdId4bpkyeBqwmxjuL+bWrjUTkPZ1vAdomGTDq29c7kxpSlWEVQQ9/k2IRdmmxb6po7fQd2RoZbF
9g0pCeiojfY55IK5Gexo4gwekhBqtDu6DLXWVvvOAZXdtWQJVEYLiEBM74IQDHLw5K4nSBT5IK0p
HVQTCjD6QoJu7+Q+t0U47/yUnAVflPchRyI1zzMYDHkdVhZ8ReDN0tbztqQHbG30BeF17B3btAM+
PTU3rW09eWYkDg3p6HuBgGWrj4gdUgZxeqfpZ0EU9V70k3zpovbJNvuXlnTbV9Mf92Y53fpeKE9+
P7aBOYwMXbS0OntWcxe71E9mmxxhKH4/XM1fGRTkqiajC+jT4PZPh+alcdMFY20MfIMeYu8QYqqn
+QPwyU2XFW1QGvprT/hPKnB/2vmxCqP6jYCR+0Sfrws3XsE44Bw3SuhtsUHyJBrz3aQvD9n4ZpNs
QIsb53uzEF0yLuKLH1EgV++g1cEgwPGJDvfKJHDtHu0GBcqtC/J2001OTt7aMGzD7N5ekvrQVWSk
kvmHSFiQ1IYgxGJj13/2vUBJppPQ3km6GklJCb9E82/94WhgsqW3BoOazmXM/PAWcRaU02WW9t2o
d8WuzO5QKPSbpoRkZ/njn64c3ya7aI5ayE1bmpCqXkLS7ic3QPUTU/pBs5+UuTwt8O1t2CobGyTp
1nUzuvlcaOLRII7R6v0t6ckuVdN9KbOd0XnDeegxmyQkX2/MjuyvdMFMi+7mvm5HMKRzS4xR61+d
fNY3msvYJo9IARjQx95H1KivOZl1wbptqiXVnrowqHNuP5YKJQcBUxwH3twTI1bS0nKNPL+vgfOG
Nh4Ul4Y6rbNIVsXW6f+02yG8kvz2vUxQ/kgSn/Zc3Lk1g1gEPUJ/jSzpbyJvtNg84WXR/erEkJpb
o8jaDMNg3lJ/2I5F1F5MswnQHpivWe3tk4hOABLOyyQa7k5885Ka6J7L0FoCgT1nYyXRs++Mw9an
wXTrd3odhIUOpXWSh1iCNQ/FNFxb/sWRVIYDWMB2O2jZRFPHzI8kMwP8hpUXouS951uDXkGAEI25
vZuHCEZWVr6S0CBv1p70VppPZh73b/SmH/OofNZ1bQiqIbePfjLJYJku0zBGl1YgmEXY50KWCD2y
OzAuE4QN7z9qtXfNxLeD1SDIsRJwEeYc4oXDUWjaKbNM/bZNMOyHi+buvaR4NdyigiXJ5ZwRB+Au
l5yknEigW1QdN7FlFMf1dEXSewEaI4oW7U3PxbVbhVZNX1c3rh7eLFRL9lmKFDkWYXxB+9VuZyOu
Ah2Z3DXRPP0Qh9WbYdfhJWqSaTdyF032dNaAU1yRULODD0Wb8rvQzyRSuyQ8JTW0WTPPyLYqCWSN
WmgBdqcNO1tKysvEHOwaJ+a2ocVsoQ0o8dYx2AE9aBikBVp7Nwxfus5Kn/qigiyDNGQwEmubFWCl
Kx0aRyTR6Jq33WyyJQySBZMBPVOVFjcxTYyPSZ7C5bHDk8Tm05T85ZojQAWPXQfRfYL/Wa669cSC
tNEh3Z2HS0+dw7a7mohK59us1dbBi+Dj1SCjUovQHU34WsB9mzyribnO9bFcORDrrHqs5koTxdQG
Utt/Pj+vlVb1WD3/+fDjlWqh2/qsST31y6x6arKdeY8n6V6tQr1ELf9tjT0pImczM569d8Mj5qQX
lGH9ZZXExKvy5WMWmUdFOgoTNadepCaf78kg2lBXWF/oyTUj4vOpz/d8LlPvVk+4eU4sLmF2cMvy
nqLluop//w009b3UCz4+Tq3ll9mPt6lP+Zg1/fTC4Z4fPr/8L6v+/GL/9rd+vPK336neQ+sdq47b
tmQ2/GOjqI+W7fCIg6Hc//5RHz/w86f/turfX/77r1Mf/cs3/Xz7xzt/Wb36HqTAdLTp/v6Gdb36
H2VebVpDY0ur96sJYRuSTtNvW1499bmNat861bndHjgFvkX2YHy84eNVEwCnLBw2RWciISdsceFD
QvuaVjQrK+wtuFNghjdT/VBoojq79IjOaZ3LZTuVazqNWvr5VAfB4eCE2vm35eqhvb5ZreHz2Y+1
SExd+EE+1xjS8E1rcoamJkNor+/SNfAogc9FItE6qzUz3Vb1eE6ojNEJ4b74c2EJdumUVa8fL1FP
qPdBfaFHqY93YZb4nAfWCKWo8CuxJolx6odgn3v+pcn0GoMZ2ShqrrVQu+E7wM7V5SlNpnNWLbeJ
H8KvWY93dYjW6lRQG7dGZxgckdUFDBqXq4z/jDFwefJwgUk5/HTlT87kBO+W87dcFdCFS3NkWSfz
WsxWE2cNhfp3Dz9fp97Gv0FE37Am3rs9aa31ZZLSPVGjQdc3fS9joBxtS3gYngnCwi1zfAsL57EC
bB0kjqRZ/7ewrlt7BuphM3Vby+nKI0ANeJkOTDJSWnRfw6vjgjQNp74HfUBGjprIde4j+rQohuho
VREbBgW27xKOhFJxOKuHdbfQWMdvq01OfFGTscrIK5+5mleD0Iggb70SXKNTbRi6YcFak6HUZK30
GGPoHoc1Cmr6e9KTdlQL8Ct1VVfY20IzOTiTc4/EJbnM5mJsZ21qtlPtBU4easccyqVmLyUe3DUF
qNRsc4OpMYP4y2CzM9MWb54glwbLISV5rAXFmOoBDbgGNq5RMILGh+cMzZuonWvLiITLGdsthe0p
EEij+cmNnZlZNo2rLtzSCAlPurnDagSzeE03FtbFpVXH2Nhj6Lc2k9I17knNjY4dtKZZYTpcG08G
Pvlc6BUeJfYpFQ3crInGas53YgZZlX3FOzOQFMt/wJ7ddEfSxnLqjGLequ3vrn/C2Hni1ORfvDUj
R197Xq42kIoVApsjKBioz/od5rVrlqmOBsbdvx7nS8nQgGEe1pfybKz/iA3Tt4DVRNMrSehXd6sa
0S+m4pdJNMfevDULCztuKfau6vdp6/5tzx6RxzoZ88eULFZr7TYprabaAdXcb8vmjqzIeCLE0lvP
hr5bkbod7SWjQGLHKLCcjfUn/fLYWVt43J/hvSVyCaXo+rvVz8vXH6om6idjeUzX0LcwUPuU+nlq
hytUl/Hjf1j3Ni88WTHZLUp0qX6wmvucqGUdDKDd6JlfQ1GU53ht1XD/iCuYeFWann8vnJC3IdVH
EqF+tNqF1NznRG0D9ZBrJcNVQDz2mmlmrpNozUNWk8+Hc66/jVFEQvas33fJaP8lzv2YNS1E8QNt
1+289qKMFr1KqvbqdfLbw0oiiMXff+gaHHe9GH+dzFrMcGddFhleQ7u6OXujiaMvG42fnT7TElgj
xdQkjmW9m0L+L9k0IZX98hDJ/s86ySyM+OxPavt9qlnVss+HXU5vz2jFKbQtBwunsx+ykgN4Icpo
Ht324vQOZfo6pV48GgTqRbagEcg1T/0gi0MaWZDEKTQgHVcqFREZeYAf3uDIQrpiIP1NrTYYdANy
I7pkY3CdczITj73MRh9ksZ5foCzfREn6BDEYxZWs851oaRypL9tnHvF24XpC95CCqd/zcShoejCU
eFnyRXbB2ETRpXdJRYrIvFZ7R2cW2Z7Yr6dsbat+/NPr3OfO4FKBO1uP5UTPtw0jPZjWeyMrf59E
ha2uJVjNXScaN4NaAxlBxQF26qrmg1rKsVhRNCWxsfGOiR7vh7h/QZ6sERGWR0GTm+C5h7il2yLs
m6QHyLbEY3rprBL7sawfmkxrt9biahznOfxa20Ko0ABFbHUd+KTHGWRwq3InsUkeYz0BkSJPZmrg
i0Y5gV2Jk0VncSqzQp3GsnosQtAYfsal1gfNdyYneiCq2WvI32YYrWDwyOzas2uY3Kn22ouZJhQL
htu8sPBOSh/5fsux1LZPo3OgP0Ggm1o7kL/1Xi30AvU52JBM/J5YAd0gctsGg168FR1SKcepgkKS
/t6u13k5tqSRIRjeJ524qYWuE769LlPPLimSj1Z2T3HPuWZZoucwzEPyaCNStazvi6XNZ6wy4rKC
bBJWN5VEnCfN8Gxr0thEBTSvPqfrCjUC2tW6QUovlYc+M24qv7pDOjSi63EZhf8ZS1aKqPGrkBEt
2rHbhRG5MIOHTQQ5HyUIzpRqUmpahN5e/2nR3jp75P8sdFO8sEmO7ZlSNjCYdaLm+jnrziGkgrNj
9c7JHe5cb0p3aYyOqORcskO11OEsX1/A0XvKnHeX1M99l4424QcIOLrEO+qh5Pqy/rYYYS7yz3FV
164n3XUyFOgpBoosQd5zmpmX12puXyKtW7jZBg9EVhybx8leuphe+pxR2DXdZKaYW3qBSYfD6+j9
q61TzGuaIMo7a4OXxt8WqxyEm83irOY8pQn5XOivz6w01kJDN6iWG+tZVs19TtTLcPLQe1YL1WO1
1iwp40Mt+APXD/rldWqWhkW2owT/58d71bIiHU9JqcMssn+AN+53VU4m7wixKLBmSwuknT6WOOyv
/iKyL3MbLsd0/JK2mIlMg6Dl1l1LaNq8N6GobSJc+Pbsf4/G4mWpZ2OnSFI9bR1iqQe67Uvj4PGr
XyO08IUnqMrnEA3iFcCKE2RDmmAYRO10QXPY/ggniVqk9r9VBTaOaqamFA6Ni6uvJyAJItRO07MJ
XOKifVmM+IdIDxP8oW+StiYBG2N4t7rjrqHQyF7NkvndbRMkxZWDJK9EhhiR/iHor33LtIt6HlPb
iPVuzM/gccLHRvTPDlawdyuW2KOK0L3FSiFvS0nXei25vMdG9aU0QjTHeYVnSib2qVtGe6eelIgc
pz57l+So73HL1KcUofpzGy8IS1krW41dPbGtK/KM8c6mLrxRT3Se9hanVvE41q1xtq0w2xVzDeV6
zTqqdEQq9NbeGjG5+xJm7BFBGjHCdXxSP2LuRm1bycS8qWUjgHQIDgjG6/eeg4hCrrg5km/DB3dJ
xAWWzUx1jZ+yUFNYfIckDa1dDu7UiYNA1P/VDik4rl+3JyMFlZ1jXEY39x7sDCvZx9aJCCROusS8
H6JZ3JTmTJ7LusrZtTBY28bLTMTpsZorf5/Jbnwr8DWqdyLwTXcdaomztN3sEcfvN7VczxN0dhCQ
7oy5MK9I98attX4HEVe3Xq43z1QGifWaWgwldBDf7fHjD7YadicyjZ3TMOr9U5ItX9QKx9outoSn
d5hEagKWKw/0wfoVAYQ8GzrGuWbK8h1+YBKhyE/9+ANB7PqxMX6jH9Pt4S0BadFd+3kx8hu11iV2
gXutu1hPy/xO7XZqrVajo6WoDJgnc3KJPfiK6uuXguGl4VYvSQWLotAnoEG1dYrdyn9IIwqsoO7L
H2VvnfHjGa9I/Js9N8oRCpl2eoC8O328oo/Kk+1o6VdEFOnemtvmXHNCepDwWjgGi+pHMlmH0E7I
wkhKfxebzcL4jeqogDOOSJJr1vpJxdzvJyuP3xhtGbs0MtEV+6G8nzuP0ua6HjupdumoDW+5TSUM
LR/eerOM79uWvB71iqiogkgHWCJ9t95lwLEu3BiIO8rEqyKZT4GMSOLg3H2LZoO/myb+xfWK5k4P
IeuodTi4lYvO9r4tjesHUy3Sm7KiDp3Hy/Dxin4grnJZ5LsnbTNIc6u7IfBJv7VDSUNh/ZSJcwD2
pPe88qYAy6h5Q5pZfevK1v5YhT8cHYhUN+oFOgrewKVVdO06179yiSDzeP3B7rip09n9PvROwTXd
ldfM6xZ2QaQUiD3zH/lfXwhwJeyW0bya1lhdoZTVQdaO4jt1zY/v0+j4eTUtvg21NrxJ6F4H2Cry
74V2UZ8kFjABJZe223po9Zs+jHXENrnxPliv6gVynuZtqzfWbSfmGsAW+v8u6vTbqufvGQbK1Frd
/sGQnFLk2Olf3CiuubYt8lgQ+/Jl8bSR/Dmn+UPm0Lid3sLXgX0E5KVO0qZdXUq+I4rQRHuBxvDl
Y21+/Fh7lf0Sarm2o5uVXVyhWbfsTIDSYy989/iz1Esz5AbIY5Pmi11ZWBmyMD+aVWV/qRwaGuol
ZTWtMLz23XLHNKizpr01hDVeMluaOzgJDSFr0FTWn8HR89TrbfdCaQU9CYcEqddefDdWkAkbvZTf
TRQj1vpSk5vaDXJe7UHMs3Fk8EQIr2Omj25ESbpklP9HwV6p+4P2LdWsMoiCXJPRbYzBCWqJN4GT
4PCyFutWbR6CFF8GvU1eVrs4pvVJoNEo27tJajrMgHodGb2qV+Lto5s8CPEwhYN/HOcu23VDe5n6
pn/E8Vp9bO85yneV5c/ftLSWwdB39nXEmH5DRCA9stCNvy59dlW/xa/9r/rQY2qAkLBfSq87kw6u
3wlXG4kYZYcTw1VtoIY7uU0Eov5hkGN2SuJhPnRZZD8mA3nV6iWhE+2BDxXf8LxNAcnY49U1tOom
tES5s2mNfhWFuKiXUql7TxDobDpodhc3zIuD0KZqNe94D86C1CeuTetHD7rE8FvtLevNMBi7St6U
tohv7TQDEYIx4HvhPcx9YXP85VwU0XvdmYVunOvGivfIFvvXFmmtWlfc6X9qaZQ+0V9wD3Lqp2O/
cOl2o77i2sY6hsQ/TnMovvr2MuwWyH+XFN35XSEBg3ysY/1S6iGQJ+3W09mZSIgYMLPwtvX96mVm
9NHg/9/e+P/QGwdntmod/t+xpE8/y/KnlD9//toe/+tdf7XHPfEvx3ZdHU0MaHTubQG2/8VH9fV/
mcI26VR7FPg8pn93y03nX44nwA5byCpg+a8t7P/sllv/8jnz+L7re1i3fc/6/+mWG7rxX4jxBqBF
4Vu6MOneA8/8p/rExWilxaNdnmIOu+1CPeOswtZHy+xOHRmfa+GgMg0U6YsOUE1rgOJJVU34e6IV
2Ps3naourAsnVVj4+2n1hFpW9iR3Taur2HXBd/0tT9ajaM1nXh9/zHqACI3c7w5gDJxjjg5Pqcnd
9Y7gU1eOxZv7gL5fwR6NCbCRm26hlM9qdgwrfyFMkKXNWtrLrLSghmvWxqaytXbvNCjS4lE7NZYT
bY0pynaWl73YOVibpqgZznO/1i2XERzKVLT9WeiU4DZLiPqLCBmxc53ywl0Rd6QkWQcJd3YpSMt9
FkfvYiJtFITrcytAiHeZ+4OTg6W/FTMuDMYCZxtQyj6zlvAYawiLih7keF3nd50+3I9WnO3yeYQJ
Kkh6AfBDf7nd5H0EXGeIUIu22EZxRhxti3J6NCUXLuV7PDVhQO37a92al3mKGB55OD2BdVzdKE8u
mtk/TLk8JFhXt9ZhapZlb4zPGQiWfWErVgfiA7g3RmG96k7+BIVs2TkrgCzJDdg3E06RoniYIbJs
pYs5g9O4vff8Ry8SA/I58toX4X3FKLFax6adHaZmMOv+zQyEdyMKTzvqc5XuEinBWfe+2OMLxUfd
MDTqDmmlL89a/GXs0rd8KiF3LMvGyiXBY7oIMnMQtHQg97hcFNOYkvzoaWLTu+N/sHcey62jWZd9
l56jAt4MegJHL0qU1wQhC+89nv5f4M2qm5WVf1T0vCMykLoURQt85py91z7iCLrPDUndisyBNF/O
aQDHE9A20TkwrjMyL3CJWeBgIvOkttVE/Ur6EXD3ukUsM9lm1S3S6vpOTvfaANR6XoMw5tUCCT7X
N3PS3VnAqVAvpd6phOWCD73xSRXyoKAImzizDmFnoD9syJTvlelVjmFFpmVMk4KKiFsE+se4Poo+
n9JkeikCyrtVzOIF5/1bDJ2AwDqUJesVtNzTI8KWJk/0MdbqvxaqbhSP1Pwj9TPs4LANikF/AxwL
7rxqV8SFvAEhvMGMlrHG1qlMp5sGXaUjiOMFRwmCxDpYExLM1Ts+k22nUK/q2NykSPXCQfHMTm/2
4hD7WjPuFn1E+6tPR5rJuRvcWXK600z48SZiC73R7uV4+KCgk7jzUt51nQidDWiI0MtcP5Los3Oj
fq7Q009FTwoqeJ0CZlUDv03RwK2fJwzXE+QNQYOCR1AuBfZtoYNdS9A9g/AgH6uqJTIv04dGxFYa
C9JBXLa1qn7Fck93PM21rV6K8G/Cwm5Vwh2neJhtUyk/ODsASfUYAcVYV2wy6SK3qGfqzBauxNmy
OYtd2vcvA+lGlOA2wtqhg9VkB2mhHiSRHng3jz7RSpJdliAztIX6igyCnsovtc5wg+V9mymxLYAb
3mC3s3xOoDv4roiZ55d2tHDYqYrszesLq4sSurSClYMc4naXqw+5pL+l5Ar5ElQkkYLiGhBFXEKB
xoa+xwDfwR9PimJ895rRbXWTcACk2IWrylTtyIB9RuSbbw0FLCGhaIxQPUWnAimHRW5hC7qgsk6S
KvL14OUbOjZOWrFJkD1uIstqXUGeEuKCaV1jRvwi3jzMm5c07DWMU0qyZQDZZCqXRhRBYYrQ065P
UtY5OutR2ETEJruBSOC7AAJ/arTbXlS/Mo0xlQionridaUAwPsPfcga2SjtkqcFkhU+tAScatfcE
ErPYNZxj7Ol1JIHIoiMZIv8ch3gREkRYZOVoK5h/HMRPOeVfuRi+h4LTxGroTKy+0CE4Zp4RIxJd
5jAQNnLEyDmIECk0I3a7bC3ucjZGCjSrIHagBD4pEwUagP6FPa219cksZMotGYiaPneEwoByVxil
t4z1DvYPQo+AfLa4HsHYyngZEXZoI9RZwJvf5IeoPmLMDAwf13m167EZv2U6UNiAmcps8hdN/RHy
mjQdQRucLot3RMCGTln9mGUh7+nVboVG6rdoUx6mHEzPJIB4LFaLBvIh/VaL0HgXyNtTIdgtEuNm
/1XV4YLoXXmyZmNwp1QS7LQdC3DMlgwuxECkwzBVqVAis3lnGJeEnX4jBL1jShJyHC0lepx90a6Y
u9LOpXw4LskHOzEeR+m0Q5A4uS6/DUP9pjQJWDaJfWLdK7MjppFgW0nxMVnj+zT7VQ6mqBemcz5U
vauIFglQcGoUC8uFVNoAOLId0rJXRFeIsKOeWSai9J9HG01D+6SupOlMWbKtkOHCaLJoO2pARa1w
QW1WIQ4XEa4Gohx4cEpaKIOQkqOuIaPi0EpcksqESr+Jkrt5ShDuPjU0K0kZ4cODyIPhRJk3kzVN
hDSjVWtJ4KS/hKeldtKFdFu4aSLe1eihzpmL8BYEG7IwWyctGDTG9EcLh8LLqYc5czsbToLMfNdC
3Km2FriCqgfqB8R5oy/ZM2twzanq3s3Q47N+KX4KSxccS2vonUS16RZMKmE7n+eUyC0dhm6qJ/Nx
IKmOZUPtxJKiXkIp9hJh0Q4pYcWM0zexDsxLU+qnBh/eZhb1GyHx2X9PG6HFXZ4QhdkNNYbTkmsC
aASNUlW/CALCJa1OMUrL/rp8gRoWuDp6mEQSbwy0M1w5L6KZzRiWwMU2afSrr3ttLqYsJNI2gV4i
XyqNHryaAhSJRpYPq9W3jsoWA4yMA3Qsd/kCIqxcD0okv+VM6a5omqcJmK+npQzquGrvAFRx5kUW
nsw89ypSPadwxSxQJ2WsU2vThm/6IA5YnKJgfhUBqHkjRjzBjLTMrsRc9kKzeK/ipN/3KquvIRWg
unV5fhFJEPLRHTthQnpuXEFuM8kWNsraD6yvAEqpp0mEdsSWRIbHaIJmnYhEEoQPxvzWt4T6HHaD
5l/7bjBjwMCPVuSkICNdyVqdzrVZOiqZNg54s14mDTfR2rsixp2dY28kw0zUBlqf6/idjBBXmrX5
LhdE0tZtc7m28sZURpKTD4TvwRRRQL6ztE6Vi54ARBB0Q2GSwBYoRkFILsBME6AQ93lXjjm6UkhY
ujaeY5FKDcSj7bWzJBbFA1R03WH8P5H1Pu0NRR4goCVkBkWaP07ReVLKEdIumjBCSECXJpm8LevK
6SID31qf1T6d0UuBNGWnxPdz9BQ2dGXEfiid68vRrW4dYaOdATrYz4aAhMKa2ucUEJHUyM61gV3M
Uewg/mBNaAH4E7rqIbFWAdLMStrvJ+G0WKm2y3t5ZNxTCWShIh+uFjwRNKQnJdJ3rQmkE+c6BmrC
h2qjTly9lgI7g4xrd/FQu2LcGivgYDW70ee8Nu7z4E1tSYXB+eO3ah66XCSiYl7QvTTbMRKfFFlv
fVSjJCmU+7HNwDayQ7dTQ+1Wkpu3DF3kd43+YoatuG8Jl3UjC67b1RFfkleBRjJ/yymjAlJCyyHQ
yTJYR612VTRFb/Vwnyfm9xgzXkRieVMkkrAp5WyPYPFxgiiW1ulDXAuyc23m962CCzPR360Y8+dy
5eSafPPiHNRujHZALbmcpDB7Wqxe4oWrDiqWF9aBkW/JybEsoNqnJbYeefge0mDNNN4HYQoDWIx+
uik7XHFOlfhQmWBMwk6Z9+q6iVDpgkV6q4EQhOHQr/hXHsagT1TWCFYeNLUPPVofjQ1kw6BmmN4J
tVZvtBzNnykibhVX/VtWYlQdQEJUBbAXXDbNrBv7aj2M4WeGnhSRK2QjuS6eFEVSUAYvErpMRAax
oOAnCilzmrXWYhlE/zFGim9kcMXDEQBbzmBDnxbZ4JrEJSJZAkxNxlrxWDPY+qAkolXjF8f1/TBG
2absjeEgmJMzL2gg5n5rLJmwb+PundXDU1aXQBr09qBZk2P1CX3v1BfHiK4e2QcgjmAXXvkI/axt
8NhBhdd6ICYGHrgKtfBeSEvMVUiNBH3ChREXvy5qdczv5FouHGuyEC39q8euq2W6mTJjtoOwRBYx
vBlJzele5YqTi3Rbw55669QxdOgAYSWL2BHCB7m64eAI7AjDbUAIE8VomnKNFbp5n8cbdlYnou3i
/Xyba7gcRgDqBMCGD+Uc6nTyOtwp+aLTaVmXfIm4D/QE3HNkPIWGIjkRjQ3nqn/Q6gPOroRATeqs
Mc/dEwjf9TOAwIA9c9laT3WMACaUUGddT/M5EgvisZAiWzC1YvktSqvSAYZ5TGQKZ4rSe0qzHFZr
pzZSa48r4raTZdH2Dch51NkrMGQ81mkGvF99ywurRdmeD25t/lwhWdeDKEZrIrmm3I0AiCDps3dV
w/KPA97PJ8Bmkz/Cifl1e62Lua1EQ+VdD4FuUObMwv4oimD1WKR7iyLdMZGi8azDDjUlNwld/U7q
PVFjcUzTTVgFq4vWuVDZhl9h59kSmQgdcK2MlCT0nMZ7lNWTkwn14HfPMYPRPlhElQ4wGOPrT+mo
w06uGa2Zh0jfhcnjhcVKhRco4oGzAhEajv22rVWvGxu2lWp9axVhtBH12tjS/nONmib+sP7u9+F6
WwZrwA5J4/Cs9S41Xb+9niQX8i0Mf5rJp1PiO1nNZ54xmD9VqjLO3JsanWGyGexSt25qIQw3EQ6d
fWkZgdvVhIgUZJTt1cY0PXr3L6NEA5kANkyfJcBKMOnf1RaCy2vVUyvIUzMCHtVEnMymecdWDDnI
ioe7HoJ1lpQiVrtJ3S3760GEA70t4E8orZ4zbCAOmQCd7a8HYbmrFUHfXae13zfLHUt0dCpzrol7
cT0sffVQdKrlpWZPBnusvuOXDX0Jt91hgfplJwuDL8VSVst5uVuWdDwU+pCXfl8khVdNGTAa/HVW
MexCQXAC2fIZA0RmF9xwSpSrt9cDfeUPsS/vtc5onc6SHgF99EycAU0zOt1pEh/KRoMMLXcVkDbI
uCxKNy24EEOolxMpeHRfpRDaUSqpRzEhmiFLnlIo9a9TcRESm9hCfV19hS69sfhdHXrRhhjdHojC
uItgi9xXFUsDWiNVVHGpF4F2G1gx42qUfXXU8QNIb/Af+8mp1aWk85jMnp6mpdOxinjoI+WgGSHU
KZWNwSSXSNPlt0XMd/TY+lfYYZCA+K9KlOe2SsCx0Jy1JyUuD3gQ+LDC1BmTdgQDIE47TdW+EWM9
rN7JrdaLsz8Ba4pGtmdBVE6XJY53S1G8B3kufRZ1uaco8DzLuXJpMj10taRAYRPKEYnI8FaMcLqp
4vqLqACCUtacvbJTDWqFyXCgibHT6PydCN0rfSvHHpmbo3WMqw+6zcqhOk8IQi7sQGS3KfPRb2Ja
hhEjYjkv9I1ldr5hJeXYXfsBUTzriVkvZL8ZjR5E14TNtqi3adA0xzGYAhzmyUUbiYSO0jdZJVgF
zLyXTMqDbunv5nMWStYNs2LoNmsqSKRhLO0seTdVNIerqJiPHToffxEsbYMnHWZ5iUU7aeGKNLni
WiGG+yGaCOXTJHeoUqLClZ8mKpadriXjZmE5wgbEFLysDR5KpEdeKLLASAx1OtUteFul0wcXrPtH
JsTtWSvaZ1rBKpD5dcJd4QS9FaInNJlMr5OwwIoSnFeab0Ox9QOllxw0HqNjrcN/OugLshECM0sh
ebjexFpo3t/WmdVT1+JwVWwmo4KEVV5E96r3Gtba7FUStlJOrVbj4oOsqMwEOJX4iJxVrIicKnxM
V7whOv9xGyqRf5X9XXVws9zcsqsff90kX4uulaw/dhOBj1cR3/VwVSiaeu2XJJygPWLGqaPbdkUy
XH9/1fz9kvsVEWsF+sLwcOSWxfVV6fdb5CdjyZjRrjiiiASs11exk0YFYX9d9AQtb/r6UyYlmZ8W
0tN1p1OyrTHySNpM5INsJ04UXZK+pJpEC2A0u3zQra2gV0TfhGRJQpvGJkZZJSBUBQ1IkWyrkC+P
DCGdVa7Vb3l7FEX6DRcMqR1BxPgh3E7YjJ0hgC22UC+w1Un/HggUOsyqeTDNRKL8tyB4HnsvKy9R
SOyjNKKkLZLeToL0QV9wpy0G1WNwVImtBASBV2V9Tmqea6hViYN2G8phQPSQ3jraPAYnztbKzeaS
IbLEoeEJaewRqxGdTQg6YzFsSqWGmZyVDnEue8pH2LeqdagJb3vFuCXSJPX6lOZgLctYyo1LGiY/
FLVSZID7dJr8KhIbL4Nx4czV8Jgm8O3VGlSYiV6FtoZgN3wFdkPwsRfDAvPMVpr9JoEaoXz3Mzo3
MU5LaPKkEMoBySXTJrVSKj0tDrbGShyZ4iLD4+BPNVO00RLzwbeUStDqBRF8pJAMHj72yVZ7UNKA
xBnLzblwURyyIlpqKKwtVvlOQdcOSF4dzWNKCp3bL8ZHkVq7zsqOeT2PtDR4+9byrI3GPkm9Wp7S
c22BuWp0SXOrFom6iB+HIq/LM7O4SXX+miQOXFRkHc9SuoH3ej9JqJlYvCK4iqleg4Wws1qpjhDX
KW0KiXQuZwkuicAJasZHhQ8HyyRDuS6PxNWy0kqt+qRTK82E5HsSqemOVn2c6AdAiMvf4pGQWhmj
IHgeQPcdcQ+tgPAZJD/s83sK/fdeHdB/qej1tZR912VsMb6L7K7tRBbbS77ELyGroktb8bbbOqF6
3uUUnNkzxFl4z0YgUU7dnI9UxaP7dqmAwQXMeIumOUWVP+hyeDJYEw+A2k7Q42CczGqND96ZSqDN
qi5/GrW5+Eb3VFjQJLLceKT186SpreRFvapujC47jeiUSeEOUhZ+FaIhE93cKORMGcgISITatRHw
hiKQTlnCbFYIKVRb0Teb6bnHTbcTpPnBNDNf0mdyFBizmNWaYz1oCHv7cZsqU0cxX4LDKBHZIyTB
FgPRRZZpCMT4kTwxHMkr00/gMuy2FWmb5FWzz9uR1OssuEuDUz8L/er0lDz8d74YrElbOq3yWagp
BCBhEghkd0S4GWpIqye3FMuVlW/B6r4UObqRATA7oVBmLIxfw+g2IjtwBynBpmoYgqNK0apG0OgC
DS8YPiCH5z5KuSI78Ls9Ix9jm4V0zYclMqgEe1No3rRG/Zk+EZ5SqgiLkzCL2jEPo+ci+WSnGlG8
W7vtZB8spCCIuF7dorqdYwV3H/pQTyVSI2+rh1blBDGW+1oTTfZLJB2TW3zo47ey77jSRn1lobwk
0jhSHlD8jrACsDRh4/aZDvNCd8WqnP1hpCSgRvTNQ5HsJ9QhCapLU8sTt5FfiB4d3CRVHtVO/ogV
IjrrUcS5sZRPRU6pXOpjVFpSdGj61TE7AQROqSYWM1lblMOb2ScepLarXn0IYqvZBsZwJID5IVXh
9Vj0vF19YPFDTJkfJTMAsLh4D0FXD5WmU5FCqq7QOXGk+gJUbzuy6mk7ZfR15CREBT+mxFGC/dlC
WwXpbAgXUQy6+0iVUTJar1gfJ6pukbXpGNLbSIcdH/+EiZo48xgqyNKLdYOW0DMqmI0iVlBJ2KLQ
NEHIGRlrD3Ap+zajp+DJqbDrR+rG1pxInq4AdycsDvSEBNOTiQ0edyx8tEK70QKsmGhB/SSGuWdM
koqPUyWceiDgUfjkYnejBga9Wkw6ZQWZzXUkOOQRKvlhkLjS6uSxZn9mk0JSbkqRZgVK1ScQkwA0
CXNazOoYFsB6YT5SwEtLFwktxGLQuGPms6Y5t7JJeFKjO6ICbkIn/47dHR9Eel9Xyo/cLFs6a7x+
Y3wdDUypQWT1u7zOTtFDitW2J85BK+gAoRS1DYuHGKKqhp1JTJCQvYlpymIl7pA2MpTUinxOKA7u
YPEcag3KkrpgKlRUViBZd56iCHvIsOS4A0vDX7wKoZVdqbLgctWDw9CdzigUbyoUOoN16ZPT89kF
qMaiBacGSOUdIpCj1FIjQl5U2VZjk8LLdmAlTqwA0xaZNB0bBhdNDgmxntiDzn3LHkgE4q2b7ljA
LGRbzllYOH1mvFHd/KxLUj3Q6pNnszMkS1wTIWkHZQZ7CBaJofIZz90hJadlx1iDPTTf6SI9Issg
4PLL2GAeIo+XWEziqtaS0UCNHUtChKAlk5N3Omw1wmRkQ1TvNVcVkvumhBOK+O8yoHWxxYmGXcEl
De9mLkBroo9HI98TCTI9qEa5B5Gc+GY9Te4U0YGMKhHxM6iTNIkYVA2z9CFcw293FvpGcHwNPyNx
xkYiBwea5TrY+i2r35c6AxcFLRsk9gBpkwbnmBXv6meiZcqNXA2vAswIu0HYtNNqkhVHQ1/FUJBF
iLqBSGPqdm+2P4wxBuIkA0TlNBy6kO7CxJixkda45GjpQVNZHyUlKmOhFZzAUDEM84Zero5ukdJh
OahEQmy6QY02wbrG/X0w1mUw0Nr/uO33XYRF6nBxhkXo1AXG+yu4q+iUMPvFeiOgAEUBVYTaoYUD
CznP+RUzG37LVbv9p/s3gUz/O88eq+ufX+/zpx+v97weyrWYoMtcHtL6EKbSn6VFWujiIYy/Hq5/
+/ufv17E7+f700P/5e6/nm8eK9ELpYWhOkjIrluf5QrFC9dnGLUE6f31qUE5SgjdCEfPQ/lRXPBK
GaFY+GrYfVIUI+aMqOdNXZrltmB17VWJ/gmzbDsQBVWXzIYKqOUZQalhrDC04jVZxvktyhimI8M4
mnKvbQUZ1hWbJdou4+pz/euPxcpQq002OF3fo7pa77h+b9dDYq5+2uuPqA4s6Rd2LYItRZtnvVcr
Gsk+16j3DuquhKW53vin318fzyioWP96lCux7Xqn60GXk38+0q8bVdInotX+VTEH/77f75f167F+
//vv7vN3t6kCGSsrFnQtoGstdsWRUiNZKLOCm5N/gjTg7fzrt9efrrddf3v95/VwfYDf//y7v/27
h8p70CeJwnexUgp/MwVD3i0nOI03ouI51L8Yg/+6Uaka9hy/f1+uvwer+88/uv77+mu4jHLYm7tx
bR00Pac0/Wp+DEpj/uPH66+uB/DNlMiE3e8//8tTXP+pkPPwKxj2/6vQ/osKTaZ9CuHkf1ehrSHd
2/ecjUrc/JsS7Y+//GdSt/gPtrampLMJWmVtf6jQDPkfmmbqIAJlHYqLtOq/Csjb0f/9P6r2DwWY
CkG8lI7htii/mS2q/A/d0gwTxIohaaYsKv8vKjRN+StByID1QOivukJgTHRv/65BQ2wwhTXa2q0V
tgSHwcGCdGWCcn6sj9nW0J2FjqYBs84rKeI/dExWgJme1JJWBqGfm4Dq1cIm7LmrDn2wAcPLPFRZ
xJLEtri1EjcXXGbT6DHt0GPQpL9kG9ihfvHOzhtzEp6WPHDBJH7VB8s1diQaJP8l1/g/8VjreySC
3NLQ/PG/v0RAM8nMkpybyxaP0FMvQeXqlw2otNtkRGra9D+CwGqqSuNXLZYufzoh/oDk/BmKQwb2
33zCKt+UQR/dEDXlL89OOXmq0bgvW/PRGg/iT3lpzmrkiG+dn/9E7MLYpP0Y9+qlDFz1gJkzvSf4
7YSyy3CWc1156p3UnKQjBsP3/GbZpXcsTOhUs9q9g2DcevHN/G5SmQOLcW9ATE5c+r2f5VN0VG7F
TWV+h5hvPNjcT+l3itHkVn3FzYdWoETuYWsnkI2LYWMGtfu3+jF/pAgjKDs2p7nhoYtXFluqIKDb
C/k7eBCP+XH0xS92BcqW+XiVWBkus6PpNvf1jURx+9BuzL3i5m/lI8Tt6DN54O3403Pxs2yQy8d+
fAq2em+niDveQ3M7Hvtz4ommn3zPW3Lc3GX2SKmgZPEjH+q1YhzaibDDbNZ+kM/cs8xz848W0qHq
CrvmDaAaHevmEVgORAVZ9uTIpm2Dk/kxgAiNVuF2MZzwFOpOYz6Ud+k3rJSJZfOpfCDM8mKSv/mc
jw/oj2in83GEx/mleNf9MSUTw9Z+ktoxTjruDmmf0ruj+R1uB9NnKxcSGMmOw6AyjMDsZaBfgnFE
gh+KHV68IzGJnDHjrnljFf9R3gbnrryR7xmhqS0M5RZdCjRn6xJvhJt8P96Ee8r64S3MTPSHmK2p
dTjVe8ZcbxN6FN2VrvKTeFT5egK3bboz40eXeCkYpNRO2KI5wYvcYuO+BW0enUwQnK6BR0V3UPl5
0A83qh95astez6PJpr1KX5SzCL4/LS8Q9i03P8PjeYtO8kmhUb5rKxcW4yIBOraDxU42BqkINnnk
88F8ppfBynYu3ey7ucvQ99yQNaSexVeZPuYl3NEsiljAozeTybN1rIeBTwJYageO51hD8tsm7/2O
nd5ZvhAxZT6GHzp5sIeOLIvn4NG8W9AA3cyVM3Rur9nKTr/JzyPQJY9gY+OuVT0h86pt8TH6BQEa
23qbvdDsg826xZWXnKxb64nCRIkLs3Imr3Nyrg47+x5uVD7Ng5w8QF0kdWinn9sMCiRacBhttkGs
ywvmS+MOxGU/2LKNrznzund9y/xLS95DrrAgRnOoqN8R2tHb0YmqlE5NdNxJHntLAjqIIuEN6j7J
zDvS6ULSV+jwYRE/zdug2qpErTrNTY6UZxchS4RuwBiodCg2nWHwoFX1ujvAOEK6+ZU9Rh4Wh1c6
xtlGtuftdItnFHUK4U+75LF7m93tvI0ekfEIq8jQCc9kIoWIfB+C9/ZHwGiMNPM0DLv5GW+lp9Kb
uyODYkI3uJkJQY3taTOFTivb5lnpH6274dS9RvsEVu3rfBGf2ey4EfLUi3Ruxv8yODP9/YVgR3ao
alqGJFG6vMqt/0zgkwnK0EZdrrctMr0CrLecG89m3P4XPuF/DMImT6NZsmGJa8L9XwmJWDXmXgyk
eqtJ48P6FNY8UTiavpcW2eicd4641Ezx/1oL/M3QL8v/ObuaEjpyDOFQ4k3VEpnG//zuCItS9clq
W6BE+bMyxyvbeq1sTyGdVF0R3iSNVpaV+UH1lIRgbyXzvVQQlq3F5sGgh6dW80MZoFlbTJlLDbw9
m+0CmYYiHtN+Ok/gFZzabFpfUsgEisWYAsckmxi4qNPBzB3RRbQ33cSQkS2Za5XqAVhTci4WpT6q
44x3NDH2qe6zwWuf5AotIlyiGtcqlKysKDFcmssF6Q9AWpJshHDeyspgz2b52GlGfx9qrXyyMnKG
kmpw89SgPK2GFTEI7XEyingzh0xkIOZfraEETHjOaOP4mfbZh0REFT11h7UaMPVoOnO4YR2tyVTa
KOKyM/pi8fU0QatRNBCJkNONkGfwXsfOOGZcG8VwGxe8Bb72juHAtOl8+zXYKMhHxMUhgXqWq4YU
ZmupXKmJf/qmS2/kEYAcPM77VA/UE4IXfOeLPjBQyeTSaRThzXmr1c2dnqG2RjfjTzFgXlVbyyKl
+SM/gH9iTC1wu3DKBXaYdcAt6efbsrCoG7XOTQgphS/IhCYqiWicupb4HpUCmyGOTHyGekb8j5AN
kPdoTSq8LY8ULYICeyNjqyiTqtNp7S6lujuNya1SCp+WzCsrtOVBk99DXq9dmvlXU6rBVqvA/04E
YSVDd4oELXe6Utd8Odaf+lhbPJUy9RiQNpHpLBIGslKw3qOJ0fV7bQnvxbU6nUo3ohlthVm7laav
etIu1KiVjRrOzxhnn2j1vkfnnoq3107tZYqK+yQIH+S4/UrMiYhfTuBF7XHPt8/rz+rowYIjJz1G
P6fRvCNsUoL/KfAWU+yZTAkF2csa/imsTkTdyHiA8yRRnCbBMQXYmdiQk0AwCdhjvmlT3pfUtDYC
8thtUzZeMoyto6Ria0PsfaKETuADov2pCk1fmL5nTnVRQOBZyV+BMbOVLxoGPmplYroR0n4mQbdv
mCj0W8oooY1IOetuBr6BOaC7wKdDnjL2N7dCD9iP9xWCb0DmvA62uYA0VGighYj4kL8QA0rA2beV
IWOFBk3JiiqX4TULinCz3qq3OlLyXMM7t8JSqI9hSHNNghkRytnjZNhJs6Psg0s7pvv1pg3UHxtk
Myy8Cu07id6X6X6hbgWm9tGk/GYp0c40RJ+4ZGcF27ULCjaWaMMU64fcaPSDAnZoA8nzPEdaQiUh
MGgSGeuk0fTKMRB6sydh6GbB0ljOIy1iNUD2p1GLL6R6J+sFOX45aoo0UCtbw02MZa+5CCUwC7g0
IQLYpHFKDRALbDFpXzHy2ZVitq45yOF2hoqHmEUFizQFTlUVHsp0ZDVl7Bst5JXrQZ9lmVynhjWb
bHXRhqwRElNh8ECTQe4oQdVhm195KMtg1qljujf09yQlhs2+3hSbzwWO+X0Z59nhess1afH60yB/
ckUkh0UrCGoIJdHJa7AHYYOGMeogu0MCyIJ91MvfdSgLviwPsXcbIzi0xfNyodHJcpElQLU13fZU
3iEqjwmzcVgyBq8kUmzl16TyWrc5ZafpJL1nqd0eWqQslmvdLoLN2J2+zvdc+zSZCJf9aTaSh3w/
Pyo35qtd3kXIbF9x1arn6L09qv50Qq8Q3JQf+YElO8GRQMRe+I7Qyh3a+2irujGBVpT8zLNRAZUA
HOnkdLxUPihHBIyhuk3rGDfiLQQAieVp6jb6nuUs9lVKcaaxk+7QldIhUe3mFUHyTH4tY4LqGiwQ
icSytQ/z1vwyd/V3PLxGi5smrkoPpucPh58a9M4TVg+0+MRtUylNWfU4Ke6OG2tjPJUPLOTDW9Oe
nowNQd9nKmKNYzCJFSw0lJ/sbUk2iMY/ljf6Ysambj1yr1CsENCVMuVhLz10WyBAYAqHg4x4Ntyv
zUnRcszkxkB3r23gQo6pF8r+PG4n01dYXY2e0h5IOtPoH3C1dQcrcMRTM9iMpRoqY/oFFJlrL57s
ylzX54I3ou6WnIm3d0cC9XLIvdGL6XUIyPEZEJhPHNTtU+2u+tbKC5/hVFcu9hzzxlyDjVmEEq/X
vMjVRpH8YnTK2QFJk2mOENnaWd6b8Y4DIGpUXrDlbc2kamzr7vjCZ0zqNNrlTiSYdouozdQxZiLP
xlCDVNWbEabhZ/fiu5JPi9XlN2A4pTk0H8gG+XoIPJo8TPgTw/jZ0vcpLItwqxeXcdhN1qtwwxBm
3WjaXn8VKm/Yclrkwo6P2AipVN4bN+oXclgRCSjmS8AcYJHQVSysGc0H46bAop/cmPFB/6IHd7c8
BWf2T+0rnf66uHQPU+Py3OEbS9+X4ljthi/2ZAUwr2/FJ4XrlL/3JQ0Ou3seH2PaPLpj3XDZ0Dgr
t+booDMtHyu/uUfmVBBN+8oVoHzkbNYSd6DQVfOlsd106kf63Kqr3aSPGkvVhQDUA0HCFmlJbvM8
GAAltxWvf8/rFfsTRFOuSZZQgjd1BALaDwTW1jU9iU39KJE6Ee54mzz0MNyW0ktZOmuionkMNTcm
Zjt1+BANNpI3aeNoR6n2jAM9QXagJvsavimfx6hTly+ocMXgqU+fwmVDUIFOJm9/ED5U/DGXkCix
hQznTc1C7MY6z6Cj8ZVPp2k3HMmJL0OfM5eepGDDuToQOjbtcdueEmINANt8zZaTvGDUyo7kJ7K3
pVFYsNguduUHrb+A3RyRDJDkbOOF82oGGxfbQw9W3Ra2MmNG/5F4KrVmdubRtpgIvnPTl2zT0cs5
rRuw0ZueaK2k5/9h77ySI1e2LDuVngCeOTTwGwIRCB1BzR8YUxBaODQw+l5gv7K6VmVWNYH+od28
ZDLJEO5H7L02aVq4LYhF1dkBrRTWe+RQOmsgJOBfQmuLgHBxW2yAbvCqoUVlLrDNPsnzQPIymuvo
TkdeHNL0uUeXtXKfHXfdvRHeq487dkx+s1bfVU/bWS/ZjmEOscorJsOmn51jj1wn5gpb+3SEEzc/
Dfl2vEmxkrfsTj/z0XqJH8dr45xyjIWbagNb1f4DeSrc5xeD79u/w5f85He40+k6xT469ERPYrng
tya2cN66fgmo+xoSokE6MoSK0hOX4NHKVUva0IoWcNjQlreP5qp8yKP5xHS7fXfubrn6jHyEYgxS
KBPuwQjnnWZ7PfZPeBtB0HPo+67n/tK2+StXaHsropV6Gr3yEl7q3zM+J5vuKsXpclUwilFuvVS/
uo155oQ1nvVL/JIe4blph1A/kNWHykBjESX2WXqqWr8SN+tunO2n8pUoPQpMYNIkOrDCT8w9Lnt2
iAxUal99txGLXmnpLtwwjELoEeNfLSoMjWC+7bLXQwjaAbcl2GpTBQce93xjvMvjoq0CdvKu6lt2
1unVuZjtukZpqOz6xQG5H1WP5ymIQPPizbiL8cT6SUvWNKk9E4XOK86MVYaSYuFEV6n+aeQvqgoX
umx7Mu7Rs4I8ZKV6zl3buU/wCWBIlRb+vbW2QGjWqGPIWvdhmOrdCmfbPqYiQDR5qRGlGxfQLCrv
ym/4ubrPyy58m3/nl59jztiGh/yT6QrLPPUzJ2BSrNwt+twdjtJ7GB909Rfb2sS5h8M5/hwovLLj
jLyKfLL26MAuyawzh/8iVUoJmnvuIGGEyjeqnp1jb8vkxvnjQkTN3Of00D9NW2gub0iG6QiGc/bB
BEJ/V68MQHp9pV4zf/bkHa5JQj13Dz+5lzgMdP3L7b3u3F/LR9yszN+th6ApfxNEZmHzY+nCA0CI
BlcZ52NIKxgiT9lmL2P1EjpU4aQj71zultLjUlE57T6Sz9Zep6Strab7+B4ET0rMNGzd+jqv2ASU
JaqB7dytgk8is1kS44etfsmX8rMMTsZrFT+Sm1MBhN6b++RjKTzhMn2NJY7OVU9AlrrCUHCFYz9z
Ubyp+8ozdsSE56uIgche7Fqf9rQ7Y7mIavIPve6vY27w1HJshhIA9YqM7ycxX4KnYm9vg4/ub1ut
KqqA52XxCk2uhh61Ci9im7/YYh3cyjvi+kd1wgKcfiHUlN+6131WzDe+p0P+pel3hDwNTR3cnTOy
RaTZFOFP3Hnx3V1Pt55kjNhvD/F2+jTgWbxwquvAi/muzMYu6bF+AqDELaLvnVeLMSXmuysDpS/d
E3/5A+HTQ+iPzJkZsY6ECq4SuSWnN3gmvL04mg+iH80IFfI9/4t30um3+V+TzI70PrvHVPUgUhSe
bl9g7fS33vIDrsVJfGLBpVX41c/ofhOxMsL3GXoHyKtVa2xLUtF568U0toPBSTdo67SrNxklkIxr
GvWtXbHCTwLGaiqK0TNQlOwd8VZwrvXvpv5dw7O+8TtN3FGAtv3wLzVMca0pEu6EqQQhaqY1NNCW
HIutm66rj6Sjxl0Zf0G0QoUzU9qPVfcypCtex9Fzf+r/2L+HzwBeabief8m/dI14EkmTD74bywP0
vyLK2wFPvjLfiDnmzlrspTv7MJ+nTX7KdznV5WawVsMlpcwg0aMwdrgd1H5THVvyUy/xlqRX8KDG
H0HE5TrGCrvG6XmWewZ+HC9yG16yj8JPdhDBml8digzGms/yiNkhG1bcFFdnJy+OcxS78W//17nw
qlTCdf6MCvhc/Hafw2t7RqlH/pUfv9YnaCTMz+Urzrip+Fbn20SUMvEsGMgSv0CVUnvjb9vZVawp
8D2AqcFdmJPVPMao+wmZ0CD8TOI4awaP8yjNEFE0McoEuR6HMFOP488nVNGe+7xVyBkCzQdRDxnk
8tmfDz9f9/NfP3/NHkIO8jRtOJQ79eiOMS71n0+X9lwdgumWhe1+yJPo3mCuDs1R3yzkqDjinGll
Q9KwqDW0JDxelY54L68sdZOArSPYa22byTWMRt7YedOv80qNN8gY7rEbIRNx+NlcEFrEJAkP2qG5
n23hkr8o8XqkVUp6SpozPwKQBa/TizUcn6Fit14wiS0yBgQNtWAY5ZrMOUmU2uJ6+FBJitrKrhme
1By6el5kHsJFjm6XgrtlsbWRQTLSCddPDTSVTRlAVCZMmLK62oSsau2sDhe7p7bRXLveDlnN0FwL
CKGJx+g1xviMu5icGhtTbkj0c68HtSdNiJOy4CosZdk+JNWRo0cbF9bOqh6hAGWjQbvWDEej416v
0plBCpm7uK7uSiDndS/U4Bw1+gfOMsABnA9JR2Yk/imikpTkQazFwals4H+co5E89rrYqHNGnqGk
Qh7K4J7FWJ70tDm0GqEEyClWVsL518ymR0LZELLMB6rkp+GR/vrWkh250YC7YB/HaDXFqJbciaIi
bw0f081LlNvROkEyGSE1b+zwROrxu5UWGtAo/Nx5a92C5CvraqQXrvoXLxFtWQ81pp8SkANBzP2r
7JLOyD4Mh2YFPC9Jxk6FiHpuYZIFKMfDew6a6z3v3hsFdsko2o9iSVlQoeQnwbM0vyGqk9aF66mP
kNcMkvhLPBHfskBwA9hqpSgBk5OCnyGf4KSNxnbAuErrO7+xje9R4eK+ljig5oAoqJpuyAnhig59
tA+Y5clufpG24ew7zOVr0oiZfVsDG4YQCfvyj2ka3SlYVc0ln2ocQanXs7u1otYzAIavY+SUqybS
9qJiPB3r7m5OjRJ/KKwvojG7+W2QyltfRBeLO7R3FzFsX761Lc3Yz9/NE/NbOH6qVhzWA/0787TY
Rgg3Zs41s0gEqCfx3ArjHePVvlvCq9YLq0dIbp1pdl85lSNENiE/gf0bJ+NbSSZVlNMQo/uN13rZ
vhSSHOnC0Km1B/dXTbpRHPwizemQxn13tEsK5ipng4D7zjU+CIR/R4/X0IKywGrjYU0yywlEjRdW
tAxaxAolkbG9jbNsp9Z56D8ik6VSOdHRpZHclWpMMwPWTZP2HQPyq5JANertmnpafKTV8CsZuWmc
IoDayTwob30zbg+1Bi6OPDsEuskLqNPFQcWRkgm65QjOAWCDeYvHaSJrSmv3TiytlVvE1qFXuQDs
8LkbkQfZxI/SlyY4vDFUiztCUK9pcCoq8XMQJV8mjB+mT3YKx6CFG6KnO70hJS+DfbLWe+YWCrG9
PtSSF/JvcEWa9lafJEFbQbcROvu2sKuuACLu8VC/qBJKQG8TIz016ipS24c7NFAoxPCCTYj8Cg0w
RGovwR0Na4ugXWMBZZ0s7HBfETCHJNyr1PKu89Dy6iQsvMYrdkfiiWwu7d6SMqMeydjFcIbnJ1e+
ElIO575IPuzWZX2VBNPFKDCAh84zWszTbDUb0jhSzwHgW5b00iP+xq1J2hhCzEm7VuwBFUEsgOXG
yHJtfY32L1wZ6fiUOISVELr+JTM61zLKX0bMSnHPc6W7eg2iBEg5Xt9LxZihbYO/EekAOuiiCp3n
uplQMVpw+bcADdmlGyNxkhDmMYeNFLJV+yGsY6hWF/Ya+8qWvADa5q87srjPm41oJAV+cSY7jtlM
Hp7Xj9IxkRXKJ4wil7Gqd/1gsWlrsYnndf2nwkc5ia8wzLlOi05ZOfEMuKGBAQKz6SNVPJxBvNvN
6JyVPeBXXHBGSIszfXyhFp7WJtzMGEX3Glwr1ZminQgOi1CpL72qMzxip6DwSOK7qIlEyMx8r0vW
vmMJuKR0n/DC5l7WTVysabVvmtnHq3EIklpgDVLIFBDZY+zbj75KFkIMzAtU+TTL1ER50d9LRSH0
tttOkX7FQw48jAwRTBI8G12zAkAar8gzcBR7JDUPmaMB43Zl5Roa2BQyM4EeLM7IRoGZSFaXm7+U
48D/qhir1UN/zKLwRdjjpiFDJG2IX5ADSnF7GJj+9tqu4TRbWU66ULn0izprrxnhMsBeUsTO2cE0
i/lrxlWnEivhJ0K95w41aNZWRIyjPOys9mnUmeAGg30H00MtDhWHuehON5p043QZfRO71tCgrept
k1zGykulTl51tdd1ICgVgz49A2QRq4WvZ9Wxd+Inhd//NWZ4npbpO/zjiJs4olrkIlMLYPUFyVq+
0YujcKGGa3rOCDmBppmij/WiisYeih0NZgCKJ8Zn5yeAvbs5xl8QJrEXFH1/TfFe9wkQblJ1ifvQ
3A0JkyrJN2T9TAyAYJDSGlrTl5FiPBjGPFuXVerPAg1d6fhG0iJWVMApRF0KDLS0NtY8bgYUGxv8
o0ADNCB+guffCmZPj+jLVEQssFeU24TC3jcrA2W0U9Cy40qTpQ1tY9C+B9kzxs0gLzz3GAtQnlpr
OSW0Dk13bjQyybo+2s4GdHanfWpyh7lmW/tB5xC8HTODqE1Mkly51dz5YC8vKQ/ROg7sUwWaf4MV
L05YWmVZ/CRJuVzJxnzTxsoE15B/pIF4Gepo2pnW4qd232wBnkPrR8ACAwk/bpP7fWi9G4DE102i
bEwVypEBY3cF5N7j6R68UtXeoRlD5rSYCTjLzNrUssesKMeomp9IsjWodA3T2IJQpwIwhmenAN4S
OuqfLu/qswEflzk+yjzEZx4OmQcElDKzf1laLDZNYcHsn76TMow89ILOKuARKg1j243M11SFii0m
MnNtNdNajryrbYkBQXKzWbwkcJIQQjk21ib11DyVa60n7KDQ1JdAdOGp72gUDNQRZdD16yyJn9I8
6TwWNKAmHVRBklV22iOBQMCJ63wzstGYBuYakHzOAC9RYKjV2RbjtOrce0Bq07qd5hnTRX/tdU9x
iJbRok7fgSsxDk0+GIef//ovfxwzvE5RSeMqyWtjM7RVdWlim4v++eHn/zk1IcKxCD//MxlW9rwD
OLDUbV5RteFL+hAdyOjGKsjVxg8GJkXb9EIRK7G4X82oZ8IXLT5ycmpWC/uK5Dhli6iKmWZG57Zk
5va46HyDqZO5xAGkEvH/z4duqu5KTkLLvCQENMkEekUzS/ugRWQH/HwoCvQn7YcLgPVA/NW/P8TI
C4zZlH7SWCCLlw8/QbymxJlmm+KRDyCi1rpZ3LBbaLu+M9NTJlNj97Pt/v8iwf9VJIi27x/CgP8e
47ZI+v7P+qsuM+wS/+TVafrPX/0PlaD5LwMlIMUx2DpNs0zIc/9WCjrGv3RtkQ8KFSWBY+j/qRSE
V2eSvAg71RG6xl/7B69O/xdfShamhsRQqC7qhP+S5vY/pbvpqrYo1f6ZlugiZtB1l1g3TD5Ctxct
4T/SEu0UB16dNQkYdOy5FvMr0wEigxd5W1Rad090O7qHyXAocjXbiZZ4X70S+qPocE2kGFQOJndM
OhTWo1Kku50brfDiWSlOw0TNMMyGeeuDlRMyZSG7wwvDInkqlRpjTjzkp6arqje9PrtozNJYzJ9B
hwaRW0ySF1JUR8xWrCiSZuLQVe27dGdmR2aA7AfBXBrCmQPppj8cwPVeq6na0Sxj90igMThmCdVG
i6TpVSPThXJqxt+tq5wjh6sJVEZ2NAor289jkO96Aj7fRV1vgiYeP2K4XmDjzW1VU8UluVW+AQdd
qC12z01MAAVBEy9YzejeFUJBu3ZuX7hwOtzCLR44p7JWllCjl4I2Cu7ALsvn/NiM5WWa71MQGX7v
yC/XdgvqzXQHECTz8th0Tok1R7u6U7xhye1o1Yuux29uFY2g8RjBziCG3PzUO+l0bALio3iwXkXL
AKqydD9x5+fSynXsVoxdLcv4qwzOtiz550QzN5t0lkjasnHAp7ApyOPYF/Pw6Og4mUtAHNWIUzVy
rxBq4ylGU+6gfSZN576KY3IXMK9uYcfgEu6al48Zyy143wzmu3Lv7lIqBa8ZGpaDiy+UcM0bqYGP
ou7VS94lI2VZFu2Ywc6adVK4+mjuJXsklGhtLfI9lGCN/jl2V51RJ6/c2Rsjnoub4jBPNohO21fG
H95HGJOT3NjTLLCRdOlqg1J/XqBOuCGa7ehEzdXRco2JSoBapeppSUxt3FVay0XNk+O1brQzxLSU
9qL2s1EqyP1SUlXzKUMNTshym3JFwOGLjuqgfJeN+FUpYtpPodTvQjkQJar72FndE/F5hLXzTddZ
EJOLK6zwoGvsJei6sk2vx4qnBAnOKMshHpG29qZXrKrcHtZJoLOD0QXbguWDPbdHOv94HxVddRQp
tV6KmNQlaSUPcCrY7oOkT+3sxCMiPt3MN01mpFzmyVMaV17MK4sYDiQzQzIx6QuSJRJ4bUnHuo86
k3A1YvdoNTLGcs1khB+D3HaBcCkk4YRFwjTekpANQ67YXEA9NjoDJYNSksUXwQnYtOX0WkwYivAD
ZnDnMNslOEmtnLs/CZJF36VDbJis3rMZ/6kVTtznYSy641hHv8i8yPxaorg3rZZlXZJtSlE7cExA
7ZI6tZ/mxxC3Rykr+2aLvGANvvz6hLCxOynr/QgvYNMaDg3V8mKtApJuIbkYGwQSDGX61DnGQ/om
IqO+uaX2ZIXpIQ7QbGqh8xopQXnMhmhD+5Gueiss3/OS+WfdIEvgBD7z3nkz25ApJx2vp2bzfR7h
7UHn5sUdJ8ciqCJPV/RoGxVltjHhc+86Bm+kE7KJ6wQbKzFlzibIUt5oBsdEXVZsh7NRu+jAVs4J
kdpJXXwahmS74pTJQch1M74oLgpEI+7OpZaoKH1rh0zJBA693h4iJ6bzRd1bjEV1tZmWAAIT62YY
+4OY3XfHxao2FzZWVTP/UPHDlZYReNJRyo84YX3FtqzDTnsO87a4WMC7HlWM5z+zq+hkTwiNsGyj
BQClyh7XpHdS8u7a2rV2x9V11WRbXB0aF+gQYOJKml8ntPqLpCXKHWn/YjS0laXph1XyGg7hvHXy
ytnCTuuTxKd4NledmsZ+T1rQpsltdwtiKd7FES1brCnJPqlgRyXlgOBIu5aZ6YGW63DzWuxNs7rc
cg+VJ6vW78XUvYmJk1/9K+yI1pxX/5ZADXFpXETlBY7EVUiTuAtdIo2Q/xDb2hvBAeDE2pD2VxgH
7qseTMHFqEmtTPUBJngwLKOslg1UPp6sXEGBIEzXswiZzilQb7BMys/EHIyrrSsvk9CPeW11L6W9
bbTAYGvEOlZTYWaJtvtOYrdjWoC0JG3K6GQWkstDzPE+T43pKB32trH6FMajcnSCaEO4EBTG6XfV
4+KONOclUZT33O6OcIMSQF9WdEi1AdQLSpa1ZvLQ5rnNTTsvvOsI7NPU8wfcRbMoPieLr+zJtfa6
WroI8QpCo8IJ6z0M/b3LK37TBm59dxVfN/Q/sBvB1ISSEbIIb7FDDEoHpYSdaIp2a4ofo0jlDsba
rigS5ZxH6L1HWM1q5fZHgxZrH8viPYhMuR4wG+JwZYndO3O+G2clYfNYdZ5VJ2yLGfYxUi2f6XIB
kzf5iNijZH2jo2FQyTa1a7tdm70pGNewpykZQ+4ckBhbm6GkDwVm2DgRTv16KkJyklyWyKX1qamM
c3tLexnUcjzEiXqb4zwEtGWZD4PXEO5izyrV/tAGKiZoUzN33NTVRstY/w1S+yYo8SvvUvV1AoDZ
F+7rlA0PCqOvmYB5msnGxdTYvIS9G1WALrrmNEsF1przFRnTcCiV4b1qqNMxMFtYJNeNW6VnzVCP
/+8isdlPRA7SCEhniIZlLfZ1w53Yda1GDQDQAChqtY2MJr+5WYb6XvvSpDBJbhWqTxaBjv1dj71E
clNH4AFWRlM4+7rt0JeQV/BM2CZbcYdrvdNqfZUTJrLP9IZINU1PsH2F8FvT6SCCjFgb5jhFMPy2
skcGMeUo8cDtWpXhbS1T9ZGSc2O3vXvUZcnYCIROY0JLtRm1dIZ4tO1lbCrWPGp8qKeSPNK0JRAM
B2o/0rWrwLDQaFTNvXGDo8sBdCpBaayjNCd7q26sE+PcgyUFw7wqt7H6Zn/lLKkKlCJad8Nd5ryy
q7AZH6HonlrSBp5rlrBZy24VvRr+9TbcKTbL6Dz5zHSUE047/QETR+aXG7TbCJ1LFDvJeZwBxLdN
XfHzpGEB3q/sVr2TBSTJsOJNw/xzMCzH00ivqQY2RVaqiQtjWYi5VY3oYBqFxzMNszX8cDDMcDSW
mFv1Vgn9YUaLNbPx7Uunu/ZWR/GYkAQ/SXUfDIgKm9o0NoaDlL/utehkmeXfrh4DUopVj/k3RmeS
nfxmcOqbrihvcIKIKZJPra2UT8uKkDIiFVhxyelNctLAhESaMqRd8d5L2naONmW+qWb6204oOwwN
gKRR2WeHupCBBQO/aEbEamPENh9KZAxXIzAY30YdPua9cPBZCDVp7gvtYQRpfHQyxvl0MCfEBi39
65GZ1rdu6tGpDZi8FeHMpWDHOvttqG8JaS3HVq02XUzgcqFWgBLrpL0RCzwi31viersbNStrRB5F
JMYjiAQjzPaRzuBHKNHEjj1Uvcy2XnOYJislnQUzIgK4NDs1GbsKHMBmxnYIs7dB7gmjm+nFaLp4
p2vBs63U8b6VIt6BgrkC2KUgqGe/qEhYmFve86g3MZAqzyANtcCp3/Et8x02VZ/Ia4WQRw8HaLux
9FMo3ETZ70VqBBtXncTBRHy6VNgyYRFHITNv6hpJZ2D1BNYZ1WuEoj7tzMp3+py7s5ofKUNxEUfT
uYxrmKfjeCtD7M56rPrNaOiE97mgvuD66vT8qAPKZts3qWADXfwpFm1vQLjtKS0mLLXTIgBqbeIY
HAac5PLNO7ourPIKXBkZEW/bODMD0uVGadL+La8Tw/8phvh5V1WJL71vq6cm7kj0DTrtOofLpHF2
T3bKzqPLACLVWvVkj6yUYzVOPMkiPM2N5MznDxm4dGDFkMeVlOg+9MQ10l70EAUbU4SSFGWDPYyn
JApLHhINzV2buEcx5J9JiZemVorsJLtE+n0h0D8rcXoyBxDT9ERb154qhnOSiG4yxffdmDDz7pFm
yZB/aszMp1rHYGTBD9gKbsstKQ1bYA7l8NDdSb3UNt3T8klCKiN+rGo159W0K6D1ja6ZP4D1897l
OAbO1folOeTrCW4qYNrEXXT0MyWGBCU7u76iU/h2MTW1UutrJ84xUeW8KqVixDsIiHu7RdgHu3fN
d242qui3zuQU27L7BFvFy44+YGWZ5Gwa47ftkJVIPA6o6Db9jUWAN6Re4d9HTgz1Ac1KYaASDRvU
BsNcxzvo8ItoAvaFVPJD5va+RqLjOm5aJF6VimiglFGwZ6zOSyBCtZCFyXuSOqSGN07GFcsxwFO3
bbLXxJLztZk1JBuzU/utTNfgjzEAlcOwt2qcJpoWXtwBFKFaFe9uTQVckioRUjButJGzPgDgdDTG
8SkXFjSbFqBFFqD5NyhX2pGGRWSVvSeC43lu0mkdp8AmTNtiy+2OaPGfKqvp1lo1c4qmXc4FbqE6
t4Ia1ZjS48ea8A5J9RK0drYG1QT8ZXlZ1pDy1IEYxjxNz9VUvcURMkfIvh2rLT0+VsX00eTQiXoD
9k5SBpbnNCNAtTngCY3T9w5i/6p3rXiTdmCkesc6m5qCEGJAQSmx1HoZC9yDMaZHmNLSV6X5RyX3
i2w9gtfBrKBNJKENVmowcK828NP7MuVJ2vw03LEzYQdr86dpSnnEe/W7pH7Z9kmUbKOw/z2ZFU83
kSess51TS/O5jhqDXy4nOK6zYvckBt5qcY7PaJiIXqylLTZVWrDlYxi6YUGke5PmQLesHTYgVbFn
JRptYlvY+7TCmpCCVknVuDwDhDtYNtWKEQeIFAFKRrB2f8f6iNFCllttCMGSB229t3Yu8IuFCom2
gHPbCwz5ZZnT72XBQt+5n5vRPVc98rWyKNyzDBS/GsmmrsdE33S2Pj5UbbR4DqfhOFUNbXnLIVwB
TSi0OTiTR/JJ58oXwCs9zE775tgIZCrNbG91eSviYcct3l4D7qOdwShnI5HqRwytdiBS4BC7p3lA
Wt1CTFwRJ515ok7VjQhHdxM3818nwTYwyhHFALyIIpmcU6Yp6rMVWvopduZsF9tAzoExs9RWi0cU
1L5uau01yxxSUVoIgJZDSp6TN35dXMZSM04aQVKEjwUNU+1CYRliN+CQJqLlIEViqwDjvYMLjSfP
wNaWMl5Gb13gj2grT3FHDIJR8BqRkdiJKvXCxO02qk61UxZAP935NLv5LkZtgd5LaXedm4Hkz0gO
YKOGhmty6rWla2xTlytwrDVxCtzkxarbkeA87jlYAfNU39ANTMc8Q4ueBM2zReRNo2Odi1xzGYzv
ltS3WzuKR5Vh1kzc13Sk6BKWY/kwcUpqIoCFbqTi+ElS+VbC/1YDgM1djPU1MAlcawbOl1rr9ySB
HnLIzL4yO3c1b9Rb6Xz2DSsVMZS3SiXsqmndbTnn5kbhOvBVHZtGZxzxsyj7qYB4lGvW6KUVQyrb
APaO9cOfVOKpqggV2fCetUrzCr6IgUHxq1WU+MnI4vcg6fMjQJrPnxsrAQsVNPgmVFUWXjkrLz2D
GGhCiIZTzhe91s8pFLVVBE8HsKfUfI4VSnaWvW32GumoQyYb1C+2EnjwKNJCBEtEnV8H0lpIJgvC
HfnoResNAs++VTZ7x1XV53lKsUUkbCVYdi539UVbfluSnARdsxH7bjK0JPja0odFbI/Ue+GgTvsh
aFnA4J2GEIN9LVXDb2u2Efdk1l7oCh4ZSkBteuRmhzJLKTdOmzA70uErOmPGbMooj2aRfCdGLc5m
ZG7NPJIrgxGvn6gIgN1RY4jRCJQOGFdgBEi2IY3FYjiQu3yJzmjiOT3Go16gqHARHY7SPhdlqUBk
7p5KlnusR1Lh93m9N0me2/XREhmfJiBqgAifs8HUdlW2KPUmEp9wIRm/lrwrafiVOTTvauPCIWeq
SYbefDVIftxnSUCJj9DUKRX3LMo/ztiCd5PkRTWts4mE+xEpPFoO85k1xV6IXnuub02uPsScsvbu
6GaobIab/HTgLHqDXkvCeuHTBkF5ynPFfERRtEka8Rb1rf4ZKqgfle4Y6yYcMlKAwS+Fx8QhKS9y
h6vVIFRVtXpnJKyVsphznltc2eDnZhiTizsSqGhVxXZ/GdTeT7Jh4a076VPRyZ0LpohTs0JgE/Ca
LZdhrT40DzOuGWY6MDQweNnbOUGrXxoFh4UoXpv0PloT2x3T+q3p0XDoFbu4GkbJNHJ4jsPUvhqD
HzJDP7ncy5o6YM9qxnzdWMiEfwISZgsTVJ8TH5k7TrBjcM4Uq7D5R5KsO4yAfdbhgFIGpqiyj0nI
gm45hV5BKOe66odgpbXgjMyqR8y2TCz6uUOOOtj5TokxPTDQb7d9qOT44OrUq+ISjwZv9blkVm7n
0a1UpkcJ0HWdWcalG7v+laRQEIpBfRkM53dvso1PE9XF88SEYGQ24Rg3tALTWlUVdxk5Jx6ZYL7S
iRDzQCCfIrOFiCuK8xCmb01G28txiZ+JOcOd+ci6HMt0OyzUHgA2krE+4haECXuSMDcKC4LDpE5E
kUAeWIF83TmD9qExNSeSwtqS+xm/WTZWnLR+lWQ19TOukRm+ey/Et8VWmZEl4w8npHKORte3rVQe
ykoiEBoobJsiuyMyeLLm1t5RfY1+NhGnPPahH8LW37sR8V4R4NsTshBCykoWzoHU8HorGpv5Tj2Y
CL2YBdco+Puk3isQqx27oD7irgDPSxwLIWF9heVhqNij95N6G3M99xyl+HIUDR5PSm4FTGxuHPDm
CkfyT0JyO9rTPquRhWbcR+x51zK0lxBp+2IL2Rz6ek1wF1r9hLFxmj0I7F3pqTse1OUDBnz4Ok2e
Yse0Ebe1sfkkGKF4bRB8KnJUtkbJMUmGOrqpCqRjzcRV4Yt+0MVOF+2n3BHrWiKtbnpxXdax3rCw
3u3GQAXaYSuFLFnuzUUj1XJ92Q0WdDAt2ipOXCp/qwMtSFU9Ro5nJu7E2Cje/jDQfwLNR+BTDg8b
s1siZe06utFWbGrg4zs9Ny4idE1PJNal6XBTDLO8G4G25PIukJQ8LLc/P+cPY1MF97vVs5ZAblDj
ilu+2F2Jm5Kt5gjYN0Mjt6ek5nAtNYI0YnNJBtSj9e+WQ/vABpuQ5mkedvmU+lLOzeHnQ0i5DnZa
+JNkODgM6DXzcNtXbeCZffpW1tkfwtAR3TXhKV+2qsVCw9fN7Nsuu3nbhehKGDTbzGmKlogErCTp
ZO+GUf4eSZFsWByVSnpKavdjDt5/Uqy1mWRKDJsrU0HMby8fQqBWqzCa0MYXxL8KxcHH8X/ZO4/t
uJV0Sz8R7goEAm6a3pDMZNKJnGBJogTvTQB4+vuBVX3rtKq6qnveEy5J55ASk8iI3+z97Xzs/5La
zsi3Q5g1817xp+GkbODX7NXvYNw3p2nEB1VGYAAiQupDmT5BrDbXlHvodqZlL6FYN8O9DQsgi1k4
0BGaJj/pIr0VxKqunLiwN20M34x1NNNBmF+LsHHO87vJG609pa41hjy8E4tsdAKjBCERkwS+Mwr/
R1hnn6Wa913lPs9J9osM4R1iqJDlDYsMbkmHZ+X4FXZtWkgNZCReA+EOJ6nwr0zD9GFHDCkrf0MV
mO3b0bi240IYRxqN4dlkcJMbp0kgog5C8hzriR9EXbwIC51lL3B/xgTynrzxypPLFUiS+1fCOu6/
fAeu/lxqrBxmUs175hM8PGH4OqhBvpRzh74sdQ82h8DRrd1FjVcGGCGmFz8DBPa1I5nbsjlbxfJ3
PdyZ8SQeDNCM717ZkZ1D9WFjZTxVpv0cGaPcCcO1TqKYXqUena2IARmMWMNZY4T71NCc2X2ovk2O
jOgeT6EZoPZa0tWZWGH7r1if0Ms4HllDOJbaHHm8aY/5ti9DhNPM6RcUv14+TG1Fgtay2v96LuUI
Wpo548pQzouKh/tmcp9z/9PuXps4uhkTkJG5r7+7oGuZXGBvKQrn4uXCBleW/h7FtFF+B26CQGTs
fQJxnfKOjIWNVdt2DqjuoGOvo6xDVbjyZPDJkSyWgSM/Y6fo3OUyXgM7pij6Cl5QzBB3DkRp5ydl
iu9YWyzw5iY21J3O1I2J4zpbENeG8r97svoQMcqJojgPKQWw8zS21zkcP5SPrtdwKxocPXwziuqt
/elFD0T49Ihd70SbkDXQL021fGlE+6TIHDc0Y5lpuFVev0EFsYm4EkD2RjzdqA1NOAh17r+kTbQN
DO+F7Ivh5EbmVltJerCXTPgxqPRBz8Y6Hx/CuraObDf6E7GNvMROgX+i7dkI9VS8MxOyut5HBRNt
lsxrp8P84d3pjnawNhGT21P56KUEbkg2STA4Ze5vaFjFCjh+NOOi1eR3M30Pb6msmUYU5Fvlbfqg
jJWcucKn+Clk/ET5gqTE59oJLQ2sEIEgdFTyP7544y7CIDIBcGX342eyoMqKQxV1G69pGBkYBd99
hJ9qsvJjM6tD1OBTC2mITLJtD9aUrXsEKwdzOXu+eL8iUfgoqpEpmjQOLoYmot53TuIXh0Fzb1c1
7k2etc88MtqtDGdq5lxqmnxGX8wH1oaT0FT6/n3suN8oiDELB/UFpVN56isPTfdom4ewCcU+NuHG
Z8SPsJmgxUi8GLxuyHsjEMmZHUq4bUvkusOi7vGrOt/Nk7gbApzu1JPM8HqxDy3g2EuyQ15TVo8u
AltnHN9yE0MOxNrXavm0ICRuwqv56bTGIxUCwtwsuAjOn6/r7uvDV9KJimGaJ7aHMS1C9x/x/QXY
OBsEVCcSXJ9q2+aIDfCeoo0DQK3CLWcdfGUQSSzohlPJhnr519YBr3sULu6hIr+gWiA2K6DoK3s8
MYIv4Yd4pvtL1c3p3kl5o6clCB+N4zRmj9YtsIMCwjT4UcHbjV/p7PtAVBmCvFFChDW+scDEb1nk
ryNekGzt8MJWFZrPicK3opxhPOsFa1mAv0FjXAFSTnL3xn2lccrWN78kpIGmdD59cZyFacZMztx7
fzRHRIDDm3RxdIYOTk50WWsyNvkWpERt5ls//KU6sbe+xfFsFSzVIF8AAAq8U1qa3gmoKBlTJNcr
aVr73tSvts2dsfArwASkzON95F9NpgAMVfD6MzjNCEKxQ2Z+wNWVEZhBKKl/ykz5u1agNW3mmONs
7b/ubQZY/dFov1vCeAa6eYmWJ8WzgnMYOofaVLcWHQ4eaRfreZeSoccZsHaH6dK3pPgEyW4k1Kde
0n2UVb9OQxLyeDcPaTeeLSZCZ4LDtpPVQEVvIEgkVcBR7Ix3/CQ7hAD6ORz0hcr2kW7N23hL2lC+
5A4pAohskwOCXnnjC4V/cQkp4p1U96QWBcQXaWKMurdUkGk0L+lGxZJz5CyJR0r8anVN9VSiPeSk
C/bxwDBP4/xqaAFXqdc2FyaiTRDTsrTeIZCwUv2MoCHdj3ui0zkFl8Gc5S5u0+c6MfBqRxH2JbLn
04wxBrG7kNdPZmVyMppoAftGB9sW+WzSud6K4W1+LXM8a4Zj7BurDvZ22maH0IwJ4kkmtZaGsSMs
VRyF1+6KsGVckHvvcealR2FSxLjTZWAlcm5ij2kCips+1pcuRARAYZI1/fcgKX4Q2LYIZSfkwmbf
btBvWCtN6BXRNh9GQjAVWViiQtQvkh/FkpJFfjNqgSU5a1wytGjYW5iXaPaLLILzeSuJuaHjMbkl
V4kvBiiipL9xPxYbPx0NLgPyuqicX32tpoPZfwoCvVpTBkerQgsDGL3wTfuaJLx4nZs2ezMHEhTW
ybPLwvbQEnWSDoF50jauKhy8kQqPNr3kunGwivjl76YMwA7hQapQdcoW8D1GYFAQ64QK8qBVobBV
2r/8qoWE38KsWiikQR6c4yiBFDSP3nqIq6NFuNaWbyDcCYcBmbJTCCukpLEAxcblu8VKjWSoBYSp
8RDgMmUgFC05a/0iDIBCZS+b+cDPL7HOwoPsbmJAumNgZ58IbWtj0tuWqTNhbqQt4oYg3s1BwLgR
/EYvwW9LAlwGr2I1BD2jRtGAXYfQwnN/9G1HsyGCVhFA6mXS9NRA6TgiwZrWKBnahz4ZrqFLiCYg
gNw3Pxnf21evd3NaqfsOXOhmCCtjr2PGdX3L0D3LLiYNtp07zqYlO4MDKjl4JQJaWmnsK8cqE5/B
kpMXWiTmxT4+NZZfFeHixT5gMMRpRZVCzh6YDg+XduC7w9adp/M4kiuniIYxGrTbo0K1ZSlkY5L8
vnJJ8rM9Mv0g13RgbNxfw/28HWPmf00eALVRylyXTsKyfN7gtmeBtgsS9SGbZ8slFhXkcLuJx0Qt
+yuUP6g/tqJ1MBgy5Crxg2DneURc4e2AbTQslJEw5N4hhRHN1AHqAUmG/pJpyFaGNh6C7dCRdygh
NRhLAuIolm4NhU4Z7xM3C8+OKL+5o7PJnd4H8IWxHbUnNXVE1yFx61ocGsaXAyPNf/iaGERU6qAI
KqTX9TTdySJQqPKXuLNIfnrMg2txNmAQbcMofc4qkh4nVMNWbdDfDTghaoMimWvORTKDHAyTAox0
dN89puT6RpfHJU129rrCO2JCF8vifjqqDB1QA6rGBqMX5bpYx3P+mDMo2Fjx8AMx9RMOpWHNmH9T
VckxuDielTM0ZW3E3HFNVMJRNAiR1dicylZunUmkh64vfJQycpcEmu0hFIZMWe1uTHntUNje0Cj7
64ino0rtE4vRbF0H1T5RhrkPUMHbowBXJOG1hC6G67A1f7L6JW6sci34DnnBRn28iiTJN+ONDqc5
2fG8RmMSE906f9RLQmi5ZIVmhIY65X1I7Cj7G/Uj0xb4Fg2ApY95n+fl8I74B/PskkKaEEfKItjY
Z02OyZmk0swbb00x9lR64Ora5atoRyi06hWjNlROHapsRkHHxDKqRycvrknW+Sf2N85GBdPvkkzt
g1UAZsQks1pC1Cgc2w00dC7etFQ7GUaXVEMKCDoFP0A+Ec4IktozV5YaSJziaa3qSoPDISvJYW+x
CcH+NQxSMEjl29AI3xv5WHTF/FIRNMkTpTSltZYSP14Cb711uYtsgpUOk6uJNYFVgG7M2rATH7f5
vDADnG/EqBE51/YIXcanEBfWTtgSF/2SVysIrs371mULT5atTahts6TbCpE894755rE+wt3DfAWZ
qGeWBHiTZYAOcYdEgzad5wMRmdU+WpEXnVlT3WuEhyuk0zFJXebZc4K3yIee2IOUT5ZUI2dJ1Mtt
LGlM8bvWQRiz5Pcm1P8zgb7zkuybLxm/OJzIYhDDta6yS+COULRMHhtPNQHivtogzC8+5Y2OHppq
ek8eCJ/8aWW8XaeqeKm6mi3v4H/EiuThyCeLOMomZHD4PTk2z+QcAQEcOt4TqMFg1NO8AQHA0FOf
O1bxseRextAIo26OXwMb0AVuHWy9MO0dYXcnXSzvxJEamrMPjkscMkWqRT9058p58Vy3O5JLV53c
pbr++vC335K+C4xQwQOMCaAw8N0x5CAE44vD/EU2/vrwhTP+x2//L/4sT9g7dzSes58BrPMY3JK1
XuAAgUctRvpM4iIBATTYwxeQZQkdtG/gTjSpPiVJB9h2+VX0P7/6+u2/+rOv/+Ufn/Gv/helRpqF
2AaGqYjtsOJarpK2iS4RHtEF5TyuRdmhzJsC6HuwYMh4TIiGbF6UVp9hHzbkOcZ6GzipuyIT8Vx4
EdMRYiJ2CjkycQTqUw3ITMm5AJ+1RUNUnXAeMBCcWLv2HdNCPSR3PHl7jlhJVhQ1Se9H40XjDelI
P9oU9gQZSXZsKhlz2KxqV6qPzyH/fYrQHaNjWffzgWFb8PFhpqZ/r7LfnJnjuhQcc3072VsSeve2
Askhze9hYpHhG7ThptBMkcyEU3LBI9ATMnw3T2Ug3z2OjmNAvPJofVQyuE7gn/YuLfyyxDZ6/UNW
0HQCwpnNjiWoQw4fedcTL8+FcBCLmSHBecOAokg63gqHKwVyYLz2+W/R+vmTNt87c/rFcDXazCJ4
CesOXxcsM6vtqlOZpuABMHWBFpUK49c+JW1gF2g6ez2Wn/OU3FO7cA2K9hU9NHNpEPxEm2QPlAt4
CBFekoZOsInZ3/KABDzjhorI2vBNvejG2dOlY2Y3BcZJGf9sGVCsEoJtcXcP+UE23nNhRGAWtJ42
pCF0a/rlizXn716vn8acwkEs8XI69xcjkmLYEoZnYlItkoWJU7MWf8iwhHup0nvOCIOk5qWjG3P4
MoyLxo07TrDdmuYhW9J5ah/kRtA7msXwJ+bxgHU7X7BsLQh0Y8Ig6zFkAlu7XXMux4tkV417edsT
78JFs4lzGFFT6RfbaMwf56l/inwoWoLIwU0DLYw0SmweTg702ptI4mrtQh0T1i2kRF5r7Wf7L+8I
4+ZDkecTycLwMXwSlQDfZefJL4Hy5/qgBACMAd8V+4OOSIkGrYRf8lqYYS7Pyp3faBRXc+cTX+vr
iFyy5lRVKZrvEbbN8v2bzcVyXEYoo3hgW36S8+TQeedvbppe7XEh6aJ7i15VgArIE6DUiQtK0OHb
tz6h3iE5+vvXF/LtO8tZrCuakXOEW7NjZjBEjXNAtwGHY2YWCysyRM3nBafOkPuc4NtDHQ3DYSB2
xbLFxNJKslUnWysGC5o9JEVyKvOev5cUMjFBswFbbNjBya0NHhzqYTSudP+pv6PIe8eZdekVEC2i
sAYSdijfsnRcJfG9Z5tv3WgXa8sHnFmZd1bi7LvMfZ+L7NsIMekQj+XB1cG7FUQBW+ykfxosnPCz
iE59lNPVsDJTlkLyDCmUTPBvZk2+imslDPfjCa8uJtUqZR41wJPfBknAD1ZE4qm061+CdKsmSpNb
j5BhJcCiJDrb61TFtyJis9XP2avruf69kVGv0z4A9Sc2cLK95II9+SAMEC5GqaL7pCNGB0uw2Ps5
Uxet7srRNw593LBxbHxGQjWQxza6mPBQjvZ3R8KiwaJYLAbK2r2NjHJCNo4EOhPUMUWP2dJFaRci
lJzRLXhsHtg7JuQl62ePoKJV1ifuul22DmXl/0hwH6Dm6outuUTeyuXx62xG9X7Lyw67ELZl25Pt
DCU9TJluCSrSdUCdsQ+K9iEKHfZWVfKWVJW18nVSbL4A7rNLkBX3NjDVQhPfaJvOYtRFBwzMQDMK
32aYV9bz5Pu0NHbI8c8tGw36fVgCW60lzOjrg19hbdWSuUEVN/eFOQx7k02EZyEKymoSYQlvDDop
WCNUj4NpH7sw1KevD32FQMVePF+DF7yO6eis8B1UK9eOyWgcxs9clC7cF6TOWOHPlExlutwgwNKU
DJ8L0pvhaqAoGBhYn5xe9Ce1fJjLgREhJjfO/Lg4mTJ+nUnJYo+A1zZxJLxa0E5z3nzKOC0YrvI5
KABorJYzzRHyt+953VrH6lU1GOd5NLDZWew8h+beQ9/0XlVs8CqEZkUwvjXLBrvEsLoROv1ELhUd
B68SF9I9cIn2imFgbBAutMnnIL4iMiaZ1lCa7iIlsqJ1Wm7NkT2AAKFbeUW/YRwXnWfj98S8nk5C
nZ02di6A/ShAZ7P55cEKWWf2EK6VNrlVrG+6Z1EsBGIsW3vxJVX1HfPzDPRZBoJN9fc5//rGL8pb
4No/xtZ6ClU0vxtlefZdPf7KrRjEr7bnCEgZO+2ZwAk2OBXqZC9psYKXrxIHaTLbejckTPAnLANz
xBLVl1UM4dd/t7TdfE7tmwv3JivENewUkN9WExFSWL8DFzEqBkkDPqOXbINB0hsWCLYsvCgbMwoJ
j4qDX+mM4S/EyR0R77gKy7m4n1wkoo05+0/uIgH3y8b7MPWxq9prJ+ybU8fgoZowPbYefLi8fmFG
xeIqW9wC+bxDGffdTq5qjKPnojEZo8fwyljq887gZHPr5LsEqXG2iX+96zqr31FlV0c7RFSSluUT
2dMYH0SLvrgVtLP1TSMbVb41/PQ6T3OV+M0zOYinhMp2ZRc3Z+q7u8Cct/VkFiccjwFaAYRdU12F
OGBMTFH8HJ3IrY6hxwxWTr98K7srwmRfplr9ljVAygbJN827s4s1L5TfW/al90zzyFHY7xUKiyc8
X/S5eJp+2eHBnA2CgqhwN2449+cwsnHM9Oa1IavqOjasFV3HATlY7qdS1/dDZM3X3umjfSoBeIyM
2+49Rzx2yKWRL7fFPR5PtqsJw9ShER5nem++t3KBjafSPbnLmuLrQ05PeErfdNRV9wVs2fu8iQlZ
qZiu/u23DPL3baemtUWtMqlZX70u+hZNeLxyAoQ5UCXx7gE8Tp/o86COqy2xDItNBH5FGnXrwLBd
zrsxBfYLziQNnO7Yue03151T0HPLa14xuVEpWZZ1arzYvfS3zAGKbRf9Nl1nuSKnV9ZBAz3qjB5S
oZa2WQf3AesmSlagZ1WKyDWbT21kBw8DegAr00RMTOnVe9IEVx5gX4IYLHsEEv6YgTU0ty2JtqBP
ckpiqZglVZhmSg7jg5EX3tYLgFr8xef4LwDItvhnw6CNn1FiG5Qu5sE/wgX6KMjiqouTA7GCmHjm
Vt4PnTjFsvMfebl2PbOpU6oskIDMbbaOmlpucTb/c4EphVIKMXs2xRmKluR1aD0K3CUuOE5j44B8
BXy252A11pX1dyuUleFZLhs3I7ayPThjnJwmSngUA5nz3GV+i/cDJo+VosPHYi0YJIh5yzwpOsgq
eM8KS9+3fp0cZW9dqmAO7//xwcuLlhCf/jk0a/ZaijppQAEHTsOBpdu31bYS5q13oeL8+5dR/cnI
xnfpWSb7LiDSFi+l+t99lzrCEDFL0GGddj+x+pvvfZMAIrBg4WC6cZhwDPG3+Vs1tWh+3MzaMMa3
bqgdbeQgWXmEGWPd2L+2F1fNOzQLGFjwm+MKE9ETb1zMOL37LKbWOKZ+s0JfEl5hvDpEwmbAOh3n
Z2Y27QlxcPQosSEiuYg+siZDUzTO+asZj0Q2lvAqOKLdNfLP4ME1+6M3TjX8I3RqEp+eautjx96Z
+qw1Xz3F/vzfv05LKMaf/lSfUD5bSAebrOv+kbRQWH1QRugCDr0MNmMBVNOB/1/pkm83kROlJKxQ
FEfdeRBIWaNhl/AM7LXVx0fGww9B4Yu7iA2FO2XN4cvAltgdzPDQ9rc5+8b1p13l4cWDizNPL/kY
P4wiH4H1oWU0gvzdIJ/tydDqjIbn339v/L3/8ptz+AYd5MKmWv77X8y3xYSLtRhmZO9Olh2RlzI+
3enSij+iqsUCGZY1byV+EGyv1M6qW7CnRmwADjW5u0qK4CYDPE/S1LbwWLayPyU9Fir6S+PbeuM2
AH9THiv4RnC4GV21l9Bys7/8KrWjB1da3cPUA8AzZNr9BE2EE2sq3pwOZpO3R/wznnDlmg9z2ZId
Gwr3PagI+1Rs44pRvIoueY/B7b5Q3fT7DAfMQbm9vBHmTfpXPyDE1JODRN14Y+rjPGGVSFdkEwIw
pOcgJhTGRc3e5DBlzpGYct455llG18YjrLAOTe+JS++EtBxUeJ1Fd5XvRA80sxwIAV7KJhmDc1sX
b0PrDL8Gll2B6j7KfiI/0kEKKu1bN6BjSN2FgGV36qlilr+v8pHMKRrqjWFiJM1r5HxuPzjf6rG8
mM1s/+JoPTD9DM6OAyrViQlA7IAIPSeByra9aTsP2OxwXBj5AdNlzD3BDDLacW835N1iUdE7QiHb
d2xvCMfbI+9d/Lva7+5kgstFDVxHuqm+Fa4DvR+RAlosdUoiMCqd1YCa6JBiDomEM1N21jajzIiC
0nz/90+h9c8nke2CTnEtXwrhmn++w1jwxIaFJ5e0GMyWAumyxWjz3h3eskFeY5ecThU2zpZhojxn
JvnJUUzaOhJ6On5PAx9Zdo6xkD9ymzmvYne3dwV7cgHNYsinaTP72DuA+xSbflHVzyDs3K7N1/nE
DLJtvK1V+szvg+gdYRuiDaaja5XP96Lj/8w8bR8IGv8Pb77FXv/HwYKaAtebYynyeIT5x8Fi2LUx
99KNwKmVl3jB/siJ6A6HGOGH0O7PeSHJaA2L51L6yOQH0T/T0VwMDf5iatr+2sL16AdXsv2xw3sQ
W4Sldsyh6xnPcjWg/g7zAeXgIoScx+8m7r+VZeAADJPkhTcRQFR2YmnTPjhWdJKlfWAcne6ykby3
xq3thUNu72rIMOy/NjPrrP/wEpjOP//oIRIo23fwezB9NOEM/PX8cQdR4Qiuo8Mgq+EyZaF33zcW
+zL5zXG77nEOnehUh/FPV6HdUHH1pmOgvW447hxXMJDL/eo9Sy/dYD5lU4qKOZfWc+5CGawLGNVc
Ime7boY3P34PkClcBz38qEchDrKe8LkZSrxaibtBkcI7rU3wq0zlpbMC5PussaMyey1YvF3muHkz
wg7saJAmp9Zo+ief/KKgqJ57JkKbOh+rQ9+X16wS+gLqZrwbw+nDE+2AzDTfkeCKOtx2XtspsS+d
VOrCefktU2BTHGnymHZxd0M/ZN3BGniQdW/TGubYQ7Rx3+MqIixb2dtYz9WlZVWz6SZ5/6Ut4cw+
thkt/yBGD3lIPd8q27x5fVWe+7q5WVbn3Y0Iom45zWDlzyiO0Uvu2bWejbLCc9IRp+D1Nm6K2dv3
sCk7UbMq0NDVGUs92mYP3N7pBKEyIeA2A0EqNsWQgMdV5VbenbRbA9ES8pdRZbQeGiLk5Istbup0
hQWsWOs+C65Zbl6YOGT7ZMiabeWhJG6LsNnGtO9bYeb1ZvRcxHemkcIQTAGLxP0BySnyvZi+PJgZ
dttmCHcy0skZTTeoJYOhuR15wdasTblXRKo22SvFFfVfxkTPiDA+tz9skwyJZp6Qcs3Du3Ctdj9H
iFBwRlL79RgcqwKSwpDQNzRz9LvO5BXd5r2JZOuic4ajCoephzBnVdN2XZusBy7n2tZ2nBi4xBOJ
wgC40AK6qC2mWDzjMy8fs2gEPurwmUTNU6vP3itKsRVhUoTr+Ilzl/cTC54qMF7+/YFqSv+fjxZX
usoxPWUqx1d/lMiRaTAYGmDxsk0Fxcfu6EJ0ZAC3qltgz0C7aaJvRZUEm8lsCbxxFcGEkfkxkPwO
PYHBnZHAlSh9f7y2hoyORP6N6zzyn23fiw8NyILd4GrzQArYW1cABaym/N4u7fbSTQbSvXpoV1ZE
+oEfGGvf9koavCsJ7tF1Wfc9UpDirTAlfLoC1W/Act4TMtl7A1i4vBv4vJBxClEfGbeQld47JeKH
wdb9RmOVvrdVztq8NAkR8svvrM2ZVHvlfR9FxJOYPI+xbboPMuvqteXE7S7SQAUnE+t2PnVvuZbu
VROwbeE2W3x6uzw65Ubf/iQg/hiDPUVoeZXyB+OL4WCUbMvLZDdTRDy4VLjcJFofgIegP3GSjeZA
3uqBvyWUDrCmPJgPlhNeuyJBckMLxmpuOsK9sDdfPnjbPVsOY70sqOZDzsQGnrD2X7HR3qdTDZ1C
PRYzmisKb+sU2T52wM6tD9jnQbqHvrVV2LDJzSqsSwo/bkaYdIcOc20aFcUGRq8mQxmjsSadnSIk
0SHxFlHbooRAXI3exX5OcN6cZhco+RCgxUzSkqg2D2hcjB5kBluxVSFmPFSSSZjkP/0UYYCfSOB3
gTxL0rP/FqTz/zE//xnzs/Rd/5P/83/A/Gy+p2X3J+Rn+cS/Q358cD0OOB5XmsqyyQXiPPg75McU
6r+EcjxfSNsj309ww/6vOED/v4QQYEYUkzxhC5dToiU3+m9JgQitgPHwaTSHdAb/L5Af07UIOPxL
raNIYlKWiwGJf6HNmWT9UeuQb4dUZXTlHWE2mahOXx8Q4VtUXRYILuHKvVykkkblwH77Enz+4/df
f9gJmMsDOtFNi5j4NDVIaNd2cxpyZR7RLhIWlzXLGacna2WrfgQzXyIkWrkmiR5NuqxzIgPBFpPQ
rw9ae4BfYmvwj4ylvhaVYUMZf/iKcv36vS2DszXW0b6HdnisaflRU94K8khwP+avGZamaLJuIszE
oRgAIJozcrUYqQHz3QCQHVrJTZGwGcet/9KG83NOUs+d1vnR0BIu4CKRntJql8AEYmaF9DVU3qOG
+qGCCE3hDNYk5Sav/akDDVT21CXq0JlmDgS3xnmEF4lFcP3T4pBiteZeK4sGwktvbR0+TqJ7y+za
3UibCoJ8pi2shHDt5tjMjDgGoGoHd6TtYiCL/d/OuMkbQNv0s5DRYlb9RdXdQwQhVkbfq842tsZs
v9X5dEE19WjSJJIRlG0ynT8WFQHmMgBmJG4OmgB4cx+Db3PbKQnwIiR0fQTTsnzBLmrfqEdOilTx
aQR7z8QFPKBejEihP8EhqvCW2NjY6nKAmF7cSjQGa/oO8OFQyRLrLuoKON+8qmyxSZ12soC7ZD6T
p/leed4z7vgns26uXuu+YFZ7bT2XWAudHPzcgfMU8Lpzlrn1ozRA0yKdSNWwnsfqrLklNlFYf9Yd
spvSKj7xfo4lYqZsDraYRhk16J9aIxm2yLbJF3F4uo8QeKJYPQWtferDeDca1c4SMSlO9Gup6xwb
wWCsNckYGAo72Jaq/i0lHdckoM9FPXvL8NF35SXrzF82pEiZVc/5gEypI2N9FUX2b6KO1+gVz0kH
Krh3l+G8rrgD+KYxI22AwfJauj0PXhN9xLpmXeWS+97Iztq50EHrzCXbyv9R2QAmG91ciuKbFhZq
P3YVa5PnYQUs48l8Y6pJaoaZw0tVzk4MwZ01+rvleapEeSiFx+YRmiY6CoIe5uwaZ8dCGxfG1ewM
UEq7zkUSfr22ZpuWJUadxdyYJdn0OZvjQ+awcwy7hBmuAAifYqfoWQcMZv7YgIBd1SJ9bczgzSr8
h65H/9iLCfWqYbNahUVgELukOnE1sJN0pKpAkcAM7CUH25IpKBniCkZwz14FQkw7n33Z4n7OiaMY
AtQSDeh3waDKpmD25/FiecxzS00AqbRiPITkhtUOPJ1WXQs3QEaTBQ92Vh9y7Ee1Dwm4Tw+N1bJX
mmhQZHzfeN2zTklzzPycpHeeZKKkSVdyKEG7kJnDOnfQhWQllKquSg7Nkx6gBXcEiiucL3qijOEW
3/Spg0bfDh+70TrPmTgTNGjzooqC0buXYtHNquk3f8F7HqurEQE9T5v4B965oxhydqLNU+AkP/h1
zJzDOXgGxrMx4d97rOIh3VlBchfXIa37Zuj3eijRcC/fT2uTKGBJZvcWYNm1VChTbRviygR7BAPx
pTVhCYT176Qz6AwfsKk/d424+SE7387kPQ3Y89qDbmU0ivqufXSs+FUrHEEtapy664/agOsuSn2V
xXRzGc1wS/B4JR+DBQYEo8Hv1uuo6KEZgQwfz04mnvyEh5lQvBo6iP4l7IfAJ8wj9MhTjH8F5mji
e9U35hNwFIvu2SzJf1ATiiysdyCSUER6M1dK1AdPQzT8bK3yJqrhY6z4R1pz8aAkUuAOzxnf+cZz
1TXyi6NOGJS7ff7dGOEFa2szSPVS4iZo1eytceHUJr6+IRO3gEsA4e9v0BnPWtd79N2/x7A4J+O8
M2TV4eHhNulY+qwRTAMUg4/ak2+B/CEBNSDLB2pzzBD2YpstiPr21tJzCSoN0NekFobD3NmCMd5D
G/d/OglnRU/R7Nk/50mNW3xRfJGYLRVL0K1dLPXaXHirblYPcIfOYVYsLtC3IBa/3GBBTCgGQbPq
gb64d4Ecdv6oz+RAB+shn69xACJLEGK2iLqkXVG9ItWWxLKRxirCm1jKw7y7s6zjmOZXlQdYTl0E
eX1lE8DhY/JHxNuZqIWLx2zIfqElQYqBQs0fxu+eNYqNN5bXoQYiu7y7xrnegbJa7HXRr5kUuUGT
cR8weUFo21DbozY2PpyWGXTa+kzokbyEetikadGvqVce4FH/HIq5oEKvCOabf3QyfB1HAnM8BnlD
gpII7NQhZpy5al3xrQg6jGQWoG/Dm45jbQGygqEn6+ZuNNLrFFFOgE+lfcWnb5Dl4Oi9sOebSXOG
B3c4oNZDljvydVN1LwpQBEmHtSxxDhVI2tp231gyROvlaWcFaO5bD11JSMhLOP43e+exHTeQbdkv
Qi94M01v6EUjaoJFUhIC3tuvfzsiqypV6nqvu+c9IBZMMg1MmHvP3cd8j0YCOvAYPnOreaTUgdrK
hPT590LoB2+efgUTBoMo5FH/vVDx862YEClQDfyeIK3ZL/54aheLekEgAiXFv3Uk3TmpfumCg9H6
COEmqNSl+WQv4gyRCwsZrGLNOt0FjftACStifV7kF88BtSCkdz7s0Syk1PO1WrgRdYTSKBXOLY54
G8+paO+oMmO+Ax68KFMQ8MyvC4f7ZiB+1uCkhq5owa8uq787Y14je2E/CQrq9iFc3TCkWI+lTu/G
HWLZzT4qsoNb2SekiafB5Quj8HwJpvzcIFvnir/HxhAfk8X9KVKgTR4R1WTUPgNSFuvKuXcSERzH
1LrtMkRUbZ396EYHYnbFRLEFIZ6O/lrXIZyMlIzt7aAwz7FjbvqeooAqLp5dogwbhC4flp084+gI
eaipf1kzQS6/fsHnL9gmEsxeZNkNGSVzFVJwP+nWSznwuIrKf8UnzKn8l3hAsGp54VsKHmvriObd
9LP72S3xIiiTJzcPfxVFo28p2KALSkC5zASvqVqIbdC8ekx7M3YrK58+raqigDfS7yrrcykNgLbZ
sxGgSPDe8ztycowFUA4QVadFzO322bdt5m25/oZrIe3XwJ0QouceWv5FL/03MGUugx9vpYNjIag5
nlCwdQCfRoSmKBnId38z/OqL0JcV6JjZ+D9b4LXEPkZspHxsfmzykQLaeVm+UNOEPEzoDy0FUqsE
1ZRvodY1O5ckPb5uWjqZVJ9F92Rlyf4ce3xBV1MavQNoR58RfdTpcies5InUzB0VN7dgEjF2y/Wz
1UKKaLExgcq9a0GXkfidXueCmrR8qb8tvvWj0NxzidsqcPMMHyX3pjT4je2E7wggQ1CPD2MZvTnl
BAgoFUT1LNpdUgY0fxutsJ+JUugrzSWmH5CpL+Lpu5OAQs676iFkYM1PodJ0hogApJBOSET3pUNc
acr3gXlwMgQLBvwnAsk4idJp+fNXQvWsHlGK0hCG2KF3gB/vnBmRa3buE2EowTTMu3oMn4lhdWu/
06XhUXyrBzLZKByLCpHH0kKKkrQ0cLPInmQWF+uwiA+QnBiqAD7Ibj27PoJXrQgtipUgk8C+fEsN
KZGrv4rWfko0VIhZJj4mf/zuieEnqfVf5uJK9e1nHFA1V+mcKxEi8yGFSJaaIECAl5XdJQdkqdA2
8v3sjDfM38+uiQXcHDU/EP36jDuaXVzuialXbQIWL/a+m0l+Duv6t+joYmcj+zGaPjRpH5cGBvSL
mT4aPV7s6DG/RIeHkF6Mt4ae3gfGQDG6cD+7jKKBwsNMKJUd3rSmHy97WS46NrK2Mj/6LhqsWa/p
/vtviOI+rQQyHQXMexpcAGyoEimYSHWb8T8SX6oWpi8anCdLOKsgfBzRY6SUERTYVJOcQwMfJ+nG
S+tHZD0UDRKkOwhqqJ3kZbKL5zmK6P7XISDUdZDDD0hHEj5C6m20BOCEyUi5d5xV7UzERlFelIBj
FuHdjyEkQiqgNnPdosGbmAS17jr2891g9jd1OX4zUfFSMVJi1mZufD34wtr0qbUyXLb6+mEejVe9
8klWJTcaehseXR4wn8A8BY4rqMrcvGO+HjXcOmKeqS51UY4Yj6nm75sJL7F0iW9EQQtVB6+mAWil
bAkeWjEVNbpn3zf4YKed8Zp6Yuv6DgiOAQP1MT8kXn6ewudktKEHZXJUa4OHcRM6wJiIqRbf9mha
d6BdcBYtUYLPtFFBQLIjfA9Hozv2+MIYkUBC+Kzp8KkKgvGrVqrnpN/kiIYlzL0XyxavPvyPcvTu
Ks5rVPVSeP6rJ/9p1MNNYb7Z5vArFuHPaBm/wy/47IX7GtmMtwMfZLb+AEzsd51Wj6HvI4OMq/1E
QHSNzGeF+Br5ivMFKeFoGNNNE9+TgO62cEj2fklGBMKaYfWH2mSwAAIeyt04l9vYJX8UldVzW1O/
nhCQSwsmtYFOxRpZ7I8cahQP56Qx4xPvormHtwfhvKKbDzQoZHH6ZC4WzP5Z/Ep8e9dHzw79nulu
v/rRyE+IRLwDBRArVXytFmCsCDOo1QQaDnR1I96qzTynlrPiXiehPZPMqaAwhLOU5mKlNMhIRBDd
i7hGxlPAWwuq6qf6v2yKCK43dbQhYPvP9y7lxxdgXbaO20SXz1P7sKPt94k2IUyidBUhdJiffBn0
GAYDeRYKYqpOzOYjlPvUYuRJg1TZguF1MV3L69FFSFFDTprJdG61mHeIgpiQgoBePoxIL4NWkIdT
JdBd2n4b5qU4ual/T/AToMolGDPGKXVM6aqTARqSrx16ZRTB7b9+bSF/l+OgNNYdJz918gyotcrA
SZY2kZ1BPuVkXky4VNy0gVSCByiVU8YlclUuSi0qNqm2r4lz03mP6YLFLb8tazWc8v5YVa/2Zhg5
PLXoyi+rZBK2buHGB/V5U9uSsMUdtkvfKL25nLnLWYqx4iodqb6Xp1SdlbSjz287g6iL3KfOvzrX
ak3tu9wOalstsFDIGOuLQ01FYzf2T+rCx5C/cHiVp+Z6N6gjzYQWh6TTghyVU6G+pDk0nJ8uwvXe
7Ah3zE79CSp/67cZOV/5JnbhDQtlO9YuD0KHu44QSIHnmiV2xVKCr4UaQwPLC+UiT1xvv0QL2Iya
y4quvjhQdtu7MAyL8n/74D++g1pFDYLxvIn5nvqKl6sXC4SjxWCZm0neHELWDfe4bBxcoFfTU5Yh
y1GnaiLcl4JJ+NdT42N3Pa/Vyfv7DFq1uKNuyddgb1miQE6W+OKH1uf69nqGeUROpufDXvzXDVRS
foEQDcNX+V0GqoUzd9F3le7A+mpzHvQRj1717dX7qP9Ua//tvqCvFnIOIt2oO4GMPrEEZPrqK4Oz
8g7AJkg5/vMhky+AmsYLbIbFVTSTSeDmnXpnhG8ky+TrbeERlgp9+aT9t5+Lyc4RZHe1DgqLUnr5
bKqPVN92SW4pgQVvYZUupWTqSVO/WIU5r3eX3Fd69la2SI65YLDn1eNOeNmDF2nciOrOU4vr0/rH
LXpZVccXwqCQXaW+lqf18i+dcPbaa9cWu8tVLeqo3ZtRc7w+4ernqX9R+9RmJO9CfQDc3aWcJi/e
qWO2utnVK67///ctqLbVVVNrl/9R25fVv46rzb/2XW7bqnYxD1SHypxRlJPhrFUBqsrMg0EV6Fof
XAxS5Pk0AweLaxM27kwBWQuT2GmZDckrPsIQIid4Xyzdo4cHbFiSGMVhZaH4rhvTx8K3DmPTn53B
rk7EGh8p5SlbCBTQwbA8LimNPFga5LZa6w/aDHxBLUoU9afGaICSqm0v802KsvUIbU3p4X5nUtzs
F4MgClpzRL3+P68WPv4uo29+g+69IAV5xgpInEe5COORXkBth6aLrFOt9iYUxriRUqYJzgT1mtFZ
HYgiOgrXB7Wb00LnsltSi0DemtfN677JmjjF6vBlVR3y1W1/ff3/cPz6zvHklQe7MZPpxpmaZXf9
9z/e7rLqya/zx97LR/+x4/oFr+/yn/ZdP10dnVznRxE28DesloL1//lHm/Lm+Ovtl6aIQCh1L5e3
u56cv173x1e9vg1k4QmZOXMp9Wr18Qk3l5Hp76Kg9hhoKHGrP1YnSfcw8zk49GCx9X+lX4ypoXRb
LtQ+tabyMmqzndJdD3llr/cxHABK26kSk1WkajGrnRGsYGZoEU6xqhtRtVt8GRr/63aaV+6aQBWD
UNXuF2oYIxdkkmn3lDdK0CBZKi3jUWVmnHykv+9k66XTwSHRYVLTqLYNbh1jMQ8SsHwg/bFOTtMl
p1OrIQSA9uhgp/6W+TIZoaIVQt+qhE4k+yMdD6oyLtyDKmzLqDjkfMkCuGuhm9pEzPwjJ3ewNSQG
yZQPrVpjJLEfxdIQqYyjFdn1GDxMz8y8KXBBT5BRbgoJA/IlzaD619pf+5pGhymX4PPU1mSwOgPu
sVoo+7/LvkSf9iCu1/piY6nNCwY7sPeiZiwprycF6fVJrRmcmMua2odQmnvAAb0wzwnk36Zl9Os4
VOlPIAQRo8nrr7bdxnwNyzLcqvSayraR+uaEqCt8zb7NFf7XzK6JGMtxXS0Xak1d6b/2UU3ZEhis
vzBFo1u5ZOAu6+pCDwUxtc4P1upyqkt8zci5qiu6bMsOy10YehVoJVUyLlblimp1VkWHQ9vh2BvX
v6h1r6jTpl7R1sCb/3FF1c6kKInNMlbtNZ0zsIgGFyNaeS0B2WfLaxsO8C6YDLINIBVWbZ69OBLx
lA1dOZ6xTuuOs/se6kFzAlb15+I/7SMCc9Di1tgLw2pPM8KCy6IrCAO0Hr5M132zdPlJIqLLUBXs
jbLzWeJPKwqqIzFIZzu2w3fHWHgG1XWK1CVSq1SivYQU6kJSbLnXr1dCXZjr1RGNwSTVg4+gLsF1
4cnG6bqpnsygc8ttOqe/1GVQF+g/XapeXp+xNKtDRLhLXZTKDXZ2lbt79aRdLpF68vwEx2eAjqRE
BOwsZEZroFbzIQ0LjPMSSZySo/Ojo6H8U/CXOK2+QjIJ21Geu8jgtGcYSlFtKrcvq0HkDWtdMH9W
p1CX5/FyvuWa2jRsoCGgTVeXJyMxfdgU/ptqINWzE8wTuj+1enmWSjc+uiXxs8onNe3m/rS2uPow
T6iIFZphrnWENMyKzPQwFZigF4JAszq6yJYiLKhWcpcKN0XupdoG8lLKxXVTral92P2ReGAAoe40
IU+DJt9D6QX+v7Ti/yStsGE7/0/SivuULEaZ/7us4vJP/5RV2P8LpyPDc0wLAo3lBCgu/iWrsBBP
uIi8PFNHdeFz6B+yCsuTR5CxImn0ffhQ/+ad5BoOjatL8YL8X///RVaBucBfOi92INHA89KQ0g+L
j/t3+WQzpOiHXYP7K/bO+JKZMICp3PZAcGSheB0b8qMT3KmKwO2m176lvmER3TJgWKXA+fMO/C6S
kXUBlJY4QQoGjWoOcE32Ed2WdtLR0xNQPhVN1FhbEDNiLOIzda3Mo1KMOEMbn9fuc6qhuYM1I8vP
TNvyl409G0AQg3SHVsU/LVYO3d+Phk0iQFWZpeudKtd5rZw8BfJJX9/o+JMNLTWcau260Oz1ZFJn
R4AKS2LqDdUhExJdcfmnesTOLM0jjLG19DXIZhPhVPSPRQTMhOpwfOVShzGD2kxz7AIzqkbW1xer
A2oRy/9Qa+pd1NpcQI4PHAoPCTijkfgtWokv8nF+WPQsP6sFHDDSGkuIjhR+szub5ilAOXe6rHXl
JidKt54XYNyRQY192MOFWJbs7OcBc4Qg0B77OvZ20mzdB0+MltwlZk1m8bpIyJasma3gNp2GpLrC
eHA2WEV0pO7M6hy78Q0hwGXb3uWuQz67RVFXoEeh1ix/MEf/y63oHYd6Gbeunn3PlhyT3bj64fsA
QPCAfQxHzBh14UI5Tvzi3GJys2oiyKy+9t77AvnwkO2GWkvXRjAtBxIMNzjYUMje9N7GnmrzNupM
43YaZ5vS7w4dcRC5+i5pKCSljOio4c7nmS024FVviBtt/m0VRnE7BBmQ6yW/xb8J2IR9huDTY3LQ
b5PO/IT2OlAZ6mK2ouvmLarpYW00XbixnNK6rRqHiuaBziXOhm8z0ZkpDeYbd0Kj2TgoASMNd1Hi
J9yd3ZLtRup1IOhYB1DY+R1UvAa4SDPsLQyk8IFMB0zbm3He25gDTTYVeJTSUrSejzeoAmyKqDAL
GScqiqbSudGz2N17Pi458lhQjZw9oCd5iJWgeoGbQDY2G21v8NNv8Rawbg35rbtWvA6aDDzHdN/y
2CIXbpzfz6aD65G+vLgR+sGOkPNqTovlBvjVfDO6MefDychZaF/e0kW7BSuI02gsyd6ZMbDB6Jn4
hs1QN8E4bUdR5b/tGxsqldM7vBUWIDsiP8Mj1Q+z1uxg7zHTlNPNlg9nQCtX1c7rQpJrqfTKVjSA
uKdIvZZh88kJUGm1ZcrZRAp5kEQvFjUuuHkZsNjWzePiRC9TTJCYe8M8l2g7EfufnImHBT+Ih0za
usmS3hj09C6NhjtFJe2dpSJf0oCXryFbrKDlGVQAPaSSnVclPqR0P/+hwiEjef1DGbjrS8j0EstR
0VPUrZuGsoGDHlbZsv7KfLBqCMTGkykXYNBshyvnB0DYCsk9VATEZiByiWrzoHYFTU3SmgHFtrGM
ZkuTQLxZqhviahC415O31cso32JtgulGULewQmSPTsnFVzoNw1bIAXsiF7Mcv6s1tW/yIaqmGSp7
A5pbG/oOKBEq1zsClPiHLVu7AjPhhcGH1QTZrpV+j+orLXn0YcSNsb2cyX4E0+sT12Z83pygCm4I
7xNpCjwULs5ikFOxm21QIMHBOwNHclnVphOuX1syrOipkTMUzeqkoKGIwKmFCUFfmRQE6oVOMN3C
XjdGGEClZVzUe2TQYpdr7kwpbPdiyer9mjD+zixJvYac9HhAq5JrIyYgoTESwdAL8HvkNdwOA5sx
BnZpzlaw9loIBlFx0w612Dmx9rOQoryY8H9fOJCDtEv4BbsvugoViVGBrmvwdKx9eF4xoNxS07F5
k3HTv8J6bVk+dXoPekkOelU02HUwjwa3RVAu7GXnhYwe0VZCEb8HuTKWQBFNokXgbWFaluHJHXUW
peeD+WVSC73FiouiqKV9VJz6emwtagBIEr477a9IDv0xmZmZcMhBq4eXEk9qESAmngxhrYXv/sY/
pgEqwiszSJibqQqg2clXo2mb8dUAFBgm/dbLE1DFoxmjdOp2zXysSWYfY/DMTNY0vK/mGTz1Yr+Z
2dNYT8Pxr9+uNodL1JXqw7kFrqtOA9Vaa1NHr6y21ELFKJ3JhYg/f44SH7kkrsU0ySq2TmViYygx
kWYeU8Zci3Wmc3ek8gZNIeQu8+KtGhNYelgj31bAveVu8iyCwJpBmA/spV80N6PEzYLcxxPdnShl
QvOzCWUwX4FXSW54MROFxGimE2jDanLi0yyr7fVBfNM7Ggi8H6MtDPVmVU1eTyB/2FwhvAuBIUJh
ckbuOYQPgjWoyeooBjwc5eQ1x/giSePwkLn0BVVTbSoZ2HAl1+a6UPvapX/Uo6bbqeZNLSzZ7F03
ddnk5bFGYDDymo0oI/rWvjqopz/SDVoDtaoWfuAEUBs9B4Fqd4O22ieWh6uLO4XjSS06oydy2gKf
lBRW3C1vXYGuAxcFIi3mcM/ED391W/+hPle1t+q7/LW5yMhN4eYAXZn5e8HaQAdzDNOKONxQzzYc
3OytdeyCwpNRP6lFq4HfaXPOSKlH9o3h1fXe7BAfMv5Cd6SJs2lrm6WopgPaJw3CDTVk8s4UMCtL
yu8w0ZBBmUumiOJsCmmparnEicewxgPCWSWDMHY4SbxjFoupSbSNfeLQrWfSMNdWeka0l+5VzF4l
K/JlJj1xzVuoI9fDRn5o+x4bFJnTuO5WaxTJVUdv+AFZiTMAugG4Pm2d3ML2lDp1GSa7bl7WLDc9
WuBe+9qNDPDQvLhMI8Lr6jxWjlsO5wS/KrItYEP4xYVZTCc7yfSbBLSKtGQ8DhXp28jDKSFuil9x
PhgnQ7OME35d+FYFweMs4xYKjKrWEhl/KuKGGb5aVTuvr/lP+yB2Yj6gRen6+mK1BvK9OZB63Vz3
//X/6oArYyVqrZ8woNQ0y748elWVA1hUT2HduNgv+xP1zGaZJ2tAqBsYPLs61LODInJfu9Drplob
FpsKBXVYbatu9rqZo+3DcgV8x9TEq8LQp63qckzZ+TTDzIxabY/yOXJsoOw5ttsrIcMAauHrEwwC
n1rIw1CP69Gq+hu1mJC9bmZ6ZDD0cbupjIqKdDJD9Mg00ad57odTuJRhe0AYGe5nvNn7+mDPnA0X
ivuyVqtQfxgmw+khnvTXoT9eFffJqG+nnMCAelUB8qusjotH67NVoZRWPg3XcCc5q/YfR6rUJYao
DjFrqckMy3joIhMqGJuVOYX2rM4qMnx9F7N1UFB505CdMdJLN6XKXBgqW3J58z/3XN8ylCFq9Y5q
39Sa/rH31mr3X68S5H/ny5HLqvr0yxdRL1Xbce3xKrV9+cTrW+kJhZJm4HbF2fMAUP/1/tdvcfna
18PXd/+/2Ffm58Sr9WbYMRE6LuGMMCeV7rHEhjcQjSprOejj/Iy//bReCIlSu17f2YlOHhSLIird
itckRt1aBtVrCn2Fwezi7AqU2nsj9B7adKq+MxX+zRD9o/NEvV2Iz1BYqWEiYvJyowR9mZsOflKt
eIHuo2/6JEUdEWBAhqR7lYcoaVv8GbZZjI1GV3bPVhnT0/hklhZ6FAgMw/MyIlDra/2N8qaFMK+B
Ysg7R0Vy1gQeX0gf4J3Jn2lPzALGvt1lGh2fC8ZgnNNtzfh0PXUJOPyuI4PdAqUdmirbV0X3K3RF
zOOLuFHow7vZTajD3e9+0iHSqRJCkITP7KbZzZPxw9IgCw27oYQRb9Ywk7GTsI5eD7ydx+WQtinB
L85b1tpnSoF7mr74Xfg4ewrxc5w/AbDC0oNXCoFo2EWFeOsGksEeDux2zYS0wC0xsqy91VX3RhV1
XCpc39uo/+lS+VzpgbM3QyISKK52EbLSLXy3N8TkPx1t07gygJHP9K38q7QXfEoxuLPSnYMvINCK
HE5u5m5FZn2mYfYYEJp4HfJPiHbbniHX/dyj+sARAQWIBLrpDzXBR7IAlgnN0mvgrRXMOOy+Wkfu
jwUreUAtAbb2KQWHegaaNbGAxDPL3k8NynpE3RRfkAEDNhzsA7/70JdWbKYmem2nIDmnQDfXBE66
TcX0cQsICMufFNZw7mynxs52cSWg2Fv+R8KdfkroqeGTDstOF1hfTbjde4AGKlNDR8sANGe0CoXV
2E9deBp1tF6imsglRsY3f2zsPQYjR5HX9lNs+9/8KrtD28TsPYKngEab1Aiei/U0gjrTtgHhjE3I
Kd/HbrDXRvTIUd7f4EEQ/tSG9oY/xK5pirHI2Mgqaxo4MHgtxS40kzHpDGoyNklJJYdjZydn0e8D
EoTHNOqak+4lN/owz/cBRZHHXMvuqhp1IB6OmO8g4rOBIw8Y0JJTbbf2CPPT7xdrN5lI5/oAiXhi
w02zkVx33afKPvhgR49j9aYBjie6Ck7HAq+bwFdzcgp8i6JzbjGpQxo3QJIxCYyj5RogOg/eE7it
ZMZHOAM7Uzjp99pyPp3WebKpPPheoa+raKKwbUv1lV/3+nqclmZv4hdwq+u3cQuoxZvIX9hm2fAq
sgaZBQuzme4wPKHAHChSajy6Zd8+zMVv0kDwcVr3TMu6glhI2/fs3dR6kD41VXmso8kmgKVRA2G8
FnG4ywQWIRXALjfBmCuP3A5HBJwt5rSN18XQ/gxF5mxCO/jmeHV7qM990tp72waVVbs1Erp+QqSm
ZSN6nJDHzTktRLUY5vkEzCuE9dRttBki2DHsfzHIpWpmwnc2pHEq86Hddhn0297TIcMHp9wX0650
krs6NLot1sU/SEbTB+BJ1YqsQR9Gy+fVDEI74j5mVTS7VIRvQM8ShNGkuh3sFkf9W+Vp4QljOkQF
gC262j6nOjU22gSsKDHGFHpt+3PsoKWEtFFUUeT9VprEVja4q7hr7woknlQdurvepWzEfx57qH8B
SrmNb+o/Y9c8O7OF/mWMP5Yxk/Ue+lqmPyitMcJdEQy3eH28Wo0DSBN6xA6Pbaa4r8OQ/a7iFt+Q
oPEOJXgKR+P2rT4IU/CbBp2zY6TvQTgdFrd8NgRY5LZMKR/xonW5CAqWpaJW2Fb+LcfHExTeBgRR
/5B5N61FugM0+NMA42gTwQ/ZjlEHPBmDnF0wW5sKm5WtMJZqG08ffTT+mHx0Zsv40kUZth8MLKc2
+xbEw4s2kwvNzXQ7teI8a9N9YbqfQ7GDFJetYy85BQOWBzWkk9Ib/c2k/x5FpW+gRv/2cTzHCBfz
r8AbUPtw+8UVMLe2Wu4MeYJgUFLWT/kcoPoOvqtNzo8aHypEqmJTWRChA8ZHm6mPP6tx62dlvU36
AUochQvUkENXY+rp01VhJB/0t7ih+lsLagMia1xd9ML4iUsueu74u21T0OJQc4Dh2fDZI5TCRbzi
uQBJGAsDL2YypOaPwavNdVjhlEEcqiophXB7+y5q422oR+Q859mnnmntdk2EYtPFa1AT77Zzu+Qh
RXYoBcWIKMgO+3fbSiHkQ09sRufcu657ZxTittHLYhUFlKKkmX9HvNnfJRJpFkWYieF7hNvMXD3W
mXGgF0Z319m7xMNC3UyWN2AvyK+Szt0OrllsBIPGFUUz1QqL70c3Lh10kMRIxPRhw4reJFyRts1e
G7FMjBnNX2b5EAE8WNs4RG4me6YpfMXy9dx+VCJ5sRftowtiMrZhT+XVMqRHpqt3c1iYDAvEvTUY
t7Ywir1T3eeF8eAvCJaLIKl3gzZtl6Ar11EXgYC0aYxFWAOAsF7gvpbotumXCSA82Zr14oU0kFiz
649VVPT7pkgswjzak12ioMp7yruGKlr3XR6vRQnHf0pAR4uAauKufUhhvZleLG+I5SbW84epxLs2
4ZLlnnecIxKJAEjA9nveWSsicSxhbCPKyEDsgmMGx8DIr1tHnvdSpc25L8SDF9ftmXK+T5syKaMC
yGzHwBSgGFDQSCxQAFd1e6hLoaFTgNmFX4aYnvuF86glgKazEGcF+jFkAAHSh6BmBDuYT4ZjAU5N
7haolqZmdVtdIDuugOpsDHDWpP8+M0q8diAgRvRlaEaDdlhZjg83fogJojIEtIL2Xp+bfDVV1nqw
vD0uXdvIKaNfzDmI4gMtDN4arXgKqmhYGXY8ExKuoBOcxqLcj4WXncwkZvikU06Qmtau6scnZrl0
1Dx1jaHRwjkIrZF/QxiL9LVpzM9M9r5hCpXejDFGIVlMlAwSn2sHt0JOQ5b8CdRcBqF32Bh+utzO
VvVoxLpx1jqMbQrt3CYdSvkGwS2ls1RQLXX1GAwNsWbf2C6RhcNfVE3rpi7PhMQFIj9Gtx5zPu27
5hGBa5l7rfEHp4Q09XdEm4qHKA68e6AYU1cGP2iO4A0zmN9VnYF7ej8Zd0OTnhtdPwUBPXhsRLgQ
DAXc0SwmA4Nz9uxYxxKZYWXP04Nn6flW1wy4NYkbSw9U3OeITB5slwS70R+Qh23xDyrPlGP89hx4
jz190kbvi68ysX/GGmOtzOs1CmkICI2ZPt2P0AHTEXwdbrUmHvdbN+uP1agLEHoGRfc0DTSIgf44
Ynso0hoVt+8cXZvYbjYGW4ZJGsiztIHpTd/ntHepLRrmXtO4KgcClIGHK66mt/EeHMcGPlBzHI0m
2Vtuk607aWkLq9XNLHvdmbG7K8nc0Hd89m4OdSCjVY4hkm2cNrxJSujxbih+x+1tgq1yTv/KMBLb
trx6stxvuOYYz2FjbMZobHeB71Gem26cun5vBwLnfWe+2iaD+8CzHvPIeausdkMA79EATca8r+i2
k7HggoL59UYvFxwLtGENsRWeC2d8FlpHxCeihqPqD9l0HvoUIqIHlcyengDLoiYrxxzs7MnrRbK2
c/OhI9G57nR09oU/bwZ/jMEFsEsLtXClN8sr1eXMC0ITX5siXlGeTNpHa6kiIDNnVEu3oWaEIQx5
MQppKNcUpPzpbcYue57zZlp7cf7TKjy8jqmvYD4GktaIkeCXtXmq618wDTrKqUKcMNP+FKNWKhsX
HodHyDcVZUUdA74KiYfSI0MCzSwHvU0PlcHKbzOXT85KB4lkSwHvaN3rcMAYdaWwOJdkk0p0QhL3
P3ra/jVgLsoDU/e96ZKeBs+nhsD2eJj6D3fqntM+eLTBW031QozBoLYrXLZNi6DGmqePuaCgNDeD
tyHHaUH39NVS1S4Y1YrpmpixnOnHLYG0M9A1wZOaE9InAJT7FJk3mvyV5ipyknug8t6AtK7NcXg5
D3H86cSUnQwNBZKO+Yo46DfWOrvEmZydGw2/7Hm5y1N5Ad3qyDVj2mbDvsybeTfiXQZlBbBHHryl
i7GvvOFXn08vpohwJ7b3DOs/wlTMOAgyWC4C90kHbYi71HOaYJyRaR1gwX5flM68KWSBrJ6vHJ8H
skTsvhms6baEVFqGSOQn7wOD1nxVjVGwXSoTDRRem6+RKuGOSuOm182KFGU9nTv7jtRQtHEXLDbE
kr/oach5khU7Vm5t5my+Z+5CJMjRzh1jUlrhgHCN3vWvC0bTd8xSzBT7hHbhlFVzSCVaY+9m0X2R
t/0t+kUeIvAYmdzarv1CK/GzJnm2q3Lqc4eo5sEQsJECWu3QwUdymaKbQRvoRCOK+MisU4pMaiFw
hm2g1a9uhNEHDlyR/8TTM+K7yywlxKvAJ6GXxT/1RSwrL3fey3mNrysOXCmelUEsnQgI+nFPtp42
kVsx8WcYPOIjSwzZi2Bi25S/xYJjshDzQcTzp1F05hrThWMYyi+gD8XBEE2PiIxSU+17H0ldqOcB
Re7frM4Cpjc8WIX2CM7oPki4SnkSEUrNxy8rwHi1o39iIl/3OPXGsXiJvJAiWQqtrCj1TzAmqbbS
BDNkET0EZoksKQfOxyyUEQBAy+0Q4FsQdzYRZlq1GZHLVPhESoMZjTej934qOCEhXaStUz1VOnBb
I3I3YqYsSZ/BcscwH25SIgyxIzEM3vgBKg46No5Xiws4tkLlko3J62x8CNN4j3IcubvWqUDF0Tt3
9joejPYOhKuXaSRKJvfWtDznLFm1QFsxp7QBsTX6megThe5o4w9Zq9d3Qwamq+9f4tkJbxtcxX3s
oge4LRAqqervhx50sdSD0SPPlbczOl3fDmn6G99FEpO1jq0QUszWEigYccZYB9aI2cWMFizvDCKJ
WL9msGF3vfOEP9JLP/4OBFFv13gZnbpfYzL0Q3NePM+ll7MGHFZK7xBmzBbJE628nhbAi/j8Jkvi
Ncmvo6i8O6fS8TksI+OmmDHY6Rmp1onNyAG35Kms4rXR0oLonbfO/fZBaCQF69SmeUgeAkG9Ya9/
GlHY7Ge+wroyaPn4zsLyy21NztxgONoE+q2co8JMCldGaNQ8kPwkrF7eegT5gH0NyFemCWHWYfjt
YgNX+Q9xp2P7MWabngLvLZzZl7Rtfnd5+VtqSpw8vh8KChaZqYRSbFbHr2IM/I0Zo+aKM0bn2ncr
FjiWts5868VfdpY/OPniHMGR2aucceewWPPKrK1bvdVeWuw5V5NbFCBo9JXxmoc9EKFyoDGmoM/o
xJc2AFOo0Vn9F3vnsRxJEl3ZX6FxH22hxRg5i9SJzAQSqgDUJgylPLTWXz/HHd2NZpG0mdlzExYZ
KaoQ0v29e89ldk8EVvXEQ/NiVcu9Rw7FOt9a8jgZaRKsx8Hib8RfsB5qkzQGwdkCAJuct9gkk6Ri
bBY8WKPxRhhqsINktLFIk06IvY0s7xHuO6Ys+5I6SAwyOOSxiK7U4zBKjenVc2ifIrOo25G85OQp
HpYH/Mb3Ip6PcVfddm2+A9zupOZbyZ8QAiP26u8VPi8xkjvoLJxe2nmKwTUUi7eTE9OFWCEuXAa0
wrgjuvfdDK3nxezJ1lj6fY/lO4m8BnwCWrlc2pe1Zx8PfOXolwEO06r5SBHhzwV//dVehnuTo2WF
9hY7F5zGR39Znmp7wvtHlBKNSwaIzErXXjLkuy7njGnsolz7TkOYOyn3evN18byvGGUpIRgXWFy/
+jb4avX9t6L4Nrahh8lGP+dw+Wkj3dcasV1u8cvkP5st1S9CXx4zp3zC+rEglAsIrim8bwHn875N
+7eCATZBQNySYMynKzjH71nSHJvGeyxiWkR2RqFgOtpzAW+uenQcctpI6vWM9nH08l000Sou/fDe
nxYqy0PzK/XT+0B8Gck6M1sNGEiCETX7Xul0lRpPO2Vav0MyQnaEgFnZDHW+dtqg2phG/aLF12qJ
39Ku/ZmLW4voln1VkSIgOv9SmjA/+uguhBAC4x3+oPPLIbkaJIssVpkWyEezXNNDo4rESDuqtp0X
w/R+sez2EInXZhLaMe/mey1kKujBos/ihyXe/4+gr6APOP9fBH3QSQ30bf89K+lRsov+5T+zkv78
4l+iPvcPG3wn/bpAoZKkZu5vUR+sJBcqro3UzzMhE/4t6rOdPwKbRFNKaFhPPc9C74dSQbGSzD9s
30HOB4EJhqHBt/73v32f/pf4WV6xhwgC2n97/S9FT+xZXHTtv/+rYXm/MVn1gN8AhGkYLt4PHU7Z
fxT1kWFRELdba6cE6QyP6RDKue/36950yZ5qAXwLMlG0tn31HWxT+hzeJFP7uuTaNZtDj4k65TvZ
GrcHGgXmgGHfONAtmDPS/XxBka3fZF68UGBEsNr40qSCowyc0gYZYLYr5dPQSPz9FMBmQOPBWCJ/
oELzitRhL3RujE1P5X8qYIn5V8gWJdoXbvRWA6bH7cN1ZgRvOtd3wMgUjRsJ0NN3v6J0ndky+mI+
2cV841NwC9Li7KQGJpLIuyDbstYIax/KDv1zAqhowTGpuWBh2gf0e0zxEchtqz5i/uWU6ybJtpk5
OWfMeFUbxxJTRGtHK36hyd3D3DlRhCsqBnxtf+2nzKOP3B6HyW82IQ81pIxIxuJq1dk2T3Z7Q73x
i+YJizh1/maHu146tvc8qUEw0Q9eB8L8vhj2du5GYl9q86HO0hvfdR7poE8ri+AeJiTUBhvta+cM
T1VdvEPSH7p8A/TxaCQN6SIW3Wxga1uFGdHdbqOP3IOZWzg95VQ3hjIj3IvmYe0xpi96MlyGsu5X
2ghcL+fPTdkLrVZhviuGK0opbNtmWIBViA6pfnST6qErpgNuch/tTHpemD+sffregHXj93qOBlDp
MWBpP/1RZtdUwFgQOLB7rOb8xi7tK/hCcQyJg6AC06KWLAYBuUTTbkPZF4id6VuTp2eNdhCEnIys
pOWBu1zlftcZtY2gWW46dsJMFtkDdKdDQol9G3zz0/ikVQ2BtH34BNvpCjZrbRI8SHzbcHR0uhX+
VHtHA375WkuZ3xmMvaIseu6t0T9ETXdJKySOTG2eSt9u6fb00N4dSSGkcO607a7lYCIOYpIxJ8ZL
nsHVdS2EKQSTnt2ypuYgIyun+xZrzAHf1i2ltmoF1MFdR0PxmvvVK9GpMyLDL7aXvlQpoIZ0oDZm
ejisi+L7TG8gKC4mSat+Sku5tjHtGwSYgLGiSgIif3QfFjK3yoih9FyNNwSSbghyw2MtwqtLvcEs
bj1NMF8mwgTq67SuicJemOE6VtNvdehBVpmeumkkA1NSDz8XrRuTnVbISpEvAohKacEFPc6vRLu0
CNO2od/97FOwVUiCjdWS1Yw46/y5qmSc1QA8VwjKjfZbDWAeW+7QrgpPzgLwTfPgvs+6wT4InUDY
WLd+1AMgLIanm6CJjiEY4F0jFWCW1IKNHmRUtfa5DVI9nQUQBcgw1KKXCkS1prSI8mYMHdR//fNN
cko4e6BaYUz/XNeWytnkPfOMj/f+8XN5Ck6qYvZRmTZx9mNH3CuVZPUqbdhNWyNOZvLL0O6bUwgP
sqZWSam/IzG0jYYbv4chq7sTtw/6gAdQbDuTZCW4vuR4Enh/iJISjElQorqhiNrdiAUhoFpDWXCd
59SAHvrXJrU9aczbeEKy+/n5WH5CfWzmWbIhyybHtoxzyvQRDdGV3pPwa+6b2MRmo7bp8g31EbUo
ROgQN7P/3PL5KcxSfItA5IKbm3GjvvnxS6BLeEdtGOLkQVAI3PkNZ7czlI9t74S7tIjtpzHXTjNB
N2OavAPP8TJS6XvhW28j6I+F4WdQx/6+Bv9yNdqwpnQz2ad8GPZ93SUnauBP4zw3l96MzINrFLdK
RdID1F81VQHGhRBNckWoOizvUzQ8xCCZzCWlSyCBaDnZxVNNqTZHKTvNwxOaqXJbDOBLQm/RNtDE
/JvGM2sKg+Vz6wM7p4R41qqq33ZJ5dFHT7Zd1J365XUyCK3zZ1RS4fLaWMxQHe1tsXyKMVqz7Kcp
6W7LtD2mpg5Gc2nf69bwDlphtYd8Lr/RDIsJHIM6HLUDcBfY+rnrkQ0Ya+4W8Q5wPl+81XP/s4j6
9sHVw/JqMp60KAx7Wtc/LUUfE65SXPtwYjpFwfTFJZgBcNZDnkQh/CsXwm1E9FoLgmjoomWfipok
24AHbktWavSjr6j6m9F9w9m1G3PZmQMycWMUc7IBAVJvQtGBtKCUsOZOshokf9CWJEIXJKGSOyXS
z4aVCWCheu0P60TKJiewCvlBKbHUgqH33TB44045hz+816gFRmSDds/MbwAHYisDkecNxjFLEKJB
yVin0se39DGBb1PAHFZK5NQilFbARNmQPl/PlW7uq37eR1NpMg2YUMWpBUgVH1kPZ2hz40pLFf0t
yhFYXyppjBEpPpnm7zW17fOlJ5000lKj/61LnZXjZsZ7E0sTjiHtOLE05ijJkC3NOrFJISTvJFzS
hWxXFXN8VNHgauHQekf8LNVfSgcG+v/FdQcfcC+6XIdRgalsQ9JFtMiFipQ2/n5pSMtRKM1HuS8t
SZPUa36sKnGSeq1J81KCi8lWfiYXZ5P0Y3FGSk2w8j0Rf0S0OV6oTpqiaBb5IFYxSqnjuiiDm7LQ
Ew7g7mvprZJ31wi3FXu4IrcKA9bnUf5NEKveAIj9k6i4cvuph1VKUHUiqLXPxVL3UMuIZPk47koF
qhZKKavOhSqXJPawccUud+tndextZUxTq2CwmWwKrX0lbsnZoo+tjnr8TemVQ2ltS6XJTe1RJXFV
C3DlRCVKW9znNrW/oWAbe5JODqG0230uNGnB+3yp1tS2xX2rpU3P70ayWtU+VaebWkvzhjg5GCNr
db59Lj7Pwc8T0cMaqEuP4KDsgiLz4ewi3VNx42qhtHuOEkyr16P0H2YYEUep7Ps4dh/XqLIsqlWm
A9zaUkrrfx+43533n8fQ6gNG8Ahb1QH6UO5+XLkf605SffcSs92qA/N5iNQR+22bR2ccsXeB00Ze
wurq/VC5qmOnXqt3kOMy8Y30L1iJ/7p4lXtUvW6JjuXpM3j5kWHfKlZWY3XJqEtJSdnV2uc2Q5Bf
05r2XgnU29BiHF2AWmsntO44Wm3lXJVq9Y8PyG2lwIA0ODSCILa0N7oWIZ3+e+23bZokpBA+aK9s
30fyGzNz2HnSmTtF6OsC6vxKU2hJj6daK6Snd8Hcqw6hSqj/PKK5sgOr19DD3EObwJiWd1l1SZbK
SiwEfHIgGf62l07jRpmOP+6zt4F0I6t1SzqUwW5DspGuZVf6lw3pZFaH+B869soy7gsSk3bqQBdK
0KeuVrX4AEM0dcjJCyXyQ6oe/AZD+XjdglTa2JnswBQTncaPIywVzUrHDLiOjfnQafu0S0hT/ev2
/CkeVmtqoe7b6iMh3e4QAP7h83aZhQsBa+rO+bHK778VgaCNlLb27tMOD9cWIeOHh336h8edvh8t
aKl3nOBx54dPG7sy7H++FKZOFd10tW9DVUXRt7BL872Qf9JgcCKrtc/Ff7Wt0DSGmJ+fEbncC//V
T0zMVUidjX6pn8nU9+ifnRzHivf/+Np/9d3fthEI6m4WGFCrWP5f1buYRt+90SFxWG4qp27ttrRl
cTH9MEb5OCoMjCF0mv9cDC1Pp89tYyJ9/aau7fTG9PbTmJ2glef0JeWxUF8TM8YZtLT8jPqy2vjb
z6iX//gOjq+tA063kH981FgvRoRDVn3q4+c+PjtUEzoVn71hWEO6V++rhSv/vx/vovhd6TknimZX
krw4cn5Rm0Y2QFjbeGzdat4OlLqbw2DgMnQ1j+CfyGdYUBR75ZxV9voPO21lJZTQu9JIb5bH3+yz
AnkshzDMX9FqOhSLMW/QEwqhvo5nZU0ngSpfNXkcFudZo3/z6V7+NDP7ymiuXidBbkj9AbmZ8lL/
WKjbtlqtOotTyJ+7e5Rj3Y5Unx+5XTVb/t9wE+RCWczVyw/zeVIQogtaFytEiQKBO8+gCzKNGK2q
v0VtUi5gtRCJgS4uz/Zd4JAhoRzSygscy0ejH1RknMhHoDJBazwYmOrJZ6CeZOmazgzcHKAEUh39
l9VcrbUdSPueE1HeQB3YEM642Nte4gYUX0CtGdgm7LjtAUpz653kR9Va4xKyamAL6eXNGaEkIUCj
ySmoWAPq9WgjnpnpD8OFhgwcy+GUJ2X1iGLtrRDhazcs0iUpB4soXP4key94h5CSwvO1FmObyNGQ
L71Sao2ufLAj2POS1PCftuYllMp49YerBUFtJIaHMFgqaYLKC+lTU0bvkrm8vq4jbVn5PW7PRJon
xkjbRcDS97Tm4e2q2OJZE9cahuBOnTiAjgtUjAUTcLVKPKPU/MHEJn3gqLTKOvWsea1WlSEeJu+8
L/rkA0kwyme5Mr9zjHguqFW1EaeKtukbTGOp/CM+F7mfQF5qPTxuf213pBq/E7TjuhZhAnKRBoi0
dq9+TUEO1NrnQhnsO6N96XPhb9UP/QNlAayUHW+jzLOawTl0JBoPJ/oS/SFCeO/IMbhaqPjLyIk2
VoLLTU81yY2Q72qlxeSgq99DeWjU2eYHOaIR9Zq0WFajjvg4rbLeMUOdCmVz+mQawMVAYpAX4hfF
vnprUubkp82ABLY6PtYVlolAjNLbYyP6/Xydi3o8pIg4VDKzCmou/QErgVFHtALV1hjP1tZ3iu9F
USPmD+bhBqTacKNe/qdtSKO1AP8Z9s3BLMq7esjH2z6kIUVQEOMaCkVDvApQxO2WHMlD52qPMNIT
0oRCbxeZLly0oCz2XpETf7jk9Q5od7xtdH+5GvkDPT2oT/QWCL1/rNrFBwNcPi12GB7aGFhiZ7lv
yH2i84hVqikX/dr3RnnOxKEK/QvD7eTSz7p1Qp2+MhKPC0JE29GYO+Q19jrzrSvKL/2LH9vpMR0Q
66EOeUhQJlCFocM46N7NmFKonJIhPDThcp+Gc3yooVGeqnE4I6YMD2Mt0Wmjs4uFPm0QdpMnA3Zh
bpP64HqRWGujRcDv1GKjabPbAh8WHNO22NvoeFdu7fbHru/JZqJZI2rHuRX4XBBTaJSC55fRCqz1
6I20u73RWhkaDhHT0Y1jZ453VLZq6eWtT2qtT+ufKCYH5FhtdbYiNcjNrXUKug6OKg3VpTLmdd03
w7pQZjnhOQhQcJkDZYpvs4w+tcFsHBroekF9vSJeqTwkWSQOBT04ej533M7GJxQe/m42s3xteFL8
WujjXoCpv0tnEjWx41IGIfHeSejENt60my3Rn02fGJOh6lGE2WaCKjEuN5rvX6yiKXZeDVk3ojaj
aKx+de9U2lOGYXTve/HW6CikkhPz3YnLEylX45ZS677HZL6yexZhB2AVkPrWDocf9FCLcsZZs4zV
pg6tJ6fIp0tYEWhoO/PzpJvRtk5keGFPYnQVLT5izP5raU/w7wsD3TmV9TnRv7ktRdxi+FEJemvV
olPhDw4LHlsiT/oL3NBuRT/b3DWWTiU4Sx5q12j2ANW6Xdha9N6dSb9vbR6WY5FtFnDjoL/bmgAf
xA1pDUmyQyiZBQ6N21Ksp5qkZEcjX0szJS0YwWcJCn0HpGY5i1n0JBnE/c6a8/FYLea8ziegAGP8
Y8gOBLqsLIaw50VLfuqAJVc947w11jcPJgjJk15eXixLSyg18Q9XDkKmbDaiW1j6M2NZz6EYXfqb
rqeZgWPsZ+fI8abEOqdMMFc+j9qedjVVCsHTvEN9aAJ2ja2uO4jC2IcOol2rJOE5RG+HNiHYTJyg
66L170I9PwWam55rvzvoGblyaVp/qyaaJaVhdZv/6d79P3XvHMulZ/bfd+++xI2Ii/g/4Disjy/9
2bnznD9M22UTIwjfN32DEJE/O3e+9YfrebZngxB1fCeQWWt/4TiCP2wiURhr6pbrmoqh8WfnziI2
xXIpC3qu55smN/P/n84deBGJ2/ho8R1//Pu/8r/i37doDrqIUxxdl1CQf6aZ+YNbluUsjEO31Pdu
wE3dTgsStc9OF7d0+wnsDnoeJjXe6cU7dSMKzMHYu7ljMzmzwu5mTsYeN/9sHU3vtqTCbZh4uBWa
qwTDdCAZZRtQDLvJKyQUTbydB+15MfqGBlKPihuZjYUohtyETeYOeGqnBw/+jej9G7poj675vPgo
YFue2CuvvGSGi7s4uk1/LUvzUoXTa4iKb0ejM1vNYvo6ttf4S+MAb27G0xIPGvSG6mvSim8Kl0Me
1FrQDo9N90wbwtj4SNQH7Tgje2w2oFEwJ7QFAhgqi/OBdJp1nJo8sqTGW4AVYG7p3pWFZ960JUQG
nyz41JHFezuirgp15bjYtrtyvRgsdgUMKpjpURbFLy/XHcYX7l3dBNx3AmPczITBJxNozIGw80b/
kgU/ILo8WfFwSeLgeTKsAN0e5Xmwu90Nh+8hxoewE3Jwq0a0uYMIFyC67kzY+HNsK2XPTc3uNH9d
kpvL/KvA0IaSnWAxWc+aghvyQqNN0xT2a6KByFuSeN8tPK4Im+HzlgXJn9P+mWj019LZ9HZWnGav
/TUhND1XsXvKav7svO+1G6wnK3Tz8dWEzLt2wgJRoIOp2IiIA2Z6fbBmEd/leveDB3tPlZU6YETf
4gukDePLvBjHirRJk5jOlTnmDM3HkJSxReQbvEfGwU/urdRDuRiMu9qP7LthbsKjH2ckQDTEmKQB
sGLaJL1mIdawiPOoiudqZk8FAvOTG9GjNWyBUHEyycokA6GZfOPYTBrfG7J9GWzsCDkTJ//XHjP9
x1gtb80vTlxEO1dWcOKpoTpNFrbH4fczXWxoZe1ngjGdMXgaI2MP/uzH4mvfIgbEu9FEU6yHOAEa
e5tkzJvJqYGbae1Jzjs3csZiEsqwk9NIDCKreGnpHvFnkbJCD9kweDSJgST1PB9BS0CKH+3yOM3R
KW3sFqVlRvK2mz8S2w47xpi/odwbP6YkQT+chctc15OXmjPZI+E2CY8wWYFViybHKQeyAxSknANq
YjZJysB4paa3nZzj2r0GGxHbsZpaTNlb3ARvtp6fwwbRH+ptO+++pz5W4Y58iaTB59LaNI3QytKb
a5B6mk72K4+T/uOUjVtx5vYSs6PLH5mXvzQIcnZhtmUW3qJWdSgxl55+HEOYz3J+rRbkLx/jeRn3
amSvZpcMBxeSVyaZ5eBpAJITRGardPDpxxPjY8kdo+X1hbLUc5p0h6Qh6llPnXabDO4C4ipBN5eL
cjsWVFrLWKDs19v7pnfTPayAWx/B965LnVuSxrS9G2QbPElXD/fdCgNrux5p2KrY+9EqQXDY8Tbr
suWI6nzXCV2C1vq7KAkQtyH7W1FfgEI+wnvNxgYdLjxZROENBRSsJ4NN3n0y+BYyH/2urscEG7PA
RQlt9+P/GTuPyLkIay/h7UAEQHlVDvuwpqcQjdG7H7X9jqH6oyo/0NmmJB8jz/uhp8F0Y8pFuFgr
f3xIxw4RZK8zxu3WiudHkN9tJTx2LZz4tEzy45QRKjhR1jfkiVJrBqmuYYuGAipzMDakkmrkDmnF
O9PffNfPxpWAiArYWOySpd1+mz0z3lWlN2/a3iQT0qhJX+ROgxPSWddxStg4You1aSbzA9rDs8tw
aOPkMm8Poa/bXG3Tt25p/9CJ9ZaTkWxdTt6dP6H8Xyrx1EjNRgbwYhWOo8cdAR3sOONMt+29C9To
xnTSH+Y84jB1ISw78LRPHbErmxqITwS/Rz2IMDFeWpFUm1kU43ma0sciDcN92Kb3ackwfDL08qEJ
gr0wmubL3JTct1CDqlekRSc7D+P8xupexgJWkGm0CIUdYojqTBN7ij4GEA2a1UUo2Ou4WDci0OkP
pgSbG7X5sxvI6mvK5j71z6Nto/nzu+XdjMrbqJGhCbmczQCa34R1YL2waykJzN1p1quJmDykq2ba
ERQYWzilkA43AQIwnpox9ovQYMBrj+ScCmnyms1qD7sOIw3U54M3hcAdbQ3+SaYxv8P6hYwTkhUn
PhL+Fh8ZIcfiKqJvxK06p7LG6zk3lbGNpv7aLIvPLb8GDE4TFcTQlF3KSXyrwsRf21PKvNfwj44D
zMpkNHqDeffcEJu295qx3BRT+kJ6vH52qMjuNLewzmWHnYXJRboBQobQuNTsbZhRKW4FamqzTb64
xKmuEqudNqMT9jc80xFbR3RZgzp6cZ28OIte61ZVHHbbtCI4iLRP8wanMjh18iEf0RnbYdbeEXJ6
B4ydwG8a6JSPTULCowWpj0HrOs+AtfAUwdO0bOrUP42x3R8xlz3Fo6EfwOLibyn68rT4hnPIQOUj
XRHZBeW8u1FvsAuJ3qlQ4ltckas4vUaxeaUMNDwWVuHuy1aQahB2K3gs860bFAXMJ17FevJAoGG8
o0DxJIR1hGLwhRpx+LUl1wFFcVpdECQNQ5I+okyE32kjA5iWfkOGUHfDvK17J+M400ftJlpa9KTE
qOL1Q6qyzrMeCEUdUm9NTigjSDkYKnd6GK326HnaNSH9+94efQv/YN2c2lNgCQKXBpDAwE7aQzlz
VBeSbI+mERxGgqJKv8+3Q572nFbZu9ajR9VcJqRus+6doT4L35vPRXWmvmetYofknt6bLl43uJuo
CewdOv67xWvHXZze9ZMljr49iG0z8KHFZVxWheNbv/jiSpzrvjDrYOt0/rqoOGWBWz5yiG6WiEyN
WXQP2lwtO9fQXoc4zzf00vNn/LSXLEGunybNORxTqhVTu5z05pFGisacecxusXzomzk3ypPZ2o+O
TmRqnDfaXaTP0YXgjXLlf8UHKK4MIvR1mqLv6m0CWJNkXlVANNABeP3zYFNH6JukvDHauH/u/dTh
njmaxBjVeOe52ma/rJ9z4xVFQnMQI4enRD8cNd7FIB9E5vhwOEg/nTaZRQxP4iyPXRwb5y6N032n
l+ZLbO59q3dPQUdQkOEhESPd5aQFJg9fPG/nJFkuYTFoN1WLW2GIgmXXLylUTxgyKxKSq31lx9Z5
HCLnEE7BWZ90G9pYZz3XnF8EJTjzNnLFe8Nk5C6W0VHwa51DIlCftOBDsK/G5TEjJeR+Ghok+/P9
QNPpCYjAtK09q7+kyIBuIsBoWnaqkjnZmVXiPTeWiZ+G0DwJB46nDgE/CbFo47Qro7B8i4Oh5mWc
nb06/54kpba2NJQcS9I7r/jhU/GV4NzhLmKIuJ1bfFF5Y3dY4cgdm3vrIZiZzHPD97ZaiVGmciIX
3FKFsR1/3V5rvZqqtbBvxITEX7O75mAIkW6WVNpuEWw/lljaN2nRhvdT2b0AMUP5J7zqWTcn/mOD
Hf1whopLj8icZsHOAt5Pm7zmuQDlQz1g4q5eL9Vbm6BgKwxNnICJmVSOXCbmQ/nNyxuqebM1rNyy
AMfQ1s+0Lf3KiL6hZ7xzynwTz9zo7RLMQzhXGUKqvl31vuvx9IDOPoEEuUnc/kuEV4ZUWeoajlMB
MFj0Pd0KjdtUI1M42uUS9z/bHKz2PHoMnqh8W13KgHhwOTvYr5oWBbsiZ5AcNi9zaDRnWwimcj18
g0FzraOTz/aBdNeNmUTuqQmWlLTtAsdW7/mvUR6e4sx17me84+hGmnNKcgeBR9T5U6/GRR4k7/xK
eKLl56+hljjvxKCbd1aEPTsORrFn3rddwsl47Zgb1ot4EBPSxGUoikOZR9SUdL2VuRgMHUllrjpv
vmZFMZIi0+JjIJ1yQySMdEB79NGz7hcglugxTTGOW974UjTDuMEulh114qpsLv/jslgX36A4BEyA
09ihWjvG4XXIwvs+chyuHO1XQWvm6GpHwqWPIoHTUOQpYqqO7jgnGpS+TsMkKkb74M8VNc5Wu5ja
fE54fLbc7O+8hGA9AP74jLCvE9hI6nPLHo11ypKMvu7owjMzMlN71fjtkYcE1ei+jI+F43yLxgWE
FMj4FUYhlGOi9YhdpmhLK6y8TJl7H/fd0xhU6YHhr7+dhgoMpivOVU1JuTPNkl9euCREcGgXftkj
QgiZJ1Frpt5sApvIO243jDcqo31okqkisidC5oHVcstdkjSLMAlvCovgdHInByqTdbBxQ3E75X5/
G75RghhXadA2h5wiBmBsnXSK3LaOHWjFuNU6mayM62iIQWO4FdgHODNQ4i+LU8cQ83pz2/YlgrvI
e52taJ+Tq/dckEGjYWQu8ig/4yLqOT7pHureKgo4agkQvE3nTKBMxqLeOikSDa/RzRs4bydNDFzq
hH3cjGg2A6g8pz5d2MmUjLUk7e81jxMzMQhh1s0tCtafS2/Xp8FM+d8X7nsjkHyiZCGKr+j0Gw11
2wpiSXA0EKvCDQbBiSz4HljKG61DEo2rWDDqA6wBHyXba4kYt8M8oLLLsCuliXWYJRaFUOXp4CBX
g7+RX+MI7U1VlubOcH0kd4v/vZuDErO/huaZSK/QIS6qq9Px7IXjnY33cfSW4D7Ikh51bPqkYZYl
2+nR9UV8qW3jqmukOFVD+aA1ZYDtXxC002j2ZcqHM669CS+/dy4jN7iLHGh4BZl4eR3vZ4TAJ837
oZfgDE2YFisvQSqY09nSy0fgK9ZNOvAWzIFt72ZCMi7io0++qVmb4tQKDfNUa4VPNpLqyAvK7bRU
XzsMBHliXHHfRm/I46ji1LspMm/bAZeAQbgo/nQ9WVt6k8PYT/GqyicuFi6XO2Y+HToUPOtM9PcT
mDwaGYl+ED7WChs1eOTCL6mAb64K2zwNpd+dktgCsWEwQPTbp5n2yFZ0ODhdnM8bmlK01XQnJkEL
y2pnZYfWC1ZJ5yRfeVSb2xz92Y3bjzBARX+MWnuTMAs8kjH+TBhQv0/nEr2bWRDkpWvmjfucaTKD
jpELWuDdFMi02tZDqJBGX/DMMqzJuJ5M9veOR8Cq+jamYrqf0EWul2H4YUzDU4RXC/6hc7DG2kGD
Zf+Em0EM6mTucyP/7rhpc4yWbhfg17kwGUZ2jGloBZ3K/GLZRyRXwbMZFO/pGPqHJVgYvBqV2Pk9
JRW3vnSFhRA+b4tTbxQYgdq+eodDQDSk+Wq3lKrL+MRQMCJy+1C2PH4oJWSvUXdbm8X8Egpk7Vxz
2BVrO3/ILf8YlGI+arBOhqH/YlD72Bp2wOMgKu+gjXYnjWDfVdMYZMJ2vn9fwrhrA/MonLb7zmKz
EJ6Z1hW2o8QiGpKwzJGYJc9rOOMHOlWNCUuG4dJdHLcm/WMM2YKyk6u1+9Rmj84jZcPQbd5cD3Fp
lIJQi6B3CVLnHgotfpwGhp5zo4X7/pUez8D0HTsMYtAN2xAklna71opqh5gARtZIgK0jM1kr7m4d
nTUNTGZkDh1wI4gWIfw1fIw4mzlM+XpyKfgNxnu95OX2anrTyzCW3G+mkkdhbzaHHsssh3y+7Uff
vnLrd67EWeKaz3hQuj0xT23pn1zd69em5jMic6ZN3VTxmxkNRyZU2dd8Flvb0wxU6HV0yQOiWX2v
JZB9qvED1JHFvqUSQ3JGe2fo1F+Q24cbl4QpuvfZemnIvLObmUqqlidHuJQkbyzWtdUsa137kHsm
i7KHHtD0XmBz0FsgdGNy5pZhjRGh58m/12WDsZfkMav6mQtm/QZeUsMmLKmmwHpFWTHux6zpePoT
Yq8HsXMJXAMA/dx7284337MlWKFMumRFNu1nHugocNG3k0vlmnl5i6v1HGd6eUpIrGmtPn9yINpa
uhvv+t5+jEfou3Vnnpq4x5rpPJVkyGxQy8CNdOvoYZCLyC2+1l6X3zs5JyizPldUu2xEWOID0131
rXEXaBuvv2mTFGN4Hc4rbFrrYRYX4IKrfE6h4bqGDunEKhDcc5G6QU5rqfIAy3CGYUT8JjNxnaB+
MWBzIA98n2LzayOgSYROu5qa4q4ZrX5TLdyxgg6xPiQK9vLQUCa5c8zqTUZVpxO17jy+X3gOMs7B
OV7AuXUWEorJDCQMj2fnMwbaa+UTg2fSQlyFsvos3PaXDdB4VZbR1tfp8WSMePCLmneTS/qb6ez7
sT9Rtm5WxAdNyPZxoMeYX8f5gjbtOYLctClj7bnIhoBhZ09gcYq/eIkiLrn+zZotsRkcnIoMmsp4
xEBuuc5uCHCYTkn+MpoMrEVVvjjURjTGG86Y7+t5OIOz8DFn8C14fm9mfI0iRgpV9so5+dXOsYIM
5PTsKrd96zAC7Mlt+wJUFApsau9TTT9Vcz8eeMZjqYWzYRtYeVIG2SZURjMxHpwZ6BM1ipXrgm1K
sa148uS1I8or2oNn1Mi6R8s7UXz7IoigXGVRUVEhsPtNk5t0basAyS2kkbI9mlnWyoI2k8xSg8rN
jtwYcER6ZGlrcOGbsuHw6cX/oezMmttm0iz9VzrmelCDLTOBiIm5IMGdFEXt1g1CsmXs+45f3w/0
VXfVVzXT1XOjsGzZpkQAmXnec54T/+jQB1eJLX22mNaamuts12bz71RzzkkwezgH2bCPG6c8S2dj
JDCfMbN0e9WkNc2o1WfnjJ9Kg2+WIx+AlWHvNOn7OtPEiXBCYwSSOt/GXVeoyfVYfcnIf59lQ1Mm
/ZFekd51saM2RPZP7BlM/C3KrfaGLWBOMuy15+TcBcQYqUfEWGCo+yJBpelrm3lDO8BGxcYwF827
nzg3BcR5pc+c3g23OVF+xhEwYUp/rAayKAUyC4dp6u5iqLdNdKrL8meg2MjNUbStIVpcDHVyh/kT
tLfmoaa4Wz2muGeIPgN7wFTuQBzMrPtYn4yDUTlqVUWxZ3c8o/D9nCV/ZIED9vywYLRdNl9+JRiF
12CZjODnYNr9GzuVmEdMfiHzvxv84UWx517bGsN/YKwgVgEa7muwp6uh7Kr3xNdnYMMqubYTkgPE
V2fr8L0tRZKrVqB4A/nlyu6t3jPL+jDOxPxFbOPgDxwiVbZ5FyQqOefMO3AQvThwaGV/UFWXvesM
Xb1M+63FZnfsZq44gjPBQWCqHzRMUXpLXCt2AK7NzMGB8hC2En33HLoj+I+yuXeVQrQx03Nrac7R
TCkvLXp2ZmnLhcB4o3oSbGlHQ2PlyDnNFvwduy8M3IJ9t45CTp+5Xb1yJKt/xBKz/zT22t4Xs+UJ
Mm7r0cdDA2Q4x6k+Uo1E1ThVWe3FscTZzYGeBI2x7u612Xc9amernaFQYRo9W0oTHYbHYXVocDnk
Y5/f5eX0gF2fyYBZrSfOnh5j8pukmLcosid9JnqS0UrDGkY9bTg42sbUUNirQruHSGA0PHhNECFd
V1xBUD3Meltu4iFJ1vFdVi8JB9OyqRB2Qvgs4TWoAnlo+vndN/XPzqT8rx45JHGO+eRxY7QUGVLq
SlNuA9PbAKweXqK+Wxb1ftoqEDRrWloxFjdVsMEoQKeyDNWu4fqL0yA953qaH/C2s9dpcIcPryGQ
BC9tApx2c3wgyo6fJa+53HNCTLX/24/m31Ni2zf8GTTrxeMt6ThJRgmLwqJa2RKenop4Buhzbnui
1p5URXMmC4OYg7dQBKju5WqsxpsxOWAWTfODJkJxIspxDw3h0I5FfMRU00LQY37nV9ada5afXBEZ
PvzeL8uLrc3ZytGN5JK77CgYLAXkotvnocc8PnUzVdNpeRha8NCtA/cP6JyXFfVL7LYPsiqw41QM
5TJMwkyC2KHL9CMHZL5CmX+ZCokEMFeG10UUdPX1JM+qbL25Vc9NpRs4wAsIZ3rR7OvIPFl6vGOt
y3eW5n66RTa8pfp7EVJHhkei2U9V3m2rSTP289yHPJoaf18dgKdwzBm2ZqJerSp7UmjOG99txtdh
gJE6M+L0ox3Iiveh8MW6nMNnA6o1BDQt2ddKNVtKkoN3o4Z3NGbZVWXBnrEk9CbIMVMd7vPoDRQN
Q0s3Xk8aGuws0xMaPJkDZIQ50w8l2cy1iy8i861uU1lMCQfH538wHzSekZwPjafY91mPStpdfIk/
sjKY6Y71thyX2Br/E0kNSTVE8ZULIpmF/DWUGdp5aYdekWgFEilb/yq7dhU/sXailsVkfjexLWSW
tO8KM1iLJWzeA73K/JJG6qJ7aE39feLFbf1eMcNVw69MhpSaZPp0k6269Q3PrWqstnYN+kHIbhmG
DPVdaqi1M5300Oxuk1kgVeE6w+W0rRPKWMJ5b+ewi2cxe3IwdwGzt/UQZNNBNOW2JNN+NIbu1a2B
KdvmS9MsmOdRPWFaeTbb7lHiqwJAsQ8SuQ+yITsEvZ7clz3t3zHbwqPQ3ceg7PUTcZhLEsr+TvBY
LSypXZl9yfKS1W1x7lsWWV1FBxVqqGQmR2n8CPlbTg6yxKtlJ41zP2bVPVvtyhtC6+BogXGnJXqy
i0rWqix6SYRlnrPvXgJfv+ceZgNcsW6x0IDsL9ldYG21JBXjrZh8ZgQtj/Os8wZw+x7t3E4+XIeZ
UzcL61SOB5lWtx5zz3q0q7fuZ5Tp/T6f5btwRbTL9YxscJc+gkTh5xZBKuKcvtF62mc7ZEinQKIw
JGPsGaYSXoFqcjn9zFisshiwnpjMW21E2ziPaCGlaGRtZz09jLw9zV767lNij93FZcSQ1R0N3L6P
7pCWRyfRjM1CvohiNzw2irF/XOGPYzxShfYzraJrFjWeGYkFw5Wtlz7hCmIiWsXQztnJeQwhccPC
4duFYjl0uEl9mbYZj/UbuSWe7RF5Kn2sLrNr1p4xmTydmAIwPmAPz4UZtp9xaRge8cZtMQ6Ewgye
0IXRDLAx8ZID/Y3n6QmUM5tiayBcxaHSTsyvFF6Rl8yMJ0NNvoj4dxdbX8Ncn0sF2G8kK7xxcGny
zSDqORF86xlsWjUYCiTFAkbDxDGj0LrVC/oa9aZW+6JKoz+OQlwjTqXMWjLrSrhqYw3+r0SZLd40
oR0qTQF/H5IPCGhgPMSDYfAcpZf+2Zmdh9GvJwbrunkunfFgysHmZNyjfdbFz7mD4G7NSbAHG2VA
o26J91m8G2x3G1cPN6AiP3pDekZfZl6pPkbVobenH64x7WERuivazLK1KrAG9h0UDdhI1Ih31MRY
ViS8Qovv+ixcuybo4rq/Orp/4ye4lb5/j0e3ooO93fed79XDDG8kMPI11y9lHlN7rwXL5Eo4E5vq
ct25ick4bDgYs3U3TYWiN6P70pLXChBdrpxyW0vrbl4gMt1ceHg+mLlYN7TfNwAmMCg4XDbWxhkj
zXNTyf8q7nOnDd/GuR42EuPeqk3BdOmc6ndY+cDzinHbRuVdPM6/tALukD4Nv/iG6MCzOm0X1g+F
DtXtNs/B8MzAayukU15kK+4EI8QpET1wCg60wvcfkkw5iJ0FDr5ZUP1aIfok1Y7L5yKr+sq0lsRe
Gz4YUXBxKo1ELjCytSXUsQ1xwsC72ZiRS2N61LwSQ9ow5xhAcPIGwVOfmLS6u7Zf6kVzrNbhTBrQ
JysqFUIGFFqM+gEHfziZccbTdQGoGrKizApzTEwPEepYPey1gYLyyayufRG+MfKTmyiC5elq2GzU
NfXFrTLMs6ZbD10FWROF7iIgDWExQgvCSfzkjj+JnUXrcjLxZQBLN1JOgJJmeSB5kqywwf2WsxxR
Kty11pKXnsRp8Taxd03ZFjVDvyl6eH7aVG87rohdreudZ1UdCDo1wLB1Us41ofQ9pSiob0PCn2Ff
bBFNgKfJKDn74fTWOO2lyAk5VBlZ3wCCftpKghTGPjY4dtnjiAUlLU6GbJttF9XDUsxx12UEmyXz
p/UYu8Brc9hkIYenECBJnTJc8eVh9PElJRMri0NRwzDiIC3zj+VPo2G82LW6Vpp74uAFwitaBcZL
zCuXhKpLiSIxyK1tY84Jh9vYNi/0QoGF1p6Kth/OaWk+6fsGO3MX1hfDYlTRJG5+gNy6xo3+4EbZ
+OSn2sYIk9jD/ETJHGUXgZP1UCnBYAEXRB/oqUnUWkPzcjyfKzWVl5mKEvygeJfU9ywv8jiaT9de
hgzFgg+S0tHamqi2l5GXdsLZtmP/OBpskuBf6htbh+xs6BJyZyMAToLL2ZQ2lqYmCWBbZc3ytumw
HIdIAx/TzEABuosaEEX9KIw803wU2D42aOKVV/j5xQ+bkHmRaRwitl0ZzCYTq0beY5AakuJKsy/e
So73Q5DOZ9MfTwnvyVo4w9YJULCtfPgYJsbOwkaMaSjJOfROcUD79hLL2ViWW25t6u7XFlDTJk24
z+o9BbXKi1woqsEPP4FiBGNyY8W2xp6IgLckUhmSdZAD6GznEk4uGDEV+vQnKpYt1WIJGqkeiWP/
2ubiQ294G6gZgZrIoWECxLWuxbbomxhwbC8P9SZJ6u5OGuew1jMq4euP0QAUzHk93SQ2SEtTD65d
jLLr+OmCZou3tj7+Aghj9xzVrLh3d2nAGdkq++4mIUBiktoX5uRvYiPdxwxh+qJeutJz0K6pjwPa
gp8odVxHsDVzTN66LXYROy4v7KKYry57Twf/RRKhvWJmjA7AE9h8g+pr62tuoYtx5z+a1iLdhPke
4+ups5xdA8Nv048h94lZfgME4k1c8MqUqSW4eObH2G+qnayeuzmfPH1SUKPDGKG3gdI0PbuZeIZC
Xm6nuN1hKPB6hWiU9lOFZ/cDnFy47z/bSb5NTB9WkY19B6LlQ0q/9EZM6CJuJD9DJzW8KKqKTVdU
vzETjdoyvM0hNKSCLXvFaUQV2XNDzUQaX8ggVY7BrC5o9H3n0lUbyU3OeJmdVj6LjyQep43GInGM
mXhtQlLqyF/5hSg/x0vuJ99K87ckKddlHv/KAenXQ6BOlmTq5LIJHFmuGnTQDWfiA5ja6WWqLk09
9e8ipDVLT3Rslgf2Yi6/pi16FMWlwkJto8mjMD/mbnGzOrM5m4Q9icMytQ6KBDyIxeETHz2HZOXs
QUPHK7ZdNdjAsvioNRChRW1uBE+vgxa5u876HTuxfdJ/UlIaeHqniQNsMHTSzAzXERYEHgJ4uRKT
lu5Q1OcQIz8E6d/R6C8Eie4JKzzygVRvnd3tokwa94bWGfeoc2C6AoRhi7Ewoz3a0RnJ7dDX6w3Z
MSwwvXjTo37L8EPXA47cYc4iNYgfmUH7Q2reRpeKqNx8ZZ3g+44XhJsVUDo+d2gqDkwthZsqiYph
Y0M9SYnEJAXva5mgxRpUnW8C2hlh7LKQpbH10vbvPiPD06zX6W4auxtXUfbN2FSwMlOtZnOqFrGW
QVNT3oPYkhunhnRacb5bJXX0Ch/T0NrsuR6za4tOvM0HkM8sM5uQcR7gdhITU3zhLagecUbdT/4E
Z5lgAKU+D5N0Ln2V/2gpglhLF+6pgHzQJqTeJAh0zZSMoyYcsW2ZTgzwLY9QLP5SX5HAr382ccp0
elqzDT+KhgCEpE6TFK9260d4IUHpMuymjmEsrK1os2FtUw67NovlZECiggY2Go6KbNzAVFCsqR7V
JzA66fNal/4M0xi7pm6nsKiNigsb/m0zif2ksvmQhT6bVVMgLnc8U3sMh+tWFZ89C/5xdhyAw/TC
dDHyrm3mr+DvE7Rt/4obBfi3Dm4Q1aCps30aggn45jXQLLQhTQ4QOQdKU+B9cdur3nBPWGANgOsJ
Rmt+tsV59ZmFfbUDaUunT9bzXObHbdXITSYH9fWsNBo2QhliII7VncsGypnhrST4qbzJKRFYQm7B
ybUveVweCuUKL+glTwKhXZoq+/LjuN9ykh71H8CTmc7NI17aB9FN/alWdXsA3r6vi579PRRB2Dm8
xxY1MYHr2PsUY8yEgBv3hVeI3vBETv2MjMVd2PaYGNHRWFI5wOXY8rjsVunIZZnB5mYExGmsZecy
MzebxvgBSifnrsZ/NpuPvyXc0nQq4ZbBeGzosfJCm83KVAp/VaoK78Ti+cuj6BDZKeSW2PiapyzZ
BCDw/mg0hhDJeFMOB61sxSGrwzv8bXKLgTsGpqDXpEfMdEvJiLmuqZHjAwO1HgNhMPrJUa9GL6G1
nhWESHOaVuFBuHR22SATcEYVa61CnBvDFzt6VIYxM5H3HyxCeNtvi2delSCTG3MvoOpwPDTR5Bez
JSvB1Z6xkLlOcpSW2e/Qu8cjd9gF6RlxpS2fvmtk+wnCSqg32CeGq4KisANVOcAyhXV0rMFCzaEf
HL5fjr9knSs+9ZL4caiJjjPDsb1MTaAfvt3f3/G/qG8fELur7XciUDPrcqVD/gOQtMQELTQ9zAiz
n3ia6G6dX047wSZginF2VA5IcKCfq4Y2Ck9O9FpICjvX9tLEFOQgPx2tugIxwserRz9Lp9gPAzeH
1AQQ2zAiB0OuZeO6v/qmJ8HVYxmnYW2II4TJhihRwoXYZNlDxzpM8HQxlRaL71ZT+UehZyZwnVBQ
nGi73uz08YbA2Y/FicGYRj3NeufgOsTNSSthYO+UKPZdmGWbZtbeDRQIxiv5rTV8AWEqVxtu2ws+
9JixqPmeL2VazIv4QJHlIQKoWYZF49kBexjoKcbKtxM2XvBLpfmQ6CVhIJvM5NJm8/2hSsIjN9y4
o9BpIgwWvckcy6uh38k2OQ0TunYXjMc4Mra0lDCrw3MS8FsbDI/X2gmfZ/Vh0cyJqwPLcErFtCVi
yYNLHBLD/B1ovcsyO2H5c2mat1PI2niWYzSwyt5UWJzYZiZsJP2k3WAfLFa2wLZNivTFMg2qGHjI
AaXPD9B1nKMPguFIiMMzc6WtHIu+EzSppSU7nORnapqLhZH+mHDikmgDOa7NtvzgiPvqjMa4njJ1
YQEEPqx307FImfI7oKK3VVs9YJ2GCJKpB5fjgOBEkg3tjnQkMLIcVXOa0hPKc4XdibtP42jz2IzF
yxyS8hkK7U02o8nZ18dvnH58O4cVu48/vM4TIurOjt0bBwc2T9OHSJZwQDsnuwIGoea6wXHWt3kX
3OHWpjtqbqt1zF44CGDollQCrxk0U6KaU6rA+4btdAv2DXT70ptVhIanESQj9ETss7bSx++7isaM
hpr3sNmUenjSbP/e4t/efF+W367n7w8zVHSZ+tdgJAbRajdVkTNBEdePRVllW9OZXmCxEbgb0SeV
DYCtSoLtJEL/qJE+NfzuG0FsHCmyWwY2Zx7bGJOXV1sXuFcI/wWMJHSKNaYg9PQYbXyUw7I6TD++
c8ZaBa1oEEReStIEq+8wNF1fVzFzXKkK/y23tIsv42hv8UySffaQkk/YGt9YlDTU+P764MvNB9a5
OmaPgcEZ12i27ckg27Gp7dtqubpj+48M7Xfkug0Dew++aa1Lhj9EkRHMAn9XzTbOSys7uOynEOZG
age7eeX6refuv9PcdTf+QiBn3Rf0A0gW9O8bMLB4JGjmwCRTQ6xeeoSCfnnImcljZ3SbJY3WJHed
ITrQvyPGsCh46KGFrd0+pc+g2sK0wHVckivDB4n3SiWcUf8uDvVXUuCfyIDEm/6ULnJ1wPREbyxU
OYPcy5I++vnxEOXBwhH8n4E7dBzMxxqHevw1C9v3YkFcOacnFKOSAIfdc/2ajrCpei9NJBSmZpP8
cJHx/mBQ/ola+Pevhb/0Ty/Gpm9YmDb8QluYYnmxf/di0rCfpNAbOjV17NNK2PU2nYC5I3heTMKw
nEi80K+pZsV9hRQU1gw8LAKshjPjWy6Cl6J4TLi1zioCArg4oZGaH8owSe4kShktKDS9TCHq0+hv
htDJPWWG2tVmOxkrMCpM66xjm2atR7CgOfu2wkTZMuk0orZet04MYTBn4zQAjYjAyj20rWljjLsr
fT/6zeT+U+91Z2+YZYgvF6sRS07HDc88Vs9yf91qnf08iS2RgGCNJ1i/abRd7JAtxCFNmBqIgr29
Ldj/BCnLZmDXQP5jY8vlqP2gclxY1aFYVJSh0u7MkWFhFo5ACks9ep1pgfRkmm+wjpBQgdMdS6c/
dDa9wHopSbGWb2Y9ZOcg1IpTZHGwoSHiAYKec0SGIFZQ98YdtR4g0OqIx6QYm01vLSvm7FhXfZkv
5qN/dsFZvyCipAEzc07d1tYBRD8o8IKyYSqB5dbapamPoa2InYMuipmpduruTB6lG4Sfdof5waBa
WX9LBa0EmnAe7CqdLwVitNeWNu2tNKBCu4ybHfasRYuuPyl2D04jbt+jRXAaiHSqnVEOf7FUGMdk
4mUmMSLiYGTOyfatXaSG8axyHoLF1I4XnIKAo21x1Yeq+BzDJFg5N1aJ/AOjAbA/2nOYWooPF9Mj
3TDlS+SPIAmZUuJqs7nu/eQc2jMLPdJikZnmk6mRc0rn+EcQDHtVpvTk2H2LQ9CeXzOXih/gGb+t
0jR3esbFRB5lwj+d1C+uat+N1BjQPpHChinVISvX2cH2s/tu+SyWPfjl7z/IuaAultmmW4cGxZXv
VGnF9aJmFEGm/fpItBhulDnSQMLf/P47UIFQjGBa/fGFutKUJylR2vsSVQL7WXK0KZNZdWTZVnNt
siUVUcdUR1iHULjjQzPWVCoY2NxGisUC58WO8Q/kDKJDR1ESFKgZzyxlE1NRXWjH1T09iSEjl2ip
MzspXCDg2bkn88dmOOEdyu71TJFPl9aakfx0dt3BXaUS81jYyoM0KqqCtfqr0miPdVXTQAtAxaiT
hZtV1PYD+01c1f41rbj0O6L26yw07W1Q+MSh+MFe2wVH6Q6Jc9HrPGYnDntfIBY+4D8voBu6YNHt
hoG3T2qvz821QYnONRG/q6Afnh2cNIK89aZJUOlwZopTFOvb1Cf4kjitwXKIw1fJGC1wUp8OAIu9
Y/b22Ydz2WhBeRl7yRzTGLdRaQ3btqSEwemAUcxFnXr8zOqtb8+MchFyNDwVRInmjT/KFaMOeGu5
dRdLfThaRQGNs+hOsVV/a0wtZ8SM0gHgj2sAjsNJuZhKGU7XWwyjNEfI+ROJt15j9oNOOhV7J3Xo
NA+QZf7FQrEAYv8+hkoAVEggtw6Pep1Y7D8sFEltmL5soHLgKFiz9a3XtpHHR93M4rMYTKp24+Sr
5jomMZNiGXDgpDL6B9cn9Ohs9trVqDgo5TkhEmYtv1ET/8VLNJck7D+9RFfapHjh7Zr/uJY5EEbA
TfASRyO2Nk1QG+vBYYCH18s86SltTV2WxV8+j3IQEeC/YRUeU2Lh9308eIZ+S3Ok9xD5cN3PTrvr
61FdJGa1qHDEGl+SgdDNvArNkHQ5G3qkzsL8F6ug4f7Td+HoluO60rF113IFvOC/XwRLDSu9Po0F
trG8utiBuCeAt5IcPjxhiPzSZEeI5ueAZyAaVrWL6CNkookhj6fPgL+9fLZrwLXu+ME4CddcUcFe
GDIyYf/1JWFb/5dXapu640Ivttx/+nkTQ9T8gg6dfRJLjFDA7Lym1OXepNQpDyoSMs3wcwzqW9U6
9Vsrf1Kh2p6VbOpdC7XNcfzsJCHseaPfazuKT17zSp0yyEFnBxP3pk5Y6kVduWywTXM1+hkHlrwU
x56KmZNgALoCH2ft+qGmbCrLdiZnildfjl/9fNUmZ7yVZYAHOgVCGrmStCxWf71F3kkUxgiU/Qg1
aV8Div1jW/W//rSX+YPA/LMop5q0X/sPn/6fJ8wdRfa/l7/zn1/zzWz+22eX6GddNMXv9r/8qt1X
cfeRfTX/+EV/+pf53//66ryP9uNPn2y+o/S37queHr6aLm3/gxy9fOV/9w//7eu/FcgHi82m7v8d
yH/6Gj+a//HXf2zJt1t//I3/4Ghbf8Gi7Ti6NBZXC4n3/0zjM074C+KBqVCkTXeJ6v8tjQ99m9ve
dQwdlPw3LPvf/prGN8Vf8OwsIXqS88px9f+vNL6whfHna94w4ASYjqtQFXQJs2O5e/9ui6q3mtZX
RaHD7Kj7vWz6x2oJaLUBTodCyYt0LaQsv3zIqFNYuTMuZsjF0QzvYuJLzBRGCe2XWCBB8Dv1gyWy
j5rDA+lvRUfyvKVX88mlOw6Yf3grhfMIlvZcE/RGzhI0AYQd1hb7OdEk1HgdwRjK70fOQEzDmlVN
lYeh8ioNtbIiKoLjAvRyCcbFSbeqa17nPBEE4fMzQJwY9A7jO6u5E+SuaTui1bNzR4LolXWfkj/c
5M28GxwyQGN7Mrs28IJ5Xtfaz5jT6VaSul8NtSI7xAFBGSYlHvgdU4NIkTrUEVUJivn0hqapHeed
l6UigKE5ziQ332la9NTgPILygie2i5dd40AOgCT4Tg+mddllW8dv3tHst11tnzvSLKvRDA9S8fNY
WwMRagOwH5UoxyitslMxaLwAk0EdRz/zkmWTflJYWr4/g3FqXr5/ZTAPPqS6fmFNNu7miZ9zXqCb
08dMwMC0mzOH6PGEhQMlcJwJv0tXu+YUd9371hzc8yyl0maYz/NkxZs6bXEWiEq/x9INQCjrqHpf
Pu0Kv7rHepnoEYUp5sTIXMDKVX1jHgtFHE1k+LL6wn8N/Fy76pRjbLsg6tdKc/zr9wemMNq1NAti
hp+ZO1IBMqvWXDmppLMnYI9AZxCJsozf0+tqo/m8y3HEVnVtZaVczUlTkC4rMI3GphGeSnZva0Q9
kzPIknHNlTrXE1NnbSzxiI/q7A5FTTEJ2/aI6st74r3RXUQlYkbVKcPgsOuQE81xR7PpPVs+7SKT
id3PFIU7KAKN1ynRPua1sG/oRCBjQ9uon3Wt4IP+Hliz//j9iYkgYQ9FTwcG+MIhls99RogJl/kb
QLsUAxXTkUQ28dtc6mi+upCbuLHexqKZnnzMDz2ULZJbGONGQA63noDtkfKqcRP6+rAeO707TVzT
ZOG0r0pqXMBjeddXho0KQ58JswnaxPNOPJlYA1wJ1ZetV+Tltfk4asX0y6lw8+Amwa5D96yhyfBH
MXCLc4CpE0JNbIrlQwju+J0WFOaTRuFAzuFQGDAe3DaDZNvM5BLmbRvsK97nG+4aUkyJI96dOTiU
lER/9ma79uljdMd2eG5UMe8x/Gpbp7Gat2RmF+hL80pvVbfSB+okRk34cCqG4CVJHHtbZgyanJG+
CgwvwPVEoFMMyZ+6WJkwVmMdtJkWJRiyXlVjvE64r+4bm2nLWIP6d3xMdwJP06/sQzPQeBNMEGuM
G6c06927ZsyWMbVk3DhGzjk0zGhts614CmW3EzH/ddqAc6riuX9y/BomQG8+u6Z9scs0+MiWmRSS
5XxfGPp0CZMQbE7GNM3hZjtVpaWOI2EUHhTu+Fhow/iYm+a+Ey5n2oYBMWUq4yPUCArpo8nYfH+F
amp3X/fMAeB2rXuVTbekVuNN2O1wQS8//u23eC8TGFLRKZISI/qYl69E1jKUzELbfH+Km4HRe+jz
qrLgVBO2eBVGcvVhO9+YRSXPU4HBMxneMUPMFxhb+VOTp3cREbjr92djMCDPhPC2Eu4JII/OE08g
Og+RqM9TlOivGY5ohxzn0zQO3T1G9BfMkR7h5BSEhJneGNHuEKfQouQk0PnTDJvAmF40bPWFRf+Y
E5gyWVHJGxEMerJNi6asyFHbQvnisWSTvZpSv/oKGfhVMUiuSqHMaKULwCrJLzmEtSvvn0YqrOcQ
yCl/r7vFS2BrzaOWG9mpY7mEIhCVWwXLfTmXXQO9j345jnF1Ul37OW47Qx5SFUwU5VIF27nQvb4/
9Yo+tL26q8xD3djqLeWqSkMjebXpMD2pGYPLlGXO2+DOzVrn8qLisrSYQwfFW7dhya/fALn5J8i2
Faew9jcVlPLBlMa1HLL+hYpogJSRkR3q3mek4DLwtAPNv+UGkRK3sYq13yrlOX1l39dTk697nVu4
ysk3dFROYTiq/b20w/KF8Riha0j+pzHK7/yidDG64f0KAxUw2zfiZyVSHLnp9Gb6br0FRRI9ZnrR
3Zw+W8bO4WMFC4DSBkljfFGQqovbc1I5/b2dlBq3edy91kLbxlEBjlXrouexqZnUqbw5lFUUPZt1
lWxA32vb7z8lp6ASkos5Q7gg0KmgImk13+NZvCFddqc/fm/5NO/jYlNm+otPB97FWT58/2rIeT2I
ReGmHZP+NCqzP33/KkmJwSaQzgjj++PGClh9R8KwrA2N9BwKvLBTm6UXU+mLGxlLIfrDnvLc3zCO
jJ3bd8x2bJJWPZFqgEnpMQKVsDUchlgzPwSuH2dvBZm75sJnrlL9sKQxHJIo2Iep3h2yItpOWszC
TscZvmDln0tO5HSSxXfmkcLO+4xJ603jKUvGEuy9Jr+MmQ2RzaKwy3TmkInZkBJcChJkpD8OPg4F
I16G45aPzd+p3W2RlAfLqn4EboaC1NPy2YM4EEP9yUMYmxI2m2swgWGRRfdaAba/9Pb4YVfQ+js6
LZVgfYB4q9bl9Bj1KZpDj0K9uBqobxxXyrZbtKWfaoqfZrpR3SlZD1porJoabzJmZX5R4XfGGd7V
uldJnchQa9xreK5XjL1+WeN0SBfQSqbwOLaaqPBDAcQDzghszm7eZlxD2P45S+qpuVUSNyqoDp9O
T2Z/LokBqtcXTe5FawWambVxhYU9Psg2buS+WJX508i0S6v0O1hBAJnsH04Z7gbDuXHIS1dxOnyp
Dud8hceJ0jbydV3zkiixa6QP7rujZaycvogPyJUgZNe146vwy5/g8ntETEA81qei0QrHhu6heq6G
MLwFM1VsYqsPOi1avf9euBjR8l8g3LmYmUMRUqe/pfP7tV4bO+TQ7UQrKWw90az7KPhpJoQU9Ezc
SJC0Vfoziuu32RbenPa7fOIMPUQE6I2UIAVtVrMwXotWf2RK/lB0rruFh2Er/fcgV8MwvfiTtSHI
yxCWDL2pHYO+vfqzdqzp9eBqoqOUPFd/PzbO2qmxqiLuPvSWRo6vuemBfmhAJcSaZA7OoZUnMSmf
8YkSJhQ9xKtVsvSmhd3Ckp9Ruai96NMHEIRPZvTvhL3XcuPAtmX7RYhIeOCVBnQS5aWSXhCy8D4T
7ut7gBVna9+6p6NfFDQSSJFAmrXmHHMu6NLpC9ayAX6E5cf3nE8UsHHgGVySbXpoDAxMJirXcSi4
sk3nqslM4pubp4rKqPSZ681jUjc3TUT+Rxt3V6yfMiq+qMlotdOLIsljwFyMH2QDrBAwoEGMX9js
Yt+9IWtqZbYmosYyPBkNt5ZldyIYYIroj63C8pz7/SuejxNRZ584a+tdp02PgusRNQ8ycsuFCmXM
V0PdIANuuBB9oVOzst116U+3+oSo1UyJmZcesYg1X08bq4cpK06FIFmv9ASh5SYeexJGA051cHse
HJU5Es+iok6G9WSFWTNBapq+zg39/Q5dnuw8ykWkLKCrpbTW9c9dYb5CCgS6qNuvUZufTRUO64lq
OA2H78biGjG15rOvk2HVoXdZO09u4b+hRP1IvS9mgNuwRdsBzsBGJruCtvfjFdOH5RhoZzpJcnTR
kjKvbrNuCe3OnU2iTe+96REUaH33zvA9Jc2VVX93nYXtpyqurJJGeMdXbufxZ2wndxL3xYrkz3ed
mI0rN56YviiSCuaiPqnfSMTxyerxdp497qsYg0Xe/0Fe/xIR6deRFu3V/l1uTLdVtSB7i/FVeOq6
glZlEcDE0shAtBN/0epqLidgYSHMzqsu6FVK0Byl+jZziKSYSAym3yxQxuSklXW3YUlXdGhLTpIZ
YK2JC3XQhltNT2/T2nqj0HYbMf86GnnIFYadAFnCVdRZ+6Y34y1pRmuRbtK2uO2xTezU7JLnS9xd
i2WA9i1DVkzqHAI8TdEDaDDZ1t6blWH9a+b5W3lDt8JnfOqcMzbIbYwdAK1+4qF4czKctslNlyMV
dvT+1pvUqsrbt9BXhwpfK6Up9LY5gTrlmFyrph+3UupA6pCB61Yj8EXYWyhM71XpqIPljuAshWaf
2e8HVlS3rDfwVVkO+2OSi5d99RhfW+SMTn4X37pt+JhU7Q/6MlI7wLLA1KLeanmf0X364CnzAcBL
8phV5ktIPRUBQa1ttBDlgk3OHqusDh0EpxTmkXE/G+WN1Uiw1VZ+RWEJ5VcyZQH957HdNGzl9r42
IDVJxb2WPyZwtldIaSywIdRoVX/Dzs/aRBOjSdSjtGv85EjHyQ/woYdLPKe900YvZux2nmOZVFvb
K29oPaXUoxT18NA9ZXxrJ43/tJPxAW5FRLc2v1kswJsGNAiFQHwHoggc3BwsWlp/UxPyQ5VZkSai
jW9O66oD+0Tsw7D3UQYU+9bOXhOsace2YBdfduJLl3gca5x4G5JeiV41YZAaxRTkumz+dLDjJWaS
iY3/Q1Yk/Qo36LthEgAdVYx9b7ZG2wvi27yXFGIZ7LAeNSbF7Spx73AMBWxrvXXTevcOANxV1JoI
Wx2myzY3VhqxCZH0bjq7vJtCBnjIsdcdDIwt0jQPbOYJwQe5Wz48ndZig15PYAkBJiMbSDatn/yx
c4zhrT3Q1BE/hD7RE5BJua+zItrqjcXGOvKDTkHJbtFwIzUgu4ux5H/uXx5EfPyCCs7dXh4fCoBr
Tjf9/3/v8nRKMDe7sWZ3+dM25+xOKEb8c8jLkyJkRWiN4upyyMtDQ9NvyKFaErKYaEMzKk9A6Dt0
1+SKINnuTPswtNU5nSgklcN3XLCYxaH/h4LHdXLoNIGHQYPG1ckbS7YHj7LPKkHJVirnj530H1k9
f7vp9N2YaJLUhBLRN7FqDd9zRggGaoBHJrETivvGl+NaFguTmZj51WwZ3+Sus6cEOFjr19WUUPr+
mufKRR7ELNDb+lVTOxsrKct1pSDwuNLHBAA9hZFTymO2/OgnyHSXWzMtk1U/oEgzlKv2akCKszx5
+RFLWQTzYD81GaC0nuwwwFHOUch83w9Ww3bVXQRV43o0ANmlFTxAQbT5Ri+L7tgYhK1RMiYW5XK/
Zo9/xNCYyfyusnWx61IqxmVXDauQatLkx/ERVVq5NaFb0XMvXnJrjoPZJX+mmXVIMXH6NnuwXnts
SCfRm/rfH8Z/bjnU/1hKRVzEY5GdPAgWh2kAcWukD3mBzLEzz5prf8GptE3xII3oGSb4Cbn2Rib6
tW+3nzH6LzcZyeflAx/PBXSqrLgCjYwFsDxautr1UINMfUBxYRlXkdZsiTxdGUpsEohyydiwn9nk
MZsezg02KUte3CmsED93NWQFi62+m2CeMPvjRKSRg1fc194aHRn24JYkSflf9eQdEuzZyxLBtlnO
tgjl/fwO4cHJLdujbO5G1Nl12Zy1JFqyFpB2kzaH7Y/aH0t8ACDA3fA6v+kzvUi6OEtGck+NLqSa
0kqKDeLWK33kbPdlZoR7Uw1nfzSoaaKhnfNg7qxTH3i4rlaZVl9ZWOSKEVekanTmfePGCNMbEA5o
ylIFVKMcdj0b6pWGh3DduZzBgCAeK0XhssqPNrsoL3+cJouNoRG+6BrkPS1lfwH/27ixQJsFIpcf
oQdoukXruqENe2tgXRQ08iyz/snqCRWndvQmrzshpTraDhUBj45EP/rVuWbgX42sWmwk5EY5Tius
OfWhs4vt6CHslOqqKcKnql7anlZ2kzYuUN/6ZsJQtmut1ykMHzTs08SGx8cqvVV2XLIMwgMPFt1m
3agjtkNGVOJyywDXDVXxEirIMrppr3NaY+s2Th5ra6cKl9SShl0ACw5OfVqxdfsws9wHP0LWc+tE
Jm2o6QmZBuNI3xJb0rzGlB08movsmDBRdZ8W8DeJ3GubJulnWi0tlIwVazYhgh+urSx/IxC6PZpw
i2jatMRT13vpxFCeaivEMRJ/TZOpzsnCFIXvPGaL+snzX6BrtKtQqccUza/roN20yuFPg+gwlfn3
4HQvujXB4Jg/pY8jSMGACGzDZWQIhwMS8dxYmjYIlAHVTWtbEEe7qPzhUKLbUtAusHOJBB1Bcl+4
4iYiBbuUIK8ifIG6/GORjqrJF+UmRxOJ/KCag8it+xRd1lq4+nkgOWhNXh1qehJXW5JXNRJYSey7
qRpa60V4jZSRSDsc+9RQzl3efzdkuEbprUmia44PfVPWRcFq0sH55DCi2bYM+iG+8vswekV4/Kk7
2cEkKxaT/E0YEWWf3JmXJFkcTzXZssi2/U3EUgSl40PTiReLFFp7LB8iA5NCPjBHZ6e5yddd6z4U
pNdapNhmS5ytWIJtqyXiVpJ1G1t+vKtn6yNMnWLleuDGC7t6jOPsoSApN2agMObmp8Z9L0J5l5Oo
67r6FdZSlxLmx5yMHyGDgk4Cr0cSr1T1ETH525TWb4qkXsapTbdE95KuiDtKrwo0FAwr2ZzRH1sZ
r+0S+uuT/tt5+kPerC0ygbm6niox3C1h1XUI3A45a08hnyBhl6qZN4L9nJ7UEjQcTRV4I5aqYV3+
SE3uhKEIJSaduGUKUJF+Yy2xxQK+q06OcUWeMbEjxYqszmumvoBq212uo8KwPw2msJo8ZM7gV1M/
K1ZvzlSeq3k4yDG6S0lRdiwWZRjxQqwbHv4ph7Rlq8KPlyTazSiLY2eb6Qr5MGrGRYDuPjRLZHOL
8dMcyEIMParT+usg/Ps4rtE+EPbssjYUS/zz0BAE7S6R0FU+82kvMdHGEhidb/EKAOerxrvlI1bk
Svs5/jSHESFzYjREJE8vEdSo9lnm8C/Eryk6TPg55UYuodVdCnFm1K8Hhzsludbt3DJ6FqBibDKv
veSz74jAtpLYX9m29icnHdskJZutFVDJOXtuIyTAw9OwxGk75GpfLiSZc+rXPyw+norErfAb55t0
ieQmYrVZIrrRclJt14jtdsnvpnam4VYZX9wl2ttYQr6xwC+mWqbJbAaryb4IqDntMY7VA7fgjGFG
J0J5CQ+PlfgISRPXs/gWUONH7noM8n5zG+mS654E8gmb0ZrkaJTJpJN7y3a7AvArluBypxYUBDP/
zLd/QAdLOvISc66N0IcjmK1qCSqMPETszB1rZ4lHD+0nm7Dq0Yby7+oQkSlw9MMPa9xnPKo2kuYg
mQh+GBzMx8v3FJroamg7Ma8kHlEaYxyxjpwwXBDdzqbvxx4csW0GL8jG6T6qef1cEfheK4sJlQx4
ItkwqQzHdAmHh479NECCKDrRnOclQF4uUfKdOBn5YlJw2Gj7A/5NhS5cWaxLO4pPwlvFPcH0Nmp3
7CtBTEA11yniqsTQX2f9HRrT80QLBtAdLA9/GSGb7lUb+3fHRJrnDfHWKXr9ystZh+ZeYaDh4e2N
FXw9G2AJ1k7mjbGk7o7Sjt0ZokPZIXl2yQdwrcBRqF1bG1FpnyudcC5WExiscXLKWN8lcXTrajE+
v0kupdfMw23oBUPukrUNCqVV5OB1LapS6b/MmDTMQX6qxrNWowVM27OjGzf37zqDKqk0H2QzvtSm
f+4jehl5o/2hYmsLPAFjXJX7QqNECZWUeZYJjW78R4K9IJkbAH1Z+zM7MzSwnj0rfb71NBooi1wm
gsFPsXLY/iFMPijbu1xCM8V0ELqm8dot1RSmja/Rw6lWuHxx6P+2M0zGSHfv0ajJPoiN6jm2FIJb
3kAfC3fV46PfzL7a6kUVXSFJ2xBZD2SoWrqbPbCepkB5bPV2IHX/k+XNUzSzy0WPvYkU6kOU0j9j
LD+BIwYS7dnC8IEKqDtsIEF+lgvqQapn3Wf/BGYIHDhf78mNqCdN1XCjVWgbVU8juFNIo9rsCaEl
xSjksTtIOa7TjKdeAJZEMISFrEAVlEZh/CxqI6IMEvlbOmwFBfJ3a3ZAzfbq6Ib9NQSXBEILkmEZ
j5TXuoDhebGGsk+nB3X0Op+gw/FRwDV1I8Y83FcryD3TwfXrdwvtmo6OUBYjRaz+G5nhjr7KS6an
xgqh3RP24ilIGkEVPk6xutaHMoMxDfj6PFXdd6k1gGU7M7Co8+v1sy7pSxO8QDEvST7q09gVKM57
kklrbNnpjVPAiMsm71t1HvV/+nol5WpNW0aAwqIFPWx5awUwgqJd9X1BglkpVqj+AAAZ/osz8om3
Uf9eqikhH2Pr6228lqYSazr2265z79jQPsbh8G5kIFYmiTcQu+9OCvO1xVuwC6WK1v3YvnU59S3s
UOkmHq1sqyvMt5N+A69lYyOmJB6Jkc/Usmv0mwEGCGyTnJMZ3ZStETKls2Sv92DQaOK0DkvQ3NvX
KNInBZuq6LUucKAjWIIdDNoeXZmAhQWG6tTBYo5l8KuhZbYeyvTRxZW8MqgErNsSgJVDEZBXNugI
bHraXJtR697sMEblYrIwFiEkfxc9td7Oz5EGoq1QxCkNHkBDp8TXp8T4qVwesgvj1lPkXXjjMaLz
sqEwxqPjvbTVjPkGmUEMLd7v9jUYylUIRW+t6ziM4DuuakPr15Tc76fODzeTPqMYbUDoGZ5TbLCn
LaICFpP2S+iad9YY5eswoUro6d7Gd8vXCjuwr54V3DUQYP6E7ybUT2a7I7kDjoOhWNs+urXhbnoG
mGMxEyAjjSChre+cw5wrmc6TuU9dDXBrZIkgNHszUCOTTO20E/OP/p2w+VvH0CRi3w7aCpsKBuKh
yA/ZNF3FQzeA4JvJvracw+AzxaVle2AtfVcpmj3pEF9rJt2GJB9xpMI3Fbk4RLk+72ePZQg6ubUL
9XH0u3CnqWxjp2aC8oolgtWOgUcoGRMMMrMUXh0XnfanApadNGEWYGPqgCjCnkJIHlFQQemnb60p
XXw6PW73bGYsqvwumOT0QXLUfJ2LfkP3LN+I4j6JxnmNs/86VNlIk5YLgxSqqsJRV4bJQ6gGFh5E
v1GeXaActreiVbtP4ixI6U6uZKvu2ccGSgjokymd2r5082NfVrs5OXZGeWuXNBZq9tkgcfP7oY/8
FxIkqOFUta19UZ3bztLZ5T0KyolpxvJBORtev9HSPtnxeu9xXzNqIn2XLq610aqrwOzLD5ECAekw
esyxyxir4buaqIhYUXq2S+PIFHoPEOHQI+3d2BLnMVEp1SqFRgGXziJN21UU29xP9D/lHoJDxqie
Ao1ijnIqYpcqI6TpQIVnoB8ZufpHqYGQV7V2gy/uFLvukzcR4BJiZrvR0rXd5kHNv7SPqigmFsPF
DZFb9A8ohyCNOJDEvkZyNK9TUdxiTLsy3QSPHV0iIbvbos1odeDg1g0XCk5PLLbby4jmEjum1p23
cxY/mF4JHS4CcAjjQdx5YUQrUTOfGr+672Op2HbEbDl78ykJm2C2ZnJ9aDoeer0mht4H1ErNPxAd
YvSwnG9z7WwtXBnOu2sz086IClB+LHm/c09dgj0c4p2EFK5Ze2/i9MnDPStOufY8WNPBJAl2M0Q2
hjefqUd8m0M/sijIySBH+kotiI6DehdsvpwahRDyhrsefzAhVnyTszmycvUKZ2s5Gu1Bc3jpDQyb
Y2kG01w3iFtmMtnrO0hwxiqO/HKTFZL0+srxqCN559iHNYp2FDVvCX8PazwME/cUYTUIbDOjtKZe
E9RDuwkYBad5SKHiWmjxK9VBdiKyRVu74NkWT5T0Slh8MK2azDrn0J4GgJ4EVe4hF4KJpbmsrRsH
ob8kVGPFdHvqadIhH+4/nMrSVrbVlBuz/8PYXtOf1L/0zsNZ46aEoJvC2xa+uob1EPaboYX3D/mW
PS/r30wh/MyrhtXhdlIJWyqK8o1JvhE9yxLzPb3RJfILjhkjtk2aGRztZU70mZ/DcDrDDXaZs4vT
WOt9kKlGgB0q9hbRHZGeUubKfqyqhaLDN0Loi4mNNDkqJDHMA4EbWx8TNlrfJtUDBH84ufxW0j/J
Kn1ILcqW8ZCSKjA8wVBaG718m5J3aUOSytGhbGNhbMB6loFVlvm2mvDmz/2wfE3pvQSRuCvQ/+i6
ug1B1Jd8a2z3i4fMAs0KbCjf9ZVLjlwFxz+myyOc6jEExI1s4lXRfic4noHIb7r3OY33rKSFO7v7
HCQtDuzqh0bV89wHDOW8PlVbiB7q2dXH627yyJqYKNcNfSHWZQXDO8nfnQkydOoYJxLevkKHCIuR
tT/rW++xd3ZxbzpBlQ6kpzeLPxT/ZBLvEdaobUgRF+OV0e28rPvK9CFj88kKOBduc6ca60Tkk49d
MwsaVwuPuW48EOXU01WhUQgtNY/DFxpTUCY01p+NjCk4Gekm6xBYF0yeFhWNdTIWb47nym21TEte
PDLu42ZjHl+rPN3VBWhGjRnTHtlP1o4DE6PovmnFEV9iIryKIDb21OnKyc+JITSXYOygGmh2UdG0
MDNxwnFoRoa0s3btyXEbKh2W/6DFOeiUvvtC2sUmKocoYziT3E2m2aHmcWKuY1S0CYtNXX+ehfbV
Qr4j36Q6tMLP7r0r71Ef4xKmLJ6SKnWod0YPjvnt5Gl3W6XzXUQk+5oskHCMx/M4r7hE2HF1WYve
zs5W0yKFFs11OBf9dSVR8XpmLdYJIZ54umS5bjrAhp4QGN/s+9a0Pyo7+xMVeojRbRIBo1rv3tsU
WHcmQd+EwMdgbRasXFVK+9rBVA4s0FtTZmo3wsWPGtneYaxfsm4eD5dIYWE3H5jrG5KKcBKE6lbW
pmRgYIlZKQo+dasR5yHrTRTZO6wFFYl02OqaxlqVWn4OCZ876DghbnRYq3kkQUIlrTg4s7ihcEAN
O513bQWkisFYxKoh51Dv2JcMYiup0MO3gF0cDR0L7KG7wp8SfsUFLbYRx3fq+DvNCfNdSH9pIwxt
qxrIdxRHdqMdnkl/Zc4yOQ0we8KqcR70KjTvrbw6ECxhEWesPyT0ovZAJXCsSYI9bUfflYRJ9jT2
j7rnX2uuEW7EqD/pVAhtq5+xzAkNy/CgHw3Te09ryo5Tu0REFDbNw8xZVXrPrkXOAGUVHKKiLtfo
u7KTL5Jnfe7iDbCL947Yu13MSFM68DOmlgpZGMtdZsJV1EFeHtgIQ+gr/e6ADkQwlLzlSCqwQ5Za
QO8dXDBpRytuYRlPxC1G7Ixdt76eVf7e241+o6t+OxQfobCz5zzM75Lc/LBzZyvrQqMYS4BDG24z
lN4qHu5zTgUUtbLFw7jsfrVN6DpfspUvWgPoKnHKIHRxL+WVYe8a5mVRt19OVLAw9V2wMbK+GaTB
TNkfh6qet30THRin2E2V8cuQggbPTKR9hR/uxmXH+ZV4sjxbSfJaV8zLBeXqhECoxZ53JGSk2pue
dQQmTk+lYW09VPBt2i2BIzC7ovnNZDM8ktzu1Gm2FRVdjET+CQ1ytPxMvnZA8tYhJbw1K+Tvoa2B
tXcl8COwUxs/oWjXEF2xVsOUbV03KDTO13lQHaLbjpGr5c0aJTCCJGl5/yltCPdUM9i4lTVTHRYv
gtX9xu37RxGRYNEsZWKrSuqNquRjkWCgl50zUXOCkW3Halq5DE7EV4THyS4FoabxE2bnArSAhXbW
MPt1O2tlADctRdIZN7jPp/dWFj+gDfCPhVAyWwG91J/tIKfvsEa48pwlLAGHuXxWA5+bZap5k7vV
uRcNNV5jHsHtD48CV/aetBB9M+FIxxQadnaGTzo8AB0f+UfBn/nQqY/CBq9xuUU9BbHm//sxg907
cav/+cVpOcLvYWqWQmuHjMKS+BqswJdfvPxO3TgI7S73qeN70/r3FcOs5qnLffIBeOryB/918/f4
f5+xGWwMWM7/t3fx903+fUXmO9hX//1IRE74xm2IQT05LUlKl8NcXv3vG7m8mkFQcbH/feFay1hC
XH61yZwlnXx58b8Hv9z8PcrllnBHcrJ7TtKD379FjqWOHrSeA2GRxkEuAdi6h/39citE+/D31u9j
3jzjx/29nyKyoqr2n9+83CK8DYTJfx7rsGyNYYoHY3n87xEuz/7949/X+v27fw5ja4ush+D3te5Q
Rwc/puusG6Kb3zfSGLBb1pdj/ddNvBetIM6Z170cHNhoFBij/ZQVA1vzPhMTnEtxw1VYHi8/0iV7
N15+/PPY793LrVK6V25W+sE/j1/+/vLY5SC/d2dWoex94P1fnv194vfFfh+7/EpOIYsK/PLW/jnW
5bF/DnO568sGLlNnx2sqILvf4/39dy/3L4cqVZ3O638O8/eX/rfDXv4mm/2jD+h851SOPHYlyzLd
wth8ueuG+Aft5cc/dwVcVAzc/9+nB0EgM6wQf6m4CLgIlz/6/fHPYwL618ocLRto2v+8wj8v8/u3
/7zU//Z7ug/LB1Xn/xwLfWFzhHxyefjyB1aN3/bvf/Z7gP96/p8Xudz992nNL+r9lILx+N8+gt/D
/r6P//Uwl1/853cuj8UoyMgsML9VoiA/9TEyQp0W2qocJK0PvTBbeRvJIQn+DheD+azZhBHN17FR
g2BinKgo4R3jlBAmixy/mBmc6kOxNbIMcCJe1sAxtWUSy7ZccO8S18GO7m97mpAhnezlFtW61mKL
7dTbHn7zjv8ZEjmlM+FBvg1bsfcX7hNE/kYllByBVqxcsu1WY4f6TzkQrcP+ptMr4N1MHKFizdwV
0+1U91/kHW+yGD2BmUr2HvRhqQE2i1wXpJQHvIzU7BBoofjy8/FRr/0siBtEEcVYIS5q7dWkh8nW
KFglRdl1UeFMbhMB8Gmu4ysHFdR1tPRhKrIJh6k4F6SUoABq7A1UOgQBLIXpogPfymR4VzcK4Asc
K3eYxZ3lOcZ+HnhnDtvV0X1hacLWRmb4DTsWOobXRUEil5UYPfC+YKvPZ7qp2Kuw07uxDKAo9Hy0
baiBM17qMZhaEPrPT6aVH8q6vkalS+JNZ702Q3Mk/TMPWEAlW5u5nRXKVRzRkUpjym7s2KtNVx6m
WF1RlWCPAVpzpUGj3URkIwiTLkAorSQYGj47W5p7qCPxY0QPETf/QNqIB2+HjXnnTTdZP/50Lh8M
uPdXeuq0R3ufFN4sXScAni4EC70GnEDvDEeniBE9pexb2vil6X/SkAWkEKwIxtn2duG8cqHU7KVB
+1trvV1iOXzSBEKs6m4A8zEOz6wlxwCILlEUsvtyk9siommPLpC/dSgl70xtmu4NDQamGjRW5oB6
8GG/db0fb2nfF/uajF2ECHELJkgfdtbik0ajsTVI9FhH6Br3sLvHxMev2/GmxxnNZ4QV4ChKvug6
MInUWNODJI0v8mCQ5VxL0mBnH2s/EpLZph2vlzPISB15ncfzNy1slskd7YHGepOaG54rQ3020HbX
BpffGhlgvxonpHJxDF/KEnjHQ9w1tCmGTYs3xOrITsuRb5lWpu3mTKB3lhNNkYLeIsqXlzDJEPOD
qEKzRvZlofOGeS0HJdmmlED91dhP5MPZ6Oi0oIjITZp0uZob76POS0IbRPQ+9VoA6VhbDzrrMt28
pp4Qn+ISK5cff4EHImIRC/xWH+c/fjNhL7X2uvbt+hCWjcRMDqYuCmDm4m6WoQcxB1hV3D9Ouoc/
zb9SHqvvSqPymvUt6PDsMwO3FswNC2MKj3Wgec/xsoK2UxLO27xUG6svqYVo1RWMH29N3ARFcV2H
MUJ1oqD7qsS73Vgseya336r2ocsaomgHoo+oVDp+/arL/kwPDUaqKYNc9s8VIUNrCyT2ug0JJ0QP
z35DHyFmYAtHPkW7I3XjPUhAwTpZv3dS61mDF2thW8tz9khd0QhoaPXR9HSAJLra6yaCSxBNL5Hf
v4dR09I1rr7S+Q/MjgGZWvwpEjgcnfGE+f6px31wKhMJneHk64Fwev9dkq+9oVw1Tojx0ooFuRMa
P2WOnlo4r+lgn9FlvvS5fwU+CZqoPlybAv2dnK102yNpkTXYCfQhlKbgn8WxQwRpGe+nDwesUpg/
ZqV600kLgKE+3VqpBv4Hz6BDJRGTBGO3RSMM3DwiKQhsaGE2EecEKfEKdVz63vMhrdoaIQw2iwMs
+HiFTQsnNHtEcthyGHNXcUfcOODUwg7vUKPI7RBCjV5ayLClN2YJ1KKEfIAG788QKYixC663aylH
dF3xUttQXm2COfIxSzZRBv7EaQUFmZGOGCr7baflz05qgDlbitMvvUPXlxRKrJQIIhLjq9KyryIx
PrvGpMrRLrHDZN4rt8Axo1iuFWG2TnSENF5OVyueoj86KgVSeAqG8epBpM256cgJL6erWlHo7ChY
GQNvODbIU8R6J6TRbkfNoa4p6hv6VqukglhsuhH71mg8VDqTAiTwzKkD9CKURyXe/pRcWrrqbudi
HsqrM0zdn8J0D03jvHcwfKvRugVJSDKuyPex7jarKJRyo+ASBI43HCWd9cgBgN4w64IyTtG1kxyw
cTR6N4j7JvQN5bgJTe3Ta2jwhf24MxOTzsCARsl1INy1j5Y+71xZWCCCjJ09D5Cly6dyFIGl5wjR
Y+QhU0MmLDi5Sqv++AJyer+OYm9l1809GuBHotHI9ZX5xmq7x7idP6vReTEqdDWUhgunCZyI7D8P
1AwFV71Dyqo7zjWQo7VXdXRSK5oyjkVeQYhCJXF2AD5xl6BUe6Vr/+ZH+aNTq6vRIZlJDAhcyQKy
8tds5JxI4aoairWB2RM5hYhowucGRM3eZLVxm2gtIbFcnxly2nzPrhv1IfCXIAGQ6vEO11ybb4A8
3qKOnqCbIwn1KsoECR3fIvsc3OTJbMbXvpm/U5q0fWTu5j6BflI80l+lI0d+aI2rVCUa3fFM54cZ
P1gzgpSKEOptphM7UmB4tfzovSMnLFLYcqhubkuvQPoh3e8OgsSGuC5oTMQCrkuL9pNAbqFZw6op
Bck2i0dIlndZJNglIYwAxeLvRsc/vBYdOd0Nbc1qpE2PSS1aaxP4yZh8CKyrpyZX7JdDBO2Wa+wX
HXUD5GlVu9lJ2p+iwHgkhj9kR6uDqF+SmnRfMeXPfqudGPkekpYMNKVcPvrorIMtrmxjJ9NhP1Zh
0C05aQGxPTaDBFKJBMvVaqBN+BZPNAaVW58Tb1EvkPEJn9MhhJoEr+ohVyZqBqPEpMLVCw7+O8/H
Y5UNNsEH7QuqkCvDl7cKAKKrhrtaRm8EgNIG8SlDpUP+6vo++gPMnutupqhlWtSGZ86NzBLOikHs
pSFxmRXNuPVMccUlubPUNB98nMlVccYbgNoGMxCeGS4X9eJIynJzDpGli6qbPKVAgsuHTxMSxcqE
NVw5+Xe9GFdA8g1Ir9VTQiF+38Z0VRD0uLgW8BigOy+j/oR0K16hYXzDBrNhyDUCp1iYS/212frX
sqqzTROipc8TPF+01k0NXQEW6iJDnepFsMbM2abIb/Ihu3yMLjAOBnS92CjD9VcdHnbqLHRWiwf0
1KREEdMSoKFe2USs38t+K0NHPjLBsZK8878guagrHRg+wXf23gvlo2ZN7OZ89YbmF44W+ZT6oN5a
Yhmi3qOrkUw8i2QODOO2pSuSVxB/kc1z8bAIa9AENhHtM3p9CFKLbF/MvXfw5vzFZVFfM4OrvkYH
ztp4Grg8q57JMLmy8GP10XAz+imnS5PcQ5uDVghcCR0DWcx4J6Kk+nEBpq8QsOI6M5/CzjsjOPkg
A/UKbyewUh2TUJh4Ae3eaxU1pDORgEeRrfejM0sQkqntayPJnllrP3uOWa/tSEcfbYyfVKVotnj9
ePZ8phr4qpmn3iNwNanr3GlRSnncaZBuN1wdgKRbarc2PCcW43m2gl/irp3cCtIo+SGCzZInu9Lb
FX13siPG4ckGL6ob9sjCSmNuJeBq7RD0MYw0e4H3m9TG6bl+UBIjwiFja9PMdDHnuN+hyzU7+tu6
Vz6hIPpgp9ys7axB9qrT8Xc5abQfIzTekyo7hA7dwSSWp9o6F7WAEbXkaeUFC9HZjhDcgb73MeWk
s33dKv8RVtQ3rR3Tt64gsW4XfPeEUxqCfL2VfXRLYLCFiKR5Hdv0qMr5fjYpzvT1WwMkG9sNojFR
xU+1hWR0rEG8DwhoGxGx7sSUj1YWA7iHloOE+xBxCu2Ved870yqBXJwqYk3+D3tnshw3km3bf6k5
ygC4Aw4MahIRiL5hT0oTGEVS6PseX38XlHXtZmbly/qBZ2XGkpSiGIEA3P2cs/faAIfWEqDTVorp
ydQxL8U8gSFXOJFRsEjOviwEJZu0VStqxNCwUYKM3+eRfNPmOVU8pUSiV15mcJ3kIK/BmF0mrMxL
kWRyHGsuTWK9ajAGJDYy5Kr9m9mcNGNrQ91fMdd6lIXc9pJyjEUK5J/u4AOdXpzFuzv4XgnDyyg1
cRJh860PxQ/T1qatb/aPOgTkqTVItgjSdB3VnAgtl7u/0CbX42ACWz8k+Ygzfhsh6SsS8VMwrljZ
Y/fFUPvXurmKKgBSk6nfR6jrV2GlNonL7F4jNhkQmfluOc5XxHwJq2BxEOaw7yfTZfJgPFSWi3TK
cBEVC6xzSWEt3wAm3SJpwZQA8UlWtAgyNBBFKqN3OAfEkGddJDyIO95iozrUfnvSECiSEiaxTZXP
QIgvoW4f+7oigojz89ACqcI8XMEiWix/8WZVNPOVVsBbKT8nJEllNpMYVCAmE013r/Lhm2qGjyhr
9zNDbds0vqPvtDbwiRLS16qVP9bY+uaBgQA3Tykf+0TddwxDV1OcXXocSxozylURu99iC/0J+qcn
v33opM4glNJ9RQpMyqjPhxiaX1JLnqXB5JOIQ8+eYZLVurqVVB09YIlNyFTAlcOz2WvPutvlwIen
BxxuPZgadZ/5LoPw2D9Qar057oNDrx2RSaZIulwMC23MAZsDpq3wJcVmsZkGawmzXvV1t2tViH4I
13P6XOEAPeqxv+eeXNdlKLwxJiMGuR1/1YxyDyovnedjE2C6NBp8fgHpdG6H9xSG5lDpb1qaHp26
M3f+OO0KAoqKPsX0UqkOSVX7EVbNZoKSxfkCTzgHjAHMFKdKqq/hpicHTtLWQVuUJ33kopDpbX6M
7XHehyou3Le8EmjwnPhzUuFb2IbeNGFI1ghJWMeuiehqei1klHq+uUvBkKzyHspPg6vFjhntye4t
yZmw+0w7N37Mp+aS9MyGMOB2NLBwqj1/LV7EV3byPI7s3laBoLUcOHL0drt2HZJ2GAIQLazcoyw+
S18FK9JRr20QbgUBXJhex1OZmD+WNHI/jDuKNvTIVfsRDdNzgoptqxWuu6p44j1Xg4QuXB6lYWiu
+bR1U9yqUxSg9YS67CeEYmiFH6wr35NpT0grJrtN6tMLiaLPwk/PukLTRAlmUdZbv8C4+5AQ4IXY
BB64MD8HgakjfTaYXe8Qvn1XqFnUPNI/cbNDIspPIj6trSrSzzjF6jv0w7Yyw+scIFSt+LJulvm9
Pt/q0N2ru5HdlEfxilP5PTL9rWn1P0GyXH0Xn1fEGmWo2st69eIa44m8Q5QcFVV8IepbX0t0ZUz/
FNOrxDV32tIKD8vpnFp666URwT4RAkabYfOqLIcXnlHUIEaJyGWQtlcH047vI8yjW6C24cFI9Wc8
qNomYvr3IgnwQ1/s37fhpzu+Vo54RT/zpDJiRDqoKxY6CwIr/GiFqANFElpKRbXAgZdnE81uUe2q
2t6Kb7pt4v8QL2PWwaKPyKPg4tEUFPdaCuGwleKth/thBEO/IYsXiWTqBmcsBE/BbO+NRfcmg7Dh
KEyYE4IRkNmLSRF/Vycy+nC4HnvzDhjmffnFwusHiPkqcR7D/j6VVGp2Da81HiokBPpbWDcmDPni
aqXD04hOYQsd7i5W/Vm46MgcZrKSMeyGIvA8YPMeJ/FovCOlflc4lxudGzOxXlRoP5pEReDPv4Tu
vEvaJb1hOjY1T0uAddoZ943Q37rW+qEpJCG8rwOmqi1uXJoxxESDEI3ESjf7Q9Vdk8q+NCwAriT/
qG6Nb/5SvJKsc55rtBpGcU5M+Ota33yU1bhoBV7SjixdOqTQ+gDq6ISdElDE3cIppssLdz/ruKks
JsiF3/7IZX9fhjBCndiipukeVSpPiCyaNUMKzlRI7R0mlrwwTduQ4vHFAcBgKLMEt8TFR5iFxI8n
xxpvsZ5Yn6FT06ciRHEjUyPYjoT/TeU1sZNxXVfpoexH/CR66VXEPSdGc6xBZdWE9Xhxgv82bsWP
0M/v68jyeAmnLrwRTnht5uGca9BvErjjhHXd/EE8+K2GO8P/Oefak7l41nDsPGnJ9x6NgzWbay3Q
ySQcTLSdWbkRrfGhuvZgutEjRJzgUOTJZ0uoNRcq/T4Z/SvhlyxhAqdxU/Ceo+FKQuSliKNHLBQE
ptrv+iJzVgUs2XL63pXBsKR4xWstc5N1OBdyPZsKeXP3q1M57kaWzI2YaM3qkQlslmhjLfzuYgla
ZqrnjPAjVNAPmTPIldK1b2SwnPXKhUaeX0yWcKAou7YokBgQDT8gWCSh8S1Ka7n+WVnlhyXSH35Z
+hzgi/tMq1ZI2FhcbNwxPuYPuzrN+eD52F5tOnppYpQnkWaPiCFXuUJDkqN+mQYsTKHhv8Yxqlir
g/wyD+oUzVIwpkZMrxXBzq5yIgHW7TzGKwWqdDsTJZAW+bstq+9Ix2995jtexH3KE/KK24HA5W7j
5gUB4w4p3nW8VgMQXaXlaxHPV83PjyRSzrvKEp7VQfphy9M8K107Jk8XKsp+b/UozBc99ehgsVve
VCnch1HRvAHTRFXOiY67OL+I9AWCDMmbxV0dtm9hj/Z1uQXnCY50zvFoG9jcKPTyr9j9QEzOb75q
r3Rub37jg6j0zYHVyfCsuDzBcn5sQ/NbNtqSQi/kWDuUO8edvVC2bIx59Ih6gX1YpylD87jcU409
tlP2VrbxB9Xv0+C07UHhBxE5iaUQBN6s8lyX/jeOB6QJhxxRfBr1Z82RXo2Oao3YPgHFZO5rDRSy
Hk+CI0MVnLNJOxeq1K7Umq9jRm937tSWnNh8g9JioKZHiIOhhs64TJN9Xl+IE2dAwD8Aw0r7oO4l
S65/khGZwOOsXUuq8kOw5IvjFjv20UDRqAFmnBoi5mJE9+Vk7aYmM45aipa5mquASYSiUHNCfZf5
xm6a3OpgaQ5y/Ml11jjAgKFODZoayBy7X7/97c/8bB/zXDK+Id03StAClyZ7VUuWo8qKXRo6myAf
3xwZXRj8dFtb4amq3AlAfpbgOFDfbfrIJC4DGxCdtuf9bGeDg2onfTp9BnHyjf0yp3Wz6zmh1wN7
WF/TgIzaRwLd3rsWBBQZfrg9tOEgjd6Fy/pTKRDeU8poqKJvPDdVj1wSFUGDN0XrILUXgqO9PRhf
uIF5aDhhZ77/g4wVsDk2LXSoSrBqySbUkWDVNsuSUx1xjizNcw3RprNXvvoIXRPzCyTiiUXY7/yD
mKOzLulYta756oJQRoqAR/hSLT8uWiYwwjbIqQy/D67z4kiIGE6+l/hv1v0Un2fdfsjKWxmDYUBZ
85gHONwxMh3qUtLSVDc8jKtaOZ/1aCk2Q0heVnofL6MDV8toG471SerBgAtC8ES4+eR1envsenSP
VVCNK3izGw7XA4+1OOS9/HJ1i+oNfgo6cdjqdEJtv1sZqmy4s4RamRPGOxBStzru38as4Tg0xtga
RfZziObm0ibtLqC9rVtUyiJw2WAnICy4qjw31N+iSV3c4CcqqPik14sXgYKzjJyc5TF+zIYXX2BL
6R1qtDBAHltg/R7bApVwgTKDyMYVID5C5gkWjiPdeE1IOnKSFkhdQosFGpS1M6KTJCprZffySo39
ZOvZa5M5qafVGAx6AwRFAAA9c0wCqFCnxCgy+RADinZ9L+kc0qRCp0nbE+PvnDIrwdJcauQOaPZ1
tJJkhzKI7zJPglnYVnfs9xlDIrz1JSaD4Uof8F3NwnhrCYApNHJ2nTx11oltG54/909GSmi0LmBd
9pB+VoQoQ774JND1rgYEvk+nxV2U4hkx5aHNWtidAYOpZqb5pBQhaTT52G0KDbMpHbOUeNEg7pcD
tPnNsvG/0q0Mdvzt+k7P0CwNJvK2ZfTkf6/osGBc0pp92J4xDmAaxFAZkMDTcRi5h0dZAZmj2dnp
mrvrr722IGiyrvTc3Ko58zP2sPvBOXQVHb9o7gbmZdwwrggSGBz1BvEc8Ls66e6rjCFQYzV8NENx
oi9/CSy4Ch19mzFFjjzQ1uQsVR7iHgsN1dQurCTYgS7SLy1jdxylLGLKVHhsoksu9ZtbSrGTeldt
+4nEpCrGoJGQf0MW4WoO2ByCQDangX574mBpiJPxxc7xgertM1MzPn+yAWkIZHR7GuLlCtrq1K3M
ltEX1qLf5rogJqLKozNcZUXC+kKvF6N2qrmLYYABC2yRe1JAvLlu7uXWcv4sWnI0+oOVsJKmUfGS
27PY4zmLWcKK6SibZSZEtsWqMzJ8W4rkk1am1qroaKvJkNtCG4iuZ96YtTxolFm29ZKl2MaUAYXb
kevchBJhDSW+WR7RpnSWR/KWEjWK/4RHWKS1tZaSJGAu8Bl/7Wtrc219o7Wh7CVoaHjsN9n4Utu8
48riR5oJBrMxsFnWGMlA3n4lMhECMIZvh6bkKSjudVoo3FEMuvlUoJA2UB5BIng+P9sop62oWEKN
5ZSlmPV4NsjndRz0e0nhvtK1jOTYTuY7hsUitPKtiwwzDHt+XvWu27J9yEzf6+PpFRzDuexVDzUh
LtBTYq3IJ0ZEMwCBMZr5S9pPmWlcAQtEurABEhNtTyzcTOPQJSgZgAVtc7v8BDzNJZriu35x6jq+
8wKk3dnjU+q9oCrLVYsGFVZ9te/yU51zJ1s+rikeJMgsBLNOS+rlmJsHZeLs5Fhhcc/J0vgcAyKz
zJ89MXpdXt27ZexZVnU3N7Z+bCKM5Y3/jnaP75amjaH7yYcstRlLlsyUE4+tDf11YMZs45+Kw95r
Qu2bW0sHqUKtr1nvkBRITXnp7HyEiWSmw9hrjTKWs8bMWYQwiIC6dmcWrJXZOCUbtu1DLPzpaGPF
WUWUPjLvOMwGxUi8iLZLy+ix1VJ9Wzt3ptQ4GOrTSz8CqGp0usJj/dz2TETsAd9dkJMxPLjgdcZ0
5tUHl7Bpv6U2IzLx0+yjO5i6E0Uwu2Lfj6/SpBzo8KutQpcUs5iAGouk3wJXwpKkXnFWGRr0vEX/
DXgEmm7/knTkUcvuc3Bo6JcxLfg+0J5amgKFmborsuBsmh/iuSdAkF2uzTy0IO/ESkAeUhPksEge
CBC812QJhMaCbqNmQogLl/610VPzQY2j+V/mXzpU+7bXObHYw95g7dkleQHrM/2Bo9znezGXaA6V
sanqB95RzF2Fr6gurXQXCjCec7VJtHif6bCFal/cVY0bHwt0yWtRwUda8oFK98R9lK+NCq9N2A7D
lUwSIWuELCPorLB7n6bixg4bcwoWK0wlEUzUHB3IEiJWNGecZXT93bi80+fyM27QgrRh/GiSW7QO
K1qvIflk/IrGCQa67pbb6yjTPui1D9+1YM/0FRm7Jq896POnecw/IGAbVyUpjeqGkB2cObGhz7sA
qt2N0LjmZtF9yzRXHX/9ET6Vj96i81AmNu+2cZ4AF4z7DIH4KkECQYMoIVDGhSxY99OmrFiH/ZJI
XYLYuA/016YMQVCbploHYu/YeMbk7L4GUQhUpqanXZD24dU+hUw2EAIUr+qxqA4Enz/1qpx3JgYk
rwemNCYEcrDI4bCuIcXz8OAidrAotQ7eX4NJHEc41lgblT2VF8mgom66a186D+Sekdo+41ctjfra
um25SiKQlHw/AnitZbxRDfGt9iea/LQZcRT+GDoDJqliLB93xouwK4W643tZ5f4uHDFYF6DLanXL
mIhtsLAjJ0Y575fatmfEaqSEPRVAy2JMW77dYw0viA3qxm0GnbuP/CtQsktgU6tQlqGDLeHFakSw
FQZ6aLckCCoav1hygbEp584QkKa7hDaMDYljYv4p2ZfIUaASwJvp93exj2s8skg0b/Ms2Gop+LfK
cH4qq8d72L6MLUozWXPcUBMK22ZifRbzpxydfS2gs8Y/lc0NOmfpRzVC0tBVy9lPQ/WfT8FpEOVz
nSCmaLm5zOZpTJqTW6PwwafpoTN/NhK4BsqVH7Kv8ckLA7Sca4q1b6qzGZSrlPmL1wf2wUXycyzj
8dmYsfAFpca0veACKPkJN2DXhdoap0i6HX0n3gxx+gQhgrmpwsmPjBw53XQjt6GmI+F/C+9QoLCq
rP1h9jqz3Wg9ybddQnZj3h2m3r+VDQNiRS8iMUakOop/ExvUa5ZbX/VMgCV4A06pBG+EJwzJcP1t
W0MQ1GwTiU8rWU5nzFFudhxi6U4aDJu92FdWezAgJnXZ+KhNs3Hp0AKZpcU2EO3hUlgc3sWXmQhw
xrAiNJJv6HMlbAZcN3LUswrRE1FCp5ZZGj23d1O27Rn9J6s94a9a27qbBo6yK0Pulug+LeDyBaz1
Rb1rpHGw+5StHECylxrl99Qmr8kfsSuZ2ldgde8ELv5oISpz95tk2PG5yGhY44NKtvbcgKulCRnH
madpMRM0gZ/PLECCSFxsdBiY2FpL2j2aZYRPrLDHuI2f+fwf1I8av+SGKAV+nkPTn7xcfIeUVVbw
NTbjQ2OqrzJtX52peWQKAYWUNA0uesvcGXcZieyUHMai3mGOquG5tiV4Iz10nVWXzRUlv87UWfni
VFbGD8MfwCzl6MSWaVbeBghfUgdYWF4e+tE+9fVxEtNO8QTlqPcyFm7f1t5EF/2sTZzYsKzHXQGo
mVRgP6y/ctW8umVANzovbpXcGj47J2s6+VXuPpP9ZQQogXd2YHjidU6EpE6X5TbgoFoRsOxZi82F
xedTmV8MNB0vnN3LiCRtkxvyI82Ce8zC4RGG0HG05l+G8ksJIIyDe3a2AQUmeZXtiFHTPWRzFqcL
iI25vTOGMTg3bVltg6Z6wAfmkSrC45/IY01RGrSVhlEe9EDmVi0rPEay+CuEuIZpoT2InPBxH5yi
tOniLNEUiKUDT5sGLBChe6KzsR4boiYdKzK8UeVPYVnfiY74ZKAOvIxoM+Cj3Th0y9c1PT8bYO6q
Yly+jiYYekok59iu7gNYtytzLJlYjQwxxiymWZXuqlYDUFLe2lk3oDYTT4c3cYMtcZeTIF7koD46
esJRDnmnJT7QIbcugl+99sMq9/SyPQYO8RWBjlAdxZEBgNGDX/MaUSymI36XvuEI0AZw4Dj0A4D4
DBjoVTFgBTfQoo02me92W92k3u4zEs+81uC8m7a4QzhXa+s8LWBtD3dtIH6U8hQIVs0xGhTjsJ8u
GodCWhAre/eL8LV3ml+ycl6YoOzGPGBWkpwERWkYcIwYA/Om4vEWDkiqhw61h3Eog5RgJtoDdmbf
jSZmONpT9a6s9CNcGdBmtfnajPBuKhqmVgZmpSWjxM3taz6LR1/ED5I1ZeuobkcawM4tjaPPTi5J
C+sKBmQ2yKQ4phuJBS7GImFWBIAio+R3TsBhp0QX08Az1lsyVwtQ1b2xVe2SKkiz0c1HJABaepZj
/enH/WfSMKuI55VRPaRV1/HQTFhhijd095/RaH11feH5kM6FnpY7XRuZl02ADCuqdjv8QUuWgT0G
Mppn2k0U81NoKYKFxr1uigOmzGqjteY5GrQFL4tGp2NDtBq8tuefaKm9Si/ZMEjW6F25tSp2WH34
gWT9Lk1+SLEADpIDTd17LGEmn1/xuiTN1qAPsDoZzyTOoEZyv4Ud0nYmnWcNTMIKoR0JLtl4tjLn
Ea8VDe7Medbr/tz5xe0Xyv//px48TeXXv/7xju4s30RNW0cf7R8yDCxHkhPw/049eH1vQhK12iL/
i2/7d/SBYdj/dA1hcbRzXGFZkgCW4atp//UP5Jjyn0oQfkDyAYEIObLB8F//kO4/dd2UjjIc6Mh8
JRDh36kH0vqnJRHaMXA2odYavLr/zXy4+y0w5bewiuCr+Pfvf5/LZSyJI/+XqyIdiywSwzUQ5RhM
j8hW4b9/vD/8b0bYXMxVpzWdfZ8w+ACUnkyHpoUKEcDTDbos9zJBsUyrmV3CSKiAilOu6wWuRvTl
1NagdOF3x2mnX5hB/fzdlfyLV2f+MYXk16tzXcNVWNalzQX6U2hYYI0yVWEr722jAFRZyAvTVnr3
DtG3UWrcF9J/sIyC7bGIkacWtKkUmIU9yY64+DMn8pKAbpQ/468iyGpRX7poq2gawmULb50fccCA
UzPD7hOF/+O/vPzl4v3p4qKC0omncGxl8/n/8eLWQZvgLDTk/eyO5bd6LuJrBX14najlfDtLc4PL
370LdeKahm9ToLd3rWGeMmbhZ5CTROsEsHNxRV+Zgq6Bnnmts6wGZc16B94xz8hdjcyqPvR988A4
pTn5gQHYa9mdSl2dMy29/y/vabnkf3xPykTFrjsuOTbC+PN7MkWE9DpOxT03er6rG12t+5rYeX3A
iGdS8KnQsJCYDca2JPhx7xOrcLSMcIKl5RNh71TPzjhVJ5WJrRtXBi1HELxRx2EpkQ+EMaF2ZdsE
gN96f//Sl4fmP186z47kieKpEn+6m/ISOBPhu+Y9e+Qaz1/8MBm7IasA1meRv1ZBH55QTzAzm5JL
36Xjd7SRLUHkKGR6WkOG6/H4YvkM5nHLuRFVajJEO4D264q3cNJi86L1ADAmBXrFrPPw5mjCow7V
T4C+mo2i7FjTYnKxUJFSw71BsKgMYZrCKeaWJM+6zUzXq6I5XicQmreVjXNeG8pir8TNCgpA7bKg
pvVnAkQwUVQ+lVynucahmoJrFNru5dcXIuNVb2c7yw6Jdkj0yzRW0YEI83ZrMP2Vvg7YOCim7y6O
H7BD0WuvFd0lhpTgsVSMuwYFNkNOA7yr3va3X78akv4uiVuMkEJrHoTJ7FevfES17s5ZzIDDQnK2
kyd7lkgXxsTwNEO2SE7qithUvd4MWvk54Yk+ZFHzZubs0vPoyPvQgMGeNfX+7z9v869uVZv2tmWb
lqELqf/x8XMGR3SjCs17zezOvYIwkDp1vfMbIqK7VB4cZV4HIdFtTs1zSO3oJRnI1wJuBO1i37gA
etl1yDsMjidneEr3A0CgBScu3IkRE6ow5pPu63952cvL+vMTRqnp2sphSeb///iygQJz0LJq4362
MMjqdvgQJPZNKNiTpp052wpIJR88JyBHOflFhg2GtuSxcd91V6czqkc/f6WYDQ79zyZz6X2EmSeq
fEbA3/23ZEfjL64ywY7CUbYOoMP58xrd09pNoH4aKH2c6k6fkBNPyXfSRc5hV3QoYnLqutwhXFGe
DTJqzkYQP5OY0R7+/rqJP0aELZsFZTVRZtIhY0tZvx7/321lYBNatiY+JQazj1ViyHP9moaxjZdb
0LjWupes/5YUuXyM5uQSmKO7buF+3X5dyqlp4YkN6bXOW7mZJzRBa02PzQP9jnJVNwaehlg78+EM
WHXzfT9m6mBG/UOfyOKaV0Tp+gbqTR9Pea0qFK9aPh21OH2LE0r6v3+r5l/cIkIgfRWWoSzxHysZ
LcrCrYhZved4/SG7IT4Ni7RtroXapLEFuyf5aRfOvUbqs1f6Y/o9tsXFmHrbwwIyb8sYL/SEnPMQ
KhMNeoaWYtZITcUksqk09Lx//4Lt/9zIleJwwZ7B/5DILZ/d7z4bEvn0SBO9eV83rbMxwQ7vWKR3
s+o+yqlVN8eC5QBgEvC4SiyPMVNxyuDIIfUwN11i3RkhiXuyGD8sp3fOBtSvDQzP71JHG8UGTPKQ
I5IDxmZyIFCfmHYvDo5EVhw4ez0UNf5/9IE5P2HfNQLVALaAjO7ItmauBBlRZecum7Iz/XmByeSk
zJH0ZNM5t0nvek5cG3ttRICZMPYg0vlKUgTT3d65xSO4Jj0378gQsX5qcbfOo9K41zp1FHEXMCwx
Hg03EM/ZqBFpahbySJ+ViXc2EnMrtGMWAuZc3pS5zFT+/rrLZa3401oC8UlxGaQloEP9aQmMU3xw
zuQa965bLgaruX+YEF+cZkUKpK3Z44PmklMJPzA9T9PMPGWYCJxDXNlrWU1flxly18gjfPydzLVr
18FksCQ811gP+kNcIf11iulUBs9d36CDc9wt5V65selDgOnibJhP8jHIbXfbx6Bgtdx+chxGP/jw
ZtGZFyZPICYmf7iYiQQhnOxLp0gf0foLfPRymyFp247sg6shVqWXWQljvoJsgb+/UgaH7f+4UojU
CROTXC9L/9OV0kazI25IGvdjmb/KCuwYCK23BGvBqakMuUG3SLk41DCLoiw7WYzAw45OLyCV8kRq
K/kA5XTJBQmjf//KfkUb/v4ztBkdMXflIGlYcLT+/MogHpqxDv/8fihFcYqHpLlzLeKI3eTZrzTn
XCs4pSS5kNEZ1Xg60nznV8jXHZvm4q/btxQJIpEJ32RrauJSO5gToq7Xz5PvXpbB6Drw7ZSGMs1b
CtFoC5WDrnIHHD8X+wBZ6MMgXgebfVEbaO2AsZf7RLXvWg7q1PBXOYK5XZZalVdITAIjFfRUzS5a
2zLFFQd8rFlufmHnUOXBexBYCMowBCQVueHWUASq5jKxaDUsvr1MHzcDSAOaqNM1Sd5jwhTOUefR
W5Mbzh4MFwrzJUGPv+0dAS2uLLOtGwxEA7iLRCEwKb1BKBBZXgQblUfpf1t/XfnHJEdcoHwOPFCC
Vc2UijzHPy5os5O4ZGdPwb2WDDiGNCA4qLVpceQhDX3tzMDrk5TZdqtmGM1tHB1dkYdP7azVB4Ar
qEjJGmXue7UmnG/0d+d5I0tguhy9D0rRHcVIN7VbixEtiu4fhFBT2xDY7E3uoF+LJtpiVEnudONb
21bGA91bZlS2fumKu9hNbnpPH4oLpu/CuP6IOjBAaCVH2mBWCPrLtB+zVjsmIuhWZmzCLZUkrkTj
1uGRBu4UdZd84i31kp5MES++D7r8v4K9uxjS15g+AM1Kcb1zSuptd2/T04yREh3LEI6l7Uz5Tq9L
gohGaSLUVMNZ0EI5//Yrs7sfMwnEcGQGG/n+2YhwpyRjcrMgMGUFBhih1Wqn0pw4kA4qJ1hJDymg
sQ8S8wFXBb7INbPNc24Pi3AofjUGVe9jsziODJ8ZzNL9r+eJOy2dm1245GlWKrphl0LfGpf9TsWN
2vHPCiA4MUCpwacY6/DRJtYYb/QCe8bIoZfx0NtUG8ahy+kIMg1ErjuCc6uI+qFflXl14zUu54Ha
H8Z73yE/2Ig7GDDkzBNq6dqeGLMPkqcmREch79OS11F2Z83i1aCp6IL6JqJw4c020AHFIFYjgNZV
prcF1GjUbFb/FZtDetKR4WZ9qu/IGhg3dYfse9a6e/SnDLI6nt4yU59GrPnICtDLzAMGBl/vr3Hv
iru+jb83Yn7PnTzc0may76cchwm10qF37DtZ+29I6+e7qBi2kmilTW1wQ8RSYzoKI4WWarq1iuZT
pqZ5GNXMiKp39Ke6LQDX6zOGcUwymlNgcpiMvbAIXQGwcoU+OXtxOZOMk6QIxib7DibMvB9Lt72U
G+off+fm4dkpui+HrDV6CU18SY2J3AVbNNvQbxrAPlFzTWm8z1lXH+AMZifTnTzaGagjfPZbENRY
j5ohI0epuXSRwlQkCQhVDcPv0tTWIPCGLVOCifwrRPaZE5bIeUN4xDSa6Y9nmN8mmMKkoXM7zAdw
ucl1SH8WKQ/YmCp3bwCBhUd18TlyFUEzXibhB5vOkgSQmPR0VhUncBZkEF+kC55au+92Q+1CeE3q
+oaZu7nJdMbIK0wua6inpzqFBVMAtduE0uZW08cXyXcRQou0sJw155XIOJyC875sXJT3s9Tv0rbV
76Z5Gu7ig5VnmBtbLlITk7fSZciVMhcCUBJGwbXs/WNLb/echfZ7B6bIs9S8j9rRvhlpX+0IJEGo
YGkWYxWQi7YS2Kpr92NiJJn2Amy4o4Gvb+DEjy24M8Wd741jMh8JSmStDdsv1cbj1V2+qBL8TuXQ
FKK2UycftMWuH9PPKQuCu7kd2oNm+ncF83CtmuVTkTeXuvaDS2QLY9W5db83wvolqxLz0YaAHzJS
ukb6TtF7wMdnJiuN2/ZHNM+fk68pHH0AAo3W7c9EYuH4Z6UEXomy3XoOS2qhZA6Rx0h48O6s7n6d
ZYKY/JJRi66+qjG++CG8kszfLYI95ueC811fyTULge2FTV8cyTuHMwcOpyvG7+CvjikjwUeZwMa2
iM4kheTNCqcKVikDLKOrcJP1qngaJMIzhQkFKBLrVLgBxbFvTITTKmz8rUr6jbDhjrc2XnEDFOk+
7LUv+rviQLDZHQnRIUPDTj4bhvmshfMIlJ6AgymCaLjqgoKBz//9kuqd3+9GE4gU1WyFSLGrjpRF
5W+/NZux+FXnVkcndm+syvNWugBgrNyZdQ+hW3n87fc6RmQUPpiWFohLZUKK+fWF0EKUtY3ajhqX
taus+ndfaswYUWkdVA7VhhjeufGUY376ulsfpeBcRKg6TCpryfBcviiIukx61UqzzX5fGREmtrI6
hkMP4dzMDnGgTV429e+//XEYnUPbTHZlm3dHCAzdMROwKrsIIrItrXhDiEBzzCSaSUr6fTSOE+la
GgkSv76EBgkSms6XFmP3/7B3HsuNK9u2/SKcgEuYruhAJy+VqjqIsvBAwiYSX38HWPtE7bPjmnj9
12HQiiIJs3KtOcckp6Tbe+SKkLLQ6x2yEM2cpnxL3OSt88YO1Ttzo7Cuyl0ekCFR6pITUJqGWwd3
CUEK7CxLN5nw8vSLnXKgruyqpBQ61eMsjhNKAz5k8dfFP24uKq+3C7BcpsN9vlMujGAMJu+2saL/
lrg53S4Wf5K/r91udtpwo4mApDBPW5aRXHAulqfbzdu1RAEdRMbPI/nc7DtceRvHrx+62XrJV64X
/IkEX7tPSiYH+62dauQhdrgdmXAdwOa8Wqt4ckpIppkK/WgS3rU1guHctaQp+tZPU3pXpUiHckz0
Mp2PRrEI0NIOiF2xk7V4g1yA2kOrMJcrbCoqb8ipeoXPke0TUA44csqvKuwPSPYF82oPOPKEhCJW
RBN6sYHBAhldKgCk62a1RmWYTdqKL4p+xUl15i8cWl9DIsEyg5A1Yu9AkgzlsctRS5C/OfcFaTyT
gmibd5eg0PVRIO0LWs79Jc73KKu/Ej26VwEeK+yluG1EMm4MArbtubyt1Utkg8aLJzI00TEAzi6R
AogVwC+AfWdaQxE6RDaIG1KIPGl2tfWC09cxTBDU3u7KV4zP7Xm3a7f7/jz392v/x4f//AWR0hwc
JgPAzz/es7rRgv68DQO27LCaef72t4vbc1D2lytp9yT1KvH588cZXDPdStufXS/tBf43n6K5kYKK
CQapWljr/WYSrY/8ed3tX7ndLBJpU/OT6ZRoYyu6HOR3Pe/znD2ECHWHvY8FUtAMP/IccO7sAGtY
IATYv9E7NyLPerHYNjTT3Ly5xjnga2tv6wm8twXcErOjvQkwXm5y4Ztn0ysCvHpwDeiV0wyT9vc0
z7xjZqbiVE+tOOFXxrJdi9BENpC+qCBgT749fLsYWQedAlDNJJhLjJq1k7mb2yOcBcVJ5/m5y+EC
3p53u+t2cbtZidqNDCG2/fpHbvcjBfzrmixNugYmfP4/L6CSxyPFapl4DR1EIgZSERjDEVPxchId
J8/YMHt7U0IxRZEqovwjUfGLqARpTOsxJE7EsAAa42pdGf1CDkyAD+l2x+1CeaY0d3lCmYt+Lr8b
WyfcxhZngNtF2ACH+HMzzeOKE4LLyPDPncCD/v6cP6+7PfvPzdu1OenLXdgHHGOUubgw44Dfb+x1
8yxc0rHWmv31xiGymQH8xVq74YduF/UfANvt9g2l9ufhf9y8PfAH0Xa7mdzgbP/7SygHpjvfKvDq
jvQ6fsPVqgr29O+rEG6xuf15sz5DcS045QiXmLWUTJs4QJP/GxT352l/3tTI+B7/3Lxd+8fzbtOw
P/f97YPfHvnHS1SIknlxrqEjETCHNBx/v/nM+NySv1l0MkbQ+XLDO8UVyKDo9s3IAtMgjiTy9ypf
RLff7M8vertJegwLsKopufx9/Xb3n6fert1+XmKIkoUmy/qCCVPJikeuloOTZxGOJep+tYRy1xN8
3bIQH9fDXIc7E7bdugXMi533H/N6vAhvhw5Uu2tEl2Lh06/ijBoXX0/xVNvzXxddHyC0/3M7Rli+
MXoEyNICM0XALCuM9U+vfzRdz6jCthL6EkTKGgz6BRaMzAzU5vat3n6XjsJ3b7fNq2RV9xskivd8
QM39VmYDUpJ/4wb//Dq3+/72E8nbZnp7/G9Xf5P5snH8EozJdx8H70mIrDnrZplxLQXwk1u/fhrn
+DyjX11T++bnpiiKBFKl84jDOUAquM9y6R+8GBrVvM4w3UKtKMgx3UkkJgdy4cjeopS8y+2luzKC
uBJn3n4Sj9BGnUtQP8WWSI4Fbg/QP0T6NQkii9T6tli9e9825qtQgDDs4Z78z5UQ6D61QWdHNFq+
ZfuMVJF71y/KHTojxCslU6K+7eBptx5uo/R16QyfEsF9xdOX41wKvjUcrO7GMjdJ9p3SnUFcwwbE
0pe2qy00DQhHZteJj6Y2zmUsaY155pcwDbz9ZOdrYJz1WRTJsgM9cTfaSOmbBGBnsbT7bsQWFZNs
ugf10jKS0F+zZf5SG1NzznI6UKbJ4okJ05qdGnp7sqxZ4Rc4xGanmY94Nr8vDID3Cl3mSmFNHs1+
lwIvqN3uKU/0O0J+/6hr/0cdE3Vn9mMYxUIpvGLhMxTO7Nnvl/Ygp/xtqtxhx3AYyaSWCTKeJtjl
lRJf7YmGmQPx/tAn2ZEYdaITG7pVWVoiBsuaK9CkT0K7WCbqOERkOuP2NDvcsQHgja7+bgAKuU4S
5xdyv4g+KPwMRp2kNqRHQl3uQV1Mx9IrntzQrF5JhAAY4brfZlub710ZmWS6n1FM+fsQ9sgWidlh
9KaA2mVCIxQkO6ULToU5rrfeoWfA7/Gd0DPAC1KcM/wF8N2LPdOhX1VDn7Iwyd8z+9raCGARd6eK
OdClGgOoDAVrMeeVROPga5lk0Gvs0Y6sJikPPvlGgI4uhcdBQVh9+2j3RGGI3jqQDB5e2gaIwkAe
lzbiBV/i9DBpWLq+NevnLO0iMaKJ88X4ZA8IZmaHwDpEKcU5GYhr8suchR4nOiPw7xc3To6kAsZM
h8A/QqIeh6dhzIvtOLnBBU/xezL51hHg6bFFMr8fNT1EU0ggTDGo3gCr63lWxpcxKgv3Sc9FeClT
PDxmlU7nzPpmEKuICo5xgu4T4LXLEMKcaMXR8aDZPU4hUvYA5HYm70Oa2LAkg/5HFSbZfR5a78xv
qGBZoe8tSyE1F8393LJhaYWhqurQanX+Syod+1J9XRg5vw/hN1vqZ0248pOVuV+c1p0fkzkWp0br
KyO86l6sJHJqlenYNbO5IUbjvcNM9GK3xZXMrPzSE+GA9R5V5Jh6V21UCsoQc6SQ6BfCK8dXPIM7
Zebzrq6KLiIS7105gTyyPj0iiiDBw5kvk6uZX2QTZF/B+rfuzpNFFpRt5/x3fMHgeF0D08zylsuy
eyVrII/t+bFwMP8l/VNAsnbXeCcjEyWtYqaiVulTIpWAuxc9HzrMvweGNvOGYjO5S3GOXsATNQcI
btglVrVsmHmbWkDJsDmvdsWAVRbpyXlA9TxPNpKsHtfzZEOSRdFtbrW5lFsndp0zhde8qSs7j6zW
2Sjpb2JgV/DT8g/Ml2ABlwDKezd8GA3ufHtCLG/49U891B+p9Pc8pd472FwZ3Y3y3IJdeUZ68GJ3
Nv0EbsKCWaWCVGXM4r+F5WLd1zK4H9OiP2rf+AxzH1uyxDKsU3uDeyI7FeWCfLEKvttm8xqiyR4S
TfCV9KNGLNe8kh8YA+890c0HE9SBEZIICy1w2yCl2eUhgXzr+NFyfpr5UVlh99UCtFsvVyM1dl13
lP5ovWb6S+Y7zrGZ3C/KHr1ozCfCOvJfosi7aC6Zm4iGbm6VbifWsq8gciDu+Lo7Vvo5QHa5QxCK
p8GrlxeFi4u8EH4Ax+sPPqvWEsDAm2WbkY8Uuczt19QJtjPjgIsgeZHwudDfVCCs7zRxLWdNlHID
c28S+tNCONFOJv1wL6Y6J4qiDaELvJjK7S4JitQNMPEtbrbgQOIqOb+Gnxxy+lEoSEFIZNiQzdK4
Cghxwyhf7D6gpeXIh3SEnBNkFljD5VujdPcU0K7DCPxCKeftFNODuVT6w+mLq+OUF7xv6UuYeCmQ
k7w9tX0nialW6ZvhxNOTj7o/I9xnqxdvJKbge2a73TejR04siX0jZo2Nlm5kzTJaodH2sU92UHDo
ARXySQ+c04KylwQ8MOhjh+iicXmaBvC5t3uI9OzOhCT8JBCsJHx+3FS6wU4715fAFQYOEWooe8nS
bR+zw8gmP2SS93HzSV6TfB73Sij2ixGzppUX+ZsGFdklTUo8YpU/4GHq2KwrJh5ohLdqrslwECUO
8XLFUDub3rPPY8+JwfckOMdB//DEgEsbgXlCDoBhdv4xIVsF1xm9aF3DmesoKim9SFUvh5nWvUb0
MIIKoYZ69L3hcAJLJ45zgIXGnFbDtekaLyWS0cB1f9V6VO9S5KfC9DKEImT09dgq7vosQcKfL49p
WHx1Ut1c+4mAnp459Wl4MnyGgB6q4pwD/YGxC0t51z+0uk7odxNMONAVtb3j1HjqjdYKm6+BKrwT
DgCGxD2hO19rJfWV5rx5KHOW8EGrQnKAQ8RDhCqHczHfd+opkZ95y+Wo+Bb2pNN8pB5YFW2mclPg
6mdy7+gVyY1Em29mI2ufGIWC8sJAQF91sX9HztknjAMxEz1iXlJl9/vO07TmTGa7MsY4aPbpZqFS
JYiwfJuUSwVLizWMkR+T04ABIJ1fC5JNEJe5xV6p5GHu6H7mHv9Ebjg+quoyAgcfADA3aK4kDYTx
rwzvLEKPxwNfJDJc9dmpe2vnoR1P0B2vXij3aYZkhMo5vfjh45xM3tauy5cmYVOeVgo3eS/ljhKG
rUIvD9bi5KeQtbIa/P4By2+/g/D2nrFqpoO8ZK+xN14T5OqbVujlsOgQk5cbOXn4I2vn8mBO7K4D
AqJd7veEdsBkh9FAjrfrfzLdX1R1ZRTayt/WomZzGeVPhjnPYiS5AXYsjWRSdjl7yV1BQrvloquS
pf+WLtXyNU08QklzHOm9Q7ziPBXB2S08Uont1jiEPk4tQ6jw2CcnTqHmu9nW33zylcKM/LU4Axel
3cWgzRaPlyVJw4v0qgdYF9T1qEd2WTlmUV+w0uiopcEA0EYGcGP0a+UVlxHpAcWhsIKnpa27aFjb
JeaSMWUjfoXQklbu1ext0wT3Q4+49y6tFAKIHK5IXOTeZ1B3XwJiuO6g2MOuWDGbaNTPUBmxRBTK
jIaiDTcqcUhGrYJHQagpLnnaNio7MxKMaGUTvOcun9uwas4tBwOQDO3WGmnDNdA3kW4TAdCOzjMI
zWBTCm+IWgM/ZOMV5ZFhFa+eGdiVFPspOXwbM7QviBLoFxM+fJe/SSIuEBAP5W7wTYRIYfAo51Cf
Ctv8PFel3JYWJxTQ/XU9TxdKBdKZOfFF0p9/tMJ6mDXcGI9jdeXH57YIH1GBPtgWzRarrY+kFBUE
CffbrBL+Y5s3n6VVnLMRn5xp2f2dseB0zJm+HXrFv0NZlaOJGKZjalXPuTamY7iakmYj+EXB45yN
joTaLnSX42ypo8e57cEGm9e1iqpiCmpauPNXr2cA4xpj9ibM4qFy+9M8x5RNXr/ss64tdgVwqqAB
/EHSO8zgEhE5DjSAXl/gS/g/azyFbvM5c8wZGqj5AN/uM4a38MEP5ac6LKzTYLswNGWvqTdVzBRQ
iMiwxjPef7lLM6R+aW1VV69lBcyJBbnlVN2jxTql69+sxICzeeO1ofU6lTKCGFcxaVsCEvQEoy8z
eMZNtis10aZlMxAPpdHOIS6sDqaciFrDaLRDbfuL3vhzmtZ8WQ2Bvj6x8570dLQk1udGxVfKo/4U
ON6hy5Pl3sxQG3Tz41Rc/KT63LrKerTTkHCbtpVb0TTLA0ZA7046RCwE2ERiPDeNNTiHWA+PZKCN
x0KQNuG+eG3pXq1hEBtcRM3VXpEuORlrjZddw7jUuJ3riYRwiefNSjd+EKSHmzwzyUp75xJQsuf4
uqFf0jPkEB3TIKA+TTrJbbcW44Ux33+7xS2PeXJ3k5dURBsHpunfK91/t4IGjfvkXaZARWbQL8fR
AxzCt6AZAePed9Jse9vGkclui6SSR3JTfiFDPIBg47X4PFGQlMxHbcbVCPY5YLvndix/tgkJ6chw
yKNmdHzyUI96cWU94wZ9TwPjwpSmAVn2xZAINQNAB48IovFBtZzvbxcFYtdrW+lPqiDYmsqvuiyV
iKqgZX1WpxXWIJRIJSlpqauriOXNK3xKCouPvnORSoYW/DxPxnsX3chO4SeBL46EprGnU65i55rH
7ftfrYGSpImkMM4Nd87FhedNe43cdBEyvNSsR+5yFs7bgpNNVITBDyb+EQeD8dz2xVNbFBbJSp67
hxB11g5he6RuGFc3VMsmbm1va83Gs6v0T9bXJMto8c2ea2JBDTCzKl1xlgYLdyE+GPDBCyzSEEGu
+aNZYMH5oGH2piv68zjidWG/ieTUFEzEDKB/xkg6iY39FcADwXoufaGGHrzblSGw07Yg7rRqj7SA
7WM7cDOVs4uOQJsnw1/pZi5uxL6GFpkz+DiwIsbSyc6FvVWW57oBxamr5dErKwNsKizGjtlNTYTm
3Zq0u0OfgPpq109jxCDC+SSaH+ZCfQT98zKwGjtSh39im+nPvfMMjtV/KggbNSRdmgFEIskj5vyo
sWoOQ+pt2EzxFSWu+yQIpKe/QNJyXl/LwdnXSeVEnonRlSUhkeKSCNU0Xg2wdF5P+LnGzVT21PPI
uvYJBDPidbNPPT3Fq+iwn4tkgDQOUmlXpj65K9rEtROQA2/41JkS1e+ZP6ZdAs183erI6z3Ubh1Q
CmNtkKyobJlN8XWWyaOdTA9pFodYFzHAljUOI867eNckvk1QeBC2HPtUA2pE5eASFYFQcOf4JTo5
Me6Y+rb3VQk7aigcsDta4nhz8nnb4FPFqvKM8/tno5ixJn09H4pYjJewKsII+C8U7MH6ZfSmc/V7
XPxj1z4obPxbL8tOC1vpZu6CMao9xufFOtxO49K6N6qo6Jv0Ihl5IYSE28x8aD41fqge0yU/efRn
jFQ9qN57k9K4eo7O9q5vQdINzSPiDn0d8tC9A0Y/ElhZPhgtdm9vXZAkrcjvoWt9WsZ0708F8LDJ
v6uqEGCaO9pvikNiOHjZK+5mBr+TDyfYbr+EGLJIzPlu401iPW6/tMLIoiJGRWGHzhoKNlZPo0dF
AodxHxuSFGn8v1TmMqRZUT8iv3SO8eqYLmW6oxgjmXPw8p1P72GDWiffoqVclwxqxJ/k+T14QeVP
V3smHrZu7J2P/T+CaOPSy2Jwrrp6YYvUrNbXoiS3rJz0CtYIjC+ZtMsuWhNbQXshdgTm9+oIzSdk
zM/AgPjHOceLMRQnQpzg7cbBljzF+IA7dw2cw8LQQ4Nnfmd+DamgRNvxHRfyY4L5fxqFnT+TSBWg
oQvcTm9uloQgYPFiupjXU5nU2ylJvrmimBgzPiccLu4Bff+qtL0RDkvyoJiR8qRgHfSE4LIfa477
S2lCrMFfyRwF52+ZnRIc2hsQhfkF7Dx25Jp1o45JggVwHPRv4NnCXRFkIKqr2EHNtPh3Q7zGlTbM
7PvK9U/FoCnTMNTuhyazGDi5e/boGqEkO2rHLC82Hux63hRT5+6S3BzPZgEGOUXdVBKLMKdHuR5m
lSbKEYKgPDRT+1KQWIwI/AruyYvQeZOnWrv73/01s3/OQyrqTob6QS8sFzqjzPdLHX/SkpyAxA6g
2ZSyf3DUI2ej7GL0/setBVP6ajWx21ZUfHaa0mKGiyCo2Qzsbos7M0SczG2fFOPB6H5mHdimOVPu
Yz1NP0TlncMyVrs+N1Hql6B3/Vm8iL4m5Y7A36PR6jUBMXyaYIAeC9mxZnXmmC6p/MXHfnLa7A0m
r73taZluMAWzkpTgAIeJLopaJRxpbH6Bnplvg6Qwkd0OEGsJftrD7fce7NFk0ufu56XLcDkzQAEh
teyNNG4jG/v4HSM45uCOLJ9tq3wLpuw5nBP3mCTZvHMnChDPnKq9GcL2bCpxP/f+eJYMEcx7t4G1
IKTzc0RicbEq6A5WPmzDEPVEZnZsbqEHqLSCVZwUnOEyKpXtksHfbkfyyfHqUGBMaBx7Ka5pMVVn
Qo0eVG1iFgSFpuTVXtLg4lT0kaoc94nIlx+FsVLXzZHtqVva45hlMTV38/Mmho/n4FstcSPf0avK
71IRxAeTD7kDOtc/eIrcXPtNzLP6BX11o1kxIY5zp2iyvlFwZRg8bfp+3VxenaB5nLyMZmNTOvu8
QZ5asDdv6DZvKjV210YFF5C39TN9W0DbmedvqabehrzNDoybUQ9kIrggOPrsStmd2wSPxOi7GTD9
2IajWBKf2fYoHoKZ0UfnXbwYJqJZoUnKAcNMo8lkO2S2Hybpq2YkgVQXfQjh4Ju8BS6AqniMetO6
LKV0rzGyaHD5ytUvukzlUaRdsqethO1zbT3mSQsOb3i0i5kuvaGLvTvkHy2LYWyvxjvhrckhQPN5
Tgr50GereDE0trbD9JRksuSkwmfp5z6xVVyUhss211fPJSZmlJvuz5Q1KsJh1HN3yqi/6vyeKrm5
AGCfPxUZQATs87WVYm+oi/BVuuFLyY5wTnogMH247tUFzbi5pMWFAfcBJVz/YMvgEMZmyTF+Zwa0
XQ1MNn5Y/mrDydxBTOBE1kuCNCvzzJBlOOqloyBp0uEk0PxD87lA5C7fsjkvnrpvdt8eari+b5yd
rQssFYhdwBUMO38xUdZDvV3Tu4gHvIYWqAQS+g5zDzJr6vGs3noLFmyMrjUiU8kMiDIKw5T5hxl0
WWT+mFMjPbcTR/vCMV7qgVv2KLZ6sMKrroqj0WQ+kvuuPWGA+5K1+J+tNWe6WWNQVECXN5sJZKao
9d0ayOxANCieFgc+bQvtxs0inVcwg+DSRShEkAvpit5SFQSbyYP6wGLE2xpx+2L2znxQVrofUsd/
rn3SvQe0ek1g3Vd18WVYVgXNJPvnuliZkgo8DWu1s2wI6strGoVW1gzn1kgPzWybD2ndvPMVEKKy
UIJrx3p0Uj5+zYRyg7i92rfBCvauffD7VMQHNLodedB7CQQUyZ5nX3RpfAP14h3qQC5wPrt6L7P3
AUNrRIwzuea1N9FYza6EOKabBE7HpQxAKcTzWN13xbcQSEgW2NXXnKMpSTLdFsdPcpXFoHYwgMjn
tHKORl7WbMWMicMgLONDwCem1fGpaEpSInvj1ZGDvMfyrDdQQeID1HJiocPlqZun+jGefxF1POym
lNUFLR/96KVx/jATWWn69Udnyp4c66VFmmcio8mWCY1sPQCOlPZuEqwfAL1aahJXTEd4y8Pie5UA
dmwCbTww7H8hX8Ha0K7r7ueVjxjDZeq6F845IbT/yj+Tfhv3xP2CdjeiKXym7128GMavUg/NgZnh
BHGZpY6SxWWmM3ItTZC2AYFyhyLHJuwVzkNO2O5DaPnVfdm//b5hT2wXSLI3RoZgz3NrYDQOglWj
Jrwlc12+ZBZnr5mt2EisBKLnAPNgGiHJqG7xo5vhwlZUUMBgxYZRUXMITOSNuRdc2omRlZ0QB6J0
/mkE1wj30XxsGFj16ejtyrk1Nj4YEjpRRO34VE98BFS/OfjXfuD3zTneB2JAYOv5Bztbxo2/cqDT
jObdnM+PImHFmcRPXWrND/wHVOhgI0pll7sibuYdmt9Dw4+1oaaxQMWDUPOW9utS5dMecIE4tYnl
7d2u+JysxxPfj+HwDMZT0mNPNyc9R+gYwXdOvh9Nut2xqH4qa0dBbByMQ6swlsNl6J5kz2lfrTh4
F/4tSX8PKBXHCElMfidHTg40uwKylnUIvgF++UT6hml4NJ84D7dWjybLr3d53J9bQfZhL5HNTRN+
Mz4TmsRhOgQjDblktt6nhmVZq77TwCwi7ep0H6sq2FiyAymRIed37MG5SGWdpbnkD6yTJUuBTGyC
VDCLqGWDWTSh4ToI65WG/kSnmx5rJHylX93czZ8SDlmrI34yff2iesEzTCDvaJ83k1zLM/AJ8WJD
40FpuuQQ63Wjg23cwY6SWGi0ldqvvsMnRcJbuTb2Goc2rwrkT88p3KNBXXxfK7mhEQdFJ/O+OHgU
fQ8ey+gMHJjG4GytB8/KN8fI5HczyGnupPYo/qxi20EAiOzGp39XnSfUfLhoU4FGerVPZrQIGWKd
mqQFZ0U/Y+PNtHr7IR9OErkFM00P7NCQbYFQiUvn2Z9i78uceMM7P9ZbRswi84pO3QlnRF3gzaw7
zdTdp679NjnNN9du1X0cHOwq7Fk/swCScUj94VXPS4oheYb3IEb52faNnaqyl8pWAKlHb3hcmuro
tgDLRQrGaZ3MgeJT6B1UEA0W1DTXBsHetbZ1b0Ny9/Xr6CJA1w0xMpq4mocmnRFoeeqzCBw+JJns
duNEBiulS+l+M5DjHhIIEwwlWk6bow8mg0Q9XXrgVRqiKgDBxu9VOoCewD1SWxCda7j3u6wDehMk
KJjLxU22vXYkgaS0YAd1HvWkHl8TxEpnASuuyt8pndotYmYAUAWxeyOI+SB2GJUYnnO06+oNqfR8
Dt1ZnTWTorkXzmlURXvtEKwcwmD55kO3Opu2U51v1xoh67MqrPekhT8aA1Q4JVAcT7dr8wLJaDb0
mZDa/urDxPA8jLaDQCfQWbHe2DaysSCDTzyPzbPCPsQkmZ+5JiqNgRRclsYnANMsFutVd0m3aX1s
7F0SuHdznc5XYEubm72sZrz6suTfEWLBRIm9zz3rlTS0PsvZH58d0r3PvmoxvyvouJ7hn51iNRVk
NAP7ZrkSxqyenPwLskTxMrjA4HU4ITAbzU11bmQ/bq3GJt16+NVk1UdK5X9g/EBXF/U6J+XF31Pb
nhiZUX9V2SlL5g/XBI1upYSPhYHDIrLKv970EXMCsShWWXtdXAWKObFRlyuiTtsggLpKglMa5vbF
SDlS0ob6OvKP5Gj17lBT/LIGQUKYYDfuTG/VqwznyXXfK2t+Rp4H0wY2cZ4t1cGKjTWcwCJqXFzd
OCCAbMC9G7rjNs80C8NgOoOFMc5hXJHBkxRbtZJ93Yaq2xlG7BohOZDCeUvwvZ8ok7ztwJSb7iln
h4FQ+JtOdurs+0xqZ5+twuXaCCTjQFLIyrHqSfNOxA59d7DvwYptMgXGRNcps2T5OpYBoaUBR4na
jDGeM50CZ0OwRjESK9vPNMy70KKtqKDvTF2R7/pqJFWraMRTlnkl+lRxzCFE2/Gb04McFRztCYNH
kZL5Jb3RWhNHUbWRKU6JYXhXWlmU/eT9Zr1JMlTp/6xadFGcNw8Vk5dq7FtU70GG65Ke7iLIxql1
EyGsUpFCglCnNJ7bKXKUaUZG9Q2jCxEcTfaQ0pC9w1lCfgsQ+d5Th2LM/e8qItZypxY1Pjd29xCk
qtt2wiiJgqL/CViCXItiAthUhBaVtm09tNNwzV1sy1XzAbwSlIDrAuqy4PfZ0h/2KmaV5yOa0GHd
7qKQkIdDD0N2PyfhjKKvKq9zPX6fCUFKirg4Otp/ay1GJMSvGHezm+MWH+CTDZJAKeYWWAQbMsyC
0LqyQHnqgEKfpOg+J455b0MyexzgQDmZSq59YD3qMV1o1MK25UCoT2mCod6sTeZhzJ9Y/62aR3Vv
uL557Jb++eYnIJf5FYFnc4QD1d27LiHo0PGipfbeB5eEtkH6GpeK8UMozhRVWrTgfsIQu43CpsfU
iZAQy7nUw/A16drhnE16FZCKw82X9/+JKP8nEcVcnfb/MxHl/WdXker9nziU22v+wqH41r9cRteh
5zAvwunuAFj5C4fiO/+CduObvkegBH5Hj3f6NxNF/Mu0uJupum8CP8HA+W8kiv0v32aWwyMCf+SK
V/l/QKL8p2VW2KEQVhj6/IOu47vYQf/T2RdY07hkKJqjxAu/B+txLXsifxCVTEI9/7cv5vG3ifPv
+JV/eNbF6iN0+KQux/LQ5Pv4B34lHqfWdpokjjgUFHs7WCFyE4layF+yXbtsOvNH35vHsQAgxAK0
Dj5aYz6WFSf2bKq+wHw9NSWpJJ0iglANalvMOtm6xQoHqLM3mvuvEnT/xvOccwYhFz9Ui6aow6Tu
ElMzz35wl4vs0mCTVhzidgaoWLy/3eP//kF9CDd/s9f+/qDCMwNGlaw1+Hn/81tNKdjIrAjCSCdu
NA90sJ08QOqVCY4vzDstCjqR2d+JWPtVZowqVxhvRodxiIFiZnKgo1xFqVn9qtzqUpaT2qJio87r
xK6o6c1oL2t3NpYXDkLqDu71p2JMm5PNcRXUgx04x8nDSrkkrr1rBhrbBIeWuSQ5AIHT2Dgg55nh
h37+niHyOJX0l4iAqCu1kQwAN25JImZHW5VxBv8pY5K7YYLMqWDX4PIyyD5Nhg/dwqVNkzZKA+ut
BiAGy4T5ERzmKCc49C50KEOIM/vFyjSqpaKRxA+Q9k6xte+wvf1sy/axMJNfXsGgdSmyFzli3VDz
BKOu5xjuFp+bdo1rIsQQBXu+qTzSsP6P3+o/OSm/fyvf5XdCiibYQ/+xUZqdK50KsVYEqZvlaxu/
5k7xJRyau4lAOtLzqDq6egSR4JKCQE45Y0TSCBdPRD1CEDjeA40uTFaFE2z8IjUZ2ni7GNbC1s4U
DlH4paINPuaeNBVgM94diy4yT/MKfV5y6CSEja4cYNbqJ+vTZBIjZxP5JPKQ6iCDgUk1B/i0Ybtv
J1RUSoX0WsNvJePxk9O1H2VaX1j1svbKsAoFGecsUZwrW75T7j1WDRueP5OPoKdLZhE5Kljp95pY
9lMzqaNmjkbD8z6nzQxU8SL8TTlXiGb6idaqJJHDXq0s/IpuDbAPS+mTaSlQ9RrUUIrJPQz11ndL
9JXFLyBquEXJLQjZYv6P3+m/2aWgboTQoeCcezdIxN+YCr3rjKP2VRhljiR/FBEd0WVC7y2Wg4O9
lqMf//sbWv/dThwEyFCBbYDb+CdhQ0xWDz+Ud3RmGIWe97gExGy4687g1eMncPv3jlHAzwnGj0Kz
Bf8Xe+e1HDmyZdkvwjUHHHAA8xiB0EER1MkXGFMQWmt8fS9E9Z2qzLpTad3P88Ikk0ZGEHC4OGfv
tSNS20izN0gZzmGwR8EnkpegCvZ99+Wf39t/GrOwPxxGC0oT91e2j6GTWg3tiCAYpBJ0oXZ2yFtj
VYITbdkWQDn6I+isfnMP/sPLLmwFadkQUIy/IWbc2jCcdNCcPZqtz9FynmgTCnQK8WdTdT5Hd3Qo
jfP0z3+rLn7mf1yfUJTv9M5xZsq/r1FxoBvuwIO7Fy38iyi4CwaS8cIhPful6JfqCrb7nvg8k/w2
+ykhnWVVjUa/LmzxqevuCXw4NGiWJR47NA/UlauYScaHM7Bb0C0pTJ/JtVHxxZQFeSPpukS47KUq
uzebiPTOKXrNa+2SmwonDpd6omPnJarYVLwuRR5MhamptnE5tIzNeyWLwbMVNMMkzQ5AyYgCk6DE
YHcV78GELcCm94oKYKzoRHOqKZCsK6f+1pKkUyaD53fDHRIsGNvgTEDu2u8t+h8MhszBiZ14SYWU
wncT2tGO+Tkiw9B9rGNx1PZI40ghTNJuBStJXR01DMt0nM9mwGIgTGKNJ24bCEoNH/sqIsBgLdPp
SfbFcwdQYZ2ytK5c8ortljWn0lBVdpH7RKGMN+ZycSn1vSlsywiDWB3gP+Fkq3LMT+Duw2RfU6Av
OqTRo4mUboGV/2ZEGGDffllgkVLoAGEAvDvKda3l2f3LbOAbfspeux73gUve0UBnIu/vSFyc0WbC
lO/dCx7jiZMnlXGJNSlsbUzis4YxPjhMo+l6/SYFp7AENtTwTcVed9Atphk5URmxLiV7Fcj0pOSg
ZCQbsyN/ztCfu7jRSRflLIRAmwkdagR+x9BEXZ1Ts0Tm9Y2TVUVBenE2ZbQSnYFqBfVSjugWwEV7
jTHdYQUhpSrMpk+qvkfbiIRnWu7XgmNBODy4xZI51OsITpp2ByeEJsts0vBpiLzzpydS8Qimcyw6
jWC48QuW86MUIelN+YNTOUscXE3oWJEsRhPjze3SYQvVYWtlOXnBaMc2LWm7lkNyKc6ON8qD2aGd
ddyJOjjanPQnjLqvinTLEXP9zsnkM3zaL37RUVRorNd6QuGUpdEjPdCKbKrFPKx5hGafnRSksWo0
uG8dbRifPIXWvvC6sFJsF7RGTWCBMy0dg0cZl3v44RtHYMBXyXBTEzHvOVwhXJzEjb60Qwp6vOof
8sr6JDAD6Cu1k7wEhkJEeuwpm/ftxyFALRybtoWvSCX6NnGJpEtng58Np/XoQye3Z3QABaWfiZwD
pJFcPcqsFDrdgwajuizpGSEkIySCeGBDTR9szZzV7OJoaydMk0SdbamWexO12tVMtcJbPGJdoPq7
pimjbT9HONGpyFexLAAGuCGjgSERlVicyeTBlBlLtoCSKPQkQTCMXRrEvCUO5bI4ywhhV7rUrMwy
BF2cvU0WurexCl/ILXiMrQrPCEEICpF2lUwkUYD1ybAhpJWkO4y8z7Z2oclgQA/r0ebr2OSOCcNu
XwkwpdQ14M1N7gVRcYn2uX8EPeuuqUk/AwfADKXLC318DWtvctIbA3BCd1QJv4alRO1o579YlXWr
BLq0Rg81piG5ywWrSzVWzIJGYOxESCHeoq1YRM85tbFYh48zFEKuCjIAR4OIr9lNob2OhVxlnb6z
CQnfA0FhD5Fg3HA1zughcRFBAoomn5Yk+zBc97N9V1CVmkN5N/UwUTTtIyvGC5vWFauNvYokhaF6
zKCV+v2X3sgfAsH9z2ohTojUjw1HbaNnh4q5Y0UVLtvmnfYofWbmOWeKNYN830ThOo2jS+zkPE/O
8NBoS8JHR6gqfTGitEjXUzpPNb3l/ZREwMNXI/h6UhTGJFuVPqoFbYhvkhj7cJLtqqr4UsuiQURs
0NEmrQdGISldYyo/3PYICOY7qO7hUA88x2jsAXP4t2lVPeaOdbhsBze8oVoEjFzLb5DobxW95NIO
QcD0PyowLBSt/T0z220znjpVfWmr7sltjHcQwkk1H6vJiFaRW8SLUhVsap3H69keXhFCeV3rs+nG
EIhaZh6xX865Xa9iwosIBCpWRKk+1ylaE8D7H4lDJZDclMcUdjl1arlWRH8tGVco55jqKWQZd22d
wlnrQ2NDOYUAvlHfaQYyYaHg/6Xpuc/9JyCx62EsZpD0Aa0CI/0Ck5n7br6UYsjOWR0V+ORLlBXD
8OriwV9pEIAupebme7toiNTUqwuJntq24HRA4BxsKloKMEF8zo2r2J7osBsK6jjN3BW/k8zQhsw3
2T9UIS1mk4e5LAwalWb7TDD8RVtcWrKNvRyVcTwAyWwdZ1Mh3iXd136mEkRxK8/MVTkCSpznpkR8
A+ahQWDotGG60V34Q24Yf/jRUw2wYg1QYxuG8pIHBKjMUGaU3LWjeZXwP9m44ce4VscE0Q6Tgt/u
S/yamzbBT95X9Ots0970nZRsJWEfDMMzygxr1RjY5dwZZb5+iIaC5XbSdtHIvcIh91WL3nnKm40f
D7Fnue5L17iXUWetDkAlNWW9M1EhLIKwYHURdRYcVJPtkiqyN4ue3QvLql6XfbcVmTgLh5Mf+0ic
ah1mxlm+la75hfqxUSLvcwrWzajvTpbCDS6Db1DKMMN8y0xML1kFhpTd1DMakAilakmKnTUcDb95
FZr7zc+ivSrJxYJm8ZKoGYuajsMSQwz0pDHZd8J8I5/pKWN6WU0phDEbMHtrI8buXS8ZOEYm6bFz
7c84Nkimc2reaF+8Dkvqnk1izpCHt4UM3/zgjQJ+miPmE0Dq1rF0d3o5jsD9DZpU/OxAniNs6m7b
4A+aRlJWJHXd1aBb0xpVK7kGdGeC4TVUaJhrzYkJPQYzUIOr2tfd/Kx1KRnefbjPXVhA8HIoyzLn
tsmnhUIC0VRCqsSkvxYz2Z6VsDZGZeobgbgXRgfBqoaoucHOCWbP57i82OwUPGpB+hKW5CJXJZ6U
KngODY5raNj0ePjSajAwffvNCHTrTcP6F4kHUhPqDZh1sG/ajDCblG8CTLMM2J9GRRvCN0bvHU66
cWOVoOPBZf4IY1Efu+kjb9X9MGi0oqgiHLRyfGvt4NyG/rFHDwsOL6R1oz1PqI4PI1mQRJwRO8iG
Z6ObOKJZBlKKqOZ9UoLRyw9mTe6Rxsm1QaOpLLETCzuDA2D9xwfK6iQBFlmPIcK6sF2dt4VE4e0k
U7buZo26zgjYRRiEh/HndscRuujx+tmfH4KlQJHFSeeJrh8ABvnzsSc7bsKtvwNBXB5lKsojdgy1
befiFmvcfAwrXOhxFoGUwPa0XMvu6LSGjbFr3FUWUk7HPQVOBiQzbW9DnErMnflLjR1sm9dte4x8
g5VjQEQZ2iGcpFjfddK4KS1xI3Lp5YNRsqk0bmKDtl+SPTPEWXbNhGherDvwS9iNWH27qrQsWaSk
JzB626ohp5B4uR9dHd0PcyaxzOc/LD29sQGcRpw95im49/3xhm0SlXo7vB+K5jlvEgiP0SlD3lMP
4wnLjwdK+cPp1Lt5dJbjZ48FpMuKH0aKkrIlxMnAuFfYtktXBD2qsxBeFet69zyiIWYPdeqrZZti
hl4sZpY+imEONMB6AjCDLobJtOVVZkTxm9LN3jn3IXESHeBHSehqT2g24dX64hpAt9QauXnoyYY7
lpiZFjvz1T6tDAKgra54UeyEjogOycTgRieNdQoyHlEtKsiAmhz/eP2QD6kGZgVI2DD46BMZsmgx
dyZSsR1FmopuToJANcpQVFV18RQn7bdmgaVc7+71s+tYiWaawNHks88G+BXuru7vP33gjtmhaK0U
0c+hu8Y39KQMzLgW7iyjyMB+YF+NavEFNxNzRp+/+Iin8qWgIeLkE4XyEwemvZmS6Ujq1dlog2cX
/N9uUi7vV1goWFjdciL1gOXAlZ+o7wTtwMG1b4kBdyGfZ2ziQLi3pJBwWDeBDGoitzaWQULHNKDn
o4bZxkvqOuKRAOWCU+CjKCNrO9fdG6c2tkdCE6QT3yiQOTHfkMybm0FxPPG5PHUbf9J+Zb4k7Xrs
Y/DxNX8APLyVVY54qWa4+iZbzKPN8bK2iUUYp8nYVOozWZb1pfR3PST65EqVCp2NSfryVbN4PXLP
Pb8brde0yvr2UBpYnsbl5SJfgvOZNq4TMT4o4V3LXIRgPlUifa/mmX1tkpG5lcbfGj/5NCFm2UBO
1MjfF9e3odAwQgYEgBlChJuoFQ+xgfjcJz2NeLE7re+LlVuwuiKwzAFrkPraoSYuI31dAireIkVZ
960+e7pyQ08Z937bRyzPbOHiqPxwWggUdb6PJ9Ne1zLZ22n3kSmEh1FvHFJK5Gcjgn2bOh4K1BV2
DWMdKmPY29RT24+m4AS1jBhi1JVXLXVMNRubLNyC1KQZ19JRtqzRQ3EarQPosZQRuJVEEtCdxB14
GC2e8W4pKw5F6PJnjZfWBtivFlDAAFhSp6fn9xQqVNy8Aljb2RMVDksULzqhdQQW+NQwkuFUQwkg
wZxVe0AVWkg2TdTcczxfNg1YjTeF6vl+7AGWnTqdh/t6e0JmmiiM2rXy4/eWG7HpZ9g8gqUspjI4
WMVd7EIYScQ80LAdHmZa3PDE6adZibzVpHMRFoWTCDnHCvTpg7bkbY7u0qbiqmB/IX5QRV+iLrpo
PrXe66hLxhBZmeiRMrE7wUSz5qvPeWb/EMKyWAohSc3gmemZEyVEwtBSX0Tl8pTGJhLk5Xuc2ioG
1MGxsBfxUjJcjtRLJcbOrEtdE8lRUhtyfcwiQvyINHEL+TbskflMobu9XtIoBrcnIwIyks8p4Bkl
bRUNLr+tSD7Y2xZsfHrMaNlSx0X5tlINqm4G+GZok8dsHG9jpCWE8nGWyyLTWXUiNdATQDoLMv0m
LYnapNiwslgoSFteFreW+3otbucU46hsD4cWdJzAVuVpCtx8gex3n80Z+wW0d8ZIYbgoEbnp7dIf
nhLKRpl16NqhwlYdvwcmVRhdO/c6RYk6LkD1mA9wiMmIclKW49DGf6WjMdRATGJU3bqgp9Hs5+3e
9R9DhPtoZGceWtIBOH7lQL09Ky4S1EScFNBIH/RoOtSa9RbQeuBUQBZvDlstSL4OKFcPSYdKL3Xm
z0zgM2QAWyGFNc1dAMg+wCWf43HOi+D+vtdrccHSvMsk1TkRU1aarSimLkTJgoFH/cJa58np2pNJ
tfiT8gq3eXCecODcYkC/kMCKFUffNGkGwKCE3Kh1yeo6xmaTIHasQFvdryYe3drYiK66NA1wubBI
PsXMTIs2VTJVrgQULc+f8O900OYNaMIeBXuRkZhmEG0+9qmXiYa6mlYepoSgRAGxjkmm+UY+7s1S
xfWTc1sR8t4HryLjoR4VWdepW67dvlnqaOyCg945KN8KUTpyoGqS5kdVJvV6isKTRY4GpxKp72OT
AqkbD3uNOWUdwvil/kCrLQv6hk4+evwhekAr+lFX/ZEl1vNNhNBTcHYHkvYEDwo6PHaJI8ecxpz8
ndFqdwFxNjADimpfC6Mi02ebmMMuKMviQKfgNTLbi2iGfUFFSjcWs5KDqcLm2AHWIeR+vKgWSFsX
ALwc1JdaT2l0pNOzQvimZ/ZH72jfAB9iktc1k2TAeVvJg9LZFkZxRCkKS2vN+aY04tcyBUUXTeO7
bQ3aqumTQ4+dGXAp55pcJ8JliUjuFYxD19hbrfEEZgNJfQRWPb3FHXHpCoGTJIvOs4tZy0/rvQtk
5VQV6qvepW9oJc8ZZtMNwtd4E6eMR1vkni/mnrXIetP9OdgOTXWruSbQvymKT9kMs0gTrHVt17MT
TooT3oP+qNrLH8K/CAfUnEFJs+QP9F4VpHxoshvqzCHusn8rdAKBofkvX9dL4mNVDEetKRwsCHq9
k1rwgFhnPuoZ9jIbXtC6XzQ9DWha5pLKwwlJQXQW4liEcspWEwAZqDJ87YZkJkqyxhOiO6kuyvzs
05CdIXnRq8O1TLFgFUZGsMkHgJgDrrBJkygtkgRLICumjiQhMI7Xz64fsEDQMWXt3qTtZByvH/wu
DTnjAoxqw0T+8X/Xb8zQ56j5j3gLqBPWcCnjQD4GnSR5EdvYUGU8eUlhrE3KIvvcpz9JyZSjcXMg
5tOxTmKJPCxYtVd+Hovjnx8st4xW0uzGDQFG+Ukz6+O1EPz/RQm/EyXgD6el/P8WJbxGzTfIktHP
KS1//NR/yxIc9S9HANzXLcOCnE8//v/KElzjX46jK8N1Gab02iy+9W9Zgv0v4YDtdHS+YyAb4G38
qUsg4hjAjKVMtgzoE/4nugT9V4b6UtS3JLEwkl+nK7kIF/5S4Wc1CJPOCjGNLFZg8IrjHbmglo7F
2aqw9DpFH95aOQUfnOGHHF8RVoxpE9lS7DpzuPnL5fsP0gX95x4Up0Hejm0oklkWLLXS+bv/+nYS
LkpJMcQ6SfSQ3lQCVY0Jc57s8k7kH8zdJbV+tvxaX94N7pD+MdK/jf/nPyfX/Apgvr68qbi6xJA4
zq/dT+bDmYA92zzVo/+lcPru0Rr9vWpJ0RoEAasDs7jXl6T2Wv1vMw9+1ohc/3aGCmOFbAlhC/OX
v52eRBh0CUiTZOEGYXYhGYfMxWzq2ODXkfGkxcGJcnBS2DPYifi7ylII9DE+lsZsdxIjxQqeYYhh
pJn3v7kxv5LMuTKMVZKGaNWSnaP/Mk4wY3IWIbsZQlND9HRTfbEWy3tV+fo2a6D9dA0ndOCXnmbl
AGujbJd2S/OuNx7TQpvIzF1Vw+hs//l9XaOE/sox533xNOiuYSndUfSsfx4w4EiBlo2ReQp739wB
kBwRF4J/gaX0yQYweDZFvJNGSucEiaPXpD2wPXiQx2IJXUn2TWxCtmp6UJ4V7lf2FVtNANYa7CC+
E/rRdXvPHLv6URZkaE1A8VFJRvppUON3FdaK1fSLqhp77yYmGckTwLgoKN5V62JKM8wH0ifvecgS
fB6EZbaxflEi3qaBUVJtmy5d4H82i+zbLzTw6Q2KkjC2v2hoiYWRu+d/vlr6z/28ZYgpwWOFZEan
y0tF9uerFevYTqH3m6eoKATil8b0lIVXEuMCdfR0iWsf0RXTYQ9oD9TfCuiO9Lv/d29EX2ImqOHq
PFC/gPGDGPleOE3myXLa4diJ8CYjG+Zh7sZdabSP2OV2Vjk1J9MnfJskNjhE49M/X4yfu+x/XAvS
I5B32cJyxK8RIxHGSE2RqHbq/fBTM/amnRNw3k0H03XvzQi3qVH+bnr7+2yL/kwZSMH4lyXhl9Eq
+ti0OayYJ/Cn+7EuLE9rDFgczj3xStoWjfF8ynClGi27eZAJN9goV2x85AtHvN88Osbf5xslpGGj
xZEmN+JX4QVSa72fNV0CK2jPAAvkWUKjdoAxijh1H4QzfbNA1Hn0M2nNU5Ldzn1+o9NiODQzCY1Y
c/SbriULtIFzdxyciT2jSh8kRRbSb2B5VnXiU8ovaD400zYhgNHSe/rxWK5/I5kw/j5zK2GyjsHZ
4xMEEj+PbN/QITSpxDzhSUORPpf+XV0HWO3HMNuNoOeqRVtfLkAMqqsY7xvszP6EYaAoqwfQUauB
lgYOiyQn6o8ujBzqxCtw9x+6QZ6I6tWwugQbn2RNT2VA2kUHi0mbAswDiM/JcE0mqj4cy1AU/S51
6GeNzB9jlexwtBPLcLWv0o2/rNIJVJQxS8halIlV7UetRIUieLsDZ0t8YG9dMBa/CbbSDa7YzzOr
YjWSDnZktiF/i0kbS6cuartC4me5oCqCYLonCuJeLzHiuxYcIJe25g6UiHO6fnDYuqrvlHez3yzK
v6RosNAjRkGG45rsUEgb+fVJLcO2oG9XasfWT7RtpItHM3WhyqkAV+eIatoYYrEtyUvjjEcUhdE0
rIRNLfeO0XQ77FBeENTBI6ejevfPk4j184y6vDdEOkhHFYp3BuCyh/vrhqWEob6E7blHsCxrRVjD
Rrdacrb6zGKhQLPVdyjQeG83wiZJTW+hx8NnQc7Ve8EABYOeLb2kXmqnwSLPU43R3oLht9XdivRc
y93VBcM4zy17Pw7OxmVXtooWK+No8IPxZNE9msBF6p11pk8cwBMk/8yJVLWfWselYOhfREBrLnDc
Td5Yx7YuA/jujtiNIWelq5E1CTOiNpJxS8E327A9It18jgwvjouNrvXuHlGKuB/2kV4Up3++gtzC
n0caylpls4bz4LpCSsXu7+drmDsjR/ZMmscg0LFAWOpZzCE9jIhepMqzO+zJA4t2J2BOtCgYee/Y
aRT+F6cPOTDWyXCMY9aRCoDWJiJgfCUKwpMyOVEFBmByPYBFSHuIYDff0XoeZqp7jB1EbWE5Spi9
Sh5dW13GAU8lthMgVSCdIV/gAkgM+5g7Tbwb1HBbBeRWUEmA2qLZzTE0A8Bfrk/vl7D6FCtZXdIQ
yad5feWgX78ecU55jQsXXtSSRaYEhLIlPnAt5zI8UM/vSXvFRxOF9FmdCAr6MO6RJk1Ym+YtEhzC
CYYgX7cGcbRsDxhCQ3JqCS5dkwOyZ96ILqqVuMjAMFEEeKVG1h/mMH9AcfzAvBbul20RLef3CZc1
jt3mMTSIC+2hX2/gxo4Un5UPDw4ngMjM+5Y59G7Q2gId5hxulCipluO0r+KwOWcNNndOwvYmQc60
sqfGPbdBjYzGpejWWMZ4xJvrr6s5JS6R4BtPZFp+lNTM48p4swVl5yjo0rXsxw8aqFDCSJLK4zdp
7WkiRRzG25SguYhgDxPD6DyIV6wPBAHq1kdHcMCmbGLcYktycKH7xa5ZEj1GW2hAHnp53BZ5tSS+
k1dv9bdRJ9UN+fG7eSz6U45GOW2hzQ3B7NJZ8beV07Y7d/bVkQyEZ4KHhzMVr71hifAA6vJHPtJQ
gk9QbVJ7SVgqIvASekdrLyRAF8At/Qq4UTJtwvckn+5MJ9+jyOkfbIN7Pkg28m33oCh4nf0U4UNg
+fmmilObbXz4ZCaVjbDGrzFNsfHIsnoHRKo9RA6KjyhPPxvVBA9a739SpaNuZSUZttHU3Y0tsuzG
SuebPHhJSvpqtLq9qKNL24IqXRmz47wNZY2KJb+p4mFJUDDLHRtVtHK+PYBfxPCBNa9+6hB8uDWZ
dJq/lk4zPThZuIN5Pt5qCH4kvvLNXAp8+Qzrg45dC/yBpm+c8taoZuKGU2veM9YkcEIsyJrOvZEu
nM/QyB0eJZTEVdAtecaM8DqnF5/5jFSXzxABf7pR3ZyKufjuBqzBrjsX94OzUDGp+Zbh7O4CGSck
/Yjp6HZK95rmq8aj8exL5A2IuJII6cjAzkJykt6VIXa3Ie9vliYyDq7qsZHBLjAH/75VrRdPjcb0
kemeq35EudNurKyut40W6ms36YsDbsZTA32Bpk0cEuwdB5cprj4o2zR7FAjlnsCcDx9NIBOGe4vb
CWF1OhSrLgaYh1ruw3T96dRmxadm9sNNQE/A8wuKVIK7ugIzET1hTTkjLjg21IBfTP+xNiJGRdfZ
3xEFUxjHorNUO5E+rfE71HdNniCCzrJjSkMUVNSnO+jaDUbbjyZdMprtHqHP/DUQ+ZIcMDUbWgjF
Lonqt0gcwJLZr5h/3iN0VQ12wTtVoBoM/MD0JsdNbvyA1sZgS+LDeMGxsNHGLxCRK+MMkfttR5OF
fjN3SxCVvXKp2gJ01uIzCZwvNcfhnTXACawRkTERFN8ythSrpAEWrevlfZkEDWEwyZnaqQ8fCma2
MeePYgz9rXIlzcz5PbQWPlyFa1HX7BQqq+n5Vf9e00rCuUWUS2OD14duCKRmiY/V1Tly9D3quJsY
Wc9FopEhOX2rWuREJgx5Hrui2dRLJpxGufspt/cB/fenTpc99DW0N7TkzlcLY2WaP4JFwejMU8Ix
mnfS5528pGXprDI1IPegmHlLSgS8IzvtvTxEnM1ine8jG9sfshwUUdXryA6N5JugRsHQjeesd59C
tHQ8b/1Ojrp5Ryma3hD9u4pM95XMrekpOI+iZ3dtigaZv7iNCgr8fQB5T48D9NacqTOCIJqmQjLW
6veVX/HjxPz4TePcaDMuSFJEr4eznJPx1gBDRBenDunNOMj4amzy68GYU/aLj3ND4XMcTVx3zE6X
BNJbkY9AASgsTsl8n7dwxmoDdUKWRfVGxM0TZS6bBjIMW2Bu736mioeMKL913BKVoCD3LEgi+dqb
Ov574LGjxuQkIRmcM6P5MYPHpX0v+0Pu+wheOA2tBqvqNnmxGzgzeGFoThvYdCODxLgEGjkFyuIs
4Rp+yKMLYNdWrbkp8/TJ1sb0LJvz1Nfa3i2qzgPhEWDknEtOi+V43zh4B0xikkhEsc6loT27tW6u
fK1HlxIE1m7sSo7xCaKWkGCzTQoQGJMHVhVNy46jIAbVGJJuldhQTKrBfaua6Q3sTL0nUarboZv4
olVsswMAgsBjM7URuMW9nLTEfTLDdboadx1zaL5PsREwQUbilMC/W0HyTjeVCfCmkaHnaJY8V6F9
aVWV3TmNjjCtLcct/ORz37f1hX34zMu5wcb1rW1a1uEpbcyKRN+6OGrWtkS1cwSbZuKo21hilltV
hBShcwm7x5FiM4SJglEzcrqUrWe6Wr+LZl1sRxSjGr67FQTl8dzD1UGdGtfcR9SmwBM4/ZvUb3RA
3+cKfjHQkhKPm5Gu67kfjszDIudI7NqTzXkcn4wqWoCArrqri6pa0wBEIWaGYDGULk4wdG/drv6O
DQkILYZaVA5/JEiNjbkxk7i7bXwVkTKQuKTRu7dxJSn0zWWxG3NJdGxLycuglsrib8TbdiQhnay6
ZZ+cLOG/KK+hsg0bpzGIF3FN1Gcy87eZjOKbiZQOY1VVmrVBVqvdxFUIJwLGFHrKL4ARBjzdrlhT
yUN3YcTWmd4a0KasNs5mesSiAt4nn6wDOD1n45NrcjOygu+kIn13rB2BiYQAK6pRGCpJuG+dz3Dx
dzSO+d7n6ntZxhx3TbHJffSEJIt+TTQ/4kgCZnfQ+vs+ay0SqUbGP+K+spb1xicHVkh87ArLdWC2
XwzNPbTjiciicpfp5Q/T0t+la/B0GaiF/THe6WPE2mF+K9DDQM3J3roiCfd9Qp9eYORpdPUw0knd
0jeggZ6H70qdlmLYGEpMDMVI0pX1OeYz5hsj++rY3avVJAdbqK2KRvxcRRawiUMHMUT02+fmceSR
3TSk3sFPfm+cMtllow6SPetXQTW2h9QN/G1t5l49gSLzCXAzqxq3bNzcaIYz7kWOIlRvt85TT+cU
Kal8cfh30rltRNK9I6RVWxCodJ6RQ6ZWO3Gviw+RTR8dctBu0r9Zmx6QJEpychwn5N6lE5NwX5r7
rH4B8Wis4YzBT7caWmXWdwOZ9rpJatJ3dGA0XZrQQBdfC3wGtNQJ7CpKg37haN0iqyzWQwWxdEpJ
C5RlQ6RnrHFbkM8NhMiswyC/9KIi0HLqNrpskTQD3HFQGYsJrguZGWEdAf2xq3M14rEG90nncAhq
L08rdr/KK5a8gxSNmjdExW0Rw4pv+61t6PTux/axK2mDp5XRH6AZARgSpquvGx1Rnjks8Kk+Rfw8
7nWFBHbuS84euJlDq+Sw0zb7yQA03UNq13or2ZQarJkM6zmBio25gpCEUR2+kx7pGtqjXdFGkMft
NFzHLi1KNd9VCZKD5Auw//csJAqYTB21bjsN+FN+p9lgfn3RovVnQuek5rFHpOPdRKjIYWt1VfSD
E+/eRBG4qU0f3ldtvrAw3LMX/Q6Sr2BOYuUO7NJj3zl4JtQtR4MlYqBmk7VVgfmsHtJczyEAYiZO
IOSxQ6f7mhyygs5bNzLL2WJfatWPyeKIIQvau235SjoeGReUkiyZsa0MNJ2UZeNRhMwWWYbcdLaL
kxnj/s5k8sip4jgPTUGPO8fC4ue7PJAT85jau10ZeXEjc1JR8Dim+Jd3fvIdysWPYQTAFEphb5sp
3k2j/RTRC98kVchCEPubLAulp4LgLHRZbWWL/rF3+oWb7F+ykrA6Z3go2QQzfyCcN1Fq9hpTZV9T
pqftE2yJc1P0fski9WRvPcrBnGnP+89DLb/LEtKr7CicZ3bq1VXUe5WxHXEW+LrSyW1Aix4ULD9N
qzJUUF9lfj+nEMsGV7O8xN4EmloPc75EZsnCy3prWBXF11RDHdPmQbMHeZf0A3LxordW6YyrSqs2
+pQ35wLHytDqSL2teq3a9BywEcRl0+9zm66saZU2M+0YvkIrqppbx7fw+Qzwo1KzuRgAUDbaIjHh
jRyIrCHSQZA/2PdoiPh1xFomZlnfYjPktA6ErQ+hAEqLLqueHi31xaoRKVhmMaJG3/uxoePrtDKk
FqjiB6JpVwxdh+uf3Bp9QFyiznHcpFi1MQmAdDhNMFV8jd6L0cUHOo4fBPSy1LvslB2D1aWTSCqg
EWLpNK0MOktNaIuDdj7KgweT7K5VmcgO6x166yZQ57hmdc10awfu7VXCaxqrXR/U+t4gAtJW/Udt
vaVG+53GN9uT9rgsYcY4dV7QmKdGkhTKKUeSMaefIxSu61C0rYfK4mgO4d7OgpdclJ9IkhANjiWb
XJfjsOWsWye9DVjlfAP2UuKqe62dCDJNk/VMeXpvqzlYG8J9GMg9TZu8P1MCHR4Dt9A3nC0IVHGp
EsmZbA7LyQtWH8gFukj3UifXZi0hN+MyeqfiKY61T0ow7QLfC4mo3+uBY1PCGsW208huTol9WlcV
Bnl7iIzdWFQ/8PHpN0oV555p+KhHbLQ9196KHlWcgf8Kk8UY3/J74tvrZ+mYx7dhkN1LkoIPf/5/
05q4EWbAGyah9JyoBN5Qg+fi+uX1A4eSUnCZWXFLSXhZZ8ZIfpq+3fVpFd6WUiaC3Ww/HSt/OLTL
/9XX/5va8Dte23BfjHVwOxjaHviIONpVGNxeP1j/xd55LMmNZdn2V9reHGXQYtCDdgAOV6ElOYGR
DBJaa3z9W7iRlc7MrraynveAMAj3oAs4cO85e6/955qphTIM26XdzZH9ok3mu55r42EwZ4pOeQdU
Oo6kCz0fNq2puWS1wSkEEduBxxs1ierXSV5/zfdVPdS7TsqLQ5mgol3Sxd6V1mi7g0Q8hlrIX5kV
z56lrNNeBCuafIVK5CdF/dGV6YYeTnu3g0BvTwenZP5jQTndY8igvILEFN+rcl7Im1Nk0zrxlsay
2w9GBpZI6m5aY8JUhOI+p3nIhbPQcceBNDDay0qi+y6LqI8Z3GYyY8BWFN0hVpADvcIkJSt3FGUi
N1mZzWGLz3c7urQZ+HQU/e24PHeN9o3QTNNjevJrWDfFld7wA9pqjLHG6J/U5sKgSu1SEqWQ3lrt
sdPX+BHv+6VTtfieqIVMSeKbSS+DGYX2jdaZ42W7Uk4L/JOEVNqjVm5s5whqoR1hUQcbqXsVKWsk
eThIuuuhv9hdg4htKO86iJa3dZRXcFAJSiClYsM8JRI0ceWgIyre/EPqsZNn6MkFQY9aFT/Rvbix
VGDotg1cra1J2JwJLL4zBwK/uvZBznBQtQwtdiuRbU+Kwc0kjKB1S4jLz51R3HWGwc06yqcDAlPo
pNnicMXu58AqkfouNT/RuIlQ2Crpca6ApEoI/Lt+RZTTxUnQqmN1L1MqQ2JdIatzukuYIs9Up7eC
2AuP9oZBom0JXLm5Q8qVXSpAc11jEZxXJ/HeRiWyg89oB9w3p8Bs7ku5s3x0fMoDKbzZBjOZwiR6
G7vi1q6V+HtV73sbhX5iAoWrGzKQJRVWE7+WL5WU5wd8c+vuE6C1IAaqrJfU6rm8TzOBErzVTCEJ
cOY+EMEjfcrTY67q1dmIqx9t03ZkkFbJYR1tQk9x+VuqMX91RuuVSDbAi61SkNARx0FdAFieZ6LL
J+3EQDULWhtMEA0P0DEloYVMbjM09jfTcq+u4O7naIoQpZF+AbGLJJwO5xwdwWnXGe3yWDO876Oh
OVdR9YaeWHYTnAaEUWTSxW7KJwfmoCNVzd42uf/3fV5cqoL6STQy8Zmd6A186jckuMmJRPvHZcue
QHDxouSGclZmdd2Z1OhORKa+yEtcwTjVjky3ba9qFN0Vk0+1wuIIe/qGSlF0P3QRSKMSAm+mRU1Q
UD+8wTQr3+R6qtx0cl4BctWdPdwFhIFip3jMVBrjjf1UArWXdLN7iHWZwDnSuPcJPWAKVgwB3In4
gAUsMMhOvT9yK8T3OQPh9YaKNNZqCzwuTG0h70svx92ITfWiDRPVkTIKLPtZqSXiM8lR1NZqcasS
OHbD9OcwTebzBuo5NG2Be4/AWZOyaFBPBEbbQPIhVMOg7tUJA13K9BmQJAYO3GCcx4+o6t7l+R0S
9eBBNEIzq2Ukzcgj30EML7CeAcEBYvS0kqEnFyyZeSjZJIAv+DXyarnIgaSO0pCRnZ0cppSAgaKK
PxKt4qaKA0kvb2jn66TgGuW+wEo6tHh1BxNp65JjisviHxryZH+FD30iwI/URyKj7U5STxBszaMc
veK7WU5iwe/ocdXTH7pkcyW154bLLqUWVHr04Sdq9mKtmrcafp2qnU8QCbXTPgKuxqTfc7Rw3kKU
F8blBp9KblPSJPN+Oo255DIaOxGelZzHjWE7Me+fevSpFTkNtrIzJrIGCVHYlLSYxLSa+omtXUCK
F2eZS7McSfPeiZUjbDMwo7hejl3LJERdzKdlMn90Eer11BTXV+V5amYjwLX6MLULFmMu1/5szHdJ
isUuGdHzYoZvtXGTgCI/jXSuX50GIU0aUqDzCDAtrSfkaoA5pM9HS+/O0jrRq2Ko7pmoYLOManQT
Vb+MFqI4V/8DVbh6pw36cshsYkiY8i2mNgXl0OYnmMYv9WolDwn4fpvYiUFvTES0vOLZkFJ/7Lk6
MiVDit5GN4pZYpcmUZhEi5RRVplWEIZCDYy4H+VWsmu4ciLAh/MaN7POtConLZRwMxnxJM0TFIh4
E161UVLPuBie5lbeKiA7S4pMMmQo7tsR/PB5cu7kjAKVk7dfR+aSRzBvwOByLlH4MWiaoaAddJ+c
1Wa3dnK2H3LU8mpKehJ4MUQtlMEWdcHKA/d5IZ5EQ0I6YSGkyh9gfnisaWm5xjoACYJhteLpMwid
90mg1CmDkClTSPQxjFrHrzsdCTbD3mrh7Akl7UtCak4g5e1Nr7fFMZ8Vj+YtQPo6D2gp2G5c1Kav
zj8ozUnM1ijpmQxDqS9imgJ7uDYfMkWiIoeBuTRbyWdGuBvX3yzCgW/j+WGNF/2wZvK9EtUocB1g
BVNp3ybYyI6VCspskIYdyMfBraqWNraS+rXaRj7FkBFeXeHFqwz+1Rx4b3bMqK7kflObPxu9GPak
Xj5ozLOZ+KRuLlVvJjeGfQRi0FZ0stHCL4UjT36jOCT3FCOGxgxlZsV1yV3RMvqz5c0L82r+GM0U
aKOeUVcPYxaGe6X+3lEMP5gOMtrYwftsPkY6suFeDT9aU/ppRFrujyEEFQZ+XxP0PEhNGVzrOa20
xmIelMTWSSaTc88F4oXgiCcZxrJPbMiXqTDB+WM02GMLw83VoWvIuOwHLVBPry+sQw6yhSjP1zCK
vjitBqFFW2pAn3bkLQvA6IoYEb9kthrjo8yzkGaqRkq81IwoZebcX5m3d52m3lpL+trHoBKnrH1M
2+EHDlBOxV9Twmihoe0ErqQ+A6CxuFLs7ZSiSDL4q/y+tnBMwNM3/HlUnjX4ydXBui3hqSaoAdOw
5Jvz9MOptxIHHWlv0jM3bUmDkKqIYXriElIR0BHmjpfPiLOU5aJQotgjIwNDDLN/6vJXw2xrD2Ia
syGDQbNTY3VNCkh8W4L7KulfsUKYXA9syIdJ6S+mXvmOqrUudecJc7bOxULbTm8JeMoie23b5L65
gMKiOE3JQznDvNMQpC9c45fmA4kYPw9S0OSwU+GRY3Xo07j21AEXuUIRaGI+7lgMwNeRQgYZh2R4
vEhF9eCsMHkluT90/SSfmhovY60vBFfIGJ8ZSFL82kLSE3qkVLVpxM0tEjAlfZqZwp+nytPQznkL
Q28i5FPGpKBScRfnkBAnYAwSXraTkbScQc36BdJO/4Ll27gzYxgHoxM9qF14cIwpe85dm8Zqi+Xn
MuVcE4C6p4GKGXk/yaSjF/oynifGdqoVVfuhOCK0rC8dBGDHeClt+5uZV/XBXqxDQ+DIXY0436FO
v1/h7e8Js7pMBRQbR+nyO2Cv+M+0+amgZQiev39eIyk8x3ppX3TQQz6/+gk/ZbAOuhPUFgOluuhS
Sk4a82CV2VFR44qAWlR1Ju38BRsrfQPOv0F5AQs++52eeWVWn6RRj56MNfk5SBqlnGotb7B83xqD
PQULKGZfrosf5ToyxUi7jmgS+xuSLXUX1Zr8qkZQDXoiyNQy6w416I4BHzMN9/m+ZMB1guN71nXn
rdqaHaEafdXm6o2QMWVHcy06MCr9oVa8m2qE/2AXBS0j/L9Bn4IurfoeO7up3MtRLQfkJQItrBmu
JLW0V8BJxBnewc0ZDGfSLUqg+uRdxkSaVDKtYLpEIs3MiMqPyhp+6I2cBX2o3BgVGFktGQ8ZapJj
a9c1IVFAOOJKCwDzYFkxuEPTQ7K9LiYjbgBefyh5OmgikEzlEGGZku2OmtXmq2+07/Sje5f24AME
Pz3Q7DyFF9XUrty16A9L3AOpuZCWIDluRtqr31K9TIyaDtesP2BrD0yNmSi5PogXWs9IuLoNuDix
8OLkpLWI2dshSKte8EQmzuPQGqi+IyBF0WzDOppDt2uKm9KYMGku2QmtTgRkyyp2VTnQlqQfrsQk
mzsRN90wXiwAeuqXcOSbixFH5OpcozPIjjJXThfkDkz81c8MHGAkQ2Kawjk+t1QhGUNTEfS6tDuE
gJpPmg8PS87pZ2Jsi19rMIe9zFCkonPjyuhScTtl1AuIM+BWA8nTIIlxjyuXlIsVeZSzmvUZV/c5
s/pjObbvrVWUwbj1BnWMKa4Rpr+WhPTSetK+z0YmHwZ7Pen5wgy9iSKv75aggXd8aTOoTfYMmNBK
YqLJpUx6CpvAzgyvTSBGUY4u7kyRWPTTkko3mmv9UvUzgSaWqu9I8cZBY6i4xPektEtwdhmqai03
b9Qzrk7upASPie7ZRLEVGtRCZ63vugarWs0ZGhMQQxkUX63Uo6/AfoE0p/Q7shm0Cgt7mkEkhkK5
i1Ra4hI6JZfaOBMEIEL7pGDyGVm6r7aZcwJqnd4jonqWUaXtqgRnzqRLe9CypZeqTRgoDaFe7+oM
0pj6THHR6a9Lc/qFWbbN3ZWg6rA1fgElUfzURjKoJIciKSI6IMl22+hQUjvTiRvo7QiWQGdaemd0
EJUlpbuobdu6uRkhoR3qy2i2N2MT9ntiVs76WAFEX3HTdqtiUTkQCVF8du0yj545EsZpRV3MzWtR
vHBsXqyFnwpxki+1PNR7gNvUy+XuvHa4rSt0GZ4xGuvtwCeHnqY/6XCa3bob2x1pUyvuoYimWjIc
0cUcIrU/aE6jMsOVcBYzlKP1wNw1JfpxB9ieqIUI2dWmmoePRQcFJCsu3KLyF1AF95MBFIM7ju3b
Q3NBtdD7pb7eS2bZ+RqzMGivNcIGyOeu0+mgv2tlCcYFvEGrWrMH45cpqIZnNhtfU9fsZPXOqnB0
z6Hc7a0ZBUkMwGEYGoDMpFtgdKeTU4/0TOxifIyQCj4RJHLOWj63RknDUyjDApkHH+rFG+6d0ZUj
Y93Va+ulkXOeZufFWFMMOPGBceHArTf9fSH2jX89IPZJZIZzR8AbZcuZ5OPffZu3rO9ky/NOLQDB
iG1YFTvForHs1IUPOmHdKtugQqIZNl17StW0PUkrnjjuGGxfd1qbR7jh3gVPaVsVj+xCzrO4p8le
WBbz74mrBUln7UL3nmcX5XoOK26TmVzxGsT/HIuXI1blgiBnvAfcQMr6dF0045JD2/tzJ9CJwU/M
9IeUwoJpeHun1ZAf22lp9rpRGWAwukAcuz5AbkKTaWttgwa3ms9Xq0Rrl+/ECxeLeHuz1jBexiZJ
Gdab/alQZxbbxz7x88+LbDnAjAI8q8nYwrVib2xbxAfcOaZJKXTbErsmW6v2XaQ/6UVacAWNMJ9n
WXVMqLD2FOEh4Fb4rg5jSJu1KaJv5mp8iKdn2zdT63aLSey50wkcIONlxemH5EGo7P7PwvO81D//
8/99+9i8lEnXt8mP/i+MUBO7hvioPj0g3rf+23/8LPukX26/FTzzbal4avQvnvOHgUeR9X/Imzxa
N8BM0pNBs/0HV1RRFA5ZYDYRNGFaxjPxT/+OAVZU09GEbqpQ2HFIHv/p35H/gbnEwobGiSMjrVX/
N/6dv4rYDdCXhoxrzIGoqPP/aJtt4zdhsAKAKWsdOOJa847R3eL20Uj7cqZ7co+r9rdP5l+4c4QZ
6CoJ/u//29/Erk2kyfU8bdTym+XXPO7M1wrkE9eLB+gEbbkz3ipCmW9odTwn9U5/x8P2MwqSo47C
YdcS3ObGl+lVuVAAP+LS2ypb6Pj8noHgv1GVwnX9qyKcF4uine9NhWXngM78u2Z6UTqqeYgBSJuC
zUJqK9lf28KZNMz4tCFBaEQx4+cecI1WPhPlPR+lYhmxjjegNXplAuaxrXGBxnvM5MKLVZgHyDnW
nTpwZxULcpDTfajLX5u6nMF0TOAiKe8TIVNXrthXhpO5o3lbQ65yoK0kHQl8W5FhtSk7MIUsT2Jh
i8R7xtwphlzGNtoWW5+I6yfztQoAB9ujuLpvm9QX70u7mfbiMkKmxepWSk1/dMOFXBdDVLUnEEXm
PgLbgaarOYkFuaVKgI7zcN3VKkkNHAMy/o4PyUH+SmVM3rAfg1VzXR6GGqrZjAdf3FMMa1IPJSNe
cTHDt0jxzBRLsUPeruKrDhggzpWFxLI2DDSoRtV2FdeJFcHExEVdrDnbmtjsWsZoino0mDsyoYi5
bIvLuFignWlOxNHVHjpdUOXb3YgbK5fyUh9wE/+5XaEQhxcYvsE+PaBoUymZZVzeN+YIN5AbOenD
vdjVCz4KGEZgonbyxZab7hQBm7HHtEH5ypbYJRbXTaVJ342JRpTUQDC93guoGM74J7Z3Lr4Vu40u
pJ0lwfVdirVw1MqNpsiHINtZvcdB+3R9h2omAfIW21Y/tQy3teGjjkHWi3urPdecpNc3K9YUnVI+
Pwd/kYbuJMlaR5o6a8TdjcFITiZFT9rNlvEqjuUJQekd49iRPjzfGr6IORkaZm45/7UDbmNvgxT5
3NRsrTwtgbqdCYZhc8Pe1sTZQaFbPUxUHMR+sYtvnOalwzkPIomPqFHnit5cTudTieHp2N24lfcl
69Q7eJp1o8/orjSM6LRhnk7IEVmNyqXxiXDEhu0k8ylR2vk0QZPISEY5WNtrEKftuL3mz7V1eCgM
Bq6/na81mr0/NNkd5NZ9F7Y34tVU4iX9uTA2cAqTTF7mti/sACwk1WocxoWTJrS5VBRMS09iUyzm
7cB1828PyfUacEC3EPdRMRaSF85QCjiMn2gnWYHp4Ap3OHXF0XVb+9tmucHOHGYXHonPBq41tAkw
D1TFF08xldUia2N4v/55sdZjVT0M+fj5KLrW/OrmJQXLzOdF7ac5LdtCrIl9lOm5fJekr9PujTcR
HQ9c4akwl3Fy//Pwb4/s5Z/SKBWI6rlmZRuBRqwhLKvbd7G6kI6y+mJVLBrb+BZzy6CRLjFpuR4Q
z26uO69/TTxGsguKBaWdeuKTz/78+E2dQu5OUh+HuJmODffZ1eU3QsQoGCa+7KJxDhOlwUm8NYse
0ef7FW9a1Ua0I5F8/jyqmyvXu3jZrnqfx2PVJsRCe6sWpnJmql3ChXnP9kc+HyseJbYrRf3jL4tN
cUDs+/xzvz2nlIYiWKb8rDC1CDRZ2mMI4Ef2r/7MdZ86aTYZ4G3/ge689rBmueTJMhydjE29bX0T
W9BWyIHeztc8poAv9k1YtE5i7br4+75iZlBuGloSSHwaW1A7n8D2vHKNfy3bm/+XzxVPux6pxPOu
22Lt7//V9gqv+9CRxLLDx7AAjgWl8ItmDLCP7Tar0cyx5jo/oDZ+10N05+l2mxOLabvrkTAC/kui
cBGMiEBQivXUjTCXEv/S0hroF/RV2xxJLGzmCVpatHtkRcCr/lzI1vj7pjhA1fVnl5AVvWz/j0ze
ult26eym2wC9nPpNXzSpwwY6ailqcPKLhbrdkK+bv+3b7npt1hAnWOXbaU95k/knH3I5dQpMPVJo
OnTz6dQUe9XRj3Y+QJRo+698HONRUmSC0uI8IOZtJvLxZMjFyDV9fNLv9CzLPv/PkV/7yRK/oEav
yEbOCPmwZ6fyE4OPp22ZlRqNhRIh6X21p7MiYE9j0U0M2bZbZbwBucSiJXB4F5sRE3NiEudpCclp
/SE+GwO1M+ETZY3tj8LE9omIT8ncJkAoZmHZrGkQdZ3h41v+NaRacx4Scihm+1vTxbAirAh3bLeg
Z/AGpUJZCH0NSMyx20ZY8zY8cayBKeRYh49JNTakSLBvOx2wyOeHdk55wR0UtuOkkpzNLYR2eOfF
YfZgKs5rz1h3WaLslEznCuI9Q6TCDIwoPkIgU0/KRm4Qi5Vobrq82YGu1IHsWJv0HgSF6vrcFOG4
T5fiNE71Y7JBhirFoiYnAX0PS+sh1dvaVXt6NfgPi5NYbBfbk1MA8b7uk4kzQSVV4ktLw+IkFp9n
gFhNwH1CZdsgVWjimG1It1YMSUjuKAO0sX6Z0FC5lkrpt1834Twp8P1sbC1ENC6zyrjVHKw7c4Wu
VsvGyA21UH51s0wG9TZUEwtF3KUdGptis9RGJVhN5AKV/gGU6r5E2XLKCKI+ibUmLWYKhXHrxRU/
woJ3sFlP+WZ+23ZkLnbIN7bdmRNT4N0ea3PpGI02D667xCM+/wYZKQzJmFmTZRVVhttt95ZmW+S5
rW0tIFYR81CcBNkF23xgRCRPDv4E8dA6Y4whHiTW5u3OJdauB8TjPp+yzslHvjVuxT6raZzAJvDO
rAGX2dtCXksKFmKbk13ZKaAnPebv/UnssySdw3V7IdfDOIpd4mAcTcM2ze9PlZRF4BR5efmAr8ay
ZR+0qH0sB+N+DolP5kzhlq7GxxxlYkAUegZrU+zr25+RHbW+ioYRrRUPMwpF8mS6EsSUsnk9cN2c
7mpGuCg4aXrNu5GeseRxAihYrgLFHm/zIEIarZ0Vxzdsf3orf9okjYOOBvOpBgjqnvNbph2PKFkd
+HreWDwuEJpnquzodndqeKZTS09yaR+76dLCh2GWlFKNOi3j66B+G2GAxVmQ236m+nH2qqd3Shps
akqCptM7Kw16ld9MYClnG7CORK+kvKDyauYLFghEsaED3evcS0fbQdr/EAGlIhQoOWYFtJ3KbZEn
8772oL4vtovskSZ1/2OF0eQXv5rYbftgQCQpfW1pH/H+n3rraKSo9UhTJec5e1MRE6S7yItfcKs3
3xHT66k7qs9D7OMK1BV32M0pGWZuj42Q4rIWWPLeLI507qOEeM1do99hZUtf2vS+k7/nN3hIdxfj
BL9sl97Ou5qfqJu46wl3jJt+XS6dR2V6r8En241+5Un3II67cofeJQC2eFQ/lIfSn47Zu+zVr40H
rO3grLv4TjuMBwKcd8m9BS9sZ94z6Wx3pBN7xY1yqL+TXRb3iOV2aJAzHQYoVL4jShfzoo1ePewV
Rti9Bx009L7DN74rjyizn00shn72IN1GP5cP6vC/qktzQeYDPdov3ku6dEyzX/rSM27V5+5d9372
h/V8HL6GR14VFp8gcXnBjENO1f1Jmw9WUC+7RcfbAPKaW5ZH5xYCceGbzXufHpL4EUUOHVscU5hL
wz0ZAru8QAje7hzLNZ/W3NN7V/7QqweYwssXemES8DzNWxdvplxLAXc4zExrU3e2CJz2Gdf3iCzI
z0DapwAUbb+254v1QJTvQ3k0XTRQ88kefcdPjspGSnvT1kMVBSsCXBBYnBwvw34NL/HBeVA95CL7
+WsPa/BDvUDALTqP4Oko8erZW57yzDMdnAQHQvCm8EgAUWU+Yv8sv2n1WV73XwB7pOpDmdEOuJ32
8o9a8uvV92PupNu/BAnOd+sDD+dIlptB82JnyeeQofDkaneKs8tem8U9G88jePKzsq+96s34iLkP
IlnsOJMuIcxkz/pCkuUSujnJF56kbQd1OmUHnJnPTn1R9YN8Yez1kH9VfiK6pjIhf8dzk5/Gbygj
0+ZCDhWjHxIxPbhYEfIBlCEYOEiX3iVQ1iiovpVBj7cYrcOr+X18KO7t9+Y4w1egoYLk4sLPXxqP
SD2nJ/q8RbgbPiK3/enw81H80nTDypuVfV7tdT3gFfLnaY71s6vcaCfQu8C+Z98pEOzskp/yzfRN
+pHfw8ZzmaQ9q+/RR/ZMQ5mM9WFwKcO64W321rwho3mgOhDtY384GyRB3laHHNrEe37Ub1+XR+NJ
Omj36c9y6yi4GrlinvyLkp95mvcYkOg1LUH7guTzAVDDWT5i0G1f1dhDe8vd6th58073pXcZRd2e
rvxu8IbnBKYekXsus4KUCMLcaxSvp//CJZsJxMP4tTiiR0LeCAVLJ1r1EnlcU9905UQB96kKPd56
5RfIlncqs99pp+7UvX0oH5wvmUeAum966yH7igPOl2o3se80WtCIqV0uml50gsaOTUZ3w1114edG
r/hWI72EIhnn4YUAWmVH6etUTDt++SoG1ds0du15j1vp4Ud4gBd7Cg/lYeWHiuTXvu8P8hGr4dju
daTtXAE1V0ZM4DVPfKbH/jzvMkCJlVtypkaHhPcwYjnAthbU9zia0LbM6ONdGhaUx4mnJ/K1ubXQ
bLjw+bsANuUQRD6NuyD9Mt1U7Qtzr1RyI/6iszfewP5VnHvQGy62Fx2bC36bk/mq85oDOo2HOXPv
cA+Cxqv39UHjnuLq3NXdiHIkzPvU/7ncZRfnG1Tbl+gmCuLvpeKS75wDV7ze/uyyoeAjbpEal42C
dtWB4tFJplUUxFp4i7WtpjS3zdIr5uv6Njcapgn2Wbd1ClT73Uwp/EMO3fDCWl0jT6MCdhq3p4i1
aJuQiLXJ0Pry8LnqyHhngJ2dMx2nd7I9Jhezm//52RoYcLfpVCYlPYkw1WCSyQcI0rawBJUWE6rY
gSr95yJt5eEkaXDRxJo40HX1V+DDJnUkG3fl1GKCX9d9jOn82FG5sieaX+tKBM3n6ixTe+yMukHY
q+Ol6mIGnBMKCzeyx/lE4xppXAFxjusuNYhUbIcWhywt9xbEqgezhZsE5o42vWNTIBJrfbxNCq7b
LU2bIInlsznquUcaPZZipShP8raw6GZ/rl33Kc44kRww3Ify6CUKJ7+58AUzPWGm25RK7S2pIgUh
qSIgakiMzxmDIIE7pnHbBcM2lhaLPjNum0VS9tNWXbguom0qeN1UJwAB8SjfiSqbaCmJtRYtIReE
PzteaCpBRidt7IuekqkOJNOv+kGUg/utJCjWhJc/yVSZ5DfCnE3lCTlQuLcdSlP1PGbuUnObCIe6
IahQQayucT0eXucGjOyUTPjBZie4FpBkuxzchdwSfowJSLtkwyQXK5UYrW+5qmOkRUrByHPAADoD
svzclKcENQRDJQf6LY1V+RQX88SYbVWe69Zu6DRyItAHmE+OMmuBltiHaN2+8VY33oqltv0xR+Ds
plu9Dkgy2E/gpog7RmYq2zd3XVz3oVlcjmp4IXm7OEHIsBgqDSDgF72hH93dWsx6NCs0SQrmhi1K
dFsXxDXGkaveVk7Wu62K9Fk8vhaTVXX8ahiI+mSpQqlVgVkgVJEYUISMqBm/Q/RGZT4BkNlXHT5S
kv2YubGQYVWXMq3jrkXzL1ps4gsWi+smXJmEN8nEUGZMLr5eZZvaSwvqeldpHLCwy2QTXW1T3hGt
w8/FVkM26pad8CZINsX3qDVEO/7W+xQ9ws9tAk6KT7TK/zXj/k0zjlYaaI//Gaf3X/m3Lvv2eyvu
8xn/7MSpzj8cS7VNx4YupwP7+mcnTrHUf8CIUWjQEbWn0nX7sxNHLKCm02nTLVCnmkFGyZ+dOIND
9PQ4qmkQqAha+t904oC+/BWYw+tRVMXQuTrYvFH77yg9G8ELtjNZ/7l2/a92Bigaw2K9ZRace/iR
VyJXTRwQffrRlIO6Q7usPbRplx4VyxqDiv7YHEMqjuJx9YcBjyuhgtVT247dA/ZG8kXy+kksoqEn
eyoviCOJlvopamr9ZjDse8tSCOXoN0h5l8kjhWueQX0IIas+w00h5sTlt4BBIRmjmxW3RJdXW4j4
HwurHqsbO+5xkC0JqqWO6pR3PSzWxGPE2jhaEl70zz8idpdq+IqYZ9jrkQSdIm6U99xSbo2mHX4q
pJUsyjB8gdONR3A2TEpJRA5kskbWMOrZJ10e111jYROwSOXkClC1N4UaNjc64SuYfsOX6y6xXyyu
+xqQpV1jODTyeRJZ0N1lGh6IIDcZbjf1fKZTNZ87PDBnscmZRvpBW/y3/baaIeCu6rzhY+TRYvG5
TZQCx8Qfwtl3bHNmNJZ4vPH5rLKcj6WBeQwx8kjLs+vIwCY6WV9g/he5XpylcTC2iTVx5DBnES//
fTVMiuKs11J+dFzNyvy2tKcbsywIGN7WgF0AmrK7Lj1vR8WBnvS+oDR6ey+nxKm0Wdt8SdYQHu84
Um5zIvu9ztwI4fUX0M0RDi7uzM4wIxeGFTJBV/yiKInjli1ycDsd9FeFgaQ11c2XWTWJB9Faynjb
w6ZEfqgqXXuknzj99vQmGnVX0iKMHtZgWF4pKQnI/Ob+czNMMv2W+KKG+YY5BmYpS+pOt++gIYb8
QDDnoyWS6Kw69h3BFc6dsS0cU0GTBBDxun+IASVbavQgdonFsK4OJpSMYUcx/fE3YmgiDHbnYo+p
aroM22KkYHZZGVH60rwl0Pz1gHjIdV+XFCSAx9hFayu1MPFtISNd8ya2hlUnSEKs/n0bMz6HBvJw
z0SKW7ty0DVSZfgTYkGABJMWY1T/2BY70SrQ12NmMCJbeBQLGZUWoALrtiiH/nFgcgw6JXloCif9
ADlzu8hxwcSVGV9eO9HL0hWal1SWeqfCTAnAvBdnAkuImSb8GZaLM5wjuZaml7gfQgznaiHdxp2M
56RZGLmPSwLDfFtQubyUuXL6bde2X7Ibg9imCOjUn49NGA7cf6jzHP/x3O1IkXahn5aAf1JMObum
b2z8187zyBt6FAtd5XsezFj3r/uScL04KeCuYpj7x1bPB5JSpM8nhRgbjjQEmdRUqn5xhrWEdRyI
DSTgOB5+W42XTr8sDuOgqGXwI45M29NSVYrHnR6H0I80xaI3J8e3NnIzuHD6TTpw3WMgAztn22+g
zSR40aYDXy6ZHnw+bljDP44XnfyhFQplsrgPpF6XH0ErLY+WJ9Y/F5NaUxJfLGyTGSW47UGrxdUR
cwXkFHbNUcFU3Mrer0/q49Zw//ZHwShtj66i8Y4AMY2vMS7v7bxHcqcONyHcnfvPXdnQ7dPJGuHh
sy9XuvLeWVQm//987HW/gcF3T8tndDV+04xL0QjTpg9vJtwe1BKM4gcR3ZKUr99lQBU4VYvsBrgf
DzD+uCv8+wdsEyLEBf9GgUL37m83WUd2NFUxbf4ZukZX/q+CF1TNStVDe/5p0jM49HywF5R3ykU1
nNHcW7lhBk3Rv0gwN4ddQR/W75O1CoDWKY8DFdRlVo07mlDyozKSBi2T5QVgkYNiXxxRhoKxEWMV
T4wbpUiPhd5uFYM0/Q4tndAOuQ3qNfqWqZyh+djMD/VS7sWWWEzjMTeH4vlzo04ucrwm9308Sc9G
j3EL8uxwEQdrTPrMD9r2KDZl1MGdWWHzIKzkLs8N6cQMmCJULqdvKwmuUVykH4qcvGcZWu7KTLR9
mWTWflHsSxGPpltDwbtPIEwGba4ldLFHKAzFWvtmKJcvSlkTpdKBRl9yvPvpoGYnFen9Lh5HMKUD
C8RKaM4LKyS6L902wXgUa3QRW+JhNkV4L6/5r5fO0h8/HwaYi2pDrGrFfWV3ejCbqYRBP7FeDEu+
M9to/B5GmYL6zlnvsSOv5wFahGcXc/U9vJ0sBZFo0VFuzGuGP31m3v42iPwXsiX173BITgXr/xN2
Xj1y68oW/kUClMNrx+kcJvtFsD3eyjnr199PbB+3Pdv3HMAgWEVSPe4gkVWr1kJ31tLRF4XQ0FE+
fWmsEOQsiXjvo7NkZRGj4X5tPWW8aMQ7QpXjHTJyPVLyxdm0h2Q1uFW91MI+eQIDX+8tsN+zDp2S
nVZAmyCNurvjfiLt2IuCk07gggBj4VJH9Z8B0RM+MU+Yn3z3tZ8G/jb57mOHiV5Gb23iQE0pOtaN
Q65H0kYxUE+hWLY9J0QS5r4u6W+D1Tw6EAr8U3ZE9iHC+t74iQJMy9OMPUQxhLWtStt2pUwUXNgU
aDsU303eW1d4zdqo1ir05bfp00Lhd1RI9SNOgPsO/PJDocrVJneT/OSExBqSSHPe7Kw+DUrmohSR
rpW2yDeJYyageTv5GKvNuOxCBOyqNsGskxHRianbx8UpzM0IVATzhGtwIZKgVp/HXGQlPBqMbz20
RPta47c2Zom/rLJWQ6ULRTPyLtFFzmsZH7uCktzohZKx6GLrcIFGwURXNfnEPF2iDDixkRASpmg6
u5C2TTi83V163yYHCwZsjbd8oZYAn3iVqaYk0p4jkoNJD8WKaHQNtIMbKyWF3zz37wOiJ3yQZxB5
/NtwU0YqiT5fWnxaV6sQWiKVoX0d467cm473Q6d27NjbjfFixc7c07zgSRm97hHZsWUSGtI15+S9
zx3NmytkvL5RgPrgerb6ao2JQfDEizcdfNHQz7bfxQQ1QrPIMKpHxwiKjT7oJEQkTXotG3ut553y
zXE9QhioxJ7MyM73PH3GhRggbppGa29EMjuFaXyeoRFwiIbUPwymmlULw1c3XaV6R7bG/iPw8jO6
PPIBLSn/Uckk5yG0Wn8uBkUzaYUPkEAchHWfUWgBy6dVv64hZnD6d2/XqEMP7IeaILKDwgBFIpFr
Az6aumGm2MTf7D+7/XnsEHyzGg3efqORXtzWHxcc44wHzbelFygrU7aqPA3EqAl1j2TZ0qMfpdK1
S5o1pFXSS0sx9v+gFp0wor8TsFoyDzoDsmEwnhApca7981Hn+lEfSCSTf0Sq054ztc1nXehW3/LI
37UArf1ZdFSCBKK01mv3ANbVZyBb+rYOpb2PfEgypyQe/rmcWL54uqFWq22rwY+3QZtmzgrKTErM
rAm1F6Xd/+CP1f5kRtUhVdZM21AM2Lkh0DI+UzxLCgivDGrc7x7cpmYJDoLKzqh9iBJqIm62E/j+
uSpQn+nDOiMyOU2yCzs/9IivWfUQoWMOZdF5lAG3DIQFF2JJHVEMXqLWCj6mC08UE8LMViJBqklm
eBI+0Zjw5q6rQKZ8dRowpsYqVW/doso6dP9jcyIIk+/wWP7HBBIMULimoSDczOf25wdG0WFBcUvv
fkhdeIDhMHvpB9STyHa/VVrebNLOs+E50fS3UOaM3rYgaacQwVORwUjq5vobQLvgIYAwcClMt8k+
Yq0qz5otSRfL8B5vq/PUWuk1VfXi2oWTXSr5oAcNUJUvQQ/G1UvyaifzjlB9MnVvdm397EEijESn
MRFs11kjLbMhbanPyML2RLSa6LlvQr5HeYSrN5vINijQIAhq74LYsm5N2FcdMnuT3YV2sRhzVaHw
CiiOeN7rLpQW1Aa86QrUKb2a9Rsny8tH7hofYkLJ/YwEmmRfxzGGOhGOg1UFXct7DPGJHjjR16ry
o1XUc1M3xlp9BiUnr1IAi0uqE3839YHsb6hJj4mlewdRFyh6ovHB9M1QOm9WnwaC0ftfNMXmRN79
6ePnlK/JPGs1C+D3J3JvRfMG2elD84MoZmkeDRTivamcpk/kE+rWwxUMFw08x+C0VH9lTKYYiKV6
GaKIe5vmVSQofQ9laURIUOWExnEmAVK+hHCIXKLSd3Zyk7y0me1e9LFzL4MCH5fhwRnVxplFhhze
PfTVQpJO0woxcfS8Vx5Rxk6sEH4T8jmuKhypp9viqsISK8RVEwU13PtV/KHU5ijlgmedXjggJl94
lMRphbElmB7p81t3skVPNB1MSlvwEBziRLcJxwVMuMZDE8G2/d83e+De//UxEOrTFUfTieBoBAz/
/BWq0KZGaLipH3FelXPomqJTUsZXtNLirZV70Uk0wDyiUxiQi85yO18Jn5gremVtacuOnMb800Bf
dPWm9Ye3T/6hL6Nj3j1+ckfTq6teuK+zwd/dry+mVVJIAWWsSbdXF75bA0pxWTU19WO//t6fKwC/
qnXCT+fPgbTyooPHie7uv7+YpORrKsOknRgU/kCvQSfZQHcSJJQ57KAHOYp4/M3+3BUTXMBWoMOn
ub91f1vmo5FAturzxSa7lnJpYaI1u2jK3jqYcmwfRI+UoYp0zcEIm8eg9x41r7T3RYYcrd0BiTP8
eiD9mvnUbk4jJoHXvTAHInIrZL4m0UgQdo7kd8+VqryO8JRdibn1RwtdegqWRvk9hmVlrrSRsh89
O33KY3Un/IQPSMvWdk7aJ1DeVfMKKrF8M4nLwXdcSgsx6y9XVagkWPz3L65q/lnLMT0+HPgdkWcw
VJ4h3M/+/OKGWaYADVOTD8I8fMKm28Nb16j2IerKVQ3L9U5YGVqYMpUISbwkxlzPhfO3kS58gHSy
OAhXPZDXXOgqEByUGLrFfXI/es5tTpVHyX4IoQRFHWJNEgoNsKhZB5BfHylksC+OabPjsyyqtFPn
IlxpnVZb6t7CGZXJ9gVSI/uSj2aJqruULIRPzItqm4ybaTZr4etib5ewA9nY6HLvUqUzdqJ3b4TP
hHxxxS2a8s5pnqUWcXnr/m3db8NG1A0PksPxPUDk4tP1P5l/u1RR8UgcTIrY//2XOXVtoefku7tR
7qV9ZqXSXvSCoHppI8gaPvn7adrdp1Fnid6ZPm3GiJzf13+a18G1jkazaSw+DWRZMSm/TVetqOld
2Py15OR/OcUVTYKCD8h8H/3G0Hdu1Ok7gnLhbkSHlVKhaiUBlySqSmP3sAQDI4CQRcy7ryDeeHFd
eVjfXfdlt7n6OnAfiWfLe5u/ZUkNbPdSq8a7NgX7I2psayIrX802hPjB8Iu1S6z23HvxsjTt4os9
UO4ZDyVnqqaw9n5lwRytu+a7Q2hKBDrMmGpbaSJ77KFmfbCKsH5IQzg048I9qe74kNtW/iJVlXfK
4/o9cbPiJfSifN9QQkiUGbMJfGuTRKU6v81NGkhImxHB7mm0KzeShdBZRj1v2nRnDe3ozSCbEOAY
UvDYZQTxSeJbH7LzHto9vOEFvKKuFIxXuxjtTRva1DRF2vREb8ZrrlsWapIQ1AqfEVbjeQjs2wLh
Ir3RwB4Be63nheNVXIly7ouDfP1BzGj7jP8gQb2l5xbd3HRg3Wkpay2BdXADhNWVmivLJe41KAXB
C+6HohGj9zvjfSDi2WKoROLvLggNucj9hnp/pbtPzFZ+Xd59UDbiuQ0yged47SBuJp7rN3t6uIOZ
JIujuIe76/74V/6yGxDz7puDT5e7r+UtiH++mq50/v/YLGj/OmJNwi/m9E+1DTKLn1RDNGirSyeM
qu966W1U9HP3ce6qq6YIf/SlM8oro6jy/a3rOa91TtEKd0r5O6QMT9Rdmy+KDwWL2xvOrnKs6sAG
V0cdFDY80N/+zoKteqZCc3YYe815MhMVklPZfoPtMn1oLR1SaMt33mq9+Zq7lXmOMy++eI73Tlj/
8t+fL1MO9M/tqWErhoNcBZsj+d9KXzC322qvyul3M+z1eRn25tWFB3qMfPMsLCoW1XVK5AJil6GA
1sLMoCngMCZGk84sIQ1IKPJ1LH0VoQUAk/yI8sRQuChV0Mu17tTKI4GoySLjaZYz0RWNATrfHAd5
28GBT1LCdLeF1Ja7OqrldUt9x8kPeh65RCGeIG7z5o2T6zNqlP25X9kSr2sE3t4zaYikSjvRE75R
V8NNY7lQ8zD4aZqY20Sth8jnNCyV07WCoD16Q1A8swkzVpYdpKsxhNG8HsChx7qLmPhk6pryKkmO
cRKWDNiqH+sXp5ehNy3GSyWl4cN//5iUz2lkzs0OX0i2BzJ7W1X5HKx0Af/3eWlI3wLJgJU/lb4A
GUovonENmLDTODzzZ0K2yelfPgQyNT+DmV4CI0wvZeMlCDkkc0cqXJioXc88U47VBm0wkFX+imak
exLXQgEgJSQ2Uc/o5fH+GqiQ7Hqb+424nvBLQfnsoV9VR+p4aXKv4eN3nV3jwpaWhfW4ipHWvcYh
7AbIBHVfu1qBVS7T/7FjeKJi0/6qdqaD9oHjPQ7hWFN5l7o7qPbqZVsiCg3P4/GeDtJHGFYbTYl+
TxGV5hUpMG0vUkSDkzaHWCn+uihoajmeByywpgXiupLdN4fpVWpKEWNwIUj33F/BkIpzgBr2PC+y
+pokRYMeaXkMIrm+Chc/CjjTfA123WmG0jrZijAKvE2LYrDMve6WP+BUQbpAC5wLtAGPHb+qt9Ks
kEruefql8Ja9QUR9aFsHeprEj08lupPwhuNvE4iRdJgToEofBnSH42BB5A4GlSGG1b6TDvfGl82f
Zln3z27UEmNHy6PVYOr6T6O6uraLGwOUkQsD6YYq2IXwiSlDnWg7v/KVdSRzckbetnlVv5dWq73K
yK8ekgIJYWFKCNevSm2AFLoMtFfKMMoZQt3e8eeazCv0q+L55hrluuJoa4WOmK4df6/Mwyjn8pcA
jqeOglD4xpvs0Rw47Mth+qUYjAG6E0nfWl09PAN+eEDCLf0CG4qyhIk42UBdFryFwBDE/MRXLH6d
uc4Gi+WOMZsWv6dUpzwQyG1upfK3+u+/pAsUBYbNT/dKfnWWIaJWjq3atyzUb2XVhod0RtKU2Te7
4kSj5bZ5UqYGNZR+TjVQuBK+rslLkolUQJY2z4n7PN/Ou50bu/ui0+odUrAgUsFRrb2hcV5br1uG
rTp+DR0wynDKeHsdtb+tNqQbT1LLc2qYPJBScwNTSHUWrloPnXVrVMrs7hMDxmjyA47bg+uysigd
gLFJpqwoy+RoBPFxvyNd0O0U39ZJPIMjEabn5WFBFG7odreu8JpmBYfLbxNENwdtGIdhvxFWPV3t
NntaDZHROAvdyNy1ukSgFNrfR733g4cqson1Dal89ZCJmKVQbcwNmDlWYZX5e9G4TNwPeQpdcgB1
+N0nevY0+v/6tAgJHNd8us8SU8mRDXNbbuEkzSuZFCTCrpJUyMCsYws6ftOlsng6rLjTUcbMa2pC
FSAqk2uw4uwkJSOUhVjCVbVpvCUxQTmo6oZn1ep47HMs07JqeC/K2HvQPXifm9wc3n1EiFW2U09u
HOmk/TQ4dqdpfDDGLLWj4NilrnaFHvsq/KBhumU5WN5GmConnHBM3o0QPbWJIQrB6F1oVNWsHXz/
qZ6aVln2oHsebx4/0WZouOdb3yyNU5Qm+c436p06qRUKyUKUYCH29LuQkk6zpL7Yg+k3RLFGjMJ7
D7pBHvKNxMZhMYRecASmUm4ruCXXdRo1V3UEYcyB1f0GP/o8qHX3h2kWr6Sky9eu6sBoT4sKCpNh
JDcnWUMUaGZQ2nBQEl0r5cx0a2AIRg5osjXZddd5WPbQyPiFtlAN3SYLBVZfryN5nXtIRdpS8iBy
Oylcb6QPvGEtEj/whnQbADBbG1TOK5uIGApEJz64vj0+EtA8Qs+mvHtuaiyjWkIifoSe2IAl8ezr
tbNXDPioJ6vIM+ssejaYcQfG4qMdB2QlAGDD6u5CADrdeG2qoR5qNXgX910DUcmfA8JOxp7ahlzd
fbo/B4Z27SAXnCWUZ/KMStyl72TdxcrCbOHBcfccOyR6UYb33/XM/LCodPreZ8O2tRPXAwV8kSIE
v5sIA1UT9ygauzATtAvQnrBaQ7sNSJLhHrNUeQtGjWS2GJAaRz3mRYtyiiNTvzrSUEy7F6ZdxyMF
V5NdVmb1UFiAw8W8yXUbFTY/D/m2RMzjK3YWl+onkrIyzhaKD/3+GFKTKBqF0Dywr6uZkYFyQ+SL
OjMq12LMg+rrkCvts7AaN20fizL8ZkA+PFc0QoC5bbgn0ThFWC0QWedJ+8vXmJF06lxn5SWVub/7
rQiKYclqf/BK0kmVC05g3MsTgO4G+OHJKSbLaRtuyjA9RlZWbwCCxG8DrKe1kZD7IsR6bprwm3CH
gR6to6RuVsJs+aJDcuUHJxOFmSenlqhTZ3VtW9RAxgFwe8WO36Ie+aAhAgZsKx7HPjNTvmQSvGRZ
zo0g7QfnnKcJkDKqLb+6EWl44DveBewTsAWtc/l7224FhxxYYFcCyD81EaqN+exu99IIg1VXeIt2
Gk7EsBfmzS4y1XqnAPTeNLEqLYtQSs+WIyXzqpSCj3pEg6vuv5Pj7WG9D5pTFlYmmdWGZxh85i99
0l/EzECVX+Aet58NZRhWUuzGSGbLn67l2VAORmZ+troREdRYsQpIwemiuU7Vhuj2erAGd+9tZPSN
AZB/byw+mcox243lmcVzkaA4asYdjDikeZ5ll/LUjifIim1r+ZwNqNrYPiymYtRJOp77riEvxKhl
l1R7mCn16tPkKuGWpkMIgbgHJoDwdN+07FOEmfKBWbEOjeRYoE0OzfwPxwGd5XYoK8guoQvbtr6E
bgrttWKniORU0tJwFZffRoveiu17D50yBzOuxJEFLD33l52TqU96Wiuz2sqHr1Ut75pSk75Eqo5+
huY9mZVvn0dtWBLwo7SJqsF316ySgwq7xRPK6+3SaHQPGl493ZCCHXYZknwQSe9Fo5Dvu/WE2ShW
QsUrzX2K5JoI9xgw/Y61N6yUNFzKwDt3oiEOXO90H97gWW2bpHcSW1pL8NtDDdFRiTY1mZMEmzat
v95dojdKJcj2IFMepCSpF4GOeEuiQo1t6NETkjbFTvi9yR/K8KVFw2PfltquA7KzKD0Izn3Iko+E
V7Oj6MlWmR3jdvg5Okym8IlRJwYK06F+8qbDuDdXB9k4amZfHUoSQHMpr4pvCP7Mx9xM3gcKr1eV
mrQbIy/Ux1zzvqojO2Dgog++U5dH9EbLo+ipRL8WHLLNOZEjPifJZliM2GZIcsszSm7H+O4DYvFQ
wQarWUO6FgPCd7uCoQaPFlu0ta5We4fHGAjd4AS+jpx1YWs3E+mI7mbCegbbs5TvO1Skt9lYoggG
qTLxESs6jzniOboq86dzXKact2/OVW3B4KgEBgnSUHtObaMgQoeAZPmnKZVmt4LZPd8nX10740tc
JHDGqVnw3mp6DxkiiGK9js1VX9T6Lovlauc0A4KGtpxfgGugF1iYhIMDHwIKq4hPEEq/pEEqb7TJ
Ei7IkuJTbDWQnqFqtkoNUuG8LQwnflQsYd3hjS2Lg52b/lXpWgQgTOoqgTQ37z6C1MloNk9K0Fr7
HNbruZoU7XtN1f6sb4L+EKjm+Fir+gHx0OZdTbNk1Qcq4JFpOfidmQRF8qWQQmj8SNwToLC3Im8v
GstPnZspBjKR1r/PgaHaX6QGEhZSoz+qerhq47Z+jfl97hLgVnMXhaLXEDbkVedL9m2Uj5K6uaKz
9mJUpnIl1RL7Sa8L95wW4PogOT1ksgtNbpy5Z5KU4SEzyeZOlnCJJk3fh97UTjpAwfMoOfkGTbCz
HCGUW6hJtnGLqnpRE0NHpbBEjm8y4WD8Wg+dcRRW6qoPslyEV2HZ0tKz+uYR+ZhgHhbFQkOjcV/B
XLqfMlbtjNqTn7ZwBl3vwrdexcv7RDHwyWysTAMbBqPEr+uJaX+b+7dr1gUZQaozfPYhsXFqVC94
0MqgngUEVqIlsjv2PEB1ZSlHr4PZmB91y89K1xASIph2KoJYeq8c2ORHTfOu3fRtbTsZ6e04Jw6d
dcpKGeQIQkWivr2SJlQLkpxGu3L44hnhqfSk/En4Ax89FOFPlfhksE+6qu3XOgn8c9ETdsvzvvxW
G9S4hb33YrgVm/WUM1g12MNLSfxBTJDMeLr76zBoU6C0N8cm5/fhVd9SY2LoV5oviWTqyzK0s63i
x93V7EP0vqZr20iwe2qSP/ZepW30xopXFd/x9zFr52KCViKp2NdjTmpOt1CqmKrzppVdrD/4GfWJ
JPrCmRSCBRcocNEI/LeAiovefeDTvE+mmFwEPqWCZk9R9AQwv1/g0/Xur6GyoQeZN0IJbEKEbUB8
8lAVQ/1ulyvYWaMvFerRazvmYwoVO/pCkGfeutZALFQbQTQUMM1O02Bp2TsEUZ5cMw5QQJEoma2H
ctd3VrkL5Kja3c128sFA0LDBmbrCvk38teTuyzMYg7OodBd/m+xDCfdQGgGgMoqWg0jjW6A6ylNT
hd/93EgP+mSVg23Mow7GjVpytZkU8MjyZxm8z3MRUOLtMVBeCNzfQk52H+yKwPRvQSbbIfIWVsHr
LYJ0X3CzQ8nbVdNkeUR8np+0D8EupIix1/icHRGSEr3JJ+lh8Y+uUTsFQeBeMy2OJVMjzHuTeQDf
a+XH3fNpFkWBxnysKc6djot5mVXXaMLGDWCJgPPVzVaY0GXobC4jZ+F0afpkljaCoLr0DqeGPSu0
kRL3LFYOkhLJyCU66XtcQP0QueYHakcvmul1L6lnGku9rNRdmFjyoQkKGUqiAVBknkhbFQWbjeUi
TpJqpnQy9fZn0+u6Pes4taxNJfbOYqCWuvokNythDKHuWnD9l92KoN0WlVZEeTyq+j05+qFQmuc7
8T9t4P8IZJtcjxRxKvDH8eCTmtqWY5esRxu+DqCJ/nzkAf0thodbLGKPdK5zx3yTKz1cOMgtnhoT
ILnW62jjlDCTOvCHSGP9DRY2gXgOCiRv+qQIjuaE6lMoyxkQErroUkzhr56q3yAKO/l15D4rdaCv
DVln/xop5bNuu9cqNfMvvWU8j3KSXa2oTa+yZbNRKDR0qidTDEhlhThs2x6FC6pectmkxWrtldMy
KAAl/1Ci6rVMXIpdrAoSVsfrYa6IxhNHQ0q9gz79jvaGPUbFRwJNK2oBSnSJXanY8Kcjlkn6+Mmv
UZgSU6rBXGu10r1TymEuPDjS96Oj2nv4mKxF0471u9EmD+J1CYjzRWWPes2N0lxWcNYde3P82WSA
nXaoHlNO8R+/Y/chwaQQhH/BsWl+n3yfM3SkC7JBocY8Mi6BK4frcOIMZqsHRQLK7A83065siJj5
TwhzVEJUJt143AoTPVNEtSrZ2RFM81+Mmmx/oUTlQYzC4/ZGQNo6cisNXjgGH/Peas63C5F29hIv
uoqFimbOXKh8Ls2A3rF4eCeAzroI3TDx0Ba+pgvJIZbm4e4SfkByXUE0uTa9DQe+sL7qZeOvgWt+
VeoW+GgxxMUmi8fvAIfHh0aukhPKiDLQYI1U5KDAnhJVzsdAylWFk5K9m1YdGyLJX4IUqTp5LJqr
604HQQTc9qbbpTv4z8N1rqT1hai6jOJ7hLLPSOW+6Q4gWwqw1rljhFfROE28kcEFHW9WUBGnNaUN
XDHRbQLik+NaCxFJtaCs8xoVQcmoP4jGVWuknEV3cN5aCA3HynNfMtfyd11FUZkejc5LoA7OSk0t
f6VOptO5FgWtirMRo6UWf+Spbh/FUiNGYgEhsycCH/lVi43bJNPO1X2uReNMrMk8M35Ik9RbyrW3
dHW2JuOkxdJlg6OshnwSt+DuBGUEhaGcCoNqL4cZVWliKEPqaibma+IjoAIWMYU4gVtpEqZRGptS
ay25CCszvPr0p19Wu8Fg78dcNY7REGeu5qvVbRqY1d+uIfzC1QdDtydU9ZxBuyMOQ2Sx1GXbkFG2
1CR47cf45k/kXl2aqCxsEG8MXv+cL/xtmWVPpceRAwWqXdM2oMinHopf0k6NqdWRIoLl/SBBfDHR
X92+t9OXF8pLDeXjYidctmU7Z/GVLd1tTYZvU+SFVJJe6V7/3+2dGFBr40deKT77oj/2k/ftYRN1
CrFnQebzRtCkgysDnRfXCJ2lNZl+0J2Ij7IRgoHn4FWkeoQfoQi+2OXIsw35t6eWfT7agGgXac8S
gvMUuSFtKiWy9B6p0Ly4rYGYr4ZonlNyEJj8ps1GjqN5TkDLaZdq1prbTnbcLV89At2/6jYqxYLK
PRrqB28q7WC/IZ1dRB6FJWo/8lAuV2On9gvhSywDmvywqZZK0S6BZqjnsi+NxzBGp9BwymLN22s8
EjSXocnRIFPIJf1RTPm1oAfcyFEZugEIuJOnHvKhUUUKBeFS6j9K7olZEj6FUkfFfmVtW2h/tVla
9+4xsRKXMqPk3BsTNXPmQ8UU17sWpVT2D/VhmMBpolGngxe67G9u11Yb4QqnA5o/NSZBrTn4x4gE
DSk8aXRRt5a8wVmkWaNskaw53EwRP9Sj/BDkproVVjmq3FBtSAfIE67ZBLmPogHg+Kr1ZkFZgeM+
jhFkfmzeLaQdMRuXHYueS190dAzQg0Lrit3VcBZzs8Bx5mihSLeracEUd7ZCg1rSQnrU1FZ9HL/3
nWyWc6TbZRQmgnaLNMYkh+qYGz18SUGr/CO71Ko4Rv3mQcC/sJBUNYNKX6hhwvE6iGqSGLp5lJWw
upSpXl4Uv7m50rTlPD7NqPvaOopBMW1y2a6ypbYjf+AECKCMcmB7b6GdW8JVEDzKpQwdyeChL6NO
sAcxfJtZKOO46DUNgaP7SjHJ8OA66ZDJ7AmrXctKuyS6PryNMkd9wkdIyEwm9QJfYm5e5yoYb7OU
mpiaXQM7DzgoTg17Gr6MYwuM9pcv9VIE6CNyFplX6xKE++OshaEp7EO2pR1aQ25v+jthimbMvJS0
EkJTRZZP/D3TRCWWfH8luhGIFHMuumJlvSK/mT/UFVw+sd9WVw9NS6rhrPYDoBAdtf0GlSZggFKr
TjWa61tP4fEEly1Au1b6Qmqi/YDankO6ckliSB0SL2m8ddMapNADsv12WvoHYnVsqNoGEZ0OZRi1
TLXnlgqGJDbks5HK2nOPFU2WGOuouBFj8jRzGsvLSLmN/XudGFMmRPCvdboTg632Ix/517yaa31K
Rm1wmw2Y627NYyB/zDSEIbMJ3GNKaKwSEwzNetkkgf6tAyU0G5pEPUtjme2QA8qWCgh22H0/lHxE
9cGbPnLYZ8nlBtER0KU6FwOK5s9NhaNQ2fGjKStf2wbGpOmMEsJMXDsOuxO8p8GLrxA2UTsle1Bq
BMuA9ERsenVjGxaJsa3i9mevN7MHV0IkEk2sCQYzTbmPit59ma/nSLMjO3xkuz7rC8188yx1WOdR
1K97J3bfeig1/VRPvvKYghFQSaKtye35ibfpbHLjm3k+LDBFOLZPbukD1YoaeeUMUvskhRHcyH6V
zsVoK1fUIxKO0FLLrYmBQXXTaNHVoLz2iTp5AsGwbOzuV6os0NvZdGHmo6CslbvSjZp94jhCk02a
58KsLD78qWltExFN0b1NnJyRFL4ofJMgIfvPPNErRu8C9oxS+7x84bZf/VNOMQcqGz7Y8qKIFjjx
U25aHnBSJA6qHnVuFDRDNBP7Y1Ra/aW1kuHSx/DfGwAFhEs0xiQU5lfNSVhEsPvLbVQs8Et2CC00
TfdrlA6377jot/drBLo9oHdRvghXwq3kqOQdIKGpFBi4trWD5Mba1VNzNxPJew3kOlh7oqJYDIBy
l+uVPlUPC1s0VeTCBxkWSP5wgc9X/c0OA+9aqLpNQbqRPCggytDBkOQXXQWGYdZKCzlLrbwgslwA
vekN6DaVeDNMwXVPBankp0G2ilMfZSXLgZOoMZWFb6bxc5iismhC4zIfOjl+RoTYR9xMK2c306dK
SXWyZ2EVElhWp4A+ZHQiyFRCyCJF795IgU2KRNghuSz7NrOCg3UX1oiqBHmDGIbUPLkOirGJV3fP
AeIk27K3UZCbzNA04l2qQoFWyEn/nPkDqCAdjVcxavUSaus9rFCxaXTPXWAbByglvqeTlRLuOIbh
8CLG6iLWTk6Qn8XCyHO18+AhyT7NjPXAuBSWtBJjWZ5bV9eDaWAac1KeeHX6Qwz1uh89K9yNvDAY
5mGEgm6iP4l56dDMkPcaH8VrWx1yYWFvL/ymgqOhMdNntxvQ6iRVCXY+ex79+lXOnOooxuwQUKwa
9tFeDPIzT+aJU4ZQtLBSsoJsgUR4Br8RZtYSJ0h7FF0R9SPvn9u71M2DQ/5nMwyLVu6UvXCPTQlj
GMJwP6eFCvVTUDgsGi9Qq4WYA98Ac8Z6HB9itbz8NMVCMS5Wh+iirVxfh8kmh58hNzt5y3aAmBOP
bCA9RqwhWGj3CAZqxaJGkpCPanJ2aIiDwhSTUKhZ6PJIcLFTx8O9GXtPPqgh2u0g/DbKZIlB4Ueb
s4HTLnOQf0MBdSacqUIV++w+ifh5ANdMM21opH/aHHQbKV9wq50SLbLejPei8T1g0u2tWkm0dlOj
KjmNJ0V6DdC8g4/j1xzRlaQw2Vu82Zk19KfIgqxJDbyJ1jKsXoKCp3vvGB7xGMxSLa7ItoVnYUFn
vhi1dnhk98JRI9tHXgFVQ1lkC1clQR6MkjbdsfSLX0TDakDtZRHCoo6UjwtSS2sz+GR1vnPzxCLT
7snkzW62UjonZL5HVOpV/SKuY+c8wFMN8Wiul4VBfTQGFwA2LyFclB+N2yGq/xGum3+M4SzxIf4W
f4TwtTakaXbrNUu/RTNUcToE2qdTVDR61ckbqRZFGexQTweucmqEH8r9ma/I2kFMRVMWNULeqZvv
Pk2s+jVX+BN7gBBP5Xv/f5ydx5LjupKGn4gRdKDZyttSqXz1htGW3ns+/XyE+rTO7TGL2TCIBAhJ
VRIJZP6mLcLxizdboGu5+jGEdrMbWrfZRHD7ZNz3rOnDqaZmJ9Sy3bgmGnUsVIKTWSLg15SluW3T
rnsa7bR/CrRd4DTmVUZYoSBy35cKKu+ulyyjTFWpKYl6r/h292QC4nvU2P/fegEEQcUJEZGSFwdp
/LMDWLuy2jF+aweE+LJUvxrY0UMstKBxcKPQ0tB5Db7KYB067XOFPrq8IBtIV+RWc5R9Fuv9i6uM
77LPJ1171nX0J9sm1J+cTrz5U/VD9/LuJSp967mwNrXSIBvNdK+K6ylnc+6zEsxFHPS0d3JohxTr
FrGSmpsFvenkuac/8+hjLeeJYtarfQh1uNb0izHvjMp5t1RkxrMW9cZZtny1IReEvxuOdWyWMLKv
HubxshMPZvGMvdHf48nf9mvZ6RlThXmeiYpcAGgpwc9vcgYHeVb8dou+MJ94SJlPyBUI9PzcfN9U
gXjKNN2/jAW2gXOnHBZog7nCNDPZ3K8S/XMOdesqr9ELo91O8SiW94sGrXpyPD3CVI5X8pTcQTaW
Fzbnaf96Ydn0o+gUV+GrZXXapRJVvVLjwHtDLuWXWxnTz8B4yRUjgXkN81hz9OmzwWAZtIoB+IjH
zKasxHSMc2+W32YTlIOQxEVzbJa97Yg3r0h3Pq6JZTmkz/V8qPweBoYCQibLk/QZV5L6QQ/FSbbk
CLusbVTj8YiVV7ldGp2q0f1mm7bAa8PO2TLHZQtSy+73sIGxvIyD+KFzBn2f2t0FRAQWaJU8hh5e
vJr6KUfcQhARMVyfr0Cjbw0yTj1qc0jGrYnNSRaVw0rN2+6SG4ikRklcfk61Ua1KFQ0/3BG99756
cVK9+Jx61dv1XdOuRRiX5CATKCIxHnCBr6jL0i2Kp3w+mF6DAOcUFHsZMzSNhC/boNbxnyC35U8e
SVjQHXm3kH1yVIHQAzSF8iz6zrgY80FgtLvsRRNtZKzWYuOCmIRxQYD5ysZFP9xDJWanD6F21WvW
BQt5eQFUnB88PtRpDMHkx2TF4iQPiuOS6pKnSFdzmps+woXsjpb3QfWAJ69sUu/F3vlPM/Db/UBl
dm960XfuGz/xJqbiOUzTSfPwCauVvHuG8IsvrKN6XzML7V/dwHmxczcot6OiZlnGIm1S8TwGsYsZ
ro1fvVFrhxA9pRlW7V+RXEBE3QenJVbGUNufQZI6Gy0Sw1abmwrFO1SSxLtjePY+6rAjz2OK7HmA
JEUyYc8qEsV4x0fuFcKdeNSHLHrBTHcjw3WMlZsSZMNSNn1jlv3tUvP/vAhtwgz/VKwXB5LTs0m1
FQh9VTSNwa9hRCQQ4wcaxQf7yk8TfezHzhTiCS/Jkwwj893txqqq10iNlx9ZbKHXO/QWBeYhfKMS
c7t60HXSiHbaPiZOehgoxnySikHBA5zQJilG/9MYg0evB5OncBu9kMZHmm+Oo3ajrfhhzMlNP/gs
p00fieIjyDSLhcYUoZaNAR+qR7jtpvlJ9UigdOwYz52mh0tlrm5XPSmgsTOiM8jZ+IXHy1GWuasw
mK1fGrGVxXHYXsueKs9bA+r9OBYVCshzNdyACwMLrMouJkoe13EUH3LaMo/TNRJIQJnmV2kxOPPK
zzpBj8q2EHeVlXVc/j6pbPfkPuuaOyqWxHLSqcD4VIAO2NfjN9GpCKNqxvgcxYGxK6hN5ttAd4Jd
BgPoNAnqCHHbuFu1CUxoDU3XPDQdFAYE2Y8kVzWNb56M5eG58XGlnlvCnD1eiiLeK9aoHKsiR0er
T92XEF3Hi3CTk2zFhjm9zJonc5fT9e0xz9PZUzCCWwNhDdtz6vQhxtpPnmaqfLvy4CN13O9FJ5Qf
nlcvKVaEwaJhoeP01fgdnRGUH8NevKEdE84AoxJo7tCt+3ConidlGJHSKpGcmJsdPN1HVw1Wo6Y1
pLcN0JoYV7DLMTzvodCd7tkHWsWN/Ckcehp9ikGqgciB7FOCYjgHZgllkc6gjhkRaz9ibMdPMZSC
Da9LUSs2sG/s2F9MZWpeilbVbiAwXL5+ZeqYoh9AUc1mgbuS4DCtG/BusvJ3raqLnWEKMG+DYX1W
OSnXuv7Kr3jAABNyNbfWX7oXYFnnoK+JlkNlrGoswLMIZVxFG+yDPEDfAJApTxnIaT5a9qGcD3/3
/2vo/Xqjabvf18ugvPzWXTXkC8pMvzoteaOhiLuvtgosxMavaBE/OCXaEgC1g0voKsFX3Z/lZjvT
falK+M8gYdQL6XENN8gmRoGtqo9KhHqxoVrJocLH5YrkVLcN3IAV89B4Vxnr20xZ8l02Nl2GZioM
Br6HCfo7mBOU2xbI88dYWV8dFJYeKygMz1lqbANuEOxWcZ+JJwskMvc9C+tnkkSgGNqTp9e9cx4L
YAxu0K/ESAEyA/vx1ACS2KmBnu/A3ShPQc9vqGDd9GrECF9rRp1SW/Oq96lAdFu3RHwWc1NBSLl0
8vAVyR8gpp39JMNNNrj7uEiDlcda4Z1nvAco3+h2stdxxS9Iqu6D7JQh2Wzy/mjCf38dhn7auX3s
rM2+1T7JiJ3bzhPPeqb5ZzuoX+LBsRe52kUzyIEX17Vo0+aDi+4pTTB21Q5V3RhqJk2ICcpB8aiE
I3AVvhph4T9oAXl9RXxmefCuilG81HWmb8CK5euaP8CL4c1IWrsKll2tiBeH4sSDWUSvSV+jQtz0
w0apjFMrEJ3pZoRnhkANAN8oPo4zSBQ1KX8/JWoMeoBeOS5qMMlgAXiVrX7UUUfADhUFCPcKSLg4
gLOzHgOgAHxv6+G71iKq3mXpF8+MgjVre5Y3uqM+tIXQl3JEgaqckkffG7JWy9qhHu9NoDrsytZX
k4tsU93iuqxMD1YZnryqzj7sSAtAi8WI/Bte+tGbDjaT7Lha2+oe+iKghsAf4qNLhLdmJapvjWqs
FoFPfgTRL3+BWY71I++CdYI36tdQR5jCNg3lIQLZeRgKHjP8/sWL7iPybJRFcTWTINqlhqKc3V77
fVCT8kmgyYED/D/xBuRlYg7Nfsx6HQbCMHwqU35pwTj/8tJ4VVlq8h237nkzD9gJDmK86Vr2ieqg
9kdr4oVVPbWemkL30Lj2/G92gVy/LsZfhu8dRrIxX2o9r5bq6LsnISJ/ocRVi796X72FRhYdkOYZ
l7JZBZa1BbNClW7u1WP0KYLUExvwadUbhdt8ZWu2sxvnXksnYWSZJcmduZfFECzehv+EQnLibQLz
mpdFfJUzFXjHWnndvwDTGV9GRKnlNbqhZzuvyK1LOwxfAXS1v/BZMNWm/kkxOF0MsVa8WtBp1vVo
YluskdwXASayI3neqwpccjkGIv8aO9UOjl7zKy3FvifR8iUK/GqZhdV0jfUQirOSNoesCMazqcY5
chet/mrMpVoH6uZPq12y/mt+cQv4gR2z+tYkiQ2YwM35xsEQT6Cibgd0DB6FCwJYj+yNqPk7AuPv
Dkr2AmhUC/el3VRH1Gpqclq4sFEiMePqKA+y69609BBQlYNu2b+uyRJYFVrpKjseH/lDNR9qMCcr
req7FUqV+QP5JSBsslurnfhfPSF7OlbsjJG9sFpeXXYSzbDPHZ7Ft4PIfVZHfbMp+wS86tyBoDTA
jKzWPxHM8vatbFZR5KBCCGB1HqIKPJbIPXYUX7TwSEV8tmmYT0dfm0+nrN7mXvdw6yk7Lzx2nVcG
G3n6r/GBcxnJolxds96EZEfeJ9XIztQUgZTNzbDxsZ82uDloXue/qy2G7SRNpp3s5UldLqa87c+y
l6I6yl2K+izGsnyepxwaTXmTU4bt1CxkU07ZU/1ayabP8uY2pWyilbAVJsY5/AbVQ92QrfKhYyFS
poaLe0ye9bY3HURf4W8g2/eDvO7elGf3GAuWXe02Zyo8JtT616ZIoUcbnfPY+rbz6MDlSqx8Ot3j
5jDoizQBMyFHsL91HpMZldiQiaVC9c+lesWfRre6fiHHoRdtUJTl/hxv+6B1ztV8pjnR7zMZY6v0
u/evcf9TL6AE5zZfnvhnDzVXxMrtQzPAJ0SJCIas46JRvZSnpjmx6pCntwFyLMU8fRE4HQ4N86Xy
UMnr5em/LpI2cYUmmtUY2ClEAaXahR1A3TSp/Mcp9X04GxrLygqYTpm5FB//dIyx7T9AJl/KYfe4
G6Mxy/1ilt6OA2chuxtTP4Mq7o/3cUqkh4c6HD8GIex94+GybNfqcNBjdzh0AnfphWxPTjLONo2e
ub73m0VGvxwqg7fxt7Zu+jq4QECgqD4tIvWSOdn01c+taq1i+Y53V9g/61rzIeNeVSwElly1DlGd
ZV6i+/41rTUF80cU1PiyN6uqthSWHYFR7yg9YrTiD4jOTmVjHUFZ3kbLS1hcupe4eJENan9c1QsF
Kw8f9c15TnkwsC9eAOHlrqLiCtc59Zw8nVmy2KRlJkme2OWXlSn4JcVQU/3x1TPS5lpgE3RNCrxi
imL8QEEAdcJNGRTqa/NaoUL/WnudwTkGR92rxDr/PrcMhCdTf7pA03ZwtMj1TW8UOvsrZJOALP2s
jNY+6WEyvIQVCM1AZfcURt7wwlLX37WswFeyV6nz5FxP7jfZmZSGxhLpCC4haZfhVG00w78YYwei
0SzdszykLUXuhfBG3CUUDHlu7Xu/PLPLdqeaiX5o21htt40SeqsiI7vqRkV3FB25ioXnKe1Rtu05
KM/+ijmJjvgVmUkWYgaCGroJ3scxwlPT2f6lnf2e5EHYyAUP0VRu/uqAMIDqU+nMTvX/XEF+z7+k
Zhad+b4s/4rL6bwgfx5RrtjL1mDp+P1g8yEJPZLtM2l9vhdmDlfrH9qPjAs2aVDR7kQixuwNxt1D
tzMH9tB9OhmTc/4ZK0N/za4H/lGzynpnDhNm6VqIdIXwWszC8E6FidCOlOn6PMcIK55PacuzDKXU
hZGEJz0ouPvYnvGAoJX5YOqTj6LOuNI6pXiwRg8hYi3MtFWkRBmg+7nXZP3Qd1hSTXxRwCrz6aox
fB91vkaZ2aVr2cw8ka+QMin34Iajd0OLfuoztEl2xuKJX4n9yhjvkQLjY6kp4TtYRvdgdcgZykH+
UFbcrkoddAPz87NOluAh66McPATeuaIcfXUsi3oa3wkZrlNRIUtrhbc3peNKoihfbtCHIvssYyt+
lJAG1ij1lQgMnuTxjnQAg/5XJNc+o7iLHwEL1ze8xP8+z+11avFxn6MfIItBVz602QimgERzcKxU
b7Rw7lWAhs0HmI3NKpsS7hNZ0UJXVNrolEJYPcmzRganyWJzrqP1fxsk+8Nab36Pv42SF8QpFXWE
v4Dm/jWJ7L5dFNlBfMIgnR3RMXbbetu17gsJXuUYmIOozvI07DMfhhXBkR8kNw1IDaD97A6MHURH
vgehRzYk8pRjSHZkkWcPg/ujcbxoNacRC3zLKDrKSuT/XJSUXQACyqMcqRjBBitKrBfcAbkQCKql
PqNJK/bnZ6lHdmv/6a7VXukf/jSHEE3qhVQq01ADqldJPCz7UsTHQYsafyunkIfGGG8vEAmqLA9/
mrcZ0PMZEI9Je0idU3/VPi0hjKs8VJbeniMzAG4fcPfqglrZh3aFyU3WGtesTsxrXPowRhQPP74/
MZd78KqObQqv81SyI7crbzHqVBjvMVW1Ptx4ao5yJhnnvrqqwY9DI+JKQ8ujR8Wubq8nQ5VjZpRn
2yd5DY6tB7JI+j5kjwV5vxhORsP9qvPcjhVqiTUEgh0tL9xHHNVKUOyaB4yev1KKaDj484WFHCRP
PZ/CoxY59fq+Gqvmld29+dfi7N5xX7D930PqGIsnAF3tZujY+EzgG/zWry4ecGbUhueD1T/6oxgO
LY95ATCNWJnbb2Rgzb1s2XFVXTJDKy+2W/4YcLfc30NyxKjj89mi6LsbBVLEcVcoZ1RWw4UXdON7
MkGnHFqvecIzxFonheKd3abTdqZWJwcdAedT7Uz+1sib6lExRb+K0jB9naaSTXMnnLekHbqj0qrg
oyiQOMA0OfjpkJ6wPdGy0D3pnk8nUsG/O+UIXR+jE7Z3C5WNsZqI6DGfC4tRGNkPjoVR2tySB4W7
wCExmh8dbo3R0m7Cflu4ZQ1jwbNWtZWYh9qHbO6HgbI1x8nBTKti05rpx0aAKaSk/eiGD7YQMWKI
HGKextcG6d7UsZuLbN3ivntgL6icKEBMM9eu/uJZocAomPFqkiRXB/HlBaVrsTNtX/VxKcK6bKqr
YHufXU0RAu0zCuf3WF4nynoyknQlp5ETtmU7bimr84nmNyXmw5DFzb4IgnxxewuuarA2sLQXs55G
f2mhTHEOmm57f8+tZWSPOenT//x0+PciIJMCmp/fthyODvvt091Dfz7h/R1EpkNJJPKt3e0lM7Yb
AFVYPtxfM7JtNDMzKnD3V+1CxVtDhfv9CeWEVZj9/oS3v1YYOEj9zp/uNrcufNY7fDo5Ws4vP2GN
jNj9TfbzJ0yb2//v9mfpsTis4uH3p5NXq7Y4KL4DKmr+Q8ir8zT7EumVONyntyk7LoZKiVbA8Mpn
cEcz31UtzoXVOk+Uyp5r3XY/Id+gOJd5ACw1DxcyLVsWlpI+5Hiurt0JK4HGzi/cmMRzppORCyZ8
QMswpuqZmPpJ0YyvslMeSsAYhnDH2/iqgzTfkADdyHpoHwXtySniH/fxrkb+kGc+C05HXbWGwlqv
nGXa02FY1ZGjPQV+rj+hKHVyhkY5R3NrLO0e31D+tLJTDrM8JOtZbQeoQjLEawLkKBwkj+c55EFv
imGddnbxr5gX1xvXsuvL7VXGqCbn7+kL+TLyqsYMcQWxivQgm4M21g+Am28tedXQIGdUWiXinH/e
b4DhVThpzqMMRQg+7BCTyJf394tm+K9cTeqjHJE0UXC29fr2TmUIbXfyoEMcUO3jA8mY8Rn7XXv7
kwD2L7ZqlALjN74M7tnwsuyhVjQIrKMfXuSZSLAJAk1U7GTTFglK7qUOAiE0m2j112g3Vod9Bdvx
PoEcIQ+8gpeNv1/hHrbiIoKM/88r3DuSsv39KjkkFPTjWQ+pHRrJapBilqmQ2mbRsdGFglda48d7
lvOIWU/ucKTq7FBur8oH3L299aAGzdUAXbCinmO9KIGDxaiRDR+i7oMFHk/jtyhvzpXTeb/ciVpN
FgysCTuqyizN/EXi6KxP1OC7bWo/G8y2PoLUdVDnarNXHV7PKkVt9Ap1ia2pYagPvF1tawWdfbSV
ztm7mVPtB4VvrpHb0oaFlZfmfefHNZ6AahUt7krzUWPJ3xhdupc9g+HOjKOMWvJC79LxdIvahrsY
eBCsQVRk/Asa/svZMqwb8v2KlmxajeXJsszmcjbGk3FtPpXoD23DutiHuEeRM3X9i+qCBwFfrCDH
2CXLWE+b81Rb6lOk1q8y7vixsYqmqjlwd9fgVBqrrLCVT/Cs2sbVPYtCMpcPmNjpLRK0vRns+Wng
nT6H2SEe+3JQX6KrmAIHGpiVNEihuvAsNywTSUJS8U2O/WAmx7ouGjjK8+mko1rhCO3Qa1jiocax
Cp2uWE9jlr66FuWzdsAcwbGt5LXAgupg5eA7ZLNroVxFufpLtialcS5u5J7llWi+iCdU0pcoBfMs
ng9OtgNZ0rzIRh8XW5Tbm6u8No2mV9MP1QfZ4pOgy+sF0UkOTXpAgC2p+j3pA+UlZf+556dQqAuz
qENy9RyMQQuXqp0Z6ykMf8emFD4XCtc1QGFB2k8OjAb9n+55oNVOxcEbc/DGf+KFmBMNnRpzI53e
YtxWgFWXyXunjDry/zz5ZdMoyHkakekffEBa76wB3lRRRo/Q1ae3VqzkIC1zk4uB47RsOXoEn8nS
WAnMlySOoJyveKAE5vlHjZtjb0/OWfZO1L/BIfmvI+iqqzCah6pJUlwcnfA4NWFFOp6L8m7KNxYY
i428SBSqAso3ZPOAw8oR9X5v48+MSXmIpC+PO/vwJLNljwwaYAnJjiIFM/lV9RyR1hrjVr+2sVGh
PRzG65y/8EZ29qPjXagz3loyVLW9v8wwvdsjrFc9u5S0j1ojqHgNBQVIZEFfldaP2CYwE4lgF2O8
nQKC+Zcm6m8oOwD7CWeauGkXj7FZiq3lTTNnbkAEUOGR7bZWPTOrXfzC3eJrbUOf0uYyutZiFgV0
6bvllcUiTnP1tQgsSi2mrpPINt1dj0LU3lWmGU9ShGuUVfPXOmFrxpey/05+bXWbqczifdF35tfY
hKlgtar53DZkvZokTM+GmlO5iwesJ1XbuwS2ka8cLU7fQ0v5kdq2+JkM19s8mF5dFaxWPlvRN4Cv
OuXqovqw8qYJl6YheZ2wtXoJ8YN46WqcoGIb/twcimpsgmFtgKyeO8s2LTc56fS17OXeGJ86czYm
nXsL1IVfmuN9Lupxc1Yrbk6y33bTdN3afMmUz8xtu5exS1clcsbveGlpwC9CYyGbRiHsjRW0+JKz
X31nJ4aVUzxAn5gHG6m3ofDRPWteWj1BrbqFBysNjlk+o6PnUUnObw76yLAd1VYce6VJFib24udZ
n2Kl1gFumdY0nGVMHoAiDOdkPkxRY62wdGLIfEWPkO0IdpUe2dZVBEvv3TIme5GDAz2VWUe1TqJl
20/eQ2359rnJbfxijcn5Sgru4A/e9FZMGDjkXl1u4WSGH7454S2ROF8VCM2rTJ/MU9hp0WNG+QZa
r25/zaLxXcN8wqeysQi8DA/PsA8f7we78c41C50jZMbSWcSOG+8nxcKfdh6XhPbvwX6IBrGpZufY
gtW0sEjVLUrR1Pz+ZZvdxaZM+fOEIhsfawTNDlMPlEeyA7ox+V5NKCtJ5kBDC0hPgJoTrILRDb+r
Vhs+SHbA3NfMI/8f18lZTDHsHa0KL+oEVUCpKcR7InafAtG7T04NfMSxrjIyqiR9kMlpVrJPxiyn
2QxuM11kKxFxvKt7lMsCTOCypeXVj4jWDudoniz3dGcz4SIV6sJ6CvBYQfQ+ZWNiNNaTnk/ONbGB
udAnI7UlcPiGz75K8hrVxiiO1gYEkLMGKtupqmgZRXH1puXZ7zMZg2bVPo9DsQRDEX5x+1+GlVcf
dmFlexuC21qGPT88unZrUuzlboV1DFIGaR9+iSb1O5T97hrEbf4wGqO9kOPrzEAqIrf7B9dQ06un
mz9lXLiFxzqgtJCt4XfmOuVJxrm3Nmhnpu0+Eqn/EZkU5+e3o/RKsk2QYNvKJu9O/Hl3fe8M63x+
FyjMHMvW/v3uOpZSy173NjVSKlHZ5z9LW7uQkc0/pigXKyse1LPXuOWxzBF77Pswfp06IArkafKf
sMGXcTOYl9bQ01VrGh5Slz4mIPPZ/ZC2yri1OmxsrfbfcTnWVM0333SC164zId5Y+oc3lOiQZXFw
LrUWerzq5Ws99ez3QU8uXuhoPyIjfwIVl74bPh+rr3LlGBlTf0adAuaoGdSfYOX3PmvvH5pXfMGa
y3xVKyXbOAXJdyNs1Ifen8JZNNP7Eiv+Wg5F+QhHJ7eoX3LY35vObP2DCpX9gnrUsNS1kR/xaHZI
cY8eqLbJtPdG5O7YYMRSLOh9yqpm0U9j8kUU4bcirb1vZBIecgQ6fpb6tFa57QcLtzsjepJHi9ZC
/gbGyALqx8bMU8ykA/URM7X2m9GFP6cuEDvFcnHVxnnk2QO8lxfPyEXkz11VsgEdPW0jY91kVheI
Y7ss7/PbCOQK/aWbmKQxcJgb8/ApyCL3UoQCFPN8BhO/XrVJHq4bBzmRdYDCGP8B91jpFKV5vLJv
FGX8dOttPHhJkdOE69hGvIhyd8s8/1xyi/FXvV0i5w+0XFtHQ9hsEgdv70hJlIvn9PoxGQHKxX5e
fe2iN/DH9rekar0l0tvamX+YdTaRHV5Wc0c7fk/hIX+NrD5a+xX7AGsEolKoPfJqcWR/m8wCRkYb
fBR93G1CJ1L3SiHUJycKsIyaRwyd9WLAwXwNM9PfoQ/qAN6zqtc21Z7lACSJ0gWifkDO6rra6kqo
8yegXgQUE3hd/WGDyd4pSVpsKoxg7DYO3tC/1/eJ6fZrZ1DFF2tsV6Gdje9eNZg7R8c3RMYr9Vsz
hMlni53btgV+tNXc0PqSpKn4YjhkFIZEtbdl2yefY/JN9sVwnDdsq40dli3T+2jUKxnXBBvVqE51
cl5D8EZCeSdfgvyOvQqVcGtYibKsRIDVGXuJozwr5uY9JjvMoPpvQ3rTNeFTtObqr2sHkPYHVN1x
tETiTx6qCJxyGRbGv2JZ2ucX3gRe3L6BF9GfwXhUowwYGQ6q0+LHX3G9gXIb+M35r7jn59m5BfHf
xda4rGEtL/u+f89EXV3LmbnooOFz/BOC9V5fMae5haiyVSSRYMUqbGsDc9RWBY56Vz8XxroxBwRP
OtfdFIZZnF12ejtYscNRbfh/Uhb39r7lFsc0D7pdjcrnWXgo6jRxQQVDwcUvRgv5MYhqNAG8yn9O
tQ6F2IjFaKSrD8AA8ktlGerG0jpvkWXCY2N9+1uo4w6NBHamlpVdZEyeeYkrDjCDHmTLcCMfKaM0
KM81Bakw6bPLLRZVKRaCqZqsgnFUnyGD+4dmqgCweuZYstcLlgCg+6vsFUmDy3WIPahsGrHTn4ox
/5ZXqfpcm1X7gNjiKfE9VHv1KKSiK+KdbJqm1i+yIvJuvWE/bU039p6onvovjd6u5ChnYv1Smazj
VdiKAL/QmhnFRJ2w96JTUJnNW2hWy3g0kGO2yRROZteuZbNt4h9w48dHJ+3ia8beUzQJIFHXNNaF
VTboXnJRiltVTsVkp+b4u9qWqJ8qhyywmYTnVsUQMW5EeO54+Ms+efD7plq3elCtLUubEoDQ7aMp
LHXrgyDZZxhvX+RBM8t4pZYWhnZGnt1iYTOlsJX8ABdQCzjjPFjG5BkMzmqnthQ47zFPCbwVai/a
AuRhMc3u0dRGZg2e1G3TQwSpaZvQfuQ65Oy6tuUG5b66uuH9CpMDDwznZ1R6v/R2UN/SSpmAJdXB
BRN0Z4c+eojWomU+9Br83cIoyjctKkLqG2X3EyyvMAz3l1FFL9FLVqkmT6jRuh2a1EahrkuvZZxj
afqf8W7u/CtGbgP/kXaRiOBXKfxaf3DBM0PJUKe1CbDgnE+GBjYy+okl0Yiqyzge5dn9YAst3Wpx
C4saFzd3PgSsQ2A9zqeRUb10OhXiu9GbjOsKPH0Zuw3+M0723gcPlVauE9X0dgpstC1mqyNoIyt8
1zVFQTtQFfuo9sP3IE6/hpZbX3hwh+/mXAVP6jffswdSw+mzvGQqa/1AybBfykEJO1iQX7A9yMLy
TBl5bEw9zCIx2MarFZlYXMdjfUk0PdlpapmCXzCsUxklySaoBu3JhiS27KGTfPaT/USSfQbys/yi
aLXwYLKHHsuQwDSqJXTH5smseYKkpaaeNLRqD5mj+LupVKdLEWSYhmNk+tb37JKLD+456ckUBSWA
qO4XJLjUeAW8NTn5M03KbaFCLmRbHoDkRSAc2gmPxvifHjmHHC7H3K6RbV1BsbXvPsfaTK/BLH2t
DX1+GrLyIkPRHAKBIM5R32xlSB56U28v5AoW8pp7XJ7psyb2LcaI29A/8yMNtr1NqKbk6dK4vjhB
lp/keHUKlY0nphogluFuBYmt41RG5aHJe5cUfBucndowNmDi4kecrJwVG5fxOR9FQ8HYKOdnboFV
keGvnBbemRmb2hHFFkQM0lktRKuaeCODkZZhBS9PHR+FZo9s2nhURx0ImsZ+Ovfb+rnrE5Dgpkey
OlXTrdr2CCMOhbkf06rcZ3NmMkKRcTO5VfJYKDKVrfsvppqnS0utyw98hAN0QkktdgiTwubMWCqP
W2/eRC0AFq67vkRqzMvtre2MCzEDPrpSCQ9swPF7m5t20HoL+BLKKUrS7u3PsNYGXegMMGbywPg9
zKstD9MyhrnMJuNyNmseBq7l38NYhVjgBKbkFDdNtVUSh+J+POrPoWVV14A7uNUEolx6OqSADkWC
Q+Um+rNtZfou9wVM/nmwg9XLcwa1Zx5qFmm+1MC67eRQTW2SQ6sA15ZN024wvHRLfdfblISQDVKf
0wBlTeGK+K3w2fW0k259NBGLYf792td4QkoiaLQfStax5koQ2iZXsXBIc0ULv9qyzcB0FTzNuo7T
8qootbmsW6jmVdSh0dSmpA4pAnyFRH7Og5a8ReTs/Cp3flGfe/WGqPwsUlEsbaU0nwxQcpsGHdWz
FcXGvh1T479YO68lt5GlWz8RIuDNLb0n20tzg5A0Erz3ePrzoSgJvTtG28R/bipQWVkFNJsEUJkr
19ohmtZexIpQ/aSQcrmwZre9/6XMeDvl2TXFju8rFgnonWlFvXXy5TCRFOrAovZij/NPu6APNjJi
xcFPCG2Pxs6nSDHM9D5Fb2ZI1gn8Q7B0S1qePAR1nr0UTfGSdZp6Gdw2feEqM8CNBhGZaXCUMqju
bK08iFGrqUL4O412J0bJehSwO7km+pzMJQxrbCpi3X3VXMDQFODftfizHcgnY9IgMS22J57rfEp1
c6IbDZqLE1YAM1vFZXteUxAWFe2i0qz6+7hxPSn/XsZxD0AESiw57z5T2uGcXKn82dRNNazjLNYW
HwY+dM2yYrdFcaSwj0EGd4iDhGAy6s7JrwlDQ77OpjU02OEXQf83b2QQMvfdD5gPXxEU9z85CTzB
1BV11zDujV1FXQ61LnZ+TUgIr6DZNremPjhLHm987FPTUGBwNBUbHrleQ15cGDNUURGWHiIy04bL
82sMFoHu6aeuqtxn1+umH4paI8xIN2mdcl02BpIXkzMqAeZ21HToNqau3zjwOCOGfF/Kyp3m4kvN
i5g6sit+hPBoaU2uZt10S159gk3MfoK6SG+MVnnMxjPTpF57axJuP9WKfUPvL4Ak9yg/BJAOGKs8
Grrvcq48pWQZv7itWS1Uy3Re0fMalmjuJk9yIwdriKePTmLBE+gPcLaGY7bvQeLAfKJI2bIu2wOv
GjZ4dkYVS4+3kmHHqyxy06dkagYyC2QaHoRFdr2TY417maGz75vOWVUyY0S3m/Jp2XSTFRChTl6J
8XIgIpy18BVXjXsOicsvC723F6kvP0cW1VcmlAzbgfTTxnTTcimYhQRxUDgVwNZZPknHA2uVxwpF
xFh9tXT+PDtSr6InE0IHef2Mpmp1U+AcPpRZWq681DI+D232t5UYyUPuVNIFemiS3kbH7widhyka
+UA2ufqa+M3fBp/ZZx4uDdqXwAJCrQmWMDbfUJvvLhlFTOvAtkESOxaSmUpX7UuPcmsXvskB7Rzk
duTxxK/lL2XkBokOCPpvdettTAeEJXxvwd8O/xitlJRdpITSjgDg16GE2DzRISAv4EP/WcsCQ2Sq
5tabPujuFqmTdGsWefPgm/k5dgcVUS6NrX+ZfJNrmF0IOvs3KyweOskP930fmEdIvGGEnBojvnr5
l6zwa2/hddSLZkH7o1M3siZv+6BwPvmZ261rTS6PNhuIq8clLsOGlywNBocNqtv6tRwbb9kRi6Ra
qAhhinb8aFE3kUXZp3zVlGb8okwSq5CnpAvXynO+UcMmk+03H67dr7YdwKzSUXDGAyXcmiXMKK5s
dG+OCVyr1P32m2cM29IrSNw12nOb6g5VetKDZ6a7WodsYbAgHRkidVnXiEx3iW9vIzjJj1lf9TvT
lg7umKVrZXCOY1y1C5mgB4GYpt+0gWZuMrf55FtpjcK7HSyqdAi+wst0s43C+p7z44HKGQ1YaNA3
jlTXB6hfDw71zRccJjFzKhQu6QAuPQIG0nt++CAaCMqUoxTBSj+ZIkmCViyxjTW5HeXcWYNylrv8
U2/nt8JMicZn5TPl4/EVYmf5JZOUV1gKrYsa5tV5MMpbFwLlyZMwPAbO91Bu0pMM6YQT9sPes2BX
Ad6f6Sfp4jZUKvpm8rkDlbEFmw4109SVBvM6RbYeTbXtLo1ZU7guAWrTpTBYlXLjH1WnOSt1Y8NZ
PyEOJ2Ci73DEK8LfUe6DkRqgLxB20VCMBZ5euIi+41d/8dKfwqI9vPRoC12LOHyplay6EGjllzR2
ZPi6qn2V7TRcUGSRbMug/dsmE/KATLB27nuL0kbdD5a8bWQnjh7EIKTx3QO6CNYhH6OvhPXx6BRj
2DtBlC/u/UC1+sVQqTGgurRd571dvBZa2KwRhcy3omtqJo8fR4Ff1hupf3PyYdnVlIESZdPS4/3Q
Ytd6dHUq/ZYTqOIYefojqWBp6XeIEPrOIa2GWzGExtVOQLV29Vp3tL/Z1xULOay/drrR3sY6Ie2U
QfNZBp/Hkt9hKKnLoQmrH53+1NkWLD+R75wK0kwLWKjaVR9RPNOESJEHUuPuEIoj4MTP+ZbA5HlL
pyPS0LdEjQuKODGJwTajUKrruFeKrqzqyUVSyq8RqJ4M3a/nMpJbnkHQQomuFXjjebAJlvGcewbz
2T0mTbakDMJ8zjM5WQTABEic9++11capG0caT13f/PJP0mrCQww4PB722sDZfyu4WTBlD0H8o3Bz
+9AXcD/aDfo2VN0ku0Cnwor6TCqTS7jJ2HIPGy3XiutolxbFlnJDDMe7OXWR7TJe1Y+pTV7O5+e/
4xlCci6DSgHCw/EKKXO2doNAfmzGyEJlqJOf8/ihLHkBneR6H9o2DHetjiJ86Dn1dQim5IsTl59V
Nz3LBb/0KO5RWwfORJRLW5qWlty0xtB3jTvKO7DSKJlnarxWDKvYKyarAe6eHhldQWaa91Kqlteq
XJrf7Tx5UgZkgqpMlpGtkdadEeY/2OVdfO6Fn72WK+z8KIOiKWh25VBfbH5K20i1u21v2MNNtmxv
BQe0+iaToFTNJPyRmmcyWUDH+THfzL62Pls+PKdFq1SPJJiaTRHXGViXEmw0YSzeuapbVunNMq2s
6GuR9Us/K+Pvsl8igpAG8YsJNHDTQn1yHEcNlhYDLK/vdAo5/eGs1rr9bDuOwi17Q5Sr+BL4BuWd
tlwcXL2zwBN23xUv4kZpW0DxjcoECN+ER6iIwzWRm+GSOGa+aA3ja6jk3jOliMNOgTh1C+mp88Ie
HarI1PsGjQUAwjQZHodE7yj7KeVNmbbNG7yoB+ERmPVI1RrxObWrsm3TVzvZ8uI9nBDmXiH/cOJ/
GZH6q80r1BPOKoDIf930BN0HNRhOKWHfRR847rOh64SDyv4wYU86DYbgogct2NfxOQCoR0VNWa9L
A5lqj89yZaJ/uefhIr024egv7NYm/T2NVo2N4oyhP8sy5KMkHngpqnmQlkAqNL3t9k1D9Hq0lfSz
E1vfO5Cmt8IJ9Vum+X8j1p5SAO0scnDUS+r4YFhwZHOPiNSw7dsoffTUKXKdNdU3E/KsJGiU7+xy
vhdyYL0UUD+tFSX6bA9lviLv6dySqQGzDJMquaOda0qqBL9HpazGEsyS75bOTTg6jgk0PySJPdty
qTeJ/nJjmVYRbjFxpZt9X/u+WGwirtNc+7Yj2Cx5/trO8vQseRUCBGMM8VOrxSdQF39ZACbPgWas
M796goI6WKqjehor56gnxHEtx1bOOaLuy3HwlZVR1/3OiSt1jw7JcM2nJtilAyEXUAbBLvecYKWb
jfpmDvDpl33/g2K40e/YsXtt+FISb19UtZOtOwiSuF3G3nggg7D0dclAKCrXdvIAiC0uTIVYjWft
3EhKl3zl+b0q8SffUaGBsRGB0eR8OI0Uqy4TjXR0aGr9qjMiIvTyYFFS1zTtIqqbJ8iCkp2wzQ1V
Yb9cKlvt1p3VaQveRs46qYI3u+oIw1h68DqxUa7axNBukeM7G5/ibDcxtmSkxhMFRunOM1C86dQC
xp+gPnelljzBqMB7NSp7YK/0fi9sSgL0BXZZ4KCSfWMrYH1XVMJQ4yRHZj96Gm/JqE18kSVpOPh6
Nh7AY/PpuGQwAor6Tw3YI14Eo09SRdqhowh33ULAvEuK3n6QkfeULbVl04PSPHWvxEoD9jh+0Cxj
LwlOYIbTfTASsLCBeawKa1RXmu+4kLt0jx7RcMcwSeGPoWSeaxCKLvVqD1LmZQ+8S0/VzshGjCZv
TR7o3RcTIQDkyH1e8uK6fEHliyB6pD/z/THB6CxheE9vdjPpCjcvFsXINyKfyb0pyEuvChjC1sPk
JQbConIvdf5NdBA6ldckTKOVZZXjDYYpZ6EpdU+WRRtvd5tsmFs1tnXwr7iIAXYL+tUAIjlZ8i6M
lrKBgHstNeWpd6zi1DTxz6MYqoV1RnB/Ir0GpCx87ofcifhexXK7iXkSnksDdV9JNvJtojguVZU0
fA2cfVNbxO/T8WyUJg+AJHyoCyni589tkTdYC0VYGLoRNqGEpDSsB2Gr7YxAYwVtaWirbJMqlyQd
UV1Qf9tRTtNVVgyXBjqgmwyzwVJzfe/B56q3hOZisoUdrPneeLMBE5340VWdsoJXUOcx7epHJ1eT
bR3qn1u/jc5++zdB8PISN0O+cWwXtpgABaLKhXRTHMGpDE2OOJyb2rr0RT8QOkV+pDdlE6EJC75q
Kf7swnHyl4G8xcLQpfqV+72yrEPXeyrsEqW2sHSvpsyXIogg7Qmio9mgzas2Bo+WqSuaDlIPqiCd
rM8WYkjtiVun3UrqYvWmVY+BIGeSzRh5Hj7gO3eTTDhuT1UY6YuRohJ2veoU6kPATRAsiabwFV4L
fLPZKJ6s3QmcyrpBjLRX4ReaKJyEX4euFXzR5inK4BHIQy9eNZaiH+qAen0HMNez4pvVI9vphdwn
2TPMj2tgktLD9KLuNpXypsVOcSqTwL13jTxJluHQhRsIXNBYSdteWiNeKm1jYLqPlZ59o3QCjFja
dQd+a8GiI1P1YGQReDknHreG4wK4KqVXH22rx25IlnpTVs/eMJTPWWLfcsiEL7knlc+O1hnLdhga
7rB0bVtxt6QowpVbuxcjy7tzmw/uJUVsHX7O8M1LwnIfyH5O4YYXvZkRsUnikMFOjEbUUYORJ1Um
Rl0J4ao0kp5kW5cfeX7shLm32vQU+xnIJjaaACRHH/IGMpiGVsUr6iHMFyOOIPBW4Q6nosp8SSpi
3wDN5JU9dY1BVrZ5xuNdiizjJaFKCUioEq/FXNVpvS0M3836PrcBOczTXoPhF2fe8KpNNroePGks
FbV9AGk79V+iqyJSuYaZX94I57QDk65DO3oflb0oJXTj59v73L53VxD+yFvhrFFMsSp9272PxmbV
rCzK7HfCWQ46QE/tlIYV5x19aanXdbQFN7ozLKe9tt5gbZJgzE92dMyI0D2j9tUqcvc8VdI8J2X/
Sn7OOWcwC+xgeIBdX+u7a1PHe0ranaOlSbCxCFutfClGKrPuplbroosOUsGVczWAujTVj2RHDnaH
2rTwT8sgXrF/DpAvR93ESjte8QLyxHIYI1tH7iJR+m9pbrRf8txXUbXVjCt16eEugDeqJh12a4zo
pZGRCjOdVD0QU2+XodN7byWh440Gz8FGjCoVsh+w/aEuMo1mOpC+KmtvXmBrr82Xqki8nepnkJZ3
hO3CxCxXlVSUW5DLPLdsbxwODjIVxjo0rF+H8XSoK0mhLt85vDvUEyXfRFO1l2c8ukPnvZr8eRQt
DysJGqBXjW/bgxsjRDT1JKPTr6E3PIpeOKbZpQCdJ3pgrIyThkLPIpjo1ccSkie77+E7n1ZFoFPb
TOxaq9CUtOvgyj8bXdpbUuddZzMv/PkhdgFTTk6zPdbhXPSHwFx+GMi8UF4UbjJsZ2fhQjyCvY4J
1/zv07ktG0ajVJQXhAk21HcPn+3RdFdj7XSnQUnls6wS7mpUgIMhe2R/gGwimBSFRFNMskLiKNaM
iQcDYdjRQlFI2JTfR3E2JZlb5Gk/DAhnMQprL6If08piGpq/HjwKEFmsR0DU91UrYsvAnkhKNQuQ
zKtoGNNDVgU/G2oD0wOR7/QgjuaB2W8e+OD3X7jMywM3g/BerD/PE93ZZz7Tf+HyYal57h+v8o9n
m69gdvmwfOVJvy7/j2eal5ldPiwzu/xvn8cfl/n3ZxLTxOehtAP6jn7wKEzzZczdP57ijy7zwIeP
/H9fav4zPiz1T1f6weWfzvbB9v/xSv+41L+/UtvzS94OtQzR3oFXu2D6GYrm3/TfDUWVz6yUHOF9
1r3f6FH2vn+f8G7aP55BGMVS91X+k/981vmq5Q4VmvU88n6l/7Tefzo/mxm23p0e8nY+n/G+6sfP
4b31/3re+xnf/yXi7PUw3oyiazfzXztf1Qfb3P14oX+cIgbeXfq8hBiJp3/5B5sY+C9s/4XL/76U
7ZRQ55bal0EygmMjtRNDImCzY/y7ESPRMBQHVbsJs7CIo0pMmH1NtwyPYrgkgbR3YmTZtM57zLRG
X3qVQW1VbUgPWRBDoFb3z+yCIbKdenFOJWELvmUaF3PGQDcPZN9/iHFhd+GJ2owljFjCJpqqhy3D
1AGB1ZDtn6CLvkLqEV8LW4r3ne0g+NxR52ub0b2BoTI+5ykMpJOXFkUoyYnRwJKAs3ny6W4Tw2qk
f28BUBE5a6CWEUvlfk+dc67K67ujC6vkqjICG55kg/qSbERih509OEzEVDd+hJarDd+NQf18V1x1
ggbk7UOqe6buEFjFtVDi4qoojbb19ALoupjdatWwcwuQDe9mW70DMDltPkMuyIpiYmXmyBIZ9cO8
llja77SKoKZ3vK8XJEVzCtMYWt5fpxRuad/1Z5UXi7ubPrJFs9SdI5c9RczoBXmTQv1drB56ZErU
3wnXNzL1V+PQbQ3+b0dAud7JryYteyF4L4xi+jxcgBNxJEc/JF0DqsLOC4pOU5g+MmufF5Z/7zhK
4ICGmew5cFwIrghe3WcI4zxNssZoSdKjXr+bc/eshnLdxUl6/DhxVAZ/34TSw4e1RNfIzDORbmOv
VAZa9TFCa6PceZegSbyLOALs5aHbWnpbF8gseW1G5wHh1zljdB6pLJ1c55n3hbT20bajmLhpoB9E
MxI6O6CMrB/EEYJpwz6RkoUYTH67ia6r615KwQkzMoqjEZuVFq0jAy9DbcyHeKwp1EsrScpFWFvE
5NZgarWlGLiPTu7iqBtlQt6qdxK+swcZJ3Mj5VB6gNf46TuPRor/hMiQSsD2Xwa1MdN3ump/me0m
eEIVPq00I8vjylsxMp/MQcMQVF0Hhcl01b+v695NKdWj1NBei4swLE/lEykTGLZs9yAaI8tQrL+3
s7WLTKwZNSFECyffBGQLwtcDyndj3EnvFtCLnIBB3MXSfcH7pHcLlj1crxIMDSsVZvSjPjVhmDdH
0RVHc/PBRp0etLFsxJbzwP+0wDztfg61dzYZ1HYpG5+yPyVsEVFAVpObL/vpLTRSdlchghJigHhb
hAY1IrUZHOnw0toHSgHGdCH6YE9/Gi3Df0ZoQd4IO+gx5zDPmH1LIWwplhFzZ58P3dzrqcZw6v0o
R5+lJiWTkRswuelh9BQAUNvbFkEDmW/YW9FqO+FBAZfDntvxb9YEY08zqutyMy6BVFlQ+E9wknaC
kzQDoJ58zE1Sj9OhMNbTiDiafcSUqt9YPfJNs6sw/1M3EBCVeaVYHi9uWw8Po2Pc9Drpngs23Idc
V8v1UMbpF083SCkBsCJ0NkDyNqWg5Mj9VBgAV6MC+rWwrt2FVA97ATYWKGTR1JXtLg3DSdazTcCW
U6rq1gn4raUYuMOTXccNt5rNV/8d6Nmr22gP8+LXu2NDFXcVwJiLwJV7cArHObBz1dOFOBQNXOwG
EIIKTfu7taRMuy9UY6PNnpCdushwTj7kjZCJnRox3S7qAIAlYYHcrHoYQ1MI1eXRq5HNCapLmcP7
LI5Ekw8J1bapDqrDrX4ORL+PYg+QA0zO+lY4y5qGHHTkw4laW9W1T+PX0HUsyIdjIKdSjBrWb1tI
KusqBvzp6E/2pE9f499rRO0zYcv8VDt5dIb7Pzo3pbWqHEKfkHr9NInBsehG8CSVku8hoT3Joz10
C+FTdSCoyXuiDJ86EfWB01pJW1fBVhzGjfHdDtRs+84mThX+yOEFP4ljiZBp32sJRHe6c0impjcV
GCnnvjhCJxhdErPafbRLrXP4J1tv+O5BQvQJTffJ576qsIq+mCOadqD0ZClGimKQd2SVW8NUbrru
56818WZfBshuxr7+QtSjNpv81fNSGQX1Dly/nL0qSMhfjc58EjPC3I7PZc5LY64TrTUbbjQ6JddH
P/XdozhKuvyvwbPNjeh1Q+EevQpIMg/3Xy7h76PZ1gEzRQ3HRX1iGp0H7pPFOmLFD6erqdZZpXUy
ceL/y7zZ+efcQEaFwgo2sh9k22LUvQdJLmGhL5z4E9G7z0avKz8Q13YMndSv7YVPsRXVn502IqUT
tv6jH9rcM41QOpq1GR8/rNNA+nX0uxK+G77EJ0WurH0n5cSfoB1Y1IjnnALkJYZzAyvgpg2BXoJF
MMu3MJKcdQxb18IiUE7CNInW8I41p2ZqSNa9b2abcFFkZR2VtrSf7WLC3BVuwpbmmrkbIwettn9Z
0sjH92eY52sh6Yg6SW6uYVAIFSPuYMFKvhXdWM6Ti5PEFwC2Ub5sUtQsPB+1LV+r4fnqUeBStKBf
QKrVkTj/lyZDrxe9VwNu74UYCjsFHmtxmHsJKrAFYbV3RrfIzLXWhaDcnKrZBEqkTCUH/pNoGh0C
CbTuH0TPKyDAmT26ya3DI7DGXx68NYF/VJD3Voq0WpF29M6lIEkq6pjXdjfr18IIdaZ/HgQhUjw5
CeOffeY5s0810S6JgTDUvJ0MVg8GoVx7gSskcpX8pa1QovvV+TVSSIW0SamOohhmuu9pXrYOoXJY
itvgfFfMBphx/Wlgtt3vo9OAPrgE0qfbqmjmpeaBedq81OycIdhEvDZJua/X4xO1/v3CJuN+GCP0
YtTE8si1UlIUW25TLCu4SvxGfeynQYgx7GWjgMwWvr1kGsegmvRuM60tSKsER7tUg6sYDXL+I2kC
jbnoWmTmL7rXT0JC8lM5rFvqYyqQdEAWJrlzO9NWbmP6+xShi1NiwcLFniiPVuIQYvGhWtgZyE7K
UMtNPaR9tSg0+afrfXyeKo66YOJgGNiriC5RdqqZekB4kZQ92lQbX9xaU54Hkp5LLbL0Pagp5dkv
LRu2e89FcTqHKkzWu6U5ZV8NJF/3hlZ8K0bZZrs62cA0eoDAmnI/TnlY0eieou+Duv4mes2UsxW+
AaU7/+g7rTlPF0diXSWTyj0sXfGxj7qC+nXepxQ+h6teApgRtlahWrN2XGc7Fpl0yanTXQ91i9pc
7+XLvkqUwyiauALglE1yggtheDc0jWdwfRy8pP15JFzeeWtR8CnN5HIHeqc8qDLEkr/VBoXkoOhm
QXYkLeIfhakWqoRVQurMlNOJgv+XPqFwLk0q56ReBXqMZOG7Gb2SHw3T8o73BcTIvMqYQne9+n0Z
Q1uRKB+9eGkE+XdSqfkTGajiSZLiv8j1tyd96imy0e+ATCJlNXnkhVo8ZUGzgvp8vAl/pRgRIu4p
kRKDkmFWD2pN6H6aLia5bqwAOELr+34CO07OSWpQ26/l+bIjVLIwIyc7CmdQBONeHagUEudHIULe
DzZpSYirrVZ7a6pSO1sS8FjRtTxIlceaqhzRLRyrWsh6ZJ1TT5Lffs5pW0U7Swk8427haG/zHF5i
w5uqovbnw2kZWPHXBAzONZsaUpjK1VcTY91P6qWzTQwkeoZOQoTKj+iKRrj4evDUg048zCZxRM1o
bxKcmdchd2gf3BTK39+nu3uq1Jq7vQPWdboE0fSWDoN66m87V6qPBnvPHLYBtT6qfbkzO2/Y2Upd
Q0+LKVZNjaoV0ReHwnqfI6abFUlEoLhFtfZH8M9Nnf3DhEym5jMKpJ3SsIUQTdx6LqirqV/Jkno3
Uu7yc3h2/GAbpxmN2Tg/J4thXYvVrQIu/+PSRuzYCdqe/7JsTunLThvgb4QXJF5FKM58Uhqn40mr
I9JpetknxX6BFNl6hdqsPFchkoFWH6efUnfI17ZHeTlbbIieS3lhZbKyciZkPlLQ6dGYkJviSNhG
gOjAiqcR0WS/j0QXmjSGHSOGlqebHrxZt5d5Zz7BS93cFD9pb6piuKuuQ/Fmtply4Z2r3N0KU0fR
JSyzE6WrNtj9XhhFE0IMsTUBdEw8181tbsynsHazG+hMi62iQRFnVpUOgHtOWISmfE4M0GyUmK5C
6DV3Odnq16biE6pCA8nhSYmZ+l+qq92mPupTt6tBsFIh7J7EqGn7X7rBGS5iKgjYa1KqxU2M2Xq+
bXQzfhRjgVQvQODEz4qjOC8d8sMwvDim9BzAlHcDsFkdMxdE6tRLoDa4HzVOjAiB0lZ7MdAbXnlz
SrvZwaTF+8jkPA80vrSXFb1B8AI34QuOzds0HsCU2VesjohcEfn+ffZ9zC+BY0iaspY8z904nQ8P
QexlV9HIBtJQY42ArugiaPxzoMorqGlk2dvMzuk0iuREt/KjHOq536tEvZJdPV911l2TIxD0e0DM
MDqidqFkQcakSxsTpu095zH3qYJqzEROKU9Se8hyoRUsaC3n/jyMcCGEl6I/1HWxq3SKl/1o3Gbk
/2F58tqbq6l836YjLTqHaABeySn/tIRu1k1RH/5BwmEaaPO6pIIBMCnR4rUrxdTphw48gRDQ7jun
tm7D1FCViwpwSXQsVgLr5ieGdTMU19rWfWQtZpuuSMqJCqejMImpwhcam0Wdqj4YRVYTg4rnBffT
zLb5NE5LxXELN83R8a12T2E2xelxPr6ZvHKvEr0hHjl1bdioKNvXH/pWqp4i3dp6sjqCNWm9YwzC
dBmIrm5F67jxqp0YDYr+S+hOqXrQOS8F317hBbcKxPdsCBGtYOmiUtINtBzBVnTHsABFqfjOWXSV
EsSnlL6lmt9ceFLF90nos8A8DFPDWnjlmiEtyhI8v+imFoSdKoLbesHX1swzlBagA9pXuZVuuelq
TyQbuJNDJPB3YEK/DSH+VzgC+6WF1Pf1g68OTwBaLPimMSrvvD6uKN51VrU8asd2asSRaAKkqI5W
4bsFHOiMSMCtFq0W1RBu0o3K6lFz6vCti2onfM7Tpn7L5ea70gQb2yqKh7yT1WfK0oFHlhVvioGv
PfegPVae0blbMRro7PdRLdEAYOA8oPx9jFxgUtHkXBJDvFECfhCDYn5YfIttdkPC4ufhZ6+UYLie
vKUcYv8RYnnZMORVzE/tUTQUX8mG/9gZbf5IMedILEmG7HJ0o3hpx2xXU12HGPW3f91mW803jItq
qd/dBEGyvlPia5dxp+R1EnZ80IjXZmrEQJ+m5t7rk5faLH6Zpglpaufn0gyXd//G9A6hP54bQVE6
kc+Lo7mp/8E2JMZ/8punhSHf/0yq+5UeexFYaRfGnUGnYniqOVUrX4UxiEYctTl5koXofxgGCxrs
/MA9Cft9BTHlg99se+eTw9Wx4ffwXZELlZcMTvzuTPMUcfTxalKd2FDPa93ij45ixXlt4af5krEu
uKvA1I1GwLKzYZXmWxvlG2PilhZ9qE0CwMMAGmdb12toGL3rTxMbYRRz5qa0rfCQ5530AHDQeGqr
9JuUGd1J9Ai5qhv2Zsaq5XvzhHDILoiy/pQ2toJKDpUagxmq6Jum6lXYRNOmBiSXtpqtRTeXRrC7
RTvuidny/W9K/xU0dECFmtKgFZilG90ZmnMUVQ51KoF3kCbmVxYlcA1AyB9LDwy651/FkaHytMmU
Bnbkfx1AZYzosWu8Cbs5JiE0FJOLEv+oOhJJYo0ks33IIXqV25xkoiBLbeh9YeFbDiQM3G8xwiTH
pI6zo9WHD4FuJNvwt0nYC7P088XHw56Kdqx80PfZYvyd0+/VhO3PS+au82v1Ove2gJzstdI56bmK
gxaiBSoNcmpMFoHZ+t9TYJ4UEf3gP/NJgxvrbVSyeuUqdnzNMpgEIfdTd4NZKFeTd7SV2Tb5ktJ9
h+RDPZ58HXj2pvQpJbIqq1+9M4pD0WgeAPW21lzgWmC2wXar42keHqC4bxaNy8eEbvKXeSCAHhYl
NjQv5SR75GnL7Rg6UtGjUkI/Vtn4WfRE0+X69KXpyrVaDdmjsMkBRDDlaPPjxuQimk2qNliLMX0y
QX+ibkdJa5azLUlqezG0gNXnhfroq6ugXX5flXKwA2Vy4UKsIWypA7esG/fhRth4OQqWhRrUO3hG
rlk+IPGBzNJj65j9Gd7Mczj1KJMvHgdY+DeQpo0r0RUNMfzvAOVDopO4xZXhXF0y3mKSMNVUW29h
NmiXJcTQ1An3A0gyF2nGPlevMeh4PR+DSz31hF31Tf3Iu8NB9Gx51EEpqkOxtZDcWgjjvalk9eqq
SIVpDUxzwuZ3snbRh3BRJWW4Nh2puAS5QXYWat5dbCnahb/bBvBsKS+tSQJFbnX/7yFXlglkKBRz
t/oh1YPsi19QuGrDSgXZkSSto7GwTjoMJQenkvWtRVDk1lIPuYKCRX4zsuArGa7yhxVuUdTwNtxn
yq1F9dytcVRzmRUeNrNpnEXGu/mpqZ2DGDWlCMb7eOArjtaouZPBQu5jJG5WmlqaJ8rmv0Op4FNA
oSDpPZnmZraZcLTvMrmh3hwPYZf6IW/hsv41jdrN/8ty/3RWYZuukH2XuvZAypdT+rKemmbKvIqG
YqNVCOD3NJuEh6cOyqZRZf6hk6+wifmiSyHoI3h3Yy9687pUyaRwgWwzyqUODbDySWY5eS7amGJR
6y+o7J1rRYZtqNJil6lycEm7mupfQzMfiAahPOW4kCuhQ7pAFsP4qzeapy7iGyz11dLoyHGyyz/e
+VXfUa2Kw8FJ1HVZ6JTKTMyqqmbQiKOpES7jxM7aTFHrYEx+jGo+XLmjQXPd++1XilUOBWWVbx7k
Rlvqy9tdEbghMjbyV4Pv2C61Leh3Mit77SlA2jr2OKxFt+rrdo1QU7oVXXfswpVsaOFedB11Ir9C
6OI4cKt89WCyotzo/xF2XtttI1G6fiKshRxumbOyLPkGS3JAzkAhPP35UHSbdk+fmb6oRkXSpAhU
7f0HpLcqVVXO+D+Da86RX6tUV38ZtPxXtZ7jrbLqJZ6PFJn41Sur2X1prsdA/SGmyUP51VZxHUpN
sL5tnoCO7jnB2BqOJfxjVpki1LOsySILs1nIQv8R90aerQdnr9sE+gkbGNBhVON6NW/WIcZUPUkg
iGayw8TK4drLT82EojSPTmtLX5d6j/bs726vsoxyJVe8LguzdjHmvrJusYpZilQUByvJ8AnELnY1
gT//VC1EGHTvqzL11nrSwujQ1W7+ZCTGJyae2bYMAnA6XVCcZeH6Q3vq3TtZGZuq6la3TkMJtKVV
Y7E0dFW/Q9Dw1c8ryIRerS883VEu7WwYQjYguMtT1JYszfijvazywFz0LuKTUdsRN2CYnIUCrdhP
AqdL0hfxe6ejUWlb7kfbBzzokhKdeAEvo+tbgWZE4X0gE/ShlaJ+Mo0xObBV0tZIPPcfCdvj1PA+
TCJ1ZGpLFSysrj2ak/tDzuMcwOMb2snDAOORfERn8tyNrKskmTo8mZqtfYVRincnEJG9PDrKIuMo
FDolj6n5NCmLqIL2qbYVBuG546I0XE7OufTslTyEuvFs15YHS81v1bsmidW7ovHf6yjQ9rImC9kZ
J/6ihxt3vrUbum6eutKYKqwq1cZ7tSdjOtt+NC6EiqnghMjc2tMHdyurmWK94Oq8xI0VT4xZtsbU
4pBPTQ9P8iqZwqxZyMsgcJNmcetS3ZZDS62BDGfKHwN/XWL7tzBb20PNcRpO8VwERGHyVW30b05h
d1vZgfuWj/VJVHyxzRzGYVmHDd91D3pIXoaz7E48m1rMD5zTtZiVfK7166COlJuG1xeCWDNmWqKi
G/TcNI6foYPHKLrUCqFi/FwnfdfO3j0NcHme6rGxazNdf1GF/6sX6bv4MPY4w7FPcBdw6YLPyUm2
dWyaP1HY3zdxR5APkQaOj/7ebpziXgbyU72aFmqQh0dZDbQwXFcq0mRu4rw0w4Q/UjJ9tX233KTt
QPDRc+q3ub2o9PErlFlkWfkTJr2zrEBIHQp1iN5MN0HM2GueuxEVyCwSP2Szm/XhtjSGhZXtbM5o
B5S7UWqer8y/q6My9LN9Id3Xy+vwELiVWfHgvM351zrX0Rr2AvnitmbgOQ8OPIhtnTv9SQmKHsN7
rKysXrvr8DI3MfOlTfYm6tCfZFHU+bMyBM42aWLbP8s2pEHA0OhlvZAzAJlEhKfnVat8SnYa+Z8S
81e8vuEklWm/SX6TufgCnWkhe60ofi8atdtNrabDaphnRGFLJqi0I1h6vwdKFhiSPvbJaj84xiYJ
0paCDU3JJqRuSWJslTqxNyV6Zqhd65q6CoL2Z1kSylfSCp9AeC8wK/4xe+ffiu171//qkAbw17ZZ
IeNfHW7uQH69LSNHS5f4q3H83+v/1zK3tqt9/O8ZuYWyCr9d3k00v5totoeWo2/v1Qr1x8DMjYWm
NNWKGENxj8NYfu/MV+ALIDDZd7JFFlOIi1zd284fQ720HTkP7a5Tfq8wVGPGbczv1nKmXNp0VXEZ
iWXJJjMTIY4XlkkYOQrjzRRbgbfQeK6eS7dfa7Iq52VlWpDOVM2NGkAbh+YnulMEIvT2zuSrw/d1
uOFPYnvr8NpOHBuCjte3YaqzCZiywsjZecgIO3UegVLdqtyHtPHMM7iXg+xT56aidxDqMEZ2R3NV
drRl169rzfNWesw+fMkJzl809M9u0M51DF/qnY14z0muwl2he8DN5tYP9q/do+pydtxk50addWmt
IuX5mpEC1RoViA7KBpd4Mq2LvHKD2tgHbft0HSenBH36PffzaZfxn0HgmxkOP4ld2xjRwp5XleNu
S8240NEpi8P1JTW0MiJYWat+zjb2ogug4JXlTlbxOscI2IKKJKtuhtRH3T1hGOAe8ZdwrsW/qrJD
tgkvjjblGMYoD4L9M+I+XeBvUz/gMVc/RDE5L7PUYXz1Y83HTAHP5M82OZinYLtKe9Q6ZFWOk3Pb
mL2HSYD5Ovdf6zVN2G7LBi62huv50SzEr8LrnGPPpgEKPEpLkKn+6ZgtyyuMEJDjtOKmqDdol6M5
gcxgpVXBSq7wx6VcVo6WPT4KIvzQsEaaVMyjMN/EErPM8IRvY+8EZZogW2/hll72mbq61mGhuqfr
qNELULCww88/eiw5qZjno3rO8RueINvwlP2KWfvKcYJVyP6KwkpKBRtmsn4I+ujaIRnK6BTBc0V9
3jjEWboJiHHuYgda1VRW1oGcrb0LzP5RMXpY1qgiL4xJtBsOUOPXhCgC/NPxTQ/QROAvpN3Uqbi2
53Y9Xdv7TP+jXY6fgJNcx5tpp5xxVUSSZUA+qa+qSz2766YJx+O2HKPDNHvv9g7WAhoGeptmNts1
OLjs+EWFK9kbIM168u2EB9Q8t8pH+15Vol03j8XjwD24gf+KhOn00NjCWDQ1qj1owWHjYBkfhtZh
jxGICDlzE4qr3uiLNPaSi4jK9AnHpbsKNfF3YFb5xg4aBYE1r3z3YDITPyoh++HRTsIf18TsDEWz
PiNdjYFQhQlQ79bXpsAOESgik1+ftVohlpYBz5aD5RjZIauyKB147H6AI08Qzpovt4HySpklnYv+
22152SwXubX1YfS1c97ToZg2tdEE2qaabEiLCse1FUak1ZL7aMM2au6y4qQ6DZ3BXTzz4nRDAClb
/I9ZYKnig+EZq+sicr3rIDMRXzTFqHexEUeXW2EXoKj7cXlrQR4puqBjiVfCFFnPhCSDvWy7DZFX
TelOS1/TlNWtQxtdphE1DbaWyOAdzi92bZSXRQ2yA/WmlZGaf74LwyEU15Xdh1sn/SHwR3HwVOdX
IdtkVXbcqn8MiSslXfxR/72MMvnm0sdWayl7b5P/v2s58wsrbRnu8GzeI+0xbaPBCRf1LKHVouyP
FIBbrkrFM4556CG9JaW2EkSjzgn5neVoRQR7/XpUcblkjlrwpYyTfpRDkB+IUFbCgCkISms3pI7D
7rFW3vte28OcQ41bDQeSX7N2+dxeTdUPI0GpI4pD/VK25qEJu02viEPcWMVnmLkNT0lDeYlis1oN
jdLf26oVbR20NY4u1hPLLh1LrO10xO/b9iNrnPjFKBXnvoBInCP39uKTj3kugoPskgXSD0Ca1Qbf
QEazr3hoGnOB5+63Cq/g5wRzW5wrlKWsWZgZPTsDPzI36VYje+2VYyxsJUqegrATT8mQxSs389tt
mtniSS2K+Mwd8FV2ymII/K8uu8WTrCHH4WwbE+5mrBIWWrKYOy/mOeGvxaYm7bYEgs9j15Lwmwr2
MLOIj0AhG8zJXEX5ZO20+rZKUQOKIqXnIfyPE480xtHSBmFnC3zpraNqyg9sXhwklokCKFlIlmlI
7iXSCpThXdVmyb0EYc19zVyTfUEc3zVqqi7Gll2HY7Ul6cJEXYDVLx+dwiwe2UtDlsinfCurssMo
4AnHsXORTY0l6pPeOs/X8fOkQJntUgMOPeko4nTZm+1n7AXdUQ4hk+HetZO9vE3Q1HapcpM8NZq5
SBw2wUkZCQup4NTfe5lyF9eBwmEJ4OcFyzJxyfqG/L+aQlrxkfLcGg6cBTyK6q3vawYfot8sKysk
RTY/TFM9Qds4xvZnrslCdhbziNuw/71tFLjwDQ3k3kRZF7aLOiFnahe5kfUYZ+5xGMLqDo+SaolL
a/bt/x6Rscbw9xqdVuFJYhTBrkrS9qkZlTef93gq5lqdd+Fu6gdtqShm82QUQ/uUpG+6mSaPssXC
YwQnQ6vfyL5o9JyLOaCTFDTtQxrrwJor88LZFGfuTIjPnkd2aCnxW+t4xqbxjGhfJKp96bgZ2L3r
H2seczV0XS6HyVPWbgkAEtd3FznMCbOlqdVfRqSXrlVd2PpLJ3znj+qtVw7+r7k5sb8dmrfZpLcn
WXgqygc8dAukHP9pk1dqh+IFoWCfLEg+AzzHDFtdFWXJ1bWxm9GkcefsMtuYDlOJOrYUZe9wQOKZ
5DwLbVJ2o+iA6ud69K5WxhLRz/AT4CRwsMh90Z0Yi8QSDE4iEHY1oovVK/olQUEGchM/k1MWlOtr
px23zt4O1C8hlAZSPf5r0XCL8Oyp2woMbFaFNxnPVWg2R9IfYiGrOuLg91GTYNJTK93SML5oetk9
yb4agYVEqcKLrGnlWC7dyxRxK79HA8c9jomSLAEAYC8y2uNZVJOxxG4p/HQMZ8NOyfoi2hJVER2F
LHtUwtdyNgSbB8iZyWxMUg8oOsmZbK2jz6myNvnoWF/6vi+3IlmHAdLfE4jh+ntU4XM4tpryaov+
s7bq5E7WVP216Vr1BUhd90By7ZymBc7fnU8mU0+DpazqeZ9tgQLba3B6bxn8+H1V2/kEyl6ZdiWo
az0lNKTOhRUOaE79vhoylDI4DPQb2SELrUzt6zgHwY8jomHL2/y0IYmC/VHXoADhhxsnx0VrcDtO
xvWYXLxO1bljptojSs39Mikblw99ChaNU5vIcRnDsnSD4mh3VeVeLzO/LI6aaxGCdkoUGZVvnYE6
NwG3AquhARj4yFOqMHpscbq2f9L92TM8M+Nvqe8vCT12P7NY3JuIUb1PIz8Y06jK+9ZLyp3obWKE
WqZfjLhSV6FGwh7N7g85aXT3JSpEPxyrzxahmtcvucBovXZ8sagDHMDJDwoURfnNNaNZ79rE7p6J
ScxeY2DbZW9dhAFJHvOb7HSKwHvig5FdssDu/BX/bu8sa4bduEvD7UGczUsjXfyfa8nOSpncv9eK
MDwxDc07m/NkuVasPwdpZq5k2E1YXYq7UdT+itf9UReD4i6zDsWhZt5btzraHxN6MDu0IqznVIud
TSXyZN3Oe20R10jfKtyBxVxVB2O6ELUm70tN0Ur9aUge5ES5mGOVexw8ep559GMQVMHWyryjXEs1
hv9+peClDCIePUbgX4tAby2go2ESbTrRdAvZ44nqV7esXseoWaPtwXnsb5PjkpNFgH7QQhsNbqM1
GLejbuNtBoyVXGDK/XVu8mfZczXUxghbJi6vo7MIcK2ixYcJiTzV1d4tNQRm3Hb+pg+K8asxoT31
T3NXobQrm1XnP5v/Gi0XyeeY3l+jZXMYx9+9Am3jQXXFjpOTtU1Qo382x+CbsOvxGyIhjwoCRK+m
HluQqywV5mbN8aebpoUcgcziphcebE4/LAG0d1+MWBuWBhn4M7tJlFdVpS3Ost6BG+9nXSiv/8bW
GtuuwvyZB+UFXxn3vddr3I4qotoO8dRtjc7OwWk65SSEp6+nom+eETbv0ZVrhm9Fbcw3HvMngaEt
qsOLLvemZwGwBX0SFYzX/KlZNXCP/2jHQ+3cmqX6HLhowfaW9Wt8hFHUbfytfR4v5vG+w3i5vvxA
/x5/e92Adf41Xr6fv8f/x/ry/dfz+3fGYj2QQHk2POtHaHT9tw4V6ClJ8YdxFzDpIgT/rXxHyED/
hn/69yE2nQMit4INp2XtUA+KN77rj1/Ra0OKrVa+ODqax9Xcjnnx+BVFnqX5uz2HaHdtn8dPril2
RE/aRYbhyrExk7pepJliH6vecDDwEPpK9shCdtyq8qpuDKb8q7uIu0MXDsPu1j5qvUWkLFSfsHVG
lylL9PdSNC8uWdWf6O1mioPeWDf1uwGPmuWADMsmLb0aaT8K/LTqk6zKK1koPenywGwblFB4JClQ
tMqpPcsiKb32HM2FrPrWYC2ReGlXt7ba7Ihjy3qgTPHGMINpIefJKbJjLFGVhdNZI+/vqO9iMrB6
q4OXwrWik+gd7do+xkicDKmNnaaKIwlnA/MieuRfkjQ7VE6Hi3oKmmvr5bh7o92unAj0wptzoCJP
xqx/l09PQ8Txxis4bjnjE+4g05OLdwGUUoH54twG7WbE2JUNR2RD87P1e8ht41M7eEjgAstA+dir
q2UwuDAKUv0ie+1o5lmBEltrRjg9dQhxzadhNpPt0lAN7y0Oxy8auoQ/0+TeQckwWNg2+Ihp5gki
q7/uUvYtegHsQKjdVx2GW7/FeS68IAE1HzGNHitflLiGneqEIAM0hN3UqjzI2kBo5E5eVXeNqIbr
tcIzdmXpKZ/ZABAIDj+soSyAel7BTDzXeTkU21qMbJkR1FuSnBzOFrStHC0olH4M8ek3xXIoRxO9
21JZB2oWHRKtnx4bK0ZyFmG53aBa3tptw2bjDjjGakowvLbJLPjY5uFej7vhdXRjbcEBMMeHgd6p
SniiYIBnZtGAS0nFE+N3gQnkryrno/igeBV69GgBXaBBiZfG6ZbsRciaxBq3jSTAE2euwrNH9E7k
q3gw+CcZzqyuWYAlJgS/tstGfyuV2UO8Sbw7Em710QRdgjeUIuBLhuGGxdtF1cKOyF1Xf5AFm/s7
Q9WQMgzQLru2IztgKuV9A3L7oUghpkT6hOz2P1PMqOqJG4Zvt6YJkc6dahDQvi1DnhRjG56M16kN
wpTLdOryleZjhFwDxjknk258QYq/CtT2S2HpwcVFzHMhm9VEx0HDtN80VC3J97sbLNjBTSUEFFeK
PsOV1XxfJ7WnrLq45oxU5OZmElp25yZBfi0yrE4whkYC2waKcilAVm5VAx82q+nGuywQNuwbzfmK
RPOmNIPiR9G3b0WtDa+mo/ZrRY+bEw5v/aloi2rV6137LKrMX5Eij3aNFk2vxBeA0QQ15IteG19D
t/uqgDWBJkhNDSz2N1n/ZOat+ayCneLrnV5znHnuw8l7lIOq+U8GzoO2cCKUlvW82yrqkGwqE/0+
uC/DiyG8k8Jz98N20cE0BsA5UYTrJJRMdOmGvv2oRih0hZO6DwPKYsdeAwcwgtT+qAi+GZ5TfkF5
P90FThBtm9Zq3+eUkRyASy8auGMuDrXQ9Sc9ql474q7bgFjArp6FX1tP055nxNEmqZ3ogOkvJEjE
rJaYfemfg/Kz0pXxO4BS7n7wxR9Dz4l2RhkZO7fx1Yc2QNsb4bHpO/ghBLSUb3XgpuBuGv0+cLCt
boSD5SxQh7xo4qM3K0jLwh8n9QT2J9uMM7Ti1na9chGZdlv+oK491jww1PiIHcOk0fm9Dp+NjREq
9mpVmQ+HYHIILf77UtZloZvmcFChkfzPQWqrqKSdg344WHHFKgAYQzBCSCWogMyMSBOXoI6sh7Ie
xH3sfcSmga16moX5KRj9R9nneK31EJZC3dU5mNQeSkG8TKzQXIvC1shhzfUAldklt+YC2TeGeyYa
j6W7zSpU/sZS13ZTTUoaMrvDPlgj49NM4L8xsBTdfdNEwP7V/iJrCN5296XtEmHOE30t22Qx6yng
VaBdMDJhKdnW+vpbpint4TrCetOz4ECEYkJLVMDdKsBa4B0z4x8r3Xkgex/fpaqHyUzoPmRG5Tzk
mdUe8NSOFrIaOIN+h5siITzhTh+N1h8GHaSL4iXTrlVMc8OmQ30HgIj8qbJvBuWByJN4GJwqObiW
7i0CP/hplsm85Zs9rK0nu2Jv0pI3WwwoKL/oSZyuGr9qeP0UIwBQgmenYcPiOFDW1ax2j12oNmRs
C3Hnz3YFSMSOT10HSnA0lewtCLBtdhyE6mwbdQF43g+l3ySfuPgFC5GZGHv0SKolbqNjBhEDzXBE
9oxcLF5YXew8dAT+1uMA/BDauLZpqwY2BsCDnZ3rxlGw6d0Hgo/RVed7hGq3O3PqkzP0b25F9pDc
YbXIY5FTwMM4m5lUQTk9YW+mEh7BkG1wXAvtlUF7wz8hgXHIj9pByLYNneq7qY77Mp9F+H0LxnA3
YXGQhePCFprzMtnY40ZdzaE6qGFI68nKa4L6DQQSzhBGgfiw4dRvZbrgLBS8japdnJASSZdyVOrA
+TZSF9uReRKSLys3zZFF1RtxsRq/5jdt11ihVsqrG3qQIj2iE4UunqxAWarjKbQuIi0jPGuG/KBj
ofTNKPPvlmrF76oGfDGKXXxlNZu8a5pOAGVtpC6yoL5Iux4d0X7HdqvSWKh9I+7cmUYmmbSScQsW
UyCHLx7dmY4rm/okQJ0lFfrBc9PyaYK7eMBkWiyqOhG7AUzcBnsk9S5powj9Cu0iayBlAabMBcqF
7TZBn5gnZGDG68ro9YVSZvYjciz6Yhxs/6voqjtcINxgwaPWngVtedVzlCcwR6o82uRGwZOyNxIF
cFSKp6seOxAzWudMmMqYVgGEK/aJ3elarYSvb1oLQSaXtDRfQxxv3ERT1YOaNPhsITO6SHW/Ossi
m5M3NZ/8cG1M8h3qNeZJdqqZifoIMbJ1ZWHmkbqgQloziC+pkW1sBen7ERwYP+PCvI+FZ9yHhagu
EAxRdf2nqZmvWhQm/WF0jrf2IVHMpd2IcqNFSYBONIadu+ty3BHB7ozWdSm5MJaj3amp+59aM6Gt
P4TFj+zS9G77Q0msbmG61fjk1pPHv9TsD5xsvVXfFp/sAGxcNEghCzUPyYRBsZPVW8e1SvIq8Zr8
/K/2wezUVYyu9koOuxVFQQjDzO9li+lmpbsaRq1b6qaXrwf/oOqBeJRF6PLR+rpQ97KKUrmG4i9K
PEMjHhX+Ch+Rucy3geviLj/Pkm2oacJe12LvIMf1LcSXZPI31wnzsEIP800z+eNKzuprUzzWtfqK
JWlxkk2Di9esaOKLnAR2r8BtJNyVZCguWk8gbtRwrjTqnmAssvzcPfV3JciCjWkbwYGwsvaoTci7
yhGD03wS3VKfGtWt97XV9Bu/xStYLeJ9U5SWgcmL7l+qFr5/51knVEmQcMVLYGWZs0gV1oQrZGDr
PXFL983m4RKVjvkaRlp86sGgLUvfdt+MsOFWqNYxp+zCerV87E8yN1y2BYh5TXOTfZMZ2gl8WrSN
47i/K9q2XKM2qj4SrbeXZtPEr1UVaejLZOjS2+NXBUOIb42I92ViGDzb3HEb+ZMPr4SiC7k5e/mo
c7ohGm/7COun47tvpe6ynbzpWCXCeYlSex2WE+3or2y1Cd1UKzeG91wnKi2QdfWJROBCbpACmaeP
BbCwsBzKu66c6gc/7D/k9NLV7VVmIcuuk71OouxMsNnYex5Q864cxMVwnHwd4rb7bFWaBYU1jz4a
G/doeeSp+30kevsnIgcvlp0U71FRVEu10fTHfBiDjVyx5+hxXdFBt/WiZD3mU4NdPFfDYAHt16IP
KxRnPdE5RLFiDqriu0bGa/w2e88Yeui+25HB99HbxsnIQvMp7IFh9Knz3htAWRTUB/YmKtJPapBy
ikSgYCrVHEOv/IqiC3KzO3Ln6JYSRQeqtVuO+afvVhEGVL67rLVa3wUe1V6kiCX1Pa7JxGvAULfm
NlKwCJe9Q8IJLQSSvZS9RgWp3YFaiLefdVQ83V2hWRx8puGah7/2WXVai2lXpp6sqEnvRsXMZ6ra
8DwjzMpC39eNPb5w1i8PgR6Hawks+7s9mtslEO3v9pL9wn+1y/HKUNZkJDNrp6ZxsMk8LcSC3ohf
QmEo2y5B/8Dx4+Sl15XyYOuYX8reQksVzh0jT6S51/N03NSH9DxpcxKnbT4l3MNURHroe2QKbugP
2Ua+k3T8b/SHMpjpQbZJgIjsaCzyAg3gUMdA6NjDoe3sTgZpZCXW3yuXO3uj21ielO8tjtev9Syg
TxAQhbN5aPrDSjZdAapRRgrMsTMv8kqfrxD0vxuUKT3Iplt7kdvttv89S3aQEP811W+tP2bp4fS9
nhpzp2tafNdlibMqoPusrBKVddkmiwBqw04vPVytIPHcNbXo2ODC/YPnZS7FlAj+hb+n4A629arO
PV7HybV8H9JkOxNX/mhUVN9eORN4h85qImUlzKLe1QjdLlKvCTHcnF8h4RXk2nKd6+z5FcxSOKvM
14g7GZ33YE8aTDttqL97xo+yiIdPq8yNJR9Ddkdq2TqEGIRtdOx270ItsfBIa5y1knmcLDWRv9qq
gJ1T6d1umKu5VSO9nLj1QfYi5iCAMoX9aVSj/NXqsq9e3NsXON35qxlzlOdXdWhD/mzUlFdtJrV8
B8OHvFFoxpdY8bInmEN3st1yiwKEBqThCUeld6cvV6Nn56/YvpvHso9+TfczJMYiVNQvhp3+5/QA
UMu7PRXX6Yiwm8fA8fSlkxmgMYzIXyYe0Z7EGDkLuF38penePESNXtq6Ue6DlER65sZfOiN0D4R4
WjxtyuTLwKl1ozoNaCm+k4Wn2M1WH30c5ow6vAwt7uwD+tC7ZsQiSQlGsWrD0nqdIvtnmeJOUaUP
UJPZYs8kDPgai9guLq5hDifptCv9eOcm/t6x47D+sej93VRXeBb2WewDYa27fZ1WjzHq1OoWTkD7
RxXvmG6PVdRj1anFJUxqGIa+l60M00QBcS6yrPuaIpeyH0WFceDYxtmdhuL4MnacbiOrcpw6d2Sj
ThKxNvLrAvVQrzwjBYUnjPF58IkixEbzhgNhRYZ8tFagkeaAAoLbaHKn54GH2qvVpovESto307DV
gz+4ylLOCgK9W2YWNtGyV30bkfd7I9ASnbIUJzU43i279zhbjY1fHppItVeENcONSHmCozEgbHiM
nMAc83pZINTdAMg9gR8iSiLI/idhk+2NWSZnxd7bXbR9zfMdjbIl0cf4xW0TkFl4pf7IGpB6vv09
BoZA2NiZnowcG9phMIOjacFnQyoiWisOnHurLvArmgg3k01HH9H67LkLkxoMkLbENmE7+KWzh7tt
X5rIq1bemOpvtW7dyRcyo3CXwIXEGo4HaalOQA0KP76TV3ZTfVeU0CER+Fd7VbceBva4i2eEPneD
woFTqJY4CbvpT/Kqy+NfV05vKUc1AirOgFvzv4bijt5fezsx66rYJYHJhLRZ0oXZzsPK6po26/mC
zpUev8nOcoaLFNFiTN30WSa/HMX8YKuUn2UX/gH5SsffYis72YKk17WqyFMO2UA6OUz04B4TO2uF
URPQpgg2u2zz5yvi7mtF1UkX41J4ba98vdkJsrcLOeI2IY2QlvKcoQKl+c8iUcZbcSNEfuaXke1y
ViJcc+Ul2JHLjj9W5wXNuyhWyweOEt1Lk7vnaBQgQeaaq2Uvihp5F1lzmuK7n82aHGMmXhwc3fGa
LKeTNVdL8MyLynR7oBPMVBGtWeqBJw5dM4mXRITjMsMnby/nEvHGWjI2p52cO6jcsMc+NLfX96Ch
MOILXBPkXJck16Yz1HQje/vEt4A+zv56FRacdWZjoSj68tW3492k6s5X21TsVQr4AfJQWD7DH7y/
tqPKsUo4z5/UIW8fXVP/kO1ynWhsUOf02unezuFei3Zyvw6dqXG3beu7MEq8i61bNmEIDQ3BNhtW
zYCtZOWG/T0szP5emen5NY/JSfWAnP1ut3QrXJG4tNihMUJ2BJaGWUWOAsvcFJSq4iHsOt7lmJUc
ZVtmJvGCO6a1qvZtDPhbYxe/rjx93CckNp/7Ynpo6x6foJZY4Og04tl2ICPiEHDq59q1KUTNpEZz
VtZi+Gp4maf9UVZHP87XQRqOGz8Bg+h2nb3JJXNHDf1uUc6XmMdvzFqE8xaGtm5m92jgestVG4eA
cGYcrjYl28ybDnnpKO8tt1QrY0fO0XqHyCh/XSAi39vM22GiVrzwkGiOKMTODru0oxH0bcT1RtWe
rD4vwtV4H1aVdozYZh8NeDJuR4Rc56a9sPqhfsyV3NuFYzxshzgdnzN9+Ebo3/4W29xH0Ev4UpRm
unFBXhwIpkf3SOAiJ2Mn9jc3f7TVoftsdSx+Hd9OL54GKKBpQL0qTmYe0UZoFj77Hm5zVGXhJ715
nAMzwP3nxj8uPdlqdFW2IT+M5uPc31pasvTmoybb+yWGBP6J+LXprnpHjVaRojirLmudCw7eHWee
mF9LWFY7YRgO+Bo6AqsBMCqsAZIiN+udbCSj5V67rTCEbOLZYjGg1LXqNPROVMOeHvHOtbazsRQW
XmObcTcefmDuUmPTEE+PgceBE5GVi6zJCWQP1dUwH1VVpewyNrbdskqb+l4O8XmG7adCsxcGasCP
1lwEOuIbQZ54e1k1RJBeQnUH4/keyj1h/frVQn0hWECcf1R5y+9hkCTYJUXFkwp3Za1mWAyUqLLs
HX8K95yWgkvqRfghEXt5CoNKWfDDb7+KKv21ok4O5J8VG3Sztt6Uq2usQvWdqSVoWtS1/4YQ84/a
Nur7ECYBdo/eq2weDZXwSjZ5W3ceVTrG1tIj7ZnT9oTpu27xXdMu0MddDWC5DzhTNW95tpL/j9JT
P9gGR17odE5RwsVOhz+ruFsqC5JQ9jIbJ4yWerM+xQqE0804X4rZCkgWjVY5eIcwpkQApV3IxtsY
A+XerVVm6jLKCTtKZ2BNH3d5S6Iq5je5sMBovoxOqpMHmuABB0Ww7uv2/3F2HstuI2mbvpWOWg9i
4M0f07Og9+TxZoOQSqfgvcfVz4OkWpROdagiRouMdAB1CALI/L7X2M+1Of2CsheMxZyT1wV/XVuA
NjcVq72FrzfZy1AkNY9WN916rhQsbNdtV1IB7lp1cOpKWt5Ubteu+clmrymiJ80UuNWhwCyiPML+
EyHaO8OzohnWZuOXBiQpb7AkvlOjKCZ96sFW/CHVKGpCcPGqyngdYaPNKtdd3ea1YZfMAzPR5ine
fF2TdpdhKuLCJo7u5R9NggaIaIl+zQtgkRYDa1H0l6/TnLgszrnxKmbduuuBBY6hZsnmNlDkBLBC
CwCjOJv4vEpuFfCuWhp9yTtvqfNoOMVVj89VMwT3KVieuWqCQh1KAAydnxXvilI/Y3oZfKQa2VC1
4anrKOu0UXK2gLq3U+0KUynJ+NAGX3t1isEngpP0j2oX9Ys0L/RLiwTMSq3C6tioMErUTp8InV27
uOHlW79v5nbuQNEjYUaGpfOroxiu4IPiDNN9VGwQ1wXhYKR4sgibuOxubEx8dBRgXKmUE3uPVMzf
MJrkagf1rgGP9wozT0wPibNso7by52XVZRueUsguVqG+8KcHrijqOsz9azsyyrScaRVM8j/+9b//
7//5s/8f7yO7EErxsvRfaZNcsiCtq3//Ydp//Cu/dm+//fsP3VJYbZIfdjTZUS1D0WXG//xyHwA6
/Pcfyv+yWRl3Lo62X2OF1U2f8nwShWEjrahK1dbLyv4oGZreLZRM6Y9KFp4qJ623t7miX87VJ36o
xO5tl+tiFDLEs956xBMl3pBAjhei2SiGui8x3+ErZxRkgnvW3PAgWl3lWo/Q3sEbXUc1VpZIXp7F
QKb2UKuKDF0zG6EuvY2XTa3lr54d2Ft7jOuFaKI1mM5LOwkPvZ7nr80CRHXyGmkkg+JRiedikhy1
7cIhFLrV0+AptdPTWPflRdHdfON4WTtTtAz6uOhMCxu6mu8eRIuQankpFWlYppUTLewiKS+Z1X75
/XUR3/vn62Ij82nbuqLalqX+el2GHDUUQrP11xrlHDB12V0+lO1dJ2VPwhReS8EUpaNhroTFfNjK
z2IWu4mYzTQ7Ak9JP/KJMyMKo1UaPH2iD6B55R2XnP4wanY/ZhlTpORHl+yZOqq8cjPPvbB/jtGt
GF3SBaIFNhgySvDs13Fzn442ZF7meJJbnUJDJypy+YcvQ/v8I9U0VVZ0R5E1XYGHp//6ZfSlm9Re
ZxlfetddapMatjIV7J8aFm/UDCSKXBAG/+ks7N5flCQ5fuoTsxty/Psok3Q449PRoi1qfo84sDwm
hBBHDYGoulkRw4hZCJjRqfTj+Fq0fRqiei46IMfKMnIKzBJtr3TAhnvtXhwj+q9TSAQ/oUrioYtQ
KfIsM1JYCRp2pb//nkzr8/fEXs1WVUezFVWxNXm62X+6mVXAoWPLlvrrWFb1StGbZKWzht4S7o2f
wi4723oof0nthERUYwTE/f3w7DuxNBMDua0/oUHsPkDLDndt4gzLqC+wIyzrB0xasfYcY/++rcN4
e236U4pF5FlkAtfrRgox6PHjBq7qjxGRixnQvY86LN1umRlRUyXNOt6OFUfdTvrTZI4Xnytm3Prd
HtgvEos8F4C87PN08PYWjPzs2vY17D75ttZi1Jym3OYhJOhfj3DEEbfhOExSc95pqvcPT1tVnR6n
v97WjmYpmqFaU5DB1sxfr1AlKxW675DgWykoVl0iO7gsoZNkOxBPCcewf8dC7hS6ZXvIawcxgzar
X61KDfZa3KZ3gRGmd0qMS2rcOfpW9F2LFoaM5+cYt07zRB8iwAkxnrZZi2YzmOldl6s2wea4Xg3i
w103J/mdFe0S6oyLXAh07kjX0nrWlxL61VpEtYB5QCjZruaRpeQHJ87hC/1UrRFm3oSje3HlClZA
mPKNd7Gx4RlmHsa+iNZ9pwXnLIzVJfDa7i7kybHAsDJ69FpCeUQz3Gcp76Di9aP0Fvv+V0kGpC+p
9gFd7vERztp9qSv1ZgRARji4iS4qMeGLqMEp+sYJULD80ZXViEGGdfKsO2NvXw/ICw8GawJ+9nZ8
3UK/dAlXBhJPrWwSxhvNrIi+EH6CwG0hRuXJhTXXjQ4/ZNWAHj3VImtE0l5UqzFwrp2iCSBf39V/
GRE5cm8Opj2awqbx0ql9oN6i8KKNbg/SliRwhNK3VGlzxfaxSkBs4IBVgHuIpbrdE5dHKICW6De9
kr3GT1XA30tU68fdbU7msLhdiLapml9D3avWblZvAzn3n3y5yRcGOYpDNur2ySGPPtempECTTMab
sfHKqzhbkWXVtxiXk0d2G/K6pTlc6QyCwdC7HlaGNpTXifAwtA7x6ApYlhgEpByeuxJdBMMd87le
JsNskENswqbJWu2Qjk6Dd0uz6sPodPIJVOn3Ik0x6iEmYK3Zz4/qrGoT+RQqwBeRt1+JeabyIQ+1
f7bqyD4OKRb2vWv6704HOyYaDLZlbWVcrB69OyfTgveyzSBouXYMjkiXHkjHnfTWdZ+IXbUzJ9yR
SxtOklvK3rLFY5P0L3A7p8jPmgS/AuleLMaTsdiLvhTMK5qgSn4movPU5WhslOzUvSVbYQJgYGA3
A2LO3jI3WNxKKfgRcZw4RNQcP4RwFPPX3M412gjnx9wsy9iP+WJDMHhLfXT9hcW2YqnUKisc1PVP
sEGyveGW5rmyVPM8hKAOf//mEMuJX55Lmmlpjm2YtqOoui2WiT+9OYwixN1YMvMvkh6mc4uo0Dor
crxFATK9tQYKdujaPWe23eyJJ6NfMPXbIUqJcm6M53iU3Itn6N+63BzwqWX/wnKi2hlqL7+ERT4T
/b6rBRuioflKNJUUi1AQHI9E7bSD7vfl9bSFkrMgr+XkNBp+sopVpcN4IQ5Wqu3ZPFMi66VD3iia
QLGf+hNvrudN9u4Nkb3sMAbaxuguvgRydgUYh2iVXvtxM29eYuLJAuj7aX5KvwAMO4EUouOwD0o7
e5jykos8DfSVaEpDnZ1hpW4i4l05wssqDG+/zbZhk+UPGGSTYamrj2GQlOXvr5b9t/c87xCLRJjB
9TJU0hi/vkXKotJsspj+l9ZvcIJWspfRrNy7MCmsU5eV3aw2mu6tb3zwA55jwla2lSc0clZYYndv
RtvHa7tRg7WhJ/Wy8kG6aOBL9spU2GTW9qIpaqLPN1RyNZa1C9UovfAeR9JFZsFV4IV8QSwQu9ie
m6Yr5PzgKkN3yDHLeKoH4+yX4XhGlCh7clTjg3xHfRQtfwpS1rlf7UUzaYJuXjpWty2nIwuPrZo3
atZajAbgxpdaUlYrz1GTnT9BzsBANod24hOZk3Z8M6+rrjqA2gNqKXrE2G1W0anIiNvsFtIKpakm
7L7xMDOn/F6imuTHiG3e83zON1FYEUyJZUIYkcxULWqnqVXtbSwXcmblDNbRQsptnBl6Zh2zUj+V
mTFsi2lAjIp+pTatf7jw4sL+fJuqxCgNRbY0WWezpnxe4HVIUbed42nvg+qVi8zMQdQaUnctIn7w
qJE4z1kZmiu2FOHRLGzzLhkR3rUQWBQt8uDx2Wh14KBsgSdTqXaZuXowSytwNUOHlJko0IpKT7bF
M82rdYlFFp7jNqpThFr6U8tSb/v7H7X+eZGvGprMz1mTYcJqmqZ8WhpFulHYmhIq75bivlSQmo81
T5mfir5DnQ++o8ICZbRmCeLSR1Aj3UJPXedSJGq2itjeY6SEBqmRZu6usANzJwOh2bTxOB7dti9X
OdbMF+hn3azThnqfBwqxeD2vNoCuQQnF49J2E3erg9/biVouh+21lv6o/bfRW99tHom16B8e1X+7
+VXDMVVb0W3NcKbN+6fNEAuTkT37UL6HSfKRpmfC8+6xD0PzFExYHoHPMdQkWqB4ZCxufaIWNbZ6
UDDYuh5QoFEzE9VwnEDEWjGsxAnEZDGAks0U/XD3A0nr4TvUu0VhoPAHH60Vuzte4d+iKvfVJNU0
xMuOGCi4AwijKoAeuGFqdbaEjsnUZwWNcrxOAfV1bWrTFA/NlRlaswMysFV6KavkUbUNfSfMhnAi
Ti+ebNQbAxFdCFg0RSHmZkl0nZuA97dnRuE3G0/qV12oVtB97UaZNX1xBClvv/tyjD29DRiPCInF
JtZ41WvPeTc7q57DXEBdROnsSxkjxqpOA4gNEQ7O/PQMssY756OL6OY0kA6sXWp3wAzc8LNj08tT
eIiBcMxfdACRv79NLHEf/PIMMNkNOwBbLcsGhKh9jgwgWRkraNm+mz3I8aIKCH7hLrAMpc56LnS3
WxhVZW78qSl1YLhlrU6PYpRXN+69RIWH3DAeU5ZOonswwU7xcvuKGqj13CjgP+xMl+di0FGxYXG5
VSimUTu787vuEXei4mQUhnU0vECdNygrfwXmDqNKG17HKgf1h2vKNg28/LGUyhcxoZXSamY2Q32H
3GO0970xXsZuL32pg5mYkKmps8gdf9i7eergE+/y6p9OjZ/eI+tb85FVjLbpNQk3MkG8tBOTsJ/X
cX2ROVrLSljdDVMB/ed7X5nq5Z0okEr5uU9Mvh0rhW11nXfrU0OUklhT/HKuz+cvLFBBbJNUsucP
liWffDghb7GGvVBU9Ok2qyTrtQvRja+st7aGQxe3colak2u+WQV24FAWWZi24EowGEHkjH7olVAT
qtS8tGmP5nUMNdRxim2bk/hDKCTmNtE87KKh+4fQ58qh27Pw6PxnJ6sfbBXsi5pVzw4EgeOo1/YD
cDZt2TmIuwW4ET8MXtlic4fvUYh0xZyFCwjzvjmLuf2Ig1dcSi6sVeZ6CsmwMhvjmRi9Flk9151w
vIvZEB2MXtHW6g+hFKF38kn+5CaygpH2uMaK+XLrEgd8Ov5T89PpGhh9i8JQzZk4Vsis3M6XYDm2
k3MsjTKrXrZdpl2MXKlJcPCx2lTrpz4xKueOeq39fl6GZvjKkcmxuRPG3RRwd1H1MvdJa0z9OkBs
Wjk4AiEvRu1ptqjlvQc4hXkROaJRgwQxshYDRS2Hd6LI3BoxAzdI5hOa5tpXG/q4tdIJLjzNa6ZC
rhv4LZF6vh0aWo10Usdm3oWDukTd6Em3neHOksdqrnRttRZNUfSp0sy61k62bZ2Pd6JPSYAHS5Ce
REv054Ozzex8ON66GiNEP78JL6lm1Bcj/XAVUsVVjKMRodbhFVuvD/KN3sWRFP2+V/xTPVj9q1GY
Gmga1JtwSPl5VhfxpIFaeRqSHFw+jMF5OGhJMY+9k4u02b0jS/1D5YXsokkZrr127B/UYtAOE//Q
dtq0ID6JBxQ4F5CCzG0zyYaMwstJiR5U3hHo8g93bAPzB7lPmqWpdOpSNAcnCu7SoZiL1nXGUChz
3VOlNYxlQmcee2SEvaxypbm6tg/UltVfl26wibQ2hm521VYMiCLugH2uHEObtKy6ciZmi5Hako9+
nBf3ioN4dlEb3TGybOXkNgCSAJEWX2MEyBJkHV+yJEnXKXqKG0PO8iesv+7EhPdA9aydb1VSgBod
vA6n1o+9bffEVIb+DAU2OUEGmF1nKKxk9lKkH24zxDQvT3FRM2uQybpss1gubXbHPtbkvdFP31lc
7hUPEXk/oRmbtbtN005botZQoKxJoMLq3eSrhoBOEZn9N4yKABZjqXnfjh7yOEltbtxQHnj22tZ1
Ssw955jWnyZJZcGuuKRpMmx5HycoVrw0ML0w6esRAKyy74UzNW99eaJzGSei5QqEmzPzyeW+YtU3
F8oBSWmhuycDxAyLzDr7Mq9loRgwDvG9lRTqIe/4lse8Q/EZ1cb30Z4oS4rUnxKZUJWOmYiqs0kF
+T3Pa6V4hzcE+sh3Mrg0TfMGNdeM0+J9BOS/dqsxX4tmrO7y3gUe1g/FZhz0aiUORhJynsFze+kk
CXknNxqWot+vgk0dKsZTPsrtLu50YyFOo5TWSY4Jg7lph3RAg+5kbJg6bEG3f9OxMZ4VljAoGoc7
jNzfRb/igd0G3y2MDfrXqN/703S1luSNg2HfUszKZeOsVyYpXxDQR83MJRQ7u/5tMGokAIpZhN/a
vIts48mUG2vW19X4WntVhNtTMHwxQg/eeql+08J0Q5rEA4Qp/ZXBjQwJVJwLduz+jDT3qsuS8iPy
kjupb7W70QtSGNNGf0mBzc8hTLirKFInbV+pcTeDWmes9Xq/WrphPCvRTzw7hpS6M02BIVjyla6i
1EMlP3xTfdlhh1WU0tHtFOnYW+iARWqxF123flGTO7fjj2LB+WlA9zVpOfJh67I3cegao7MdB8j2
6JL7NKRaDKLZkS5Olnt37HDsmQaFg0wsfabXpSdD9e9IUR5CWev2Wq/oZ7n2jDN+IdEky7YUXaJI
ANpg09I3O1KRRGYblgyOrPhPXQTgFuhLBIqkCZ5Q6rDOUVvwvGLQdKP+wdM+siIInnJZLRf2kOB5
5PT1sZ+KXA2Rd0jLjeym9VG2LYqpJgbFtELX8rkBiW8p+j7NK+Ie20vzEdKOcihVedx3TlJgoFOF
j2NPGtwDfPER4JtR6+5Ha/jBzEV6inyrNy49EGPXgyDwFaswVmYGUOm9pSIcq8BIaxGs1NqNpNeX
axNVef0wVKjDzKylDt/uqU4xMChzbpPQSMqnAqLgEmMwf217ZvGUashZ8lS3cIuhqRY6RqJ2hujl
1Awsy9r4aEnPRdNu2mLHAjO8NlFUdPbwEsEfTZOT0ZSPau59i9VHNxrlL0DB/wyBaL71VeHOvNKw
HuNSrRaZbfp3sP+yVdj18rGXip7g9SDv4oGLFJs5Eiv4+cxNWW0uMGyjjcy/rakM9QlSnrHwykFh
k91+UxS/+4tbQyrj+K+Qld0swhrhuQgGf1nmQIT/slM1WURmzB0gh6Zz6Ap1g80iN0Cum89pkWq7
3B2Gy9Qq6pxvyvPTJ1DA8UxStBERUzl5sjwdSLQnlTsx6igpmovo2gOJZ1Rt+w6VO2dciSZZ43Dd
EdBbjkOaPKFHpc+SRooOTlb5Z1VV/uJh2L4EfpJtcng2SxNhyhcvcxTCfrmMKgujTusfVL/O7uuU
J4jhIWwzdVuFXu5hM4sHavtSo3e7zPtKXotRfiyo3MdlDD6LU3bdogSm9Kwjo3e2Ov2nz4UUmCzF
MVrTr1TsGU25re5xHMuAJhdYdkVmcPKQWlzYZVK9IJf+AjOJ32fYzcl4O1/t0QWoNR1kwD1Z976B
Vfh0kG+D1NKwNX4Z/fh6kGl3c7vM7a9elyBQYYXVvTd9UqL6P38SILjqJS29F1PypI+kaH/6JFi9
m1EyZzxLDVCiUzJepOhFUSb16h82eVOsIxPJ+mtWnvSQqssmgTMASH+P8zSpm/uSDJ/CCn0N4c8m
2qtlqj4navg2emF1RvhPffa1CARrVT72BUufbnAXYhJcbGyNgVpfD/HrYRfqoIpEcwJMrlGh07hw
nMLupW6BNom2EWdEIhKURR6RfJpGhyA8R1jQXBR25TuiP8Epy9x048f4LLBaQ/jDGIOD58TZzA/Z
UmZBD7s06XHGis1HMcPrX9B8ax/EuI/tCJ9dn0QrUHgVJYMc7wbHf7Yrx0QwRWM3Lptrt9SkCUho
H+CWQg+ampWUhpsoCkPwRjSduOiR13SsjWjqtQkzNK/VvW8PDzyIn1XbTO+tqE3vI7YcIDGJ0Lc5
98LcC7l5gzTZi1EQI83x91dQ0f4WziLD5ziyQazGhCVkfApnhRZPk6KyO3Z4/bAmQDhqZCVHHoxu
gjhWjZl2eGwMWd+bZcqPir8Vop1LAtUcjIubflVlO7zPyyy6LzCx3tqRUZMeCyGWO2iJyggTrys5
kJZDlrevcsuLuUm0+uxVNmor+biNJbV9Hdtu3IwGME4fcbjXQkN5YyQEdjJ1HHLAh18Phx5Sb+2K
W6ebzpY3MGQd2yyOHfYkzwPwbHF4lY/ZLic7jAEX04oJTpHqSXlIQJ++2N8/03GqaG87qT4XszwD
QT+Fp+NenANNJJJ1w0Kyw37eEwm8qCjMXXLMFzweb6dbl2OAidF6RNtEnyhcrHhWOuq610ORc1YO
emG+yJjoHjz8FTeZlqD3NtVuff+t9vt5Vuh8P5/zo/bpLFHgGGug0+QQ5buqldx16AfBnA3aOO3S
xjsl8eOV0bTZ4tbnKc24aBtFW4rDxECrq8VcT6x2feuzDBvBtEEtVkY3fgMHjjxmpRjceZ68NTTC
WKPRoVRdBfY9+u/Z3Ez95k1tjUfwYz4gHGlJBwQm2S5OWtFW77//ff8tka1p7BEAZJiw0AnbivGf
EkapySYnUGv/DaGaINqZ1qbS0kcIXvWHaTdrY6iUd9mzjbmvWtq5QFN/W/qjuYbsnx0y1O9nGcDB
GQgrfuRTISHrvzAjkKCiqVb16ff/Ze1z1kSzHMPSCG6amq3buvEpcGYqshf4ZKXex6FfhM5YAX2g
0OMcz2fLqjdsk6NZJ7vf++TewuIbP7uZmujtm5VWe6h9wM0VKFakESBPJUn35oHXnyVGIh87NMMe
pCE5m4ncveUlF0jFUmaT+Ato07mXqsehLglt9jr+2lnMS950bAXbREZETRRiIhn4Dt+qIPsHCIJm
f3ow8YfblomIsmnp4GlAqPyaPIJFD8IgnewHTB6YRlxkB/Iz3mTkTdWaikT1soObwzkngL391C+a
YsZtruiLjQyt1ljH6286yad5t+bt2MyBuAOrKUQTVu/uNcTN977hvEEcIAZS6QMGDZZnrGy9YnSa
AhN03sOcv4gu0Fr9lifpiDYtg+IknYyNU2UH+gY5uv5ezosOMY2LEWacUmr5bXplg2rLdIA4ieQW
/gxYgLcXJ4FhNpwirOPEoFE10dLNO10kSvYxMUKWnKTno6kQtbrSsxkyy83y00CaoNU+ExNNbpW5
qiAkWza5hZxeNM59LWgfrdgcTnwh903Sou41FUX/BmMqeriOm4RGWSRXBzEGOENN0/qQxXjemEWN
lqvnK3g2aPIhVorvNdEnimga/TRZ9InRqtatreGhTtONXr6XnYbgwxDfGUqeExf/TyEGRxvB+1Wm
D/letG/DcoikMUmDniStg9+uNEorbXrzKlMhg8sIlSY52dN7GHhIdBzr9NxdX8OA5FeYtTbk36fR
yc0HCc6UTCJoAXGStkjkO6NZiTExK0jGcovq6sBCZXqX/7dPVdphG7j6908Nk16e270BFCEZRxR0
MWiMkdx7q0CywErLnTPETfssmp06SG9qRxRfQ4Dh0PZqek7S+gv+wtoJVXn9JGqmq7MDxCXDLHKd
beIIuEQMhOzzsZGoiqVo3gpxRImu661LJvkwa5QImZS6k44AXBBjU1N75cumdBR9t8I3PX/u5UG8
I3oc7dHwwgFwqomiktwhm4kqWat4hTbqOWz8+BB6KQpYdp4ubS7Dogzzcpkgs4GqBHrQBLl6iG/N
X16RoZ/RtelDVRO37gZVXl6bVdPcOdgGqZruZnMjLQm9FHmLHx2TfadrTmk4Hgj+xEePHB6yp4Y9
c2tde+l71Vw2RjWuRTPDHHCmj0N0LvzKey5ZsShOrL/E49BCWP7lKLO9JJBkWG7WIXEBtfrK3bwb
AK29uGZWrrOO7U+W+TmKlsG9mIDS2zCzfNe89IHT7o08Q0K4d/KvoEGnE9i5ZC9SAEF7hIXUSzPo
40wMAIG6I1JSP7Wul6Mug6BslIJeD2x1JyYYBZrUEkGX1sZPNZ9Hiau3j53DptVFo42dc7maSDhf
+gXCiYCHIghsLJm1jRuo+rNeATmahkM7As1tsl9JutJc2r7R7yZwMbwvpOckX9oXQnGulxephXiW
IGZ4ebT1qzyBl+vU+z7zvhM21L79Rj4hv8MDbTiVRUF6CgjmW6WPSyWopTN6C8P94BBXysGQbqJU
7e9VVBbvGv0gxkRPqVg5qBvfnIsmsYs7XdfNHZ6K/rYKNG0VyUr2OqTVSnwXZt+0c78eq1MSF6Tw
BsO4fr0IMS/SNEvfFI2bGlceedv7ffFgYPgkjkyVCAm03ICTUAHAkXTPWTr94L/D1bheCNVFZK+z
0ejU8Oo4y3GRzs0SYQSpRfIy1dE2rQp4cpBbC+daGUQFJ6Fr5cfQIP//zPn7R3CetGrKaVlw+wjJ
U41/eC2rf38r40ylyYA3dUsznc9vZcPwaicxm/5J10f7HMXNGfuO4k1p8Mds0WhZi2aKbIdZqgTM
SjKD864hBDl0CzfzpDbi67HyeYogHiRBKQQS/5+apFsOq4whXIvadbQw/yE1iUzJr9vWaWVFWtK0
MMgFQqR93vOwd6iKHAz1o152CG+iuiuXmrKxdMQ4Re3W5/yXPjHPyc64hs4GKSErhWZMvA0ITu/a
sSDyGDvurlXz7ZCOobZWetdaDQ1vnmsbd5oVesZoovTxW9vU8UKrSmtXOAiKGtVDaEkxqzIz3QZ+
kPB4phkO7TfcF5ULVCYN0l/wTcwiApAsNRsnM9Es3UcLSMtLDlxw1VZ2aZ7iPi3QmgvyF7Vh/VH5
Nf6PUzPIs4WnueWjl4z6Hfcfa74JoDNYOC9lDo6bPjs9O3LjtY+S07kjy3uw3H4lWkPUOGdRKxtb
RmUMP73IQn56JjolM3lDQcvd3iaL44lSreTp0OtccWzc8DYWnW2P63jgabBkNcVde4FcsFbp8hdC
wBZIgDzeib8kdJx7Mpc6wdugfWrrlAgvf5GJX8EcTnmP4lZqGW95EnzxwzH5MxjDN73MdJb9vcsP
1AbZiDnk4zQh4D3xFBgFj7rOAWw9LZeuVbGGUoeIK6sMTTXXNf4Tt4VVqTS5O78tpVAoxXMBdtx6
bPRkZQdjsWU9bj+SJr7TtED7khtuhGKip500zc9PXlHxEpoGGn885dxYT46celsrKNtV0fHAqcI/
xTipZ385xljS67U8eTO43VJj+X+KY9YVneLkX1QnfIHl1SLrpxo7ErnSQvTzrc9D7IFfJy3VdddY
1drKHenVR7xGTIjxj1qqnVbu0FcPH9OAAM10QtnTy7k9jPYR9rB2rvKWlMw00LgkfFGyku5Ut3L3
Y5IUCzMxnEvYwXBBl/S5KrMK+bLcezLYG+SeMry0lpUfhlJHP2lIhxdoHsGqDrQURD6jQY6wqoT1
00mMlnCeLD19QWWpP5XYJrAlYVYUjON68CTEkJpgfKnDJprL2N/sxUGW4y0bpNsepaqTLlaKk6z4
YHgvW8vx24U4CNPFeFG7trlF0qw6liHaLOMwAuyopl1TEGpPtyY+Ud+bRe6We0JLPzfFaFASchDH
1pO7UlB4hHQTco+OTuLf8N1d4LXG9yqvvnbypy7cnQKNW1r+bUwcIbnGUotMGUzINkpd13gt+qpE
sgPBOQCYhOwjEjStam7jbJKmc3MZXykr3OeDazxEo31/7Y8dk6gbCFm77t07VtMfor9iSTJPKgQB
IC3Fl6TO65k/QU2kAbuWxLf1szkW3Qn8J34QIbK6bQOwBnHepZXW1u5axa/G2om2SzJmje0mGjm8
ZBHD0Y/pgIxlVWDVc+0rCvMYyKO0+wlcM/V5yt0AVNvlYcHyFZRbGwZfy867t0I3+Gi7Yo1TcebP
8uRrgkF4OMubMztjw59lUYiihTd+VIN7Nku7+4r7zrexzJQ3ddR7VMEQuOsJe89QiUdm17UsJAVj
dhAQ2BzeQ7KLnmZrE+SaqmKSqFVajVeUbSdz0SeVUGZmks85EnEOMgjBGv3Ov8Tw7Ti7w3rM98ds
2bpJP3OQOYdrGnlLySz0E3tcGTaromxTJ2yO4LaQiTP86kHyWSvbY9m+oxR3dj3QijNp4aVte2U3
BROpSTCbBIvJ8xJl748gfyb+Uz1gTWFqSTZry94CgEZBsA/6Q45nneOFLEQgs6qc/oKCWrvz/OpV
mfzZROFMTOLGS44YxEt70SWmmj6ikC46p4vbXMvHeVAx/E0clsZCVQfvrCb1iHuVOeBMF+vHOpTb
pepk6SO+WCrcW837qvVAYCrW0LM2yhcRsj5/Zn00KfAp+pMTIH4ozlR6yvczZZNBq2ZK6tqUSuNI
aCszAv9oT42YZegx6cYYYbeuCFaVJU2+CIxYsR7CQ8Sfcw4SkqhJWG+oJId+qoVKkRy8vKw3GQ6E
15r/o+/TaOZV3VKGyg86QN45xEZhlUxV35TlnWRQiKYoDM1OzeV1EsqGhorRBlPtyFTmmZIHlxbp
zdjW4hcgP+rO1ptqoZpQndHLQBnMJzoAXS252LGGD+s0gB5avuicxt4Vnu88l3Ezj029xyMF6H/a
tcNKNMF9bXGSMx7x9glJF0MAi1HfbvBz5atm9Z0FlfuOaXswT7JJoEzSylUaB/+PuzPbjRvLtu2v
HOQ7dbnZEzh1HkhGH6Hesp0vhC3L7PueX38HQ848lpzpLJTvg3ADBaEiJUsRjM3drDXnmPkRLC9a
ZrC7m2oO+hthz5MbhrjX5ZTmg7pUmIKl1tQOkbaz8vr9//6n8/+zqkHzoiXNUCbwRySZdSSR3OLQ
j28O0pzuKsvT8387f5lLdi4OnkMiIi3gfBCDbmoKYK6gHwZItwSlcH4+L8/HJkDFdH7OKv7H8yCr
32tyDvMrlz/I6IezWs6/ckAE2pnrnJcQGoSJZtyiFTbWoVVGB8PMglNnLQ0nqa3fdUUO/QKy71P3
OU2T4muuoCGta8V6JzHtIRxI21Mw1Mq+MLNkk1ZddcupE8RHVqWfewI3z/9K9OVVMDFbIdzzXabW
zc8rf4r+0nZDl1CzTUWmLGzruioznF7WvKhRhr0ll/6jXiz4g1kNDhm1PrwdX5UmaD5nybz6oHdg
rmMC1t0kOk0K0XiiwVYs6SK66pRxRxISkX+Vr7IjKy6juG52ne2pZhltsrIIb8P8Nk3aq0INtL0s
6eqeagGBLkWZulHfoYDRMBtwatK8Qp6gfo2pzNTBr8NBC+Nz3b0XmqR57QS/jbpdu8FWQTlZrbGK
tCGxFmJvLOIbU8YVBFD6gyKAa+Xqh/gJ5ax6PRfvCKOzUfpAMFbob5IcZeVHWfhik9XdO8meCSoK
aGDitde3dFMzF2OldDDjO4oeUL2VobnSJ5K4/B6bTQRF+iDJJi13CKlOTk7rOkOZ6g0++VRWmLq+
Loo1Fi55Pfipup71x05T8l1PqWVlUh93dUCmayrgo2vWJXtvvdv5c5Ru8eKilZnRDSV64YDoxdBJ
hpoU8ZKbgh5PosNwzipnlKP5bgAaHUukN04haz72XpgiSmKu0DFJK4R35XpSLcVJwoHWfdJWngyQ
jeQHWDLSoHxKCpB9vZFXqzzwc0eSqszLAqW8jVEDIilQTkCslVOLxykRUUciQ+hCuBn3CI7tAwmG
gM8bDFL0DMO7BNOkm44KJUdy3RAhVvUODp8HD5NmftzuZjj2wBpKxxipGMRz95jJlXpEPvM5CNWN
GbJnMqoizh2/n6o91fCgDbJjpmoPY2yo+6CVTS/RwfeyawncWNgt2ZFGQ4/lnlNddsTMnx0rJukp
BPra4cioY7+8C7XyXtfbbK9HtKp97UD5+goslvGBuXcXWoS7kztuhfmpUI34fS2lG2EOA6FWUeMW
tCNvNMR0fa05aWiifihDAuBI0MMpGzt937enztjPyCBWC81zTajvqUut+RQWCFQkk6441qxj6ZMy
K+PIWpujpu/LKn4oMn84+RNF2QRmhiVqf9tNyo3FedRhSrZ2YEuBQivjnYjr7vL8RTEhJ45VTgRf
WCO6qmT1oE4NUjnVPJZ0Y68GlCjeZITg+01iaBHbuoM/O618CipLf8B+6FhheKioYu+lTBp3k91/
zPCPnzRlRBut8jGqCFxdRSVYmBM94kb0k15fA0jwZ0vZjOxkvUwx3UhSH+WhWimRwvIyjeNJzrPr
Fk8e6fToazHJg8eY1NZL8o4g9CxcUbCwN2lgFh4QZc8Yg0+Govb/MK2Jl8dtZjVd6KaO3ZOqAREw
r5XAkMhy067t/AuyI+V9MaGnIjvG7CUMOa0pcejCtAxDalX6Mdb6Xi+/kpthbkJWNHJSEuLTk2Sf
0GXvon7CNcy9/Q8z78tGNi/R1KgGIFcWCp0IU3vlVBGyktZZVcZPI8lQIL3JHBzk4qZKRUFm7TRs
FZMUlZI6kFtydlynonHUAaXVGSNczlA54gmouJquVWE0axouHFuiNrsp5NxeyXOorOdlrs2TIXJt
I1VXWqaTAVSE79tJ/qcr/rJKc77iCK+FjvweU8gP9k1qmXaR4Gz7kgE028NcNA4odjxy5GNCmVJ4
WIS1+E6O39WhXOuTfJ4Saa5YOA91y/35xbXFi3LL+dWQyw4i17YFzebX3v0Rkb/SM6F8sTmFwD3p
agK8i6feChfT0tR6s2YnjhFDarFG66sqJY9d247HbrDnXaFZm0o2ObNQNtyyNxz3vhQiOGsjcy3C
Cq78DE2y68MPaMDky2YOL5PGFIg7+uiUdUq66Uji0Ffn8gdRle+lIvIdpYzvo666YxWzV0E5ZCSa
pfqmltX3UUrQY6xBbdOMBGrc0mCIO7vjcgEh6ipDXomg32VZo7ihLvfuFIiarC4TG9HytDaMdNUM
5iHA+kXuQ+ZkI2mQgDq/2m0UbvSo/ajkM2jFsrgtLM3eK4HYD5F0Bxssfki4ax1h2Z+zAligOnXy
AV2Ots0DFpBCSuON7iv1gTulXnTNXfdVn7Qr5gNccHW6mgb4sbWfdEdFbls0tTahDXJ5aKuuPaUZ
ccxGUHQuvOLESWQrok4krglPkOjfRCSVNtP89eefv/hhV8NIpIWnc+drimlar3Y1BaRUs9KD/Etu
yuN1X9sl8Vq+Nrj0de6aUOFYVFJVV5bRWVZFeKMzF/z8NSg/jMGl94tGhYGo0lJ93QcWktmM2Fnn
L6JIH0l1a4+oN1LoclmAShVSzLk5rST1CaHHhhNYsAsnMa4oaSN/HgprHenKZ4IJutNIWC5omEk6
pDAF4imXvWHoleM8EAv685ctXpUqzxMTMQOabSnCXnqhr+QZIuE4ia7J/BLVDD450T/Z3aB4BA8C
CfGDapebBhKZuX3QwxXF+x3wdPX3whp3LN2YVckhZBNSDpdSXzpUX+19Y06pE1tkExBm4Ao+M7bC
lriPKiGvprDYwoeSvbYJDsKCPeETYWg0mUd+irEbg7nxqJxam8Gi1je0KZyVjLxQwpkWzHf63pfG
fG0O0JhDetWHCvnoqvJ9SCxB1B9NY6KfQxsZKy6RpF0RN04VT59zjd5miCPSTaSpW03BaK4L3Qo5
hxa918R9hRtystdBp67DQq9v1KHN8M6n5mokt2vta1rMjsRmt6oHA9W9ucXvplZerQWt65dsXO34
E8bAsKk+S5qmn5jZdU+SiO8VFsGhFTZ1x4yjiVqYf49Vzt4NWvS1Y9+Ha+m8dx6nHQjecls2LWpi
qi4bdgxiD0M3Ahr8KKvE+gIIUeueXK2iDXfG0mvTOG6TfhmRMBlqu2YIxtUAwowlQM/vbKjsW7vv
nnRQihmbGkVsBYa467Jhp3qFAInznYxudu9PR1spk21YDcKZei2aqZbkrl6l7kT0+bVqSsTKVrAs
B9kOc4fOhXQT5R9yDQEDSRQiO5C3yd4wF14wfAU2nt01hWZstb6Z3ZYStKyLawD3S8wRbsJibpt/
WAZeGYKeh7IG9sGk/G6D3XtlCOtk3+a+NP0vRh2F7Kb63ElMyV4nKJDWQo46ms59f2kYen+pBYJ8
zzg4FCnWdjYP61Hr7/olcBDn4n3Gh/LzO+3HCYIdgK3bCA6EoZg/AGZUZZjnZBySpyHqrpANizth
I3evURi7PvO2N3V1et1CQ0Mn0btCmXCkCUu4rc4WRlJJ9W4aUfw+Wh0K2sRUEUHG/Z053NuF9XkK
pvI+oOf/T2IR+/Xayl5FVejEqKpla9x5L0+MhoiarCGy4EkKAN/MIBWHwnzXpjELF/jStTEqoxNK
frHDs0N7CFnsHbThazO197kw9N35MNXL6klqRvR6+U4ZSMsqOs47gnwKJ0BdabZDc1JFuYspHG6E
FSwgDow1ENPsfT3MsqP6zYZooMcJpdhHNbEQrrT1Kc78ekNtOLnP+pqyGbNP243vf/7JvVKwnceV
pXF4s2RdQetqv9LLzFkHEWBM4icrU5qVnRgB64mP7buxbtSoTA7GKIwVXqmnSSIoqhv30tToh2ys
V7iXABAP4Ukd5fqoZ2EJ31p8MAmuv1YtaUdiYS+12gNmX9IgMWt4qBcjp2rS3qWoAtMjDqrLOfd/
7+SOSc3nUIXP9Z2Pr+dQd7DIf/5eGT8/fN7of1hCFYtBagjj1U1UD5neWEGeP6W6LnsoaYdL3MA2
Qdt9YO4iNj1XWZR46GTykz0Hd1obfvWrWXETWdHXqWYHp/OXwqa0C7kHiIGOshK7Vdx1yQ1Tlb8r
reYjEczjUaLca7XZKpLqSwKVRwAMlEdxN15qvLZrDeBQxNja2lpApn0qadcj7b7LJP8YmTsiNVLS
LMlxgIeT26qjlxZ2V1l9VxndyqdHryaaOBBKjpa/7WVIu6SEdehmcuzxpclaQt1r6wdx6HaEhjhN
kC/ND45Y862e5c6kGRKhJhkIEAw6V+AM8mO7UI+CzK6IsAcIjpaGF6Z30oM0pZVHi+IK/WJxqYz3
bTtHW46cAXV6A1N3lpekDPepixBccWf1HRsUJJ7N8NQZ3cGuarJ8mK2BgTs0FZOrlE2dMyNoXcUk
njjZwuE39Jqo4iq/ZAdpHyyjiA40sQqnTTR9K0J/3E/W9HWMOoWuQy72/pLo6iv5U9hVIByoYzqE
BozHkpQOvyKXsoXtNzIVrnW2KVjkKHjIQGuWUqimLxW4vjcdomcOY18DFYvTB0OrybRcEngVi5ob
miG8MeLQhFNz0vqvNOjbq5TdgwMeYwfrbdhofp08IPTf+zU14mL6bKVScOTQU63HAKp3jbTOiSeo
Q9TG5YO+fMEh7ZDQWh4Dv/wMe+epxge+FYV+CdhZu9W6btya0FQHuLRXSoSkctSzx7yrT5oBlb61
guuBnK1rYKluI7JbkiOKr2bAWmhcUts33+diNpyJ1sMhl5XLURfK3STCzWSVyfXAiQfm2dRumZao
bw/hQIRQiJMWvd7WiCj9gydlMS4zexWzlB9QvE+noKNUNVt2cx2Qf/YP+0vzhz2uaQhd1Tk/mrZA
b/hqHu5JpmTUad2TQXyMm4QT254MX5Zld8yhbBmuLKtiQDZrhSz30okDQB6GCLyQYMaNEc2P2Rjp
mzQBOB/rgMd/p+phOmCy7F0SLxUq9vGsf0cSIjGDgMJjigtOeDOcxMgH0l98w1FUbNLBMFmeCCbw
/dkwHeXm9yTNtyqiz1sQAQUBgnl3gl6lr+NCfD3TYHCNbMguUXf6SA8IfFnyMWv61MM6xirShRzM
+VtDFulrPDHKBvMA3tAgKg4DUK1kyfvMm7q762JFuHN/n9H5grs2xis5Bw0UzvnTaKE0Msa+3QQ+
DaVkGcJ+HV32cT+dIkO/bueyfj7V/58X1LjmTJF7LMCKIQZrXz39n/si43//vfybP3/m5b/4n1P0
SEey+Nr+9Kc2T8Xlp+ypef1DL34zf/3bq/M+tZ9ePFnlbdRON91TPd0+NV3a/kG/W37y3/3mfz2d
f8v9VD7967dPX7Io96KmraPH9rdv31p0+UI1FknDn3y95S98+/byFv712/bT8CmK/uKfPH1q2n/9
Jgldu+CwAeJOZWHVf/svKIHn/27IF4pmsM1AnaqbssrqlBd1G/7rN0W54HRFDUWXmdgRk7NRacgs
5VvCurApaLNmwUwAEkd94I/3/o389/yh/TUJUKjLEved6cC2EDRoIJFZ7KHOaRav73t6GFLfdI71
QLmTy1japlPabSV0hk6cCzDvifQ+JWfaKYf8INpOe2chC3AUu572SVbaG6J7H6ChCDDfOe2BSBae
TMtwD8fFa5MKErTcFRRFRL3p7cZ3xxYjUNm2u6FTM4rLOjssS8qPatLcRzh35TZCONJK+4kq1l72
08GTaAC1tlRigST7pxPULZi3m1UwNFvOlMbvlo3tGbEEegKb9cQieW8bLa19nG+oLnM/X9nsy6/n
sc4d2SharwhJ/Eqs7qYK+tidWbfXHXwup21i69R2wWpujHdVHnqK3dxVxbjVDL9czVKrU4XQV2MX
bFGizDADzcbJTQe2K8G0LBhrxlLtysQvYFbAo+ibvUxLadAI0Bsem7pE3V1qVHbLju4BIZuDZHxu
9em9hVv9kpjCG0Wry6u+xa6Y0koZqiS7wbuXItM3iU2Obc2BcqXfDmXsaZXZvm8s/2tVItQzEjtb
j7T7HBlt8yqih1FlwksWyZxid9MKCBkZNjFF3B71nq6REzD6PVKXysO2oVGTHr8WtLOvhk76IEXy
dUO8zm2mU6Trkia4y6N63ZrG6IaVVp56+oyUfWigUyb6Cjt6OESh/Bi3tnFZm2no+ShMvICiybaa
Z+StJruQNkSjUJjVNWXI6B8ORMayMX01kA3DMrk5ZBn99Hmv9502Hd2NFgMjNO7yiogv2e+2utrp
q0XZuyLAyN/pomxX/N0wS+PfZX0JVKDba7FPeG6l93ZRehIqAM8Yis2Q9OLG5CTuNXOPSAiHhh3c
i6IEmDFZwd4s+5sokfsNND06WiNsUQEBfujEZSqSckdhEwoblflxIlxsqExAuDOngMqMPJWQymNv
c/gEAS1LTXNJMsomnNj+0OuJXKNNH80y+WT2mJMaeuQ0TR76tNNvw1Ks+nn4XcnywCP9NiAgzQAi
phZXsZhuG82igtchEzaDQbmv06JCRyxDCoAQc/fdJPdtKvkeIqrIL8u8VFE0mC1MQpZFQpumvz4t
lajBAl8u8zsTHLgXTugZ2Bqshj5UT2rAqdzX3+dBGFylRxrV/SGepOux7H9vZQQ1SVSOHqbuAB1C
/ah3mKvA67C0Cpwl07KpS5RTJCJyUC2F8InlS7BIMlmM51VTDmIfjwMyRL9zpQ4ZF4GFO3JrrH00
fg5yLdmnZf++SSRrG6cRIi8YXXJkhvA/sgcgBw7Fg+idUhbiwFXKj5KigkfCb52Sb6sG1XitW/5D
oI3KhvSDaG+ABkEtOfSuGc3Cmc0S4lVzTNMy32TdLG00UGLlDO2XKX5V2SPRkFb5MZIb69oYtD3i
uWwrz+qX3OiONEcRyDG5TeQ5bLJeVKRnxnhuguEIN9rDV2CuWrqtnop/iNZruQYlRihRjCgLM4V9
mKh6dAO5U1FYoEEmjwZMkyCVGJGaPEeOmCghqa2+CZVhl0WmKwi8Q8zZ05GJ7Q+m3j0WmLiSUPWP
pfYua4oI0Wa/S9pGdtOGY3qgJpuQBmdrEQlN4gZJ9UNM8b0L5G1md5tYy72mzcl4lZvai1Ppssfw
DBN51g+lId4RgnrVaWRxyyiPPIhfCn31aFjbdKW2UdSg7wrNjNE8HeS5VlwFIrVXltW2ShPtsoMS
vtAtpNBiJem5pWeK24cq4nRcKsXeNErPGoJup5HV4Nv028nMGdeVKVn7HHG5E4iy4zCi6XcWfL+y
76b9NAWnvtezDTf6l9ZIFKdWesnpFDuCB5A85mFDDgNu0T0lu7Slq8S4gjAC/kiZk2NFhyGE1H/o
mEyUcs5P0DXy9STE2id9YV01+IzH6UYNM+3a7yII5L6+YR86r7pJx0IOEBTDB18AO1Ca7ao9R5Jq
gXqXW4IkcsfW25OWYpOaB+t3VYmCNZRMUHilseUmSLZUv8lz0JsN4U2akw8KFlZZtekLB8lebYiV
UAJCWOYlj3KmFhYkwTEcFiiIVV63RvPY1eHwD/pPSpgvJl7a6hbKTyrSqoDCQlNKfbmDIHTLp/9n
SrdxWoMDA4PiKDm7c5u2tIdVcDfboFiSytpP40DbxOxsF2RFKJnRjpsFa1tiT4cxmnXOa9xeWd4/
BHVTuoLlfdcH4xdiTvW7KNvDOsCdT2gJVrgU76cFvG4j1aW+ysqy3UvYHbMQn2FllR9GW0u8ah67
3aAzkjG9Re7QTsoRVWG0MuiHYeo2zRVILVrxCoaJqIs5UTTtKlME3Hw1fzJ8tYNX01kOZfXWKUq/
P8wKJmHEuJMb5McKrfMawv/oaKHP7x+jeKXLCrVkl9yiz2OmBltk99mhbmi3FWO6pZa3l1OTUAsS
gVeD1EcuB6HpCCQb1ngrKauJG+sIrcR2W5nqSIyilbUn1TYtjHuvGwE5wOeMCQyW9EM1yQ99Fv7e
l9FnHKz2RukDDOgGSgcB8py+P1J8YqEaEzR9a8xrUkytlUlN37WjfNjX1CvjkhPUzA18MCgpOkGv
9uvIbwd0ia12GnK1dKwJXiRkWPZlehIcooCPtx1jSh1jGjMBJBsOLJi+IiJo7DI5tchlvLpIc7cI
huRoBcmXggLMpppuI8kO15xviS1UpeZWieXumFbGvZq7lKezowAjukAIj91sBtfnL9ux7/6hi2Is
g/J/dwvLoFUXwrJsGQZwNVDLLwftUIlGCubav2380fbsPrAPvlHapJUBxJY15aGssy1l9fG21x/j
2QaIohNEjEyENn/1SfbVjZSnyUqSU3bBMH68SCmUNfEe45FuZYu8/5bCWLwfW0PaEAFzI+lEoFk5
QW6WDXWuzMzcjWw52mhgtaKqyVa6pfQuNk3bta26B3BGdHJF4q0DNHRez9EI1jJAnpQZg7/hZXw2
okEQeoCMZWzmVUuCRj/e5L5pHcFkNrgDQTxQcCMEzk9rNtF8aAZReDYtytmcxRYwTuuyEzSO+rAi
Kam9xjSTeYWfmhuTYMMq6qT1z3cN2nKeeHXhteVsQ11YVk3wby8vfA4MuRZhYN6mxgyQJxbjZVUy
e37QOlCy+WjPG1lDM0ZK93poW7KOwkPRRN2x1AXeUk2Kb7PiEnGUtKradFrjQzS8LikfZF/WD31F
HiaRf/blgspnXVGdwhL6ZV7LdMbDFIS0luxQzqfUPErcWUVjbgsFinihQ3wkmSi5FzA00sT6CP27
2M99GLq54uekSFoOINDmrg38hpQRUsHYJe8krfH3P79GlL7/4iJRQaduQAFE0V5fpCGroxqrmn7L
HpEVMwb6E4kbkqq6fR328oa/+cFQ4sQ1etATcjePHFfi3oWzoO0yohpILQQ3nTRdy953HFyyotjW
alXglWZZrYiREESIiAOgyPkk23lHzTmrmbdzY4fkq98T3Hkyq/h90cnatmiOYdYfZbMs1k0Zit1A
xhb8hW7dGpm9sRvz8xQiLmJWnO9NcjzqUbV3pUr4H/ZiMgszT5TW5NRyPK+hahHSY5HgIqx4ukw1
JrkkWoJXIpiyxJI7hV1o+6rNrSM4kQgC0tCh/Z8Gx0ouY9ycHzhygxmO3p/DHKJOww6QANolntHr
plC7lwXyAjWZUTM31HDYSDCR7AN6Zm5Me+kKHVEPUgYdjDKuNUkmW7ERkmuXMRlNlf7BGLgtB846
q3HIdfp5CE60ogm2Q0ZocJwb4lDs0J0RwWAb0lZi03QttIGEJruuPalNs9NQTy44rshrCuNYdGl3
G83yWmp9EDltZVzORE14cSSHR1uPPnRqw7TRjATzJZ+VcWw/WYniRu2SBaz71jZjT4hk2bxGNf2F
QNmJPDinpUPo5ZmmO6Krtc15BdJg4y1i+SMx7pcRaePpIKyrupLqNdKtYqUp3pynDWnFw66SJWO/
ECAKiMD7NHALDJhkf5vSnuzynQwV4UFNIHwaUzTdgB7e1wa9/GiS35NPLd4NI8W0tG68fJQmTp0S
mbEKate+xzbUSlZ+iC3zui3fZQq2tKrilIN1eA3pkDTrhpknyDZnXlJD7RfyQnegSYjxIR2eTNGZ
nlxQ3SyjGg8Omod7NdqHkRQeKyso1mWTRqiReWohmDYztP1FRqjYyC6OW4pjr0JWnGVXjBkuuwbR
hN1SSm0bKLE6EV5NKIdjQuwjNDXAxAtW/R+6C0xmr+9iW9U4jgpicc8Fm6X78N2J1MpF1jXUgm91
g83BmNmxV+qduW+oqFyyKN3OBlM/XAntykykOyVc6IIVmIB0GKvNRLXZFfACVjqnu1HV64Maa/hN
/Wspy9Ftxfm9jkdAaecbIqvCbaROgJJIp39nW43mRpaBpJd8102hlPcAJPWN3LBun+dZtabjG6WL
Rswn2INY5oEMd/8LIu5bOVXt+yDI1wUf82Wf+OgK0WeRgQirlzXTWuGyK12lt8YNO1y627bUYUMS
6RoaK6HFkuFvfYI53DE0ZiZwv4Vbbq5rabIO0mxZlLWLYNtlQOZLHOXP4fF6px6IaV5ClhYCUB50
H014BnGczHivF1J5IIcrEoR1Ny9v+ryFRisV4Tt1rqptEvF3U2mM7zP/zsBfvOIQBD0IwNfO1pp0
10WkClc+s5tsBjfQaOSTD9UNiBQMKd9An2TVVD509X1jgDcIJyU5GiQG7/pQy7wAovXK7szHjG77
LaVvA3ReBHRelVKnLLb0Y4YDDjgQIzFG73QCkV32Y7VoIaTbVtATpoawaUD7OBHo1lWUdxgPONCN
YmY3H0nVOk37Tc5mz8nMzL9UqsJ2JFghbkiSyMYK68xpWym/bMaEusYgPUR9QYj70jiHS8McZ3Qc
M9h0FIWiH3LlXpZDJJxFT9CO382uT5D4qjNCL1Kxh8zZgOqvswm2RKaSgQerGTpV1a6ssqMYbQe5
Ewbx+zAOCGaHOOmlHQ2gnDK7U6Q2Z9gGyX9sTDdcB8iTyeOAx/CuMJYIWKSw+6jMmysjTR0QE7Hb
DlX2CEWJFdf/hJ1v8vyWOzIQQ7pLikiloOgfMO4ml5EV7XGMpu8QFHymYCOQFvCsreyDHcy3VZWq
e1hZyn2at8kqEGSaG9FD1khQ8ZAuXPshYbNlnRBC1ciILeXM4iO0k1sagCP5Phy/teSrXw+fz1jc
+EFRpQAdwzCvR1hdanETSV+iNiTmtibMPEyJNgnMXN1MvU4fQC6sd9qcZhuqiNVKitNikwBEoadu
POAOMDzoOc0xCVTD8xGyqCHr79hkE2qcLLpPJ6V02zGPd4GevwNh12060pr2pXzfqzVbHoRyH60+
21b1qZ0x489QNNZt0X4RamwdpkxZHKcTLI8kWgcijC5lCtw3Q9DudKk31oEm5Uyv5fSQ+Aw7Nkch
ns0PkEgYPFitvUwXuTsxixNxmGPbyj+WYwbn3gC4pMT6sddKetljMTsStOjrUqvvOrpL69SuJBQk
NimsHd5926c82UcjezKpmfYBKZY5RqkVYNXe7Sw722Q5zsk86ENHV0T4IRNm5aLqMa9jvaTmUH+h
TqFcElwB0iyKMHcm4bxG+w8potcatyVwKApa636bsze6XUKvpHwWR0sL38V+K63KAO9EW2+rCXIm
CPjsYJQT20DOT04naf42k6xmLWpwyWos+ltRrgG/FSu5bQiDI+NxdrLavx51Cqdan6e7LOgJktFU
f68lWc2FIlLMFIQ8502kMOsQE9RWw11QpOlJsaZxoyKdzJB1O+dt86R/atOy3nF4vwO8lrjTZGPF
lEDyRJGX2tOm7OLHlLTgNd4A+ahUsjODJfAG0w/doiC3xZj8ozRU8+XQJ4Fjl4uzV9PYzMrC2s5C
hURhIk1vPppiVrZyNo07W7BJSNoYF29kDmhoAdZRLCaSLJOd3oKboKg2F82+5map97HcDZcp5CZq
TerXtAL1lYxYwbQpvwrqUHE0whIOJvrv26Q21rb9IIj+/mBROyc1XpedMeyarcHe/Xml/P+ms/Rd
E+qH1tKfzZalLXTOW7ov/rMf+qOL89e/6EWv6rHo8nbpfNEUzL9vPCka7Z0XnarzSzr3yX72G9JP
tNO6LzSzVPtCR1xoLMEA5wcH47TIg2/flmz7ggGHZZm+7Pnx3Br77hL93UX4+fv7sYv34+958Q7+
vl+nUI3+967Cq9/x3VVQLmh7Kxa6qr+8CpZ6gR8eZTMymfODUyyX/Q1dBQ47z5/Mc3v3z0H141D4
+4tAp5FwCGBUXNHlwf71+6HAOfhC10z00G/u3QtZfn5Nv/DulQvTMBB8L/2k5cEv/P7dW8aFpVH0
RAf7PERo0b6tIaDSDvvVG0HTLpAXwq/lMjw/Xl0F+8KES84BB6TQt6v0tq6CadqoR/6dOfFvbwRN
XOC4QJCCIuX8eHUjmAwVrEbEb1HselvvXlBE+tU7gTGAGlI2Fe3blM/1/P5OEIJBwgAwmSje3Pu3
lwLkL336qnZxNtvg/vjLtUAIccFEQT6DbvwxOt7WILCodf/qRWDZBzNr4Iv6y3nA1C80hHoaoLXn
77+5O4F8CfE8PP/zNUEzLqjoLK6bb8v+q4nA1i7wFagyXbC3dyPovzwGkDGxIUCn9G0MvJoHbOWC
K0PpFXHS+fHmxgDL1PMq/Z8PAdW8UIC8o9L8ti14NQSEsC8MlFvoUL5NF29tJNhCpd3wa1PiokHT
FivaX2+PTZNDAqo1y/w2Ut7cSGAuXyJ2fukqaMoF6jxwvZr2PN5f7RBtlaOUjPBP/vb9t3dUomv/
q3OiYl1Q3UYyrHJrfb8tsJgOLFPVsDn+eXne1rqIv2NRFv/aIJAvBBsj9OHfNsivJkXLvuDPGKoO
leL58dbmA3Sk6i/vkewLagYaa+O3z/qHWdFgi6iry0A5D4bntegNnZf5kKxfvRWonSxVkUWC+Odn
/eKOMC44JFDaRNZ7fjyfzt7QVcD5pPw/mBZ59+iJ/2abgOHmgmGAYBCd5vnx1u4I3DaLoe2X5gXV
YvZbXPAkP/0x4r8fC7bFoYpKGvfe80V4vuxvaCzghlq8xb92Ffiosaqjcn89LercClwaxO3Pb//N
3QqYq395n6TJFxr7Yc4M3wbBqx0CS6Qp26wN2JGfH2/uVrBZvn91EMgX6LE5Pi4ylhf3gOBAsUSX
W98mgjc3CHC4L/77X7sHVDbLcBoUkOnnx6urYMlcBQrJ1BGex8Db2yYuSu9fvAqaztF5KZN8N999
PxYM+0Jh3kVR/u3Y9ObGAtOB/ctro3pB2KkhuOf/ciyYS6WRKsvZxLD8xJurIygym/pfHAusjSQO
LgSTl/OBaTAdCopt9rcx8DzzvKE18f8yd3bLbdtAFH4VPUFGImVKuslMx7mI27GbSdN0eglLiMUR
LXpIJ4779PkWABmCVJvUqwswuYqdQxIEFvtz9gDiYqH1DAgbeUOQZByHS4AcGpxIxvciGILkXIJs
fiEH+KrMIa9PeiTnEGuCjuj1SaOKSBtZdm8HfWiW0tfHQmuLaiTT16KNwFF//VsOR2F9QS0BQ4O4
T6K7AWY8044CkRIyCzTez797v8NRcDn1FZ5BViS3G3JgQzDLiiwijl9GPr1PCowsIVkDqgnYWiQ8
3JXeKOSFSI7oTMGKKjry52saR/wVWwT8JaoK0lMS1oJP3iZlEUh8KUeB3TAvONlnjqvpLgCHa0HS
6ivU4QkTErUIOPCF/zQvXxFSY0WDI8f7OT0Km1fEEELHSLW4kC04t005F5Ykztn/FhuYJe4axQqL
OYZhyZwrpI+bxZfQWsAgqLOprAUoFxyAhxforpGLRKxUMEdylAX78UlrFPDrRLFRZxfJKfOKsC5O
W4QV9Xa2jmzemcXk5kIm1BntKOAPossDc95PBaFxDO2ixErSeiyld3elGC2oyyuwD8gc5KvFMtjF
iUUoXqGPwnSRhvfU1kKx0EZLORwz2kpXCDj7rzyyCCvqKwhY0E8W9oX0Iuala4lVWQQZBQ5do9jo
zd6Yirchz8okmM9hO/krtbmAXqXaIlB7Z+tjppMuO7U7rtg9NmRPWDD+5+mtiCXJH61dJJ/IIWjU
FEPqfBQ7LLI59RXSiYH0k5KLIFI32tfHIOYkCsmTnTQIfHq0cyBfODW3xAwiMZ06fyLpYvgnwdxN
WLlwL5D0WUvdyY9PcmkUVOwDUfLl4QIGcY1d3VBY6t9y6BzAzkVsCaZOx95NblsgnFuqTQEBNOtc
TvjwBm8UOnpTUOS408k5R8hF6KmZC/IDcqxrV1phQIezgGaFHIY2ayGEE+mtBXJJfmq+fC2QUkQN
O+PPyDeEl4y6QYGyTMiv/A8a1k/sGn3rC6f3VDvX9FLadqDJ9sNf6FpCpgCh1UP016SnJfpF0Wvz
0LbXb3sdkbddWDz4YRcmu/uE/x5ecHrr6F7dW3X/+La0jWm2qBi5W4fH9Dpwv1Tm1tybYT8OmxHf
5PuTTGTmeq/wB8DtYYQrBTk1blP+Ux9jYMeX1gMfzLE1bfeITkZvIwRULfKlqcpPdXMso6f2vE41
NkfiNmZXd08pT+3baPTISMhuH0uE9iNw15qgBX9jKwQIGztE9oxvNXJQQ5zVn2aXdN3e38bD7pmk
2rtwAElT7qLviTmXwFmLjMhkcxc/MjuiNIdpkf9d8rG3SC9b6lc7s48mYGjg0D7wVcWBVBxU1b26
W5Ge/qiG5qQRM7IinkynRq6f4mnhSbta2N+mtskTvtTAAHzeHp6jQfYsKi00EiFlOxlmT87RYl9z
LGdkPehhOMf2cm2a58ocd8PhCPQB/SO3rdnSbmwfH6M5HSrUavxyi36DiXtrffVXD81ewIkF0cwO
zSl67LYt+fvwUEaD7iuW50CvPzdjaCmAqaFrzlKPbUgop2iRb+xtY0beU6hX6aG/mHjfClRqPfDT
7K25f2j3ZbytBwrSOfB/tU1rI0sVKhfnAL+2X8tttI0Bfo4d/cY+zf6um0M341x84Dk56ucW5eXZ
pUGVrhzNRNJNi+6OJ8Wif8qLv3E3eMPBc6O17yvp2uf/fV/GI+75q2rYQ4VHEkc1JFhF5FEN3di7
sXyBS49qgd/Z47F9rr6YUZiQ+fSbFv79vt7Z2VU72dt80UsL/4fofJ+ciIGNep4bTCeiwJMg0cJ/
YPRt29rIpQg5Pz321ziqDFkkLe6fj2bfvbnYlMBx0sJ+tM09O1uE7BM+auSSyGY0vUOJRQv9l2Hf
4fizeGmGdKUaHOn72cdTD+/ZA2r8st3WaPJEnlsQQlBjP9ccEXAXfU3fL/PfyKcyTT1zY5p/6pRQ
Tv23OLkmv7GtrGlefwMAAP//</cx:binary>
              </cx:geoCache>
            </cx:geography>
          </cx:layoutPr>
        </cx:series>
      </cx:plotAreaRegion>
    </cx:plotArea>
    <cx:legend pos="r" align="min" overlay="0"/>
  </cx:chart>
</cx:chartSpace>
</file>

<file path=xl/charts/chartEx3.xml><?xml version="1.0" encoding="utf-8"?>
<cx:chartSpace xmlns:a="http://schemas.openxmlformats.org/drawingml/2006/main" xmlns:r="http://schemas.openxmlformats.org/officeDocument/2006/relationships" xmlns:cx="http://schemas.microsoft.com/office/drawing/2014/chartex">
  <cx:chartData>
    <cx:data id="0">
      <cx:strDim type="cat">
        <cx:f>_xlchart.v2.6</cx:f>
      </cx:strDim>
      <cx:numDim type="val">
        <cx:f>_xlchart.v2.7</cx:f>
      </cx:numDim>
    </cx:data>
  </cx:chartData>
  <cx:chart>
    <cx:plotArea>
      <cx:plotAreaRegion>
        <cx:plotSurface>
          <cx:spPr>
            <a:noFill/>
          </cx:spPr>
        </cx:plotSurface>
        <cx:series layoutId="funnel" uniqueId="{750D6993-7F5D-4E5B-B2CA-D34A98BCA7D1}">
          <cx:dataLabels>
            <cx:visibility seriesName="0" categoryName="0" value="1"/>
          </cx:dataLabels>
          <cx:dataId val="0"/>
        </cx:series>
      </cx:plotAreaRegion>
      <cx:axis id="0">
        <cx:catScaling gapWidth="0.0599999987"/>
        <cx:tickLabels/>
      </cx:axis>
    </cx:plotArea>
  </cx:chart>
  <cx:spPr>
    <a:noFill/>
  </cx:spPr>
</cx:chartSpace>
</file>

<file path=xl/charts/chartEx4.xml><?xml version="1.0" encoding="utf-8"?>
<cx:chartSpace xmlns:a="http://schemas.openxmlformats.org/drawingml/2006/main" xmlns:r="http://schemas.openxmlformats.org/officeDocument/2006/relationships" xmlns:cx="http://schemas.microsoft.com/office/drawing/2014/chartex">
  <cx:chartData>
    <cx:data id="0">
      <cx:strDim type="cat">
        <cx:f>_xlchart.v5.9</cx:f>
        <cx:nf>_xlchart.v5.8</cx:nf>
      </cx:strDim>
      <cx:numDim type="colorVal">
        <cx:f>_xlchart.v5.11</cx:f>
        <cx:nf>_xlchart.v5.10</cx:nf>
      </cx:numDim>
    </cx:data>
  </cx:chartData>
  <cx:chart>
    <cx:title pos="t" align="ctr" overlay="0"/>
    <cx:plotArea>
      <cx:plotAreaRegion>
        <cx:series layoutId="regionMap" uniqueId="{770094A0-D28C-4867-AD63-DCCF2571C188}">
          <cx:dataId val="0"/>
          <cx:layoutPr>
            <cx:geography cultureLanguage="en-US" cultureRegion="IN" attribution="Powered by Bing">
              <cx:geoCache provider="{E9337A44-BEBE-4D9F-B70C-5C5E7DAFC167}">
                <cx:binary>1F1pc9tIkv0rDn9eqOsEChPTG9EAeIEidVi++guClmSgcFThvn79JinJljD0WBujjQ2yO8oAwSIT
9ZCZL7OySv+87f9xm97vynd9lqrqH7f9n++jus7/8ccf1W10n+2qs0zelrrS3+uzW539ob9/l7f3
f9yVu06q8A+CMPvjNtqV9X3//r//Cd8W3utzfburpVZXzX05XN9XTVpX/+ba0UvvdneZVJ6s6lLe
1vjP9xut6p3avX93r2pZDzdDfv/n+xcfev/uj+lX/cvPvktBsrq5g77MOkOUcmxbDB1e9P27VKvw
8bKBkX1mMo6JSdnTr253GfR8hSgHQXZ3d+V9VcGtHP591vGF3PD+zft3t7pR9X64Qhi5P99/VLK+
v3v3od7V99X7d7LS7sMHXL0X/uOHw93+8XLA//ufkzfg/ifvPMNkOli/u/QvkPyV7r7tsjeEhJIz
yzQZMZF9FBJhngkGoBFE7IfXS2BeIdBxYH50nADz1/lJAvPpvsxAXZ4G5w10hZ0hixP4b6IkFjkz
TWLapqAPgPCnH31QlVdIchyRHx0niHw6UVUp5ajf0npRdkZsSojA7GHgrYn1whiQYdw2uXnQJfwS
mL9+L9BxYH50nADz198nqSrXEdjTd6sq3am7pxF6A32BwSeC2Fw82inxEh0Ln3EsBNoDdHiBWj34
tQe1ea1UxyF62XuC0/XqJHH6q0x2qtqBK3wr/w8aBOgIRPEjBhOMbHLGqI055+LBGU1M22skOo7P
z54TbP66PklsnljaO/39navTJvsm35IUiDMbMcsC/3PU0lnA4zBom7AecZzg9L+V7jhmx79lgp/n
niR+7i6V33Wp3hQ164xwZpo2fqRy4H9esGsM7BpbxAJsH2B90uwHC/g6mY5j9bzvBCH3r5NEaHvf
vfuqy+RpjN7AQ5Ezm9qEYjEhDhYH14UQExAZHV5w/blreo0ox2H52XMCyvbryYKy3GV5Fcny/mmQ
3gAZemYKbmKb8qNB0J47WJZJ7KcgiTz99oPm7If5VWL9GqVn3adQLU8SKvBKutzd6aeR+s9RouCV
bME5YqAs+9fUviF+xpklqDmhdq8R5TgyP3tOQHEvThKUz4OGFE/4dpgwsGm2DeHoLxgdRtYZ55gx
UKxjPucVAh1H5kfHCTCfT9Wwtbu7t2Rw9hnlJmM2psd1BZtnJufUBnCedOmly/mdPMdh2d4/9Jug
sv10kuqykbeRDHfqDfUFIiCLWbYlHl39JAIS/MyiyLZsIHGHl/n02w+e5jUSHUfmZ88JNpvTjE5d
rdT9bS1vm7dMuu0dPcccktRH1QZybxYVkAEik4jnldIch+ZF5wk67mkm37z7dNft3pKjUfsMIQEk
jD7GnPbL6AZINDOFyYBeP2jOBKHXSHQcnp89J9h4s5O0ap93QJ9VWOu3tGvWGcOYWhQ/zuwAQ34R
exIEPMCkoDkTcvY6aY4j87zvBJvPpxl1rtSdfNMpN1CbvSuBmP9BK+yJ2sD8DpgzSIvajxaPvXQ4
rxDoODY/Ok6AWW1PUmnmEM3It2RoRJzxPfsidIoIJEGFRRkRj9RtojCvkOQ4Ij86ThCZn+aM20YC
Aah0/YasmZlnFCgz5KAf88+TCNNmZ9gGWGAS6KWWvEqW46g86zrBZXOamrLZVdXuNmqq+7qunobp
P4/+IdKE3CUFJwKO/blrgeSMicB4AWd7MHFAqZ+HMq+W5xf4vLydKUan6WYW97oM3zT3DJPSDIix
sI7PGAh6xhijUPfxqFkTo/YKgY7D86PjBJjFaQDz70tQns+7vfjk/7LuBkgAR5APMK3HkoFJAtoG
bo3BrpFfRJ2Typhfi3Uco0n3F3dyGmU3q7td9IaZTMbOqLCRRdjxLADGDLIzNrUg1fnSmP1WkOMI
PHab6MjKO0kqdlHeh28au1CYlxEQO1LzkSO/dDD4ELsICG+ADjz3LL8X5DgaT/0mcFxcnyQcqzSV
Ssu3dPXoDINqMEj1//Dozz2+sM8wA7i4+JkKeI7LayQ6jszPnhNsVqfJkT/L6larSr5lpA+mCbwI
p1Ax+PB6qS0AjkWhDAfM10MKbeLpXyXScXSedZ3A8/k0c5gfdFNH79xdqUGFdk/G5T/nyhQsGqI2
I/ghuY8AgxcKhKAOB6gYxsezzK+X6zhQ0/4TtD64p2nodPeGGEE8gyxmcosdr4W2KXA2hEyMHq9P
ZgJWv5HmODIPvSZ4rE6DK7+QGsrTP9a76A11BmbMCLUgPHl0KhOODLpyZlqCEGJOkPidHMeReOj1
4p7glk4z279+6zpBASkwBqGkZR2dhrEF8GeIWCCmeXBBk4KZ38tzHJOnfhNU1h9O0l59vq/qd58k
BPpvW2YmINQnHGYwfxHqI6gyg5kAG/10Ps/Z2avFOo7RpPsEqs+nOtFcVRL+z3P5hhYNJisJTJn9
YMnTRDOUA3IoPGPksZ5mYtc2e4l+L9RxmF50noC0OU19WsNT3NwmwxsiBMUxBNgyTFxOCBqHWRkw
fow9hqSTWZnXiHIcl589J6Csv56kkbu579+0Qh3DLDIVDKjxcc8DLAEWQ4FjejR+k2Tzb8U5jspj
twkkN19OEpLNTqr7t1MSxmFSZr+u5pmzfx7MmPYZwSbMO1uPVc0TXfmtOMcheew2gWRzmlP+57qR
1RtPLKMzW4CSiOn6NBtDcImBKIvHBMEEj1fJchyTZ10nuJyfZgjzECh7u+RtpzEZLKMBjYCa5R/0
+LnGAGpnhMIiAGxOsHmtPMfhedl7gtAH70SNWTm87UK1fRnz3uvzCR2zzDMLAaeGvM0DapC0ec6b
N7vfS3Icl589J5hsThQTYKW6KeXT+LxBwgwCStOCVWfs0e1Pypf2C9MsCwrLn1YXHqHKv5PoF9j8
uJcpNqdZYb69/1buquQtE2VQk0ksiCith1W1aIqNfQZ+aM/Hji8afI1Ex7H52XOCzfY0WcB+mYp/
X1b3bxjCMJirgVAf5gOOa44F0wUQgcKmFQ9GzZ54nNfJ9Ct8ft7PFCH/JL3Nzf2+pqm6f0P6TDls
4ADKATHmAwLTUHNf80Rh4eAv1ja9SqTj+DzrOoHn5jRLm7a6hPmaN6drUDsLQSdMxzxWZ0yIwZ6u
QR4Ais6edOjJ8T2uPnulVMdBenlPE5y2p0kQ9kZlc9/L2zes2YC16zCfRi3MHt0Q0LOXpNo8wwj2
5AAcJ/i8SppfoPOs7xSbzUmauIfn7f9gzhMW/1EomeGwfObwmszfWFA0IDjDFkwbHF6TyprXy/UL
pA5a+PO+pmi5J4nWRSTfUIeALDDY3QFqbB/ndSY6JCBjjWARrviFpfudNMeReeg1weNieZp4JClU
or3pBlCgN4KCA3qs/5+uqrUhRw1mDaGnZAJ4p+dh6cUrJPoFLj96TrFZnyQ2l0DeqiFtd2863QY6
I2zY1OHRav3LqmfYi0NQIfZTpT/43XN8XivVcYxe9p7gdHmaSbf/gylR0BHI3KB9Uc3hNbFrFkyZ
2rB0DQjEw/UJQ3iNRMfx+dlzgs2n/ydsfr333Y+NAb1dvZsddhR8tv3dv796uHnY5nDS9d3Dg340
//NwaXX353vCYGuHZxXT+y957PlAoJ/qMf+ly/2uqv98b2BYLL3fVwVRKBLlBIzl+3cdTK7vLxF2
BisSuAmpO9NEmENiSO2ZAGx2CCurYH4V6uCAuQMtsUEGSFsdLuH9qvl9RgkWLEIRELJ/bOR4qdMB
qlt/DMfj+TvVZJdaqrr68z2292nb/OGD+xvkiDOo7t7vFodghYRABMH12901rPLbf/6/kqoZk66x
5aUK/haoqHxVjJVvpmPvVt2wHNJwHujmU0SLwB9tUbusTD6KXt6FKKpcIZlybZwp/2cjdKv8IKbn
vcmxl/b0UvJE+4empMm6LnS6iC0epQ4fA+33dW7NcW9s0rAh/qHRVhM7YxYTr9blzG7LYmVirGd1
RDsnTk1zYfajcLIwsuZV0nazvMqSZUPbdUDZbZwawWUB+1zOa2p/UiJOnZG7hRlYl6btlWE3XDZF
Ia8Ska2Cmm1xL8Q5qbINb5JypVr6TZqRnwejsQ5ZZzqF0al5AXuzJPA9PPNLo1D+4aiB+knfJP2n
vGtDr9DmBW1VvuAp3yYtStZGFCu3raq7oA9uUURNv0/FMNO5ThyZmZ3PRI+drpWmWwbNXOGOr/N9
Y7c99SkslM3Ccl0EIfJKVio3hLsxYp/LXPt031RtqB9OD0dYqZs+qROADDBQoWksa6t32iIM18lY
1d7YDLmjWuypDmcP9wAexFwOI3PqRISje7g5BL/mGGWeztqulrNQpzcdjc/jCKXrYSCNN2hBHFIm
li+aiHsNIheSlR422DzBZe9jYyAOCknqZVWUZk6L2srBrVl5nYGdJtSlL2tzFQaiWiiuytTBtc49
3pjE6TurXAcjJZ6VFAmALOYkC60Fslq8ovbzoZ8g8RMdLRM2M8rmO2VqgfIhWGK7jB0s+nxW1qrx
D03fs3ImNL9Hlh5Sp+kqPzTjctEUvPTNvTIcjn42vRFVPkl1sGADn1P4ef/QHG5ociopKfxyDJhb
Amd1IiM3Rzdp0sJ/OBx7ctmlSepKTL4yW+b+2Je5fzj6eYr3741WyZYiS90D8Jr0j5gfTn8+DIej
cegLD/OqdQ4aeVBGa1R24kSCPqrp4enoYv6FZpLOoI7jcUwP43dofr5HIwutktjvhlH54V6R03EI
EoemQvl43xyupGMXeCLvYkeGRPvJj6avapB2r+eZLGXqVEkkHW5FckZalvsljTMA32pz/9l5mszN
ob5iVdWNMyGDzI9Y04+zMt2FCWr8utXMk4bonSypRx/WDo8+3zeH00ND7LhyWJgbTsa/xjhbYhws
8lYlyzCvqSd6rR2biDF1+iGpfVGWcFioQS1UX6/LLvgsdD9rNEGeJRvDF5TeDGLM5l1NROIchGKz
WsrUR3tlO7yB95bw0NAfR4dTu9J4YZdogS0AYdh3IEFFFlksN+AgvLRQeJXUoV6bGdaOgYxwZlA9
wn1Dgwxj8O2ik/OR9V9kVtq+NKLIZ+NHGNkEuyFLWz+g0LSR3fgDKPw8iPiXvKrDdWmxGxHTbH4Q
sdijHWWod3qTZF6/N2iHC62Ms+ILUMViNXSFibe4i2+GoR5Bo1HlJeNVZReZozuWz5q22sZj/60u
DeZSo+sc1J7LsCydvadzCQnupI3T1VjkeF5ktUeC8kMqkFyGSfMJsWJpi466RNmwYxPm3thlV/a8
scvUlxk67zKZzlUBnyhkvQxHPXpNF9sOUOhNLiy1EH3/te9GD/fJ15Bpe0X7mHpVJkanz0cvJftH
oe8vaJkoFzfoazDgYKZxRty+abaS6HCuY5H4RDWmI1tZLUK4O6cOczYrBzP0FGkvkkidp/mYgYlo
5TlTmTNa8DSF2abR3EUkH9eSG16fMLkaarLBRf9BRBV2Ox6kDsos2+nihsyGBvwbF/2y4N16jLvG
z4WOnbKPqrWdDJ/6MlLuEBulJyJ1l0DO1elFc2ugkPljjq0ZFalw+qoa3aK9CoQRzYjdfpRjkSzy
eLgwYlGvwqFr57JX2MnToXNNI7qgNKZrq+LZSiWidmLqhOkYuSrLzBkPkkXF89iJCav9YdBro7Sp
o1XRuryvikXVJJlLq6CecdkQL+wudBiTGWdF7VKWuH0pA1f0Y+y2HLaGbmhjuGksMNhwTd2SUTqn
tKGuyJL7AY9oEdrDTZMOF2lpdjcp5JVnIzXmtabWrNc1naNhdAYTtZ6NSbMkcZDPixy+dKjSy3rk
ygHg+zVRibHthwg6h3fRkJpbkRqpVwR5s1BB9rHP636WWDGeY83+1nEezrvR8BUdCycy6/BySPM1
rQWaj2XoGkZpbBszQU7YicptspY7LU/6D11cVnPOmsELM9u1RIM3Iue5l+EqBC+Cim+pmYfOiEEu
SZt0TqKOuELQz51wo2atbZQ7oyIrHbUeQvIuCaPG6bJgdCLL2DQtcfFQDG4L/nxZ96BArYq+Vlmb
e2jsLK/NC7wyVDeAnbVnJDGNDQhzZ7EhdlqCjRmmbsXGO6zopZUFVyq3NkkKY2oi/XdtV19F0TlB
b286nfnMAr1NSFH6URxuOxqJJUmtJZBL7EYJaGcURZbDg+a8yjD/OFqBMR904BAeGitT5R+TIV41
3PCbssdzkxmNl6J4TuK48Lqoc3XDok/atG9TEoM7QSH2BOLGdqxnTabjhTWYoJM4G92oQ+mMR72L
mqG5tEdizFqbm8AMuttQsdRJ0iBejilP3HoVmfhzVyHi5Qb72pvgaCybOGb/sZbp6PUG+56UFr9S
5U05ROe5HfYzK6yTVZmYgwe8lPhKtyBuHCwrSqUT8CSb5WJZGqS/JIn9AQS9lDJs3Mroik1MI1cO
4arKzPt4oF/GPCSuWaBzigIxY6gt3ZDmnozYtsHALVvY9M2ps8ZwygwZmyzoKkekco1o8T3X4CLK
FkVznZqGE2NDOZRGQGlJMStL61vPg4vYsIt5j4qNDMZ4ptvIdPsEn9dNv6VDJd1GJVfESq5LlCZu
1dY3rPFoFV2ktSzXkZk5pZVZTsh1v+qSFjsJrkZ4VCR3S9FxD0x/6ASiwLMiL4GB9dXnLhkbL7+Q
Ohlc01SRM7ABL80qXdCkMTZQr7Pj/G86yGBdBoVyeNSBKwKtrwslwdUml50FVAaxsHYxMG9VfWub
JJ1bo7EbVTWPGvUlCiUw8ZFJL40ofMr+HIlCO1BkBPEDC7w86pplk6O10SeWBwUN1iwxijs12vUK
BiJ1jfgi57Vj50Z5OYrMSQ03smK+SU3pmmMO7siQlmMkRe90uh88moa23/bSITQXDgGPvR5wNwPz
1GzBl4Zu3lyWomhcHEjDI4rAwA6j25m4dDIk9dKSMYQ5qJ0lvZ4HcQQEraMKgpM9PzmcH47CBK4c
TrsqdqvBAEq2pzWHBrhp/nB0OAWXqOZdpT71LAf6nal4Bg13UBcrL96TqEPT7bnR5FQ3PV+Fva8I
8D0K3sQrxuEDpSVy2jhXTtlVcm01lvDyQhaOsacSeRumECUlyqnMplxELPzYq/Qj1WiYG3Y1zIoE
mFeB83LepNFtiGnly30zGs1jE/c9MGABNGipAKWsyCrfYjz2SCWJk0WkBhsa1H66bzBvk4WM5HnJ
8sJXQ7tLQmOYUZKtZNe2i8PbJZZuaJF2mSHToboYfDMcBx9ijMGXiNcep9n+8bJLXwhyN6RjNROK
NcAGZc5XLfIb3JXPmnrPykmYWfuwbmPuw59Dk+/5cJYr4dqwVYkTFiYER3s+XTM+oNnh3E6DYZ5k
1oXgIgeWCBGNczikKcr9eM/KD6c4Bq4ZzNme2XdJLZFL9odguyLkIiCGTbdIez1uhwqtA8nwB071
pyBN2iV4EQxahsJN2BabkWXshoWBG1NxaWQaHm6NjYvYkndNRJNF0WlrPVSNnoscKSeo434r9k0Q
1fdjaqbzlFuDb3QZmuES4qMxauzOS1tsLKIA/S0V0Cds3spwyGdsaHM3kxZ3+f4RgcR8sRi6zLzA
7bAMFPAFFZm7RjN+XrSBn8LOZVtl5xCaZpQ4iZEq4G1dNa9Ksush5LK6Sl+fg2vIPxiFdjOj/Izr
OLwxhWE5dS65B9G44TCu+Mc2MBMIgaWDWft9SAO9qXFNnCrNw1myjxdhSww2Y7wFlbZweRE1YXnR
mRz4J9LNooz5Gp48AXYVTKYpsQKt1KPpSZOHHjOifkPs4apPq01u6i0AYS91yuNLhu9pVSZbVqxi
NVKni3LToyounQ5cvFOMZjbPKkvPK3sonCKXw0U8Rt0cm4HbJrjxKt33V1lDkUP6YtN2GcT/8MA4
vDNqNy9I4TZWP0NozNZGmJWrvhReoFi5tQdZbRvdV/NctuDPexlvKjMSc9SV93yApIEdBgvLrYux
3tQVHZf9wC4rKfSapl3mxAZEMlkFonMauswGExza8CwDv3fzCo1rsAqrqhXoZrDG2OEpIStTV3cF
GdN5TBK9NLpgbrQRm+kikt4gW9ByPFx2tvXFEuwyanq8GsbeMTrOr+I+iuYi6XelHf5tqIFe1kPR
bhXLXWUpYwPL/4OF3bA7WY/pQjPEnAFirCuKevCHvPcyYC0LoA/bFqt0rXgLfE64CtV6Nlimcjra
UQcnYKliUC63obi4yNzQtOQF/HWPcz40bBsTY42aZFiyPrutKTVng53GEJLG8ZaINHRVk/ZXSRGq
ZQtOuoMGoubh3OqJj4BRzFrIb7ljifGqTL8MIobwRAOuKe9jL2pYAcF7QLyoiiuvhjtyRFxZ8HDl
7SKKhO1kBUgjgcErMDOLahyoi5IA7rS09SyBgJVA0mHZFPFnbUIgOyb1uenkRhJcsRBdF5ClWcLX
qlkRNgV4eQVPZmktlE4KB3Cb4aRPLoisZpEMgnMR9HQ2ZMy3cHWVoL47L5XVnR+OIEQhbmLEyDPN
Ui1SiKgdBTQV4p7QTbvBXkLUtzGiMPWG9LqN49DDAYrXrQ05IEPHoQvOCPt6aOdMy2Zjx0XkYNPq
5vEwC+KunaHCrh34IxA+ywrzQ5I00TUOe+dzkfCFXevbVKRokexjHCOMLxr7oq87tEG4/Rj1AbpG
6mtTg35pHc2LNkPb1tTBDKxr4qryG0Zj5TKzrOcKNimIXJKNq67KbIe0DXCyDqcXVRpmFyKPkm1a
fetQmLp9TctVVFvhTT6GvpEWYlWU8BVprO86fJ62wnRDFVluVtbtPA1LvUWML+J2wE5UFvVa1/XO
SjE9t5t4dO2mZF4Mu4o6WRrkM8h1NEuujbsmt4Z5w6zURcr8lJS6XXIWf2hqu9ziiOtVw/DNwdBW
Y3UdcshrGCHvtjjOILwfkkVvBaNfq9JFOht8hlJ4EJpo9GqBL5nswk3DyZzqKruMKNqCN/paBbj0
leivLKhr3kgNT2AdNE6T88jhddbNBgZZiNJKDGdI+3wOE2UfwdCkKzyQFYTAtzkv080Q2r1Xm1Y/
D9LaWqxGWxWz2MqFpzviExE181RUObAVYQGyEsMT8yVhEOyWbQ2raQi+kImNF3HSUg+yxqajMwPP
DTPJPDvqSi8n5UU/ds31PpvaL9Mmtm5rs1vUlTkDnaqW0ixSYFNy/wzrRai+sQ4hUId2GeoI+z3+
BhSjWyZq0EvEuZPFkVqNppCeaqpirpLC7Q3ZL1Shl3Zq3cdA2z8yYPdNAVFkZBjmBnM/yrNiOahh
F1spdwMTVMlsh95lVSHBrZDgY7LJbL6KpZlu20TzK6DXrduVSTyTXR24Buq1C3/I4Xs1xqGjzLoG
qhtJ14K1sm5oBMIJNBDsBqubgobOMA6GK6IugYiWiHmdmWzWS1m5FQECO5rA5s09HSi6ks67kmwP
VAzV1ugoXtdOo6tPdSpMLyo19qGO7WMBdprVjfK4bixINYSdUzRh4oErO29DGZ7zrl8ncoBkDJD1
uoa8NQ+E9syRb0bCMSR9DC+RY7YIm/S2Lwfby4b22qrJp9Qk9ZoabG3HTe1HKSmcbCwdy0rzleBx
cNOgpveibse6MVp3aQH2acAtmDGZXbRj7uHQZhs7G4DUEwGcMyo9hJPRt+y1Qrrc4Gqbt9oC4hu0
cy7a4UNIrUVSxd0SUlHMgZUr7UxXgXQjmUbblAP3ttiYzG0IXwuJnBJHhtvk2fcSxWHsCLvb8TK/
lkmezXiRtI40g9oRfXAzDgmFtKYROwmLow1MQELCwUbnjRyDGbKMaDUC/XGltCFqJR8gkvrejqg/
t6oawgwdV67W5LtdE0ibELrqRjVDgyG9MMkY+AyNZ7SGREcDfwBnljPZr5vGmNtlGTqwxaP6WCLU
XzQ0uDDZro7j5jNrYvBsY1o6tahuRZJG2AEruTXqCDJRivM1zM7Ooey9vSpKNLgGVwIsDAsWPCkN
j+UlJDkrfK3A0YVFZp+HbfR5SG3giAWXTmdAYwW6WGcocqqWGXLvZ9AGgiPwh32qZxGJQkc3qXEe
ctQ6sV2Vywx3yxwzyHTtH1haEi9h/UyZeb9hdmUsEpV/QYUoz3UXR2sLpO8NS7uNmRGvhbTZMh2D
XRbm+ccBFFG2Aowst/tro+gWY26EH+JALbuKwzOmYP4DxxgC0EroBReFI+268bqsY14Koe0sQyF3
a3A0sygoe5iyYKGTdC1ddrZq11GZZHs3b3hBTclG7n+lgsyto/AIjlQDmRd0cJIsbiG7zvENlWHk
mX3VuQImayB8KBpfxtfaVPZMwY+6oq3IMpLAUJNCb0W47dOSr8ukDJy6SNNVnaRX2JDd3O4AAMuu
udeFBoRAjQ0OAEJsVwxGs5KEuVEYpRtITCw6ZhvLtiDVmnaqnrOqTZ026mOYCrLwqjb1LeFAinAr
6kVg8GBr2pCSSAscLoEVzWkXwoiMlZzJUUDqmLT5imsB8ZouSw9ykK1ndQb1ImWoxWGgcZS4FONh
axSBY9IAra0ceDCEZy14olHJOYsLsazN7DyQVnmFEXG7PAdz23FIdf1tMLtwldA3KI3HJQ+p4ceh
7bQDqTc667626YjByoaQuugZZBSzZiRz4MqQIK2SL6zoxwXPRnoeZJm9KIbsW50lpYMG21raLUoh
H6lg5oSqc2kCuQggveqxvozXutNzbOQGpL5hxnKVWDlawUTh2tbxBfjkcC3qIN2YGZvZRqK3Narn
FO5skfcSAkMeXgeQ29woBCPVfYEVxN25SOrcMQNazJioTT+FXYwhs2dc8zi21odGlG0MX1fGLqIs
u+B5nsxZl4E5D4FCFpkoF7KzrA2RptrAbYtGGhcsNr9y3tirYH9WW/HXHp6HNQT1LSTwwRZ01Pyc
WYbaFg3S25iS6zzsy3Us69YdIGadWUk/y8nQXat909vVLFXNtd1CpKr6uLwo2Kfcsps147rwIHgg
54ZVp+5YaA65qLhYjxLHK20nnadSfEkio/+Axgie9WGMPdmPdIH/h70vW24cV6L8Ik5wAbi8zAOp
XbLl3e56YXQtTXABwX3B188B5DJV7uq+975PhAOBRIKkLJFA5smTSWLZYYEfLmJt5e2NPvOj1CSb
iiJgOcgm3aY+bNcAa1dU93F2yLk8Ty2eXyGmr2So052NH/W2TOrI4HN6EyS9HxFmWThr/22cKLnP
cBsG2JIfh7gKWWHeGomwbuHz7iXeBHaq3Twig4RxXuyJoO0ZSVbFpqk8Myzb/gyAsD6OSToD3yb5
0S1hNlIAt8Uc9Dd+s6oNB5sBXNOwqPJVmdNmX3EswrwwuptggscCxOnO73ATOUOTw8w89U1Z33iA
DlM62quicp5Gah+rpva3Rpak+8SPeWjXHYIndZCf83k4Sy8ZDgXgwDYPxpAEIt1zXgKnGeZwJIKF
GeKrrTWTEAHMIJyxeEYTR4ins7N0bYnSWVNXDFg/AjzXg/tXmjU/zMytt0Hpf2Wzdxjbgd+KrqgB
u7d9VMd1v6aNvG0cwSIZOGPEAE6HFeLD23maui0psNVncJs2I3cU4FZXm9Sotn7tWStmJ/0Lp82p
N1xn73iIN8vZq7Yzt9LQLEZ2pEX3YPp9FQ2iw2edYKZXfv9UxYF/AoD7lFjYS4q4RKw3tYK123t7
zwhFW1d7d6bOHj43bo4e3ttM+y2nwHYtWTfY17gB79G/7ybAUyPNWWgYBlnNLYXV0wNRqq32h5NM
4ljW3joxqdilWbl2TGwybd++lq74w5xFF8Xz+Gffw7L1p2yt/4/er+nWkd7ryErcwGlS7Earf2b+
0K+ZiAyE3c4yfnEnkmwGo5ZYAl0AxAEitx4CTwfRkacqPyKncnojFPvO2BC+MWh/ifHpaJ8O/i1x
v2UsifsnVpflBmguwF6usKRKRWP7Vqz7GCCMYCSS/sAiBJ/KlRH0BVaCLCTGkAMXKk0eFZ7iIGg5
a9sIQatkD/DQPMzBCJDV7eKVNTKY74RMh6wLinVK0iH0zeQ+6YMk7FiWrnTcvlNhfNhQ485q2Mrs
U1ATTP4nd/wesKyxC5pzhvI72wSh48OokDKzCLwwTqogal1rPCR2yVe1E1thlnXjQTesyG7jrku3
BqCaQzuTYU0m3NwcUaxjnDfwlKl9j4elCQe3fqFytOGzpKwK4cuIY1ZYSYSgP1+ZgQ8Yw7Wq6jjj
CfFYPu8Lp58AQksRZXbWHDzDbA6BxM5ry0CGwEGfrcyowiTjbRg42P7iukWgnSUkggsSh/o/0U2g
Di0UyLeMGY6dbfJZPH+KQ8cOrKQc3gid4vGg/3PdE1U5XYla4VVztmpAtg3hHsIKbvLxoHv+R0+L
TH1hwrafZFffspo7Ea+mIsTCXqxnyuLDqJqgLOHiOwZdDaTpD7qh2L32shEIByHcKVELpAhd1a0K
RD51o0VpwxjNMhGEhE+nwc/nY5tIE3YAvgz12aTCNIHnKxpGrkkKOVZnoOoIGiNaAYM3cxr4fT7b
tpX5Zs2OsWYKNDVMNLnGS2GDtIfAoy99kLFNg8jygdtTd9C9XPVYWdBN22VnPYRA4rRn3kun/h2R
Zu9NVw1sNQ6FEw4KEdZMmcT1D1zMJdC3KgilW38dfIBmpZsMYdHNIMp8NIMjTr1tNduB5WCN0CGF
X6UQYQQHrXXgZPnOGFzAiEAy04ncET+3NtdvLP2FWfRNVHMD++39LbEf4v99Ehx/+hWmy6B6yewi
4U0Cl7fT/ussFOZU7Kr28yRFEPs41/KyVEXK+nhz6iea1+V9tv/AAftX5X9JEHMsB2zwj1fZ/o0g
9vd8As0ruxz2kyRmOihQDxotngvTdYkJJthPkhhea2tSFD8FQ5CgrI0qIPROEnPwJjUUeCIol+J4
ASByZOe8k8QcCwWJkKLrO3hfrmmj4t3/QhJDss8njliA134hQA34k1qA0MknjlidEdA7kjI7wVGP
gKfHInSqHqBgMZ0y38VCo9cTZge1GblB6yDIaSG4ymNg0W29rhn9Rjgz1g6FMwN6UMvw0OnGgft2
iG0fbB0+f+EWODNOhfsUEEhb4Croln4wwONT3T4um4tei7kXw2bKgxhOF3hQmhhTOfVdzXvgYYru
ohurbY081N0q8Mp9yr/jQbymrHm/Mth67iTr2TJYGCvuiWbEaMKU0CQw3e0kAZOKe/NK7yO9oscs
24oWtSKwYHbEs9xdnmoV+9HUmaWhCJ9ue0KPy76pt0xNpIFvaWxk2p70UBXTKZoTPwURYC5gBpUM
rat3w0GIh8Jqm008qOgV0dEr3fV6e9zn0wOtwOgKnXauD7UK3OhGi5kyH6zU+Ksx/H48oixQB1fR
G1YzNbLp6AHCKBjgFRoDEquG7x2f74zeGQFslAg6BfymY/25ycxkM7fD1i/LKvQMxKOaPu0QMBme
YpZtrbgxd5bPn3oGV7Rize1oAZScvXptVllyxxBu7ZqjLPPmCJpBc+x5IraDZf0Z5/nac4x03Yxk
2Dg58DQjBzFDjLIAzwqUwFbsExW70b8NjMLnAjtLLG9Km7zo3y+RMt3kLfGb7o6I0V1ZboeIw9hn
cRiTmUTCdH/gxQft2o3THos8VmjdCz56y5hTjbBfFlnPWcTlOD1mBqDmhHUB53juq90y7z+c5rNa
nzaxGcVPrj7jRZ8fGwljYLkm1R9ukZfr/e9jTRXQKC8l/Ft1Rd3wBgysRVzGBrixW4MGG+Ft9Ojy
tVy+gkX+pNbiVGbgEfVgKWqRjVa1bRA1LhTJLFXPl27KDxG7Nohoi6zVTZnl8OrVJK25TFqOJKnc
zh2ga2z/gEF+c9pPY8vlq1kR3z6ptbjMWT5N2dVdCKoBfCR1Ea343bzlfAYM1E2TB6dlaDl0GVv+
t2Usb+1z47qIcervxHa9Z7xCMtkgKCYOhkBTtaIxAY0iVtrYRi+jz13bR8jUmJNz1lvWxnbr1lyb
VmKBSpSAKaPOsZztk6jPlXs5mLZaE+BhK0I9fY4zsgOecLne747TY5eD9Xn0B7mcYZF1T8/8NCb4
ZO/zxhT7cWSwAuMvZD3yEtFfFyH5NCgm8yKnBTjDsK2huurSGSH8olDL6GdV1e/gFQIkB2Eu9dRi
MZdjANSyJGGrfIdBaRq9JVxNSvRUrQNUzg/LVC32LrE2c05vddC5+Ig86/Bzi9A3/BwQVzdybu/1
2BKcpu2EsPUi64MXUc/WzZj27/FshpKFYVDaNJLq2+Ggdx10TzdUBENU+xJG5qLoWrpK4QaEvQVe
JFbo6+Z3Y12OdRfYa6++k0nvg6pnq0dQj+WaMKo1iTXtKjJY2wk+fgHEmICt6Pv+xirT28+TL8fp
UUPf1p30EQAt2C5TRrtu+iHGp6+SIeqYVx9ctbnpJlUeku5phQWSSRFW4tVspmFvKh6vbmzPHIuw
zGwfCHXyNqmvymnBkqtawHGJieDe5LdpSCy4WYiLg7YAIP4wKgN+afQYE/SrWU7WmqS2POhg0qAi
SoiYWttyaPet8g/y1u0Oupd1cTgQUe3n3qeHUTXW1M1bt3cPzOSjGcWD3WwSIh+aWCBWmQlQ7NQN
o3/fWf3IRSxxw+jBXt87iBTwQ3GURQLuQuzYDVZvt4ribgSHQH8T+ouJib8jVultY2mSQ9AH5KB7
jDbvvdntERntBQB5rvgymlFhSwI/XDMqTEVMtpkwAd6Y2cqf63ZnTy2cRCLHR81sofDcQqBQXkRp
48g1GNjJOuXgQoEY0K0nA2BMK9PgUIBFtU59Y4wmHwiJXUqEEQxweJRVBxIwrLdcWXNa7pZBLWuN
bgADYGZlF3bkiCkOL/Kiv5qkT6LlojDcjQ3E9XIdCctwFcSI2knDefStkW8mo5My0gwfB4bNQTdT
WkdxNTo7MItdK6F7W1OYVeMoy0uLrSY3a1kftMzpDBO0Zy0v05c5jVsjICPNOFpoLrIH1xgMCdBe
cJcheULzXn6rR3DXDIXwM0T+sN4vc3TvvxjTUy5X0YfE6fgdrIZm/elUy2cfJmDaZAZZUv9T+tta
/t1Pov5Hc2NL5X2nNqSlsdQmtIiJ2r5itfVYXQy+/eTihlVbi9C72TJR9yavwL62HLOoL6dNC6fc
fRr0WvWtfrqsnvOPYy5s+MgpnI1rJgJJEPDYddMlit/+uavl0rDeJ31Wt1Tlwfyz/uqkn6deyZfu
1bkne8JTZ4DcrE/9N72eKlMBoon1/eoav+/+/krLh85n62kG2rC5+gS6u0y5OoXWfJb14NXhF/3V
x3GKLWmRs5IZuX3VFB8i4oZrUhvzTs9YxpcD8IoRMBlk8WUZikmHCDstAEDprtb0hW9dLiFmXiJv
YTvDcgXAiGaaAQZK1eSZ4qrprh7U6gJQThEuM3WPId4INgewrGxRu71ylrX+6nRAFJFggiARiGeq
q/WXK2k5a+STrIJi0/Z9YIFEg4+kD9e9q3MuH2lR4+d+MCyExiw+gXjb2C/6WVmeCC2SxLXK3eW5
cEE5BINOPYV6lskrbxWnsEKwnYKQO4DaEDJtAYFqxIHa/Wz8smNRUPZm5E01wVYUWN0hA5Hj0hiD
tGHKKJnLnJqR7gY/mp6mhwlURmxq6pkhyjyblM22iHzaZMiB8v1yq/G31mdfYPYAQVAQnd/2P8A4
+h5jIy/Ag5tykayo9Zhw5ByJfnjzAMYe03a2Np1FvrCZBOsLQo3TiOAYdA64R+q/0+770miXXqYN
W5ME24zRlxkoTfaqyRMYuAp5cx1s5m7nRXkNGpph9ghJus9I8QkpnY4t6TamCSMM947V8GLtu30k
gW1mTX5efFcNRWgvlk90XNcuIrHBCCz5/wN2OjH0ktH5TfRl18wPP5J0ed/HJaMTCZD/DNd9et/M
dVonjnvH61z3/wBWc/BmPBLYuLnpT7jOwks+CZIzA5VQGdigm36gdXjVlIM3TKMO2PsrQN+hOgsl
3VBCB+VZLFSqCjzb+1+gOrwz8ReoDpV6UFvZDFygkh7qvmhQ8Dqds7CyBlmEOf1RO+KGlqbzPNUF
KPRMBlvk39nPI6ntFZglwVZrTd+wLlq7KZ2Ltijyd+3vjtWn0pN/d6wV/JmCM7RKEAA76sYvihox
iQ85mOb66Knm01iWyOrnRKM9uWU37WD8NqelKargWkwJN44i3wV14LwmVcFPeE8LfFUl1nMJx29k
3hauLHm1ve57XnbjOZlkaDG2Fl6DaIcc5y+0QhS+s4LXIZk2NMg62OWmJ8GMiGWMdMc6PuqeWwXx
sYwTt0GsBhot57HlHIYBTJcZLEXixQiyNg5Ye/4oreNUWF69AT5rHbXM3P5siNj8WuWKdJ6R8gRS
qjghLUecWIw9G3RkglygXxRa1I2bNuKUV7nRwhBEt9oFyZiftK6YsKgn4DuskwTswMmR/m3WNsMm
qWL/lqmenKYpbAIqVpW1Fa3TvgRmbdx1hci3ucEEGE2DuB1UE6vIf+zV4MNW5Rh2HdgRFUIpLgfv
PAm2TtfdWkknb5FhRx4tvORlbQ9xsmmmhj6ypBpvkqp9rsEdXZlwQoeHPM/aw8QUV6t96E2ETvF/
DLsyTTV/q33QCvWshEGaJXstutJOHv7tIH2igg47p4EtM07gmYfIV5qPowr4LI0eq2xv+jwGW/35
/Tf3nds5G+AWjcW5cVL2GIMlsm2JayGdyWWPE/aMcBjbaZXZY7et8845WshVOlTeOOx8q05vwUZ1
16UvxYM9+Q4MsJy95oUHjiz2tGNV1uYKIHURZUgheNG94qPXjkZ6GVt6KABt77KCIXhTNCmyKUpw
OFncIz6q5LEc6BYJSslusOZ+NUiGhIB2ZI/elJc72Qz1LplM/6FqB4QbDZ59Z9O47mrGv3TIiFsx
MJVuaGfHp8TJCcg9c7xBMg/4fVWcWCEqe9AQN73YVIUtbtnMQMz0wM6cVVN7sPinoKk2WtH4M1hV
Wm2wjoZ+XX3z+ummjosvdsZHeNRBbRyUWJYDIrwCWSMHpxdf8HjiH/oQG3Cs71u5txwwryXtnDok
ObGOWVnkyarLRbd2RjDj9OBFn7XWV7fibOdxmq4FM9yoH5AVt6XGN6Pj0w0CBc4tn4LIB/VQvgwF
fH6zThMfWWVJB/ufVjMyafIZOUl0ujQlWeGI9HokmfxQ1I3cxgRTp2KKJmLP28JL0nsB6mFozw3/
Bqbobsr66ZW2za1X1ttcrRa6waoXH6laR7TI9WKyyPgBzzF4Q6HXWNmpGyx+wxrirbDdyLckNk9u
a7vfWSofiaTpKwcFb21S0DGEbPhNine5XqYOpTxlhIvXq63wd9UCLBSjuCoWgEpiZmATJGQRJIVj
wzLV7nNVLAC2SdozUN1/5G5a7NNAAX62SrVAcjNMxNxWAKCGHD/Jn6deyX/rfj5XO8s8MroJWQSO
NJ/7Onmo6TydeZpmz2KMYt7yKBZzvC7Uz6wby5UEaxjPT2XRXca5LZgTaq2vjpiMJl7recthH0cs
49SWCejk/9016rK5qcuxfJwR70ZQSoz3qd00p9hl2Yq6XYX05eGQTE7ywgMj3RPQZDZJ41d/Dscu
TfI/Wy7aTZcKf+cWefuCENqeZ4hSyO5xSmR5Z7gdfeCsv0lmr3+b4TzuJCKKa8vr+rdyQJ4fb5Ai
xmmb7JoEQTirsXgYIEHuyxC3c8RBjTwh6XB+5Hl956nx1p/Y2uQy3tcpLV+lMtnVOELa3mbuMnsb
85x9sbrzOE/eWzyXYNmBgr3Ww8lA9l1Wpc8JakMcO/BFVzGoRl/AJVj9h7vPR2D117sPVS9UyXsH
pdLwcptA6a/uPolUmtY13fR7ZuVOjhiYcZeZufxCTOlG42zDZqhi56GXPrZyMX8BXcONjKRrT7Kd
nQeWGK8zHtiNNYoM/licnxrHzE+8at57eszw+R0iHsnu07ieO/VgNYLLjWMXNcJNd43T4Bv/zen0
mNlm24r19x4lYo0M5PFkdpye8sbP1sh2Sd46Nzt76uGmMb2DzW++6qk2I+9T4S9dTRVe4X0XhnOX
Vdx6deNZrK3KYquGgeEFthAxZFXeIZS3xyO5GTMCurTqmQXJkzDp2XvvV+3necaUbuA+4Yhf5wm/
BZO56UHjRBbAyZjldRNU1j5z3Gb/aXyZm8eVedKiS8Wpm3i8A+A89+EyZTlWj1FRnu2xmHb6UK3U
458P44H5AEBgXE0CNTBkMT9h88wiy7eaNzCb0jDt/PErYNgbiYTcJMzyDtwsowfImVZhR4PmwQLL
SRGAQaWZsrPNQGT/kGSQOM9pWj/bA8/OlpKUTks2dqpl5n91nFRX+DjLcr0EV9DSh265ntIt0scn
o2Xh7fMq7ZFrmjLkKoPyM1FbrLhHkhs9pntLk2tFUpDIBQR3mfe7yUgKiVEQ7cOl+s0+oirbXD/I
8J1Qxw1sBlV0Bi9F9j49yFU/Cw93r//dSAqLGiG1anutXQpUSSh623jSQp6D/FYZT1Xqisd0/nPg
3jFus+QGqTOwJz7EKjZhT2RjfNEGimsbJPPKxEpFZW2fHFIkO5B47BNVPeSCv/f02KIVVWwoss+1
dkzHB6uU6QnZx7BeiT1turppz7lM3hutEH0wwZ34OaanIO4Mu0YpKlpMgMLVcShy934aPVtPDPI5
CP/9O/ZQs/Dzd+zgTYeBg2rueDfr5+94Yqlhs8YxvqeZ+djJxr/3vQyJank8RHrVhNn1rS8d/x7m
ZXpTf4z7GG8/xgeZIsG7tmdlpn2bvDS4mq/HncT7VsR/pk3wEHSF7EMsoNYp/lgZLj01htwh5LUg
5hMGrDUxUS0cWq0b/UTrnp4IC4SAVU1wRj14OblvId5TIxsTyVBwPOoiV/VsgvJYK8eDC8fcMtNJ
V1o0S78AwpxdJKFmOKDvhenEBUo3fJGg+vrxTI9F3bXnEbhb1KU5/1bjJ8pid/rC4Yqslxku/R5T
1Nzx3b3nOHnYWS5uvEWunP9gcbl//xU9OId4PXIAMiVqQakn6WrLS8DlQtILc77TsksiYNUWkih+
Nm6b4lvUctcRWIdIuXS6FFVr1BQ9VJd4vIp0cNYypeTWQFmc2xzEGiS7tzdEZebZqtHjKWg+a2Qj
kuiTQmunAPGjxk7XXR8Y3V7I1CtuUfkEJFKbv9VTaoEqCupxO/Xt2VE9NS6IO+8uc4Fi5mfS58eB
DPaztEVw53npsRkr59nJZ/9O6WrTv9K1SiJkfBKiQNUk26j37ViBwK562Ti/95A2995btEsvGb3s
mNtts/33J8x2Fe0JF0KNLYUkAczxXBfluVyb2qZNfOfTjyOdoa+NwOVgy6ZcvhDLJ5uWZYjCI3uv
H/r4COZwfGRDfc+ShGy1pMeR1+QBIVRaLcOh9KMa38RuHAnfz25GwhKlX3jk2b2F3BLZ7p2BTg91
7VZ3AsBh0hTzgx4qxTSAqlt2Ky1qBao6P7pNj5VPHeTBPz21TD5rSTdTbIHkGGfmZsCut85suO4e
GD9b0cdyPWW4kxE+YlFjdsWJ4q55nVJHPdnzM26mZF9nXhaxYaAgURuVjGyChHQEyb2biiEIE/Z5
6t+kndgS0hyT3rRDClLrNgtkeyZF9d5UObFDUlCUA/tQMNXTR3jqCD25rNyvlhO7cCErQEQDkjCP
ZpDXx+6j12iNlh1b+j5qcXjfpiqAzaMmGpOJPAb3riBBcpPPJbvRvaXRY2DIS9mSkx4Wsbye2tlJ
fWwr5Iwyv2QHOEHGC1DbL0jDaM5a6rtzQYT/zO2Y3yM58kzUHLtn09E0SRo1tDde4KenWzer1+2I
xeMBPmj5IA0ju2/xg7DcpI/IDaWPNRtRnqhCAoIe41WwFSBdbWNktB6N2OiPBlJAj0Fh+1W4yLq3
zPHVbC0muXvLghwYDQLwg2n4fsjy3DywuHpmJivvUNikvNM9wpCXN4kAxtZcYV4StFfzqAAI0hog
+liTRc5WSmmEdFB77ShRN2aX0DPSi+/VgnuYG4pyDd2QxzfNEIefpmV1N4cXgMhEqaxj3jbsrJty
QnK3P99pQXp4mla+KjPS2xJ87xHJH1rjgZ+7QgoG0urUoQFuJqSvZDdpamYPU+uFhRgLVPmAVCEf
8pTkKSw4SLrhyOHaSEAMYML/HCMVM5HB6Uc8H9hN2czf23hwnnO38rVUpZnznBnySmI/pZbb9nOe
x1e6AbjAClArXyUoAHagLDMPuteNk7z09BigSAf1IQrYqCrE76nEREcg93ftej34fJe+RQDV8QwJ
+x4b7L1fz/N+4n1xsv0YkJQxx7f9yOXagOn4IHiVrkjJuueS1iCujw0SaIb0R4Yact9oaeF2njoY
wSkI9kM6p2GLAk5ennCkThb9ideG/9Vl7V8xmHJvZaCo1JXFnwWAklXswx//9wX1b+A1SmihACE4
rraHxRTqTzzT3I1ZOdat94wsWqTla0C66mvkRWfF4QJmGwBrK9MsDhcwW2l52r5rTat41y7Haq1N
p31vi+p++s3x+nT6AFDCkF/dNPaMxIoJyTMdK8NPRrHbwyIK/WGwQ6OerPnoZ8F4IkicjYy0H5+r
JkahmMAdn5G9FPaoIGQY9pmQtHqVfqp4IcKMtBgjY2TtJ86MRRJaN/Fg6dQdakd0lnilVET1XBfb
nnbBOumYu4P7W2/pYLvPvaQPjsKaUJ6LhT72/McMsbddC8LKNuky79kYnIcUaMEuoYzsnKlGGr0o
/6AGLCfUfrRuiFPaRxbYdB0Id3jhrfuiHdCPqbwt36d6Q2xdpvrB9CrGylgBNPRuiA9kfmUVgA8y
0R+7gKmVH/TUGxuI343Tjf5XJIg/uHgovyJn74fHJvcPp+J9GKCmwCuAG6CCrjs8I3JPIh7Y/WOR
lfOqRqGhe9PohrVfM3IuS2PYjF7DbuOmMrdTT5CdPxJvZxtTcAh8jx8cA1VwvHE0j36NHOTZBR4W
pCLd9lPl3VYZNdauP8s7G1noayGQCl1molhlSM16QtWLNirtcnzBwuWEPZ+st9RDdlxbjcYXT8o3
/CfNNxgAN56svR8UnBDSC3ZIYjLs6hH/zkDK4jyjIAEKMdVfUYvM+sNKiLlqE6sG4wdYoFWMoR7n
E1K8G6T3babEM/9gCd2xwmdPY3+e8HAj+XvOdhWiBQALUASItUP+jdR9yOocgc3aB8/K7avnNEZh
TpsazhG1eZIbP6F8XZh18pqP7ssYyP6HkWebvqdk44rM3s1pmkcCZX4euIiR7Nibw9HL5hwLYlJt
+oZVjy3PsFwyh3+ltdygWEx3zEVaIHWk8o+1a3iXRosuUHzYIJSttAKl08cm1F2TZ+jqSZduoA53
OlkiMfrqNHqyn3YjsjFEsbdRpwb1A8zmNjZT+9C7pb1JEnCFOx6DYWyQ8ofD/kDqs/xWYmNG+bHS
vLdrWe6MTHGZjMS+M5iPR6/26q9t0qCoE44pff+v3jbFc8VJvkHycn+koM3eIAzurSyLTSsBUjK2
xQxEvWp6TLX1oRpHWSl6vOnlY/IxtIy30nrUEipPwLsr0vZyjn8c0yfRV5iG4o0jXQv0Hp+u4C8n
T/1Qt7cd9+9sI2NPesilYIrl1nw21ZAfNBwYYmputRK1NlDZK0PithYDe64fhbslnonMvXZCHYiO
3zpgQZ/dzugeO5YekyKf32xrKHa1hczpwZ/mN0QPVEWxoD3XKNf2aPfJ1bR+Hr5LHrw6uTfvKqe4
4cHYo7iESkqe6PzeaJHnM34/SsvV7LrOXYwczbssPQCdRt6RHkIxki8owN+9j0kXD3psinqttbAy
KtT2/jeYwbZ/zVsgPnwm30bEyKV4OPFaRmRIXHtPtVNyKbLSfvZROBa5fVhrq8Mo/a2LSg73tdrI
ZRBsgVy+S0q3SEqnZ3ZqW59+mfn34/TMVp3z4wofx6W50WzHBry2GBmcdhj344z045PZDvRm8t35
Vo/oBtVrZiRRFojG/apo3QJeAHJz5Ivvc3MVNOWB5TS+qQOaPeABF7e0iXda0g1pU7rFQtFEFlVV
EIbO76Mh8OctKy3UP/B8wGAoAOKh4NchdbL7tMyCsx7SPSNth1WfSAM7xk+FRXmzKXky3yKHfU24
tO9QkZM+zrxGNQWwQrYSQapHZmXmEfYDOLPc/trIsXhKLf+H7Gz23KDa22YuY+tgxeDBEuKwlV0k
7b4SY7C2JsT+HKDcXoXyQ3lVbnPuile3HLMT7YGTaHHya+TNNbRDwLGsXmdpp5FhHVxR9bcoZ8RX
KP9pr4QULh7zkYpbcNek1RLUJDGMPUyJDgW5gANvZyn/pLYYwzkfunVCU/+5r+wHJ5n5Nz64DJZw
1jy60nR3BfLgtr+ZUQhDrLrYsrfwZa2NrDrk2NooJ5RxWa15ZfIX7GXf62mMf9g2qqv07V0BcJ3s
Yg81CG1SUTABC3o3FgK8oyb11iVt6ZtZGRs2Uf7NMor3Gfj0KIsF9GztuV5701akjRjPYYJX1fyG
glV9VKAm3tGu0vQNNW5QInU8xtpMiVF4CcTy6YQKVTXSRFEwrTNUvYU2Q6rzPNp/JRa5HU0v/9oA
3g4HEaAEalWXEYzS/GkeUmsV45+5K1A6ANVfjOGGMj7vps60DyhBxI7xhDxU4Qv/RvgxKhXh7dL3
+MUQl3QQa5wT7qJikpvLG6eeJeKgwtknpjG/5RP2gGoKnvs4bm6mhqOGlxoncStXDpswTS1cUz1d
TTPzmqKaA1YwYy5xtg75tHpajtp2PA/+wtaevxJ8hYgjNn8kiPitC9dnpy6rm9vCyuMoAdL41ULw
PTFRR8s0RSRBSj67SWAf2q5J8WHt+jUX/Ja7ufuNF8WP0hibJ6+uq/9k+qo3X15jCViqAsshtgU+
CUpyq4ytX5aqDpX/vKIX87NJefDQkBff6bHwImJ8oENQr/Iir//gaYaUUKPrz8NYO/eTbSG6jPFc
5uthHlesavzIqaYcRQyxYmkxbem1qLWu6P4fbWe23LaSdOsnQgTm4ZYzRVIiNViWbxAeMc9DAXj6
86GoNv2r997dfXEujEBVZhUgmgSqMleudaii8uJNbnr0NWgWwnooH1P4F5YD0Y43I5suUVfCdem5
+9Jyql+NXX41KFN/VYjALTOhZfu4i361LTxoitrkq7Irxy+hkz82gGae6rk/ZE+5Ckxj/NIfq9gv
HoTqv+/8i2RSIeaEnU/u9+X2Xxum4RTppbW3U8dst1YBMVplGRBIprALLcidOKfRzalzLMHa7Byh
rbzW749OnAcskGaiJdn2g0Icg8HqNq0/QDL1fw3SxS5thkhH6IGGNXXmL61pn1Utbi4yA02iJz3O
XUrcN5ewdFKyrK5YER1WT67TVmt43dkMqWpJFjwafrRkECI9sH45bvUYw9L6mZwaxTNxrZ0n8jU8
/7X47jY88ov34Xxy1+FQnpm/KIh/pKY3eOhMX0BOOOQPTQijSAFRwue6jtqN69jZVqkbyBYd+63z
TXGOqil68ohqyu6Rivgd+UNQLvOgfGT3Z+q1fzTBXb9SU24afvbZK0r7MNphvZTNQRmfSBvBkgYm
Jq/9e0gXqWEXbXoQmtGvZH+QBw++1lTPRjuucm/SqIQvN2bbsgRnJX9sRvHn4danOq1YmwX1z9Ll
ZpBNsO9wuMe+Ay95M64GuA8vXgVZCMsNlRdl1G9nduJjUI3FPmFZeJdRCngw+IHujLjrSJNn2kYN
evfBiqkLG7N4eExTz1+Wbt68JC1spoOmdZ/hrIdRHHrPr3DePLZhWfysy4Z6DN+HHMXaulbgRQtj
9IlgweezUAvt4PhO+70Loiejn/L4V1+bLFfn3M/QJNSbdMlFnVuFG935PN8u0pbRkjZjzgv9thlz
Punfx3kJFei9yHWwlkS1PRNCeL/wwh0UcdYT4WHjrijDfiHRNW3gKHBnpCU4Jb6R3ZOnBnuW8cEv
h5PQL6I3YiEaD4oBDi4vNe5U0B0b2PSdJ7emNDwCnfAztim0J4tYa5W6mPRceYQ/u9i2LAbuBnjZ
74OK9Walp+NbUQUHCmnaU6MmxtYhkrcg8Bn8CvN1lpvGL6Vs34qk1V4d+G5WldtNDwaF4LvJ0Mu9
4XdwwitpeAAsEG1SGC0PRq1FJxWilzWx7eTVEOknUmHdz2nsNl1ihl/HhNR1aY/h2YwHnjRVHu6C
ujculMGHbIt165sjvrBkjsdFmhviFEHiPcINW4qDA/BT5PAGSgOhvvczUxvhkrCKCYYUyz73on2j
um343LvjuHFyk1hjUI+fW82EC0DxnsdUVEfLLaKl2prR566IlZXB12Mnm95Un7omEJRmtO1FFMmT
Pnt5hZHusnYElzE3Cd4R+VTC77klunsz5r8hKY1gRVVd/GhPafI4RaOzAFah72SfPIxdv1JAXT3I
lpM70a5Ow61bFMYhTQYLYn/H25plw5NBTZVVo3Xdc2IP9kKte/EFEutLzLcjgMBunSQJ7AN5DIuA
0Qff2kkj7xJE5os63V8XBkrynQf1J4QQjNey1aZdl+XhWjY9r+8o4+WXdrXyZwlEBVDo+6d1uv1v
7z4bnQvSgZYLAlL9tySHJiayBHalPEM2BLeZbxjLsZr6B1VkyV0jap9a3rB49guWJaaeOT9KRV8G
LT/im+9o6d1+TO5ZFuAelflzWc01EoVh39wz1IquU6eKBxGL9J2ntvKZe8Rv9eU1V5FPXb5I0/TQ
EvH9WbdQoHVF8qVtenMZtXF+NpNa3xXsOyBI0+Jz4M5hUKUIvmSkIgIW5XJQL5yEKKitgvMNoVPm
SVBaWfTsQJ8lM8QhmK/nREAaND9BpO13a0ymj7Z5HOTOzn9AVlAb/nH1QR7NIBmr2gb/KCr/v6sP
wje+Ce+U82zoirNKujEpX1PLX7jhlGzFTKnkqmIqF/K07pTm0M6HqyU3R28pO0XaIC8xje4yyKxh
o9rTSXc9JC2y3D7Is/r32V81hbBGkntQNOzIXgGP6fqeBXjvPjmazqITkpKDplTOsU3sft2Q+Xwh
Wx8QyuYDz8ojWWXrhxyUKRGDnLjbqAZ7fjmoSQJ+lqggvMCpxlI/fdD1MvzRCbF29YZfSRUUS4hZ
8p/RUHx1Wnv6DGi9WcaGaj2qlOytiySyT21sKrupTFBFUJPwZI1WsaHkSbnzQvNTCOx8nXYarDGT
BZh8DsIo2SSe8wzmHlhjxp8+nOutyRekIKpLZiZ+EYlnrSP4y66DCIRH10FsW6vfg0at8H86NWi1
OtWj6yBKNevjvG26XsnXFfGs+jYpEjdKt73pZeucYrbo09QGX6nw147CQMthKmOPxS5RxsZnLdsM
Q7Az5xhkZajFwqpG7xqDBGEFQ2Y0vZQp/Ftqoq4VRbM/l/2vJu3HL23XDpuaeMoOgjpn7q6MuDjD
MfQ5g3MIhOBY75tGfwXJ69/LLnmQTS9L4fGt4uOHfrPRYWjORL3Ox8ekM8ZDOGOAyYDUR3l2O8i+
BBQxxIRHnlBuz75NfcoTPV9MqW8dtTmC7Nh9vtDd3D7qM/5ZWsdOtY619xTUQ7PXs8R4TSZvQ5LO
flIHJ7zUoXhK9YEkmNl4lHgl9kqZdGOtdEBiirKGV434+0r+ajV3zHfe6HbXprRmdrn3tXFrle0v
qK7YvPhwgRPGsemiqcTaqRKa8+gXP4zRUY6Q1DonucANtU3kQAp+XfPqrt1OROf1Hj4iGBDLBICj
UGMAhE34Ipdk7DIDqIFCKNDjMHuC2OnP/old35Bb2dPsb3WZ92bqx3Q03FPWqvkL7KBrU95RlJV7
lv7uShi9uoOwkP+ALJwWWdu6pzYJixelDdZynznCQQR3U5MvRaJ3T+MQltvSNeKNTBT6SWbAFW56
x4SP7DWPz6WqjZ/SpH2+rtsRhTBWk6GoG9bGzl3mz9Tjfcv2Mm6rz1abnIM51knpyZ0NafabSOB4
NViXPVTQMew9pWm2EWSHj2me6gu3VKYfMAWaSfMr91XrLafIpWDXDknm+4mifOz504TSQx5DsHTz
yavWeVPz5JNMOUSOPueIHMKt89cpRydio0dasJHWvt6jZzR+g5kzH9mr+/x3Lr20aO/TyEmOnVVE
wA8b563L6nWTttr3rOjUhQcz4yVlkbTnf9jdpJHwXrK2f5YedRaxYY3Sl7ZMq23n5tFeS7vqsZuD
b9LDUdVtafXjqeSZtmrnlHs9H4RqC/DWGQT8Wjiyr7djOh3boG7UiV+yIbo39LSCx4xlaEGLAeVZ
fo1n263VGggF/B+bHOf7fBH/+e0Pvc+/v/8BcxtkfjQSdf8OVTEspVECdRifJw9tJU3A65cNwRIZ
rH7VF7F9yMbGPsizoPPZAJl6Gq3ixlcWou39TZeDyuhjge4NsYlDZQLTzUP1OXESWLd4VG1Hs42h
JIDatZkxOEaoN+xzAOsgOrSA9QsUGJiTg82T9RNcLJ9gu9UfZEuFOhdW6eckImqj2bl/x3O7XgW5
Y72NffHDyazsUkLXeJ9MPXI00KHdj55CVioZLmHbN99Aa/6wKNZ4q4msLdykH19jo4uWUZ2ekzEQ
90VslVS/usV97Tn+LtZEs6/ZnWbsIddjV/VPg65OxzTqvmiT3j+NFRz2MRWsG9sjq1DyrvsBP9cC
/SFtl2ixsqv89ttYA4XMzKzk8wiMlYDE6qvGrz3XS+cVvgsYqk0739pV2V1CuzxBkK6/UQe3knkl
tQVgNYoiPDtxdRHoWO2HIbIP/kyWKQ+8PoPyKwTUrDMDXqFFEfW/ILNSQeBQHOt9DgsfrLmh1gfX
gVSMlBiv0i6CJt4aKmgOfPOh5um0FH7lblwBomDheiGgmi5xHl1ffTC0bvqqBU29QC8LinSnLNnw
jJtCdV9DK++/uW5ULCBvbdbx1MVbu0bPgieAePVsO4LHKey/B9a4rYNKhIvOeO5z0/tl9cqFTfGu
JTu/Gh0PNGeiL1tIyxciC91tYrbeAXLvYQfbOUXRBcQoo0dBNYpKqpear1PeDZs+MuxN4XfswPP2
QS9d4mj5GH3rEnF2Sbb+JOVEzMbxloEPMziIGajzVbiieiu8xyFToartw3sqq/u7ZEyPQxDGF3mo
KlU7KInx2M9diaLUyyhzrXVpFdpJOKN2UkX5eXBLcKJ5+dwX9bNWe+kDOCL1pVC0T0WgOfd6XDan
0arPgDrzY5nFMVu4n7Ha5Uc1Ch69eBj3gZNF5qKOCvOoEID21hOqEm/CJmpcdmq9kU1ltGFzZnto
671AK6UdFoGS52+mAo8aTCDhQYdFUGs7d38DfoUecK8K2FJShsE2G2F5lhgueUgIYhKumV1kGzDY
F4hN81Xvjy9kRvKHKo1fWJ009+MQ80uahHYnRNN/Ul2e1LaaZluCJD9474pL5vbGaRicnZWaMAGD
DCSgZ4YXaVRHX1z6wXHuyin5Ro4RD6FZ496LgI1d2xFFIYuxoRrRH/J+XRJZ/sQypltDusRrbW7a
VBUtVU/r9jklSpvIK8elaBsFigTbyA/XU8fs2Cax4nJh2KWXqsDH1NURrxD3pQi9Oyhmz9UYWw9u
1m7Zfa5Nz/hRCI0VXtx+EzDkn6c2K5d64dabOnqbavK7MTudsYubX8J8Eq4jXpDP8o4Q27QLB0IZ
tIfgIYbdtjqDYvV3qogyiHV4pmdKV55h/S/PjqmdMx76B9kljT0c1lshYJ+XTcBN2b2i1d8SUsJF
41jPdaL28Hrb9VI2nSiYiLwlX2Mlt58prxGPWVcs07lVFmq2iALoAwd1UI7Q+Cqsw/P3szQxemjJ
7K+3rpvbzdczyorUBlf/PdKxm8MYpb9Q9nHvhqqJIQL0vQPxy2yH7kJwEjA5b0MEBe9JJcLeC/HT
w+TWztrL1O4gRHD2eDPviqzIDpTkzFRsprfrwNYfDYoFNvqowsNZwWLvA/4ANZ5QfQXv9XOZXura
AnXgTtmF0q5415t1vYfhs32AdAHOay+t33Q/P6kVv3RIsPYQ+DZf4hq5I9sxsrNB2nUHkErd9SUs
llWhp9CUO9Ves5lNWMr8yhBw2DqG9tVmY6Grtf3TLbMnjTXEsiGoeBbUsgrkHH6ZRn0f8ix8C3ru
UIRJcbbyqNvVY3vv8lOCmt8V28ECK6M6LrEFO9RfVav5pttZ/Cu3T2oTEsjlx3y2yT2/OaFRQh+l
NY+Tzf6oStvi6EKa6sXkBP1Aac5FY3bLvCETUBXDMizq9Kcass3yctYktmvmG8RMisM0GdZJB0cC
PaTQPptiPBEDcUlUehqP7E2j2tXXKLSmtXBVpFNM4TzmjfipgcH51pG1Z0fc2Jes6eIDhMEALbN+
vM+8eftiWd9irQyevakdd1rYdls7YImkReOlG/PguwdMDj7IbHyEZ1/s07RWN3Xed6+EJ0iQ4BHN
C2eUZ7KLjpoFOIBmpzpBuncmz95rU1wc+b9MtqPa2g+eWXmrSFTBuhtibzfq0XjMS5Eshsjzny3T
bCiVGO4S5LIEApRGRbo3GNr0hASXviWD3K4luCvgs1xB6lntJfSro7YPpIjb3ktr07mLDlj/s6r2
+aNKYbNRttbBqnuEXsxe7LtOC9aTq+VvM4c6WZfhXHmxeS6M8Ec0P3MteFHLXimXkU4clpJve99D
n7odkH55DHSBNE/RNd9tDw2NqNN+KqQsKjVyXirVnNaalry5Y12uoFL1ztl8GDUol/SYL6pvK7pC
KTcqDlPtlDMNtHeWjp5nm1s3NpEw/N1XKoN9qC0eLPMs0g0lBvsMY/3ccZ0stbVtAKqhF9PrqATh
2oUx8qQEBAAJfbF+7o306MXeFydBzyUy2F+HzdOEVNNSn3RqNryDmdU+BOaudoIv2FhOlJgBPaEu
1EsbfZ/3yIlRbz8+RDA4Z/mGzXG0K9kprEy7019B/H+FM2L4RX4O6Q/ClgG77VpBj7Jp0X0QxL55
XKbBhCgBD2pTsS4Dz5EdZOPxCoZ17cWOA2fnJ8oslZLze9XSz2Bm0tXkNiy41HI8Tj7okcywnE1s
G8MKtlYkXdTRORZV1/Vw2XZPVuFkO9l3O2iN+y+XxtWJqznAv1iNAMptmle3QUwqd8zoU09dI2zf
lnFOvJAtKlgIP0MbwZim42D0OfgeEO1CR+5ritqTqA22gESonjLyTItKN4e97NMyw170Uws/tOKe
YyNyfpKLohAY1u/AfQzQDtxGuvpVnaUGpeigqQAwWviUD0XjHJqoFMFCMPmsNFH6JtRQB0AASDCr
BpcAeHinOnp/6CbDXiaDOzOFJOhHRSQkgyw6quUA796E5BRyN8qqciad1J7nP46OeAzsAEJiO4Ck
N1YIsCTdFl2F4kI8rbiwls4XitYqKxRd0GmDEuLFLsb4NBDXIBTS1i8Jclv3XmI+8/2xIZ9fqkk+
V78EyYPTEewZ83MfU9UjDxW7uFXVkwAeZy/ZF1eNf9+W32XDDkOV6mCRrBynns5J4HvQyrfDtguN
Ccjy3Kda9hZ+I7AXc1Ma2C2YD5ZylD3oYCZL1cpZACsdMAnPqY5dl76fpUaZoPdF3hWG86YlD4vP
9ZQnEd8rxKg2VI0qp9oCda2oVrnNNM8/yQNfA2/ftc4DUqjTyaptXgBZfGkrSAnUgsciK1jnok0D
AnB8MnurtpyL7GtdSEiSZtohfagvK7PxV11qk4Ufku2k5vkKkaZ7sk7GWR1HaJD8MLiE3DUMfWO6
U9haVnownV20XQkhPIBgXfWWavKaBrnplXq2JTb21od9cgr7H6NRkGhFb3bjuQRuywix2MZvWIvN
Z+jFNPm1U7bloXXuyfKOmx7WwDVhU1IUpeMuhJK++UmYfKGelnpkU2k/8bzXlm3sB09gUaK1Gdew
/at8KaLkK5srEvBdnRz0zuLVMjflQXg6qFrLIzqwkCZIUmwYA1eKSPWz0TxGZhNAUG6nlCXwAceQ
utL06nTv27qATwhK+mU5EQ8wEytdRVAEXeShCjWWBVR3b7RAfe+r264jYaNXe7jtzauf0LR7Enr2
MSmgyYPzEJy4o5l3bUSkxaOM61kL7eZRNBDhUaPwbCLJ4CWqcpkX6n7XaK/IAVZHAgSQFs5Nq8yy
ZTyKeJPpJaQTeU8ReEkF7DZV05RcbPHd9WN4hXMh7vitIVbQmsPFKqCwGb0UAnnPdw+IHHwK4yJ5
FGO2NLu6eQ7GsYbs1T2XRqvdl4FSP8OfbS17yrR4wtKEiMCHUYDQjN/691YBqKpHZ/c+j+0f2jTF
r0EW1/tIDckIeUHyaieke0zEy3bSitRBu/BDswS9gpVKa8p1EuUJGlT1kfcHMBa6B6dHgjMs7IXN
RvPgKDMxV28ZO8to0pXiq/aLRZ5zlwFgWvn4vWSEEijhdlW0NGkiAKZty4LXu5I4FiGWsN6awETX
ciwqmsG21MpufR3bATrjbU+cb3ZmhddsiglkvLQmaMxtzHGqrk1gWrywxkHdSOdcpOQ3oem/WtUg
ydd1R2DsOnYY/JVDQnsrnY2+hTckdP2rNbWbbkVOt9pJZzUSJN56UkLyT0gmZDfIsCZb+Ch2luP1
Dz3Vn5ssmkqI9w+gT6JnpVn2miqeFZR0n7N6+BSOBHELM0d0tEdPVDEG8dC16d6Keu/gGEpkX/ta
7Ws1KeX9tas3BLJUJJt9taTUI2bHDNA8vHOFKx7kHDkcRyv2zxEkn8Myc3LBEi9yVsCn00MQDNpj
pg3fc4JTX8sy1BegPKyHzLfiXTS4d207ZefOSl46NQlebYjp7ijtpiDJG4LXOmkRGlAtRHxmK+CB
Bhb01LuT1sKsn7Km6M9B5Bqfuq9NlQW7mX9sVQqrXkAGV6+g2qu3TUySk7LuabxD4qy31rGFkNr1
VGqqmVpWodV5c/jj1My0Eg5swgeB9Qh7evDJ5s8jIQuMd/CCTwbftoufwqk4txRLmA9xMD7KVjzl
VMXn4rts1fzRR8NBoi8aqvDTVFfdwR3I0clZ43YyNj7IlFVsK8bD6KvvB1PZO4oIHm7dLPhhv/GD
F+l060/NTluHI5niDwZ0WtVF5VMtcHOWLsQj2OvY7lH8vpzfs2G0kNV6SRJng8jO+OZONiSvLaDm
EcL1k6oT7gI7vXJh3luEYz2rZEIEIA9Qi7yfpYjL8/POeYc7kANIq/b7LC0yWHZ6Cko+GKSztIpO
Cf6wppKBwBYNUQlir9dZm8ZdpM0EcK9btDYBlplssJhZGOUhnll70vkgz26Gm9/N8MHvv3C5TT8B
iE/gIOPCt3F/ewv/hcuHqf6Lu/zbq93u8ubyYfommIF5H8wfPo/bNLeb+TDNzeV/+zz+dpp/vpIc
Ju9S68dq04XR4+1PkP235t9e4m9dboYPH8T/PtXtz/gw1e0D+5+u9uEO/qex//y5/O1U/3ynbgBm
yPCNYvmREfcf2n+YSEWxILwx5V7bnQk1tmS0vbavA/4YJm0f27JTTvXnqBsx7kf/21VvPip552l9
s/w508fxH9v/6fpsZth6CxNiuT+Yg6+zXK9zu+6fvR+v87H9n657veKff4kc0VIDYVUohd+uevsc
PvTdmh9v9G+HSMMft3qbQlr+irlYGj74/VXff+HyV8P+qu82FZj6boXGPQVQ8Yio5xA66xpE/FI2
w95t7gczb0DuYAWjhep75forxW0KfZsi5ELJlMeKcjZLx2EMwMQBXjn2YYtabQFtyUqaA4RAzNQ7
gfmlgk529ZOXHiqPVWCpl/pWHw1nhZQrPyui3qQZgF7OjEVXPiNJbSQJjajZK5G4mQmOrGFKlOWN
5kh33gfeum5sSL5vxMqybtKvftQoe9OH2hst+GRLTop4lJoVj6Ayd2aVt/eGa+ePCtGXo+W1Z2mT
XhW/3I1n18NKmz2km57AphMSbLmTLrqvskTKWZoyq3RIywIMlxlri9tE/+XVdbc/O5buE0T9iyt7
Y3Dsdf9bkBtE4HJXnNCVm3FgOZw/sg3fWrgcUu/dfDOYv11sRGaXQzHgUoj3YXKsPEg/7/cs6Nyh
6W1SvKuVVLQYdUwWQJ7KA1FCJ6Z0BtPtcHVKXPcE+nLc/jEG5Om/3P/oRXExdZeDoaKO3IQ5e03T
Rns1cu7lWUr5dt+j4fShnwVRtGJ9ynfow4ChDY99gp7P7zmkhzyUbG8XnW/321ufPAtTp99RBvnz
Q7+cpGzcQ11O9p00yi4nFZtMHcW+Am8PZpI8IVwmFh+Rs8zt2rv2S6Psl2e3A/A6+yCbUx+hASxP
XZIpfh2/j5XDGjPyV5FRo22UQQQJBKBHA2hCit22vObMOIIk8HoofGuBUBO2s6GL9Ir2LAK1Pdda
6dw5vfssu279MPw+W1nrstfAVR4y4Mgb2BdREptHyr7rNeRMt055HdcJxut1pEEtp88QTjZbWaYr
z2DJurzX634o3bXB2peLq+16Lmt2ZfVu2I6gHdqVV0WnkBzunYp6LgpXUqBbqRSbc1+BBfTP81Yz
anUp3f227odDq+n2Imj6bNXExnvtdKJ0nkt0g+ro28EoGzjwiObLrj9cPlZeS3sQu5Rj/+FqKL6Q
w2UhduWFC1TYI7iDiFmbBoXSDXKaB7RYozUkaeqXrFAWragocfjtEdpo/Bq5yJb6/gPoJ8kAn29k
pzMT5lH/ahEAWRW/sUGNBUOfHZA5mmN7/FIeI7Koh1v0z9EK+JrTtl/IvnJSqXCe/VqyYVc/oBZi
jY4UVNZN2VxQX8k2UVsjM2zFsD2AFMyBg2TxSvhefSnFWF9knzb3dVdGCGK0G9mW5g/zoBP20HR+
sO/tRhx7yPGOniBDvJDt2A+Ng6vfF10xzKJvs4HgE3iAwem+hfA7kLjX0f1UkCm6zQAb6ftcH/rC
eT5fR8b3XxeTrrYaKVtFHy7d/B6Rr4s/3ivvRHq1Py2JIWh/vGGk5z+8ka4vGeHDPh4AelpS4ecs
fYWMaZZGr4K6sG0+8y3JQ/r7bJS8Sre2NPciuY740C+b7KD7Lcj/zw3M6dOCwCdVU0hzLzIzUk63
Q+43700zQNIVmMhRGmX/dWxPNc4ymGpUuX+PJarur+Cs1JbmyAN5gXBiThmUaFbwU0URIGCtWitO
82aMqJSgGozAcx7nbEyjBm6KKa32CRIv6qOwiB2og5svpc9NCdpDfc/cdGTdDvpwL8Wh3VAvlixG
heIvGw2xM0+3k8U0ONOO15z2QDGr/iDPULBf6RP6z7d+HfaiY6ZbW9nlqYBqF9pQWluH26bEj/G3
A2E9/hJQ36tIgULmao5ML2HIv64mvZv5kgPE8/JqtxsI67w5IhN6vdof/XlagY6BGkpM+h51lmpL
nFp98rqsgoLQt3/o0bAIu0x8c9tcLGuK+s/+b98Inb0PvsL5XHOZtArv7UAjBdA1KvK0XkM4KYfM
Jx0tcTVXdkREEqTDe19BYVUBhelGjrgOlvOIcA7qVaG7aOa56gIc5UrOaA/hTrp8HDLPTWltdJAj
pLWwqlWqO85gP4BZz2EejmctWP5EO6ROBGXTr6GNGGRlNelDVSfQX8LntbGoc3mWvvHQf/RV+8ki
TQP0QdFrZeFovJJkzUCj9wrFMAnNGUasGvm7VVYbSKvjAnSQVjm26MhDqp5hevXSZ56lSZ58Uc+U
KsTricBX4KduTWmtZjIWac2K8hDVJoCmBmFpIB4LFEgBTZFMfZBnN8OtL5ytIDi0rR1TrSD95EG0
zruB2o0fExm+SQiSqLcB8hIfZpKXGGE7WUiDdL5dO51vCvRVc6qANRmOWa7tETheZA/xG3VQXjuq
bwEfAMnCyFwDwNfeKksDZFWOT2MhqM9TkpRMeKC9ObnqkPxU/VOAbi8cYHxh5+Fy1hxJ8P1AvPe/
m9UfdLgxFAXZAxaPe0u4FspHPZXZ4LMW3qT0x0iPgtewnPZBRbS/dePpuagKdNI15RP1c8W93sXx
Ipi9KFpk7Wy71UpavQR9azmltMopqcoTR2mNTPWPKXPE4+SV3Bad9YZFuud7BQh6p3tUlaTdd25o
bzIC9p+UKbqX7+GbRwrwc19GjrUJG6tdWmavjGJRT1a1levkKY6Mg+nkyw9rZYoqWYFPqmocrPjd
+t4nLVFT/2EZB14/i+tSnYTPziiap2RmMDPSFBYds7lrVaGI+99NkqLBSR6mHMYzbSxPtgIxFxMV
uwbO/kd58AB4lAlYPNmC20I/VSb62r3ZJMtszIYtEmE9D1kGTPz+H50sbSF/iuDFjakRWo6tele2
nXOSLqPui3vbnba3Abo9JTueoFTVywGUMqOgbFXR1ed63Sl5KIsivE5iaEAPw5HEp7wLBxg+zMW+
hejpv24b1HS6AtskNuY8/aS4JRSjSfCkpCs1VvunomvE0xjU+jJCIXEn+wYQt0dQUT+8IhBPsqsq
TKiCMvXkzF0CdPomqdHxlB4lm75Hw/osbdLdjKkj9TJKdlrVN+/GzH+DO0QcvCAQh9EfQKHLU3ng
8a4o7eHm8NGr+j1U+simX7RBtZBtlW/uGiXm/jrnzQcC/9Ff3kbLea16fL+P6xSyXWbOsyrqYPvB
xW7Q3e0C70XKmEhVE7dXIrCDs8qJKw+3trTfBE+cdIjfPaW7ffO8mqQrCYlxqQXwjEinD8opsmlP
gWIs//Jqcgx71BBdPJCJqt4MD46tJKt40JK1bPZeSF9vDA+9OzkLAQfF5oPBF+mPkHzL/mN/MSDR
lGmHOq9TeyEnGdwnfSzFfTBL3ttO5mw8dpYXW83qhV9PYi+b8pB07qNq9vFRtqo41i6dNaAHHIYP
xdzyzCC4UJh5G1LBwnHqOmvnjwi5LL2uhWXAy75qlH9HSzheJn4iurG4Dp8vPJih2DRRBk6pqpfA
e8SldtTwiUIAcJX+kzwYsd2CILLQ/pr73Aag6jQp7UpaydZ3D3mg31Wm9z5A74EwWKPCj5wuStGy
tTP15Ub6g73Nj33h/Lr5UxoIvMtuLtKh6qtxiaT7uJPNqS07wGh2tJRNxU2Nx7z8lCXp+9VgRaoI
X9rO3kjbBNRNYRC0caHNRr4a5EhZwf+tNGlxkn1RYQEivrXNvUGh3El2+PMg6SWb8mBEdgyOBtmC
D4ZbU7N9cxNaNhjBT4bmlqdhNIILVcUkm5CbX6JqBSxcNNOGLDxE1m4UXtTIXcRjieT2B6sca3ZI
Ls++qeEGT9KD4v6P46VHaPL/9VdzzNeXxtscgIKRSQGE7lkR9QEhHF5JneTIyVG8c3KVdk1lRgCR
gCW+120c3MUzxnohvTs7clDxNoazPLRGbZ5KH57xuh3PuU2RR4bY0VbeEwLTb35j1cdryyWN1ijI
pSLTysfx2yrvLvsLa0pI7I+x3TxWzB9HribWjlx1QIUTGmF1UiKoO3NFDQBgZ2ryNJoT/nNPocbe
nT3kv6Tp6lT73TqtXJTSf48JBPIZYx+8zyMNavr/c57btYf/fD9dP6lLw4KhrEot41g0+raPdWvf
+v+PtS9bblxXlv0iRpAAx1dJ1CzLsty22y+MnhbnGRzArz+Jottye/Xe59yI+8Igqgqg2i2RRFVW
Jsf7Vtb3/ChrLINXr4wfM5sn+xEtwKD05kcyDeSdYyi8RlOObwgoFJOfImltGmrjpAMiAHbrhUhr
6ZOR3PMVKXxEE5KP5qtmEbsxZCXpPlpJ4HwWlcnltpuEr5t1bC6R1DD3cZ1bs56VCPHIO9IYSnC4
v5MfuRzp+lUtxPbtvSYY4x2yfNodfiDh2YUCzHosBVSM3226coB0H505DZvtBZh3wGWpQkDi+9Iz
C1peKoxMNMHA12eFbwpoUd4dQ5+7R5tJbZ3kI/o5huoIrER9nMBCfvzbkBwUIifraDcTWmv/91ha
KYvDb44NRrTGvlYa15Z0Bg3Et7NC2apMs6509n+Icx1XAyoYyUw38z9xY9GQAcarFTEAs+o9jkx0
aKI+/MBEmwFakAUctG15eDKcEM1nqC+bZg6M82hyAJiTK1fmIO/SvcReeklDq0brPTiSNACYp/KZ
GUjCIwvknMiLN/p5jQnvNPeJE11DNCs945DiZ2viPQZsrHZeZfqmrJyHNrCb3YchmkN2fQhCk43W
erM3BFnZJbFN60jU8BNoUizJuwOxxQeKB76NIUwKNnm2cvoKNy9oAKTHyX2bcCOUd3k2TyUTzR+t
NPEdQGlWlVtnyHV2clMaMb9UaLTyuwp5MtOy+IVsgWaKZVXa7RxCDokFFmBmK/YVk7+60DL2SA3z
i94Uez2J9JPRCajFls8SvWIXSK3zi+yEdjLscSu448XgOc3lPtXYP3OkiWYtoNPNcknXvH2YLOwA
CAEsBgrf1oHsmfDEsk6mdjMvdfsw5KYPCL79+YPcliufDS91dtDcC0GYgB0jVztLN9b6LaD+6NvS
sKVf3IyGnIC7pf0ihQPzjUjJkjnmtsTNcbPdlpnUMhN+p6B7Hp+QQntGQ6X2KEppbSB6UG1F3mSP
2gTOMgAff/wZMMbufdCESMsoYo1R6uiT4SDyIjJAPbL5yq7zj0NTDSmYvBR8G5L309wSrPtbAYz1
cugsfspT4IHGwH0BvtUIINMuKvQuoKEzaypNIk2TmCfkdvmJolvIjEJcfjiU4p+stMx9BIqnAzpJ
8V9VaxUIdrShbEAiBisImccDUkLklSqEzujQtGiSmj2fx3YsIHHU/6g8NPMKiqPlaIwkUodW6Hqf
yNAuF2C5z9EGjQOfjEjbjjUS9hOeI8veqgv3nywz8wPQwBVSn3GeH1ogopYQaTCWNKl1M8+Puw5d
cUDBauaprvSFFg4SHYCK6lkNwRolz7MWhuO9eS29by6T0LMTGvCesessX7o8gd5LGQfPXQc4ktGX
8jkA0f3CE23xHDgZFB3K0HvqohaawhZ6djuOjiaUDby94fBg7tM2kySYhwZRPVTgnSMvDW9e6qv7
v87NoNG4dAZsyYXq/uQd4DG8iQ28K3jOyVZsJyifAcUuUTM8DGHtk20E5HJazW41Je9Lw2/UCiYa
unzPYI3vNlq1BX2K66do2/3K0uSpRYvBRe9rdh5yKGGSvch7iFzogJF7CtSL9me8mhkvwVRDlssG
pA5wrfQrutvaRRt6wR2wgNNDpYkL2UOW1+ssMC0kxnCRuBXrzgScSIBn8xkKAFEy/hymMFiUuK1d
+kpAAzsK661u5uEDtoPA0NuF/TN+ZQL8JxQJejN5sRPQwry9WYNvEp1PhYxWoLDI0AP1zqNNRrQa
ZL6UTnYCGs85F7WmLbXQwtPs/SwskColW/x+dvPOZ8lYnroC5FhxaF8ivL3uSDCEDmhiN++gqqlv
7IyXi08OGsokuFRV7u4o9hYRceTObAuY0z4LH0DuV1yNJkv8QAfsv2zROJZoVbW0eif7IcZkOZly
fA2TJvGnJv0Y0aoSyX+NIJ6oLIlBhhnJVwiUoeGjANXmBuw2OX5Fmg5lEbUjaSOIhFg6OMHsSETI
xNLmxFHbEPIHIfobtNg6eOAM7VaecpDXy1z8aLLmJLWqQVOI2tN8mKbWRg0YMmfNiTi0WY+EL6+9
6kECmLgbXI2tx6nSnpDBmiM4mn4WuQTxkJ2gJapAfdjgWvvA8vIbSs+GovQWD+BRlHehM255gY+9
1EtZri0Jin+KpQPXs2+gsDMONKq7eEJPJSSBsCm9x+Zy2U8NypJBbq6EdMYX0SIPV3JkR6ZWyC8O
K1bUAg16VGyHu8hcUZezyxxj4dq2fkKD4hISfr12jQMp/dCFDjE6ZUCLS4fI1vW9ZqkDsOY57iI4
BbbWZGgp6L7nuDeiUqA8FK562v/TaQHlpkWDdlj0vdZyvMTqfg2yLws1nMzCth6NC8WvKRDFuq1C
CQJXHCbgbg+TU28yVzqguYeJ8xB/208hRcLHQyYjczGBhWN1m3uLo7MwbTfJ+1KfwlL3rHlG3sYb
UK5A4wMyFish7OLeqjJsNM002TRMZKuWxdhp6hka5zt92llm832ocm/Nen1aEkN/OubthWzC6yfI
sYzthRz/0aaruejwQ2vqLYamZE07LDs5GisqPN4Iouey5Yc6ZtQV9joYhi9UtZzdM3f0v8/n8qbJ
Ies3c053ZWev+7L74sYrkF8uLGg5nQYJNSM/1dDq6RT/GhLJfzEgQ5f1YjMLBPwOFaoXmUQB3u20
Io3IThHvS5PdVL3L7/F0SQr1Xu0aBEyVYq2mA8QMbB/CT9PiZqMzxZ95YqUHGluKsVzwEqJf/20e
FDLQFESRQ1qHp3FIHb+s048xtxUFiNc2qEb9tPva3te1dTf/PWgI1iu0RYdvn5c+JqpscxjZ3cJB
FeB96jwkzycbMr7fgrCpFwYbdL8VuLMRuwBUmn8CUN+fQ0CLgWE1oP4FsvI2rPOjaYInlKJokhP2
YF9Q3n9PEm16eiuVGLEx+p5ZoN2tSuWpMaEks0grezzROJxQ5+8lSolk01TMx0B0Xfu4WznzbHIj
J2ygsoj8G7DXHMRDyS8TlbedVkh+T4dJ9M4K4tKhf7M1aK9DCVEPF3mhm9gW9+FqmCbvTAdkq4GR
aJDzLsYADI5G6Z0jO+V3zfhKAR/MXW+sQWebL8l2WwMpPeCeWseZ1yCHXRjeiYV41VSX6t6vBxRQ
tp4mc/jswDvHD5Re+91t8drDz6AyO3z5PLYFgxIoYRStGkgNmwtnJfqsHfPcFpD5qtVBBZCJAuiQ
OB9NFKomAqxszRP/XOu2/J9ryVK8QMHB2LssWjg2hOfokBiluQmNoFtGoBfLlqIEKRKbPHPXKV26
vs+9+z6PVI5qypZDOJibQEf0PEbiCrX4wniLdtCOc19iK/M5+nY9mqGr9ckmzdG7H7E+jbrKeI7z
6HlMY+cyDnjdq1Me7WhIrTve5BzQhdaeqIcnT7zwkhgHGlBQBGZ69DKaj7Hq+yE7ooNN2gM11Vho
Blt2LsDSRotfDs2gGHQgv13qtpS6lIMk7onCDFFGl6BBn59aQ0fn1XHAZXJPVbb0oFiHijg+A07/
Psr7uwZyOwcy0aECq9PGmVIGMkeEIfMIpEWCON3q5CHVINZej2ai5BHL3t7SViKlRxyd0gEcjsFK
GIaxoG0K2WhbQmc3223GJxstYKLqt9DdsvMjNIACMgS+sA+kYWgWdXaNnkGJQdGJod31jTCslI1v
WQwUmX3E8rWG/sl1owqkU1rla7QZpGuSq7h5Zch+jAYQNCjpxUv0KTn+J5g8DclboeQ4e28weYLT
o0obzXM/OeallDed8E32PDzsPHQRVaX1NFVg6goMMPq7vWE9BR17DcC6dCZnJ9gCJHnssc4h0iJZ
tCFzlLvsxAf04Y4stp/GUm93hV6lK/JaYQs5SS9BHU1dAFKQbxeYlxydTxdAMfHDBWK3ddegMgXq
FW0u4mhF6RJDpF1omFsA9EmDLTPIoYHA0z12gYxXrRXH32s0ckwM/KedpZnrgZU2SC3K9Av02i4U
AAClA7KLkJ9vMyc0Gn2vDWyCvcB8yabcWgsrxNfKAmt9Nubgh4nxtesV2OV2IBu01K+gty02N7sX
N8O6BlASea4YzTd/TqWhRmBKNRd9uuWHufIhifFlsrqwqRad0qegg112SFTRaZMAgiXU4eYmm5zC
aDUNSASR4/MS8zpVg0IxstArzhr7eDsMXd/u+wrQpXd7CDTSkY8g2lv9PkXLYT+1H2JKEY+bVHjf
IX5a3oErmZ0abU0DUEMD+GLjdXy21/mG7GShM6HmDGnLTni3uZlDg0NSEfC8Of73oh/Wu13sj0XD
Nl73RRu7zpKhc0rtKWgDYgWuvRnH9HXeoig7nX3af6BR+KW3J+BpVQTwZWwdJyOyxWp4i3XUanUU
v847IPLO+5m+HlYAOLmHhOc1UjpFc20zNPDp2hQagNw54BGunUcJoZ1HENb8k4rK/WLg/okcnhEc
p6RpDowDCJn2Dr/ibz4sIk3oPzVxHhV7l5pj1extTmBowbEN4+YwpaX0jUEuZV5iV4yM9qvA/XnR
g8Tl3LQ96Dz0ELuvKJ9eWwfcD+CLlMusBZejM8gSEtRFcgb0eNzZrtQ2zGnLi2t4NXY+6MPiHuiW
1eVlPNyPfctePk0yRKOBbdUsL0LxHriSOTtz8GQO1Qm8QKI/qHHWqVXwp7QZ7zLpZj+gv4dOSry9
PYBfs0GPKSIiTedPzdBDUgj5s79FvK/xHyPQxOYuC3QBr9wu/QJeivyegA6dr6O69GTJtkEDWPRI
gIoy0u39CI6tGeaQVxxQT6hhrPkI9qoOfLubihf9sixNtickRFLE86I0X6xoUQm0JC1KGAo0djrz
op0hOz+BaAmgxXhN0Z3hPtTr4ghtA+xAJrebh+ihby/EG2vAhNwJGFaUiezK1CR6caQl3tchU2KB
9zjRDPyZQd9vA/SIxiuQfITHyWbpubXcdtlFUfEDCjKLSHjeK/SyglWGjdYcYQm9X0AgdOEBabe2
oYyGP8TvfCroANpzWWUGHI62kJQ/vRkt8GAvekPD1oVmo2hTLxg4H9QDObRX5TghvSbz/AydQwN9
1uB76+pkBKDq347G1rCXUI4QGbV5Rtp7+BYrR5hU5pFx8BCfRqSqoHCpt9e3/M7AnXw9okB9HCsD
DGC91L+J9DkJk/wHMn36MvbkdGcA33REA/stoOhjv8k04PmUzKsU3drShXOwZWA5K6RL0nUBIkWg
jIx4dkMNzTnE+PeAfihN1xla73YZQxM7/csAs/Y50P/P3Qimj5sd3Di+mUHE9y/xEOiMnlnslUA2
tuAiK0HvkaUNfqVKn5fGuhs2C5SNra16Jiy9yhgXpp2Lkwhq/tyi8tIIJCGRHLiLGsgrE8smeFZA
aaWB75CGpm3+90k1BLvYVMgTklQl6G/VQQNPJeCF0M8Q02+bciSRaUMRZgDsSbd9CXbjynDrY9JK
eYnUoRgtv61KsLurER0A+DfjFi+dyuLlnX7uUCumETgcwccBZN9JD8LDzZSMTX4Yev0rmehgd165
c3Um5plt3ES7orF+QaKnO4D7EzJG3Zj2ByssuyWI0C3UmIYK+XZlJA9F0tkcTmMzzH8Vma4DL5OO
R2yZDL+eeuhVKzymMaD7Bu/l8NCYYuiMDmBJA29BeryZQd8LAGfVdW8TmrZC/+ykn1PmQMpIE56D
e7LG8JfrIB4r69BdJSmXj20fIY9qeRemA8sVjRXYQ21DO5BzGnQdDZVlvSGv61r1Ng+iYEleF4+a
ky2db+gslo8WuKCvkAMom6bplmWjnesB3GIUWVrozlay5jtahzX46bTWIH3ysrYb9gb6XcGGiU8E
HEdyn7BqT8tSBJCQIOzT6gcaxQWIKLHlrI+0GnJWHUjsawkaLbs8xmbhLiyjxzZsitiXAM2sKHjE
oImKB3074Iu846DRPaErG7fmJqwea5BjQL+ojr+X+KMFSPiEkAtqV3qYjNsuLAC4UOq82E4byziO
arDiKU1mEuUFmiE94aGkRKNNNNto0DxORGIssyD/IzByIAIQ1PlaL+p4ESnBZk2V4AKl2pwhB+T1
o7gjEzntFgQ2umcOEANFBDnsDkRONJ9st0UMqwNGN+/uyK632gBJGmhmoV/fODZdXWyrKLgEk2aC
+osorcKcgcjKAEfqFCQ/cjzLQa6iPFHr4RRaMOnabgoAn5QRalgIp9M5FNSVhd91KEt5TbDyvOeo
FPJ8SwFIzURbQBBrW0ockCNuzdEHiXKzwg2W35MjYy1q3qXxDIKMbO+UZYEbn8c2Zt55d5WArgFk
sSGoEEzTUm+c5FkMbrlwpjz4Vrv13TAgIb8Yp9cKGz78VUuBDpK+/pWa+ZM1pMVrp+G/Fv3L8gv2
A/kqKrL20vUlEgKmZZzcaJy2MnS6fa17wyFGgezzlcvR/HhlS11Zi6q7SpbIs5TZK4r2H6/cd+lT
UuX6MinM/jzFxRokZmDjnkxtY5ZS+8YHfM+9LmVX0IG4Pij+vSN6/vs96ujGhg+Jfp+C0GzptHX1
YrXdswJtY/4/oDZCpXNKv2mGpj+HvZOuGH7092EG5U/0byf7GDr1p1Ekk295U/noRAEIoyPT+A4h
jbePYeBjaEEYfu84koCfPoacvH99jNh0yz8+RoMXmxPHe/KyG/F7rgfIV6AIkT+CCra8cIHbihqZ
no4DsHyFI4s7MuFtq115Le82NKTp0QSsEg0FH+fp6Ot22qWaCrQ/esxBiuxMZrzqeWRdg9LIL9hq
AZggrCv0BKwr9JLxU4cI0oFsTRgq1K/iugLJ8RUIo/xiB2/TIQmGemJsIZtgdvqxE5CepEOrzlLA
322tB7pUjey4n5BbyTgSp8oDch6o9hj6TgdL5YoEG0wD2QWUQKYj2GChqaf/IHML6cE9RZFODUUV
k5THqtYveG8JlnFVgQ9TDmZz7BWDCh2Y6Hu8H4MMOgb94+7mgDQCovX3aDk2fimCrSixc+bIn+2o
eJel4L4Cw4QLMlTgrMkLzmtvR5W+nE3dEhIEC/TIB/4MHJiGKFoEweBuytho+Ap9PuWdoYzQVHA3
uoN2eKkOdEZeBha3hVDeWgA70w2i3BUgCTtPEX9kxFKrRtLWH4nClnxqdPOpSP098s950AudIyve
cDSSAZYVDJb0UwEOJXoFnN8GyTjGFXRC1MsilcrpMEebgqPLF6X528GTmvRlhbffIbK3ialxgBRi
+Qpg16rKvPRZxk2FVj/YiZs2jT0wWdTZbHelYhiDnOqrst/iDWb+wuvbgHsYci+jYmynA/Tk0S0y
QJ2ZhjdvqOJyR0wAO9Buscjy6C408OASYkCnhSrzeF4Qrkaesz1Vd5zyfppk+/wpanASVVvcZ9j9
XzT8p3XcRuHCjR1z5RYRCpy12uPzdrzUEv+lVNboGfZsVF4bueZcMlPnV7Ds+BqeN9BMsbqjlmG/
Rko1LDPwOsciNBEpHRvIvhSApkftgbwis/YStBUPYRiZtAaZe0iLHqMca9CSHHkw4JFSqLtHZQoF
qy66VrKuQb8DoFLN4+hagrgfZC3ucoJQK5TjeA9NwyBw1rVpv3lTbKtpKpn+Nl9FkNNBg51vQZMG
vQONIyr1T2lnAnOnNOsj/intzFmuW1FzJO+kKuPkRXUcwREoZm9e+jXRMHLYx7l/C6bfGu5q6XE4
FLEzLgvb0x61UP7rTI7szTa8n32K05JQW4xtM27aIuWHaHRBuqO+tMBBPMhqlFerF/wAUeoMqob4
cjag++bYvXyw05c5+B0/JOACnfpysHW/sh0kiEBicpjaiB0kE/YqNxO+INvN8bchcgmsXtC8m5sX
k70SUcg/Owy1foYn7kq4HBJfmhGd6ZCX2SP6Vx0gHn+b6Ay8bt4SnPKZX5JeJhmrpAVtiu2CAu3P
6DgC2D2zv9/MXIbx7Qq5U75dwbGA3VKscd6ShVHm04xbsK3l13DId5oGlk10LyWLOh+TtYDKJ7Tk
XLYTk17f6arSq0W5d9A7QAxUpRdP2vahRc4JMgs1dFtVBDny1twZ6CGbJ6G9uFu1EDeTxhTcQY5U
LLTMq76KCuVIi+XRIQ/66hl6ZLO9kVApgiCR6ddpU3+t8K5qGGX5wIsAbEW5BNJY2Xs1HR1Q4W16
DcnVa2h3TxC5KFfQ3kuvg450C52RbVA2qWx09v8nTiuRXih0cE2PY2QsPT6Bbl/d0azN1EvxYrJI
HqQOzDJZ0yw3luOAO0oVcehX+N0EEmwPIjwaCPLWTZsYGxK6mBx+Zxml/pDmY3oft+wnmSnKjV19
U5imfFFRuudseA48jJLYxrsmupkt3ARQj7euZCujaDWiyfHCLeiTJBaoYB2grjcUQRNMiXQnKW6T
TU3obbC3znkAl4UxQHypD9bu6Blw6WYX9A3zI5X6cmC3hPXRXmJb9Kri/2Yfpgzqs3WwiMaou0uL
wV2nrC/9sojyL6As5FvoUnrLKBD5lyFq0LTshM5C8zBMpgBJCaVzRMEGB59Pnw935EyrZHpIQUIW
4tVpgM7WKg9L9si6Ib4Mjhi2fWq7OtJwtthXeFhmi8EIg53JN4bVtv1Pcmgl6K4OORvFfg6HbB/0
ZiBCBTBWDRaWqRrvzLjsnsXKHs3hWddaAcGpMYOaCYZh1SmGSQ0ysGoIVdIK4gpoZaFhPkLBLLSG
KyrT3sXt7BOZ8dcFQ1EIkHuVNljShQpaDiGYLXkdQ74GphTrNMP+7va4RXYkk4sYGRJoAXx4DNPT
9vbwDUZfNfV+CCBfRAoscE6QeTmRiSYy5KBjkCEdTbC7Yw9pDOteVdnybhQP8RSsRReFZzJ1ugu9
46j5ST4y3SbdbH9OEuNUH4xu+Enx/6+TYioA0lW61kWe1BnPXhIC6lG1A6+/yyY8aAneNq9FIMrH
Ig3+MdRbV+008cLFy+QJdIJ8Htp/Dsl7C0bGqj3dhkOKjjMjC+uVp+0CU3UWj9yd7jEKqc+4/+uI
O0WxGDK7fgAkhC2tPGIXlxlyDVnp5ggiuH4/tBDL8Ry3PSO/zFcaABNfphpCGrKsm+9uHe1aA3jb
RQk4N0gKIBSa8+9Q3olebOawZYpy27xkrynaR6d4W3KYAFjqButtSbSUH0N8d2PRDi9ayXpQM+JM
ogdvAZ2D4aVocU06G5Ttr3Eln0AT64GwdDmKPFqT2neAtMrJdkBxUYM42adh0zUQCociJymFkWZY
lTPn9G4naTEbCQw8jNME74Int4Bs8AInZoDnzwJSHfPJR9d/idEB+Nn3U8zXYce7VTQ5wS72PPni
QM66G8rqqTXK5JSBIXoxQtfjhcLiONV24AiGzqbpLCrWe9skZcEmQrPiCs3Fph8PFf6vq2zqVrzM
oPtBYynMDrQipumPEBWCLqg9+Vx3NsAy/QwsGe6Itx6gK3Gms3f7zUT2yTLmeKK4J5OlACMj7Hiq
hjuyk4mc/6v90/r4jn/4PH+uT5/TI0TH+9oDs9YeutrWhmab+EL+PvQgspWsO3dFCt73enBRuiiS
7w13gtQHth35n6YDyYiaMMfwKYHQS+JAFSbBXfrfS90s78vN0xNQ+tpjDoVwpYZglpb6FrXV0jPc
bE020k7owHx6N2T6gvcMvNh4lHIzNHYojeozbmxwM3NhtW53csAy/yWu+dsDOKnewmYYmQrzRNmd
wBpif0l/h01i/Ndqf4bR9DII8V9s49vPJ2yMocB0FpUFTXpeO5e4jc0L0J4D+ofxRS/1YybAbEGR
rcnF1ra5C65Ehk2Jim+mGFSHUQOuW4qRmmUvmhZoOoYayxyjrgD2ZevDFfTVHJ4NwXQEbcQ9RdOy
o4f7Fp+LQ3o77kcHqBUz0PJtBh3MJ71CSSJwgvBEQ1D9bZpcxFcNinTXXPKVVD2uacYZup7ackHD
aTL4FmTM+uzNxghAmLEotuSlJSMIbpxoqJaUGTj5aMkC9DpZF4qTFQagRdE8JCuiJaO8iTq0TQ6Y
OOTgjpRL6cJqgiZeHK5paKTRcGA6NIv6OioeQ9SNrmY2p1IooKlB+Xyb3ra1vvSczjcEh0phmHiX
sUarGlNqodXQg3bCEQAadz3YH/4dMbji0Ix41H+KAHIKaXFV8vjLGg7276sx5tCHxztLznwgcZBS
sbmJ46Ro9/tEWxOR/myb/SDVB8l+3YAF1io0Y2PVJqoSDKym6Cqujw4NUTKZh4SwIUxNNFiz6Yap
eZ9EaB2KejfRiELfJzK0IxyjEK3UCSvPXZYeID/oXAENdq4OY09o42pOIIl1IFleuz7y26NPTuFo
3kkiZSWUk0xFkd2VTsbASovZaWwlPlrqmzVNd/XWwE60+T7PVpMgpbEBvD++J5Pu9nipAvHzhj7B
2LvdIYIe8IK8tAZDDa7QWX8h01Bp6CAanHRLHwHq2vXeYrYOAMjvTwRmH6h+aQ9kEXoO1afpe5DE
/Y4ScC0IcjdT3VVzAm+IubjDg/ZCTvqSoRoL0fckutAXLEoF2j7+nN7mVbWKbAb65iJ1dzGeA8Du
ujvh1fmjxZLiMcd7Eh/T8RzWHN9xi5lLi0XtlpxASE9bDqKEJU14n477VQ4SV+n4rl0md5xfCTTB
8BBaAdI7gX0HfPdpjaJyM4zxd9DgfrM76PuAaMTb5RHUGJ0sM14xkfw0UVaau7ISgGaKlaYnbGcp
CL6h1XKLsrihoBftBXVhaxFUTbZ2wVowQAbppUtjDrbTDBUMVVkUSspF2YGsZR/sf8ajZnhiXhN1
O7Quj4CwpkAqqMzfpxxg5cTVkscoaNwcH5KFDWUCnQGsmkWMe3jfl+DSGIILVLyCi22gyoLXY2/T
Q8b2Ao4A5PxttH4NrnekCBYkxv3YfZukZSXLzItsRR/+K3AGO1laih24UUtSLK1BS1p1A80+dYW6
Z0jedlDvDno0vamdHe5LNmT8QrGjYcP0VQRW2C8xdh54bfl3GD0qegsK2l4u/hpWq9UIyPwepvYx
82pkp4tqndneLkqrdT0Ylft0AHACwmQbMaXpAbpg2SE3NHMjgUI4R0MJGHtpuNcuQOq6Zlb5lcXR
1zgaql91Ar271BmjBR8BgW6i8lfn1V+lFhVf87pIII2TOlfJ8GOutCg7Q6Di7Sq1MX68im3GiY86
WAP649ea62+sMVCaHg7AbBFHzAcztCFnWpm/2WiSouBwQwMSG57rZ8i9XSESU+4tVGcgzGOZV7KF
7YsYzP5hMPA48CzIDjcTuLBu8ZC+AqSx1fGW2hjNZT4892KCaGlp3ltytPdcvazawG6sjVQmKGNP
7RnF9hFo1z+Ns3g8GbmKTHxzP7au+7NM9aMOlpPbiWMbs8X7ffJHTJl48ikW9Su9I9PbMr0oyx5i
822g78g+eO454i6wD9n0tQshO3BL71IaWNlNBrFz0w7X1Hkgh6cqhFIFpCKMVYw6IyTnkumOB62+
pADLe0pFbS6jAs3qTRtmy3bSw/UUW+adBsTtfDA8Fh291vT7PEB6ixwUMkBuaVngR7YmW4/+v5Vu
xSGE6br23A+gCxFWOq7LosXfry41JCBbucdLo3wBe64DiUpL23dqyNi69kbnuQJ5zcFyod4XKe1o
I5+cZdeCwn9ytAJMWNWvSnLtVZ24afV2YoAfN20hCGIZqC4WRmY81a4Qq6hrzfNgQFsgbeJ8j4IB
GB2CyfMrBlWExAiKZVaBfCdUQnWFOutcoL0B5MFYN1D0S0bd8P9zDAXSIUnAdhKp6NtidBbl34pC
eNhu8SNtOfsymu6ZNh1JhixNmLxXPtphkq9h+Laozem777/NAx8KWO5H87WBLMMCxEfRNeKBu5Yu
MDYDaAxPLPFiv6tb46nUum95OULNPAYPHt7qfoDumS9GNUljvycBfDue0NCTgFlT05+mcZwnQVZ1
ntSUSGgBbqIFfXqIa0tbZtOQLJFzSg9hMIKknTwiSOTbKbmmVEcCxcqnPR9RQCtUW2WpoRE8NiC8
Di2w+OgFYNDQ8rZ50MykWpZVG73KfDg7Fnq9Fv3wrW9d8QstU/9EruU+ORkHD7M7mufU0VPoPrXR
Hn/Z6pRKzvzWdJ0rS9rnOAg3k6of0WEopQdsTYS+cRpnHOXi1Br3BlWgPsS8uyM3knsaCR2K80J6
04YgQeUInfK+QUZvRggp+BAoWf5ua20wUJAoNQVT3Pg+l1BHtB7F/cf1rAbv6G4qjuDfQHuK7mir
W4alN/VHsKQDc6OSNIUJUGBp2aAqU+hodaBJAbSd/JttSrw7Q3utse3ex65XYZesayP+huFqHo5D
bp/lkCfo3I09pAtAnBSrAznAZBcsuFVEmw/ReFteNTLrT7dgy1HE3ml1/RAGIffYH628ARf4Mwhi
vFNbVhZfCOQDdh4PnivGgjvZYt+yAvx+bXMwkM0h6LmaFkkcaLi7yHwFPBFEDW73p5FlFcisfbox
CbKbsjPvikzkq0EFkyfIUIFb6C0Agkk7B3+6+dHqOeMGyBbB96/YDm1FjxiyAn2ZdKoT8eHNRcbB
SEyg+oDNUFNIA+9DXNQbZbSiQCs20B7EK4fvmDnMtnkFLqttA5k2M1rkVQ65CcMw7+N0qrdWLLJd
wS15niAECY24pP46Qu7R0ULtlzvUW7tkzqtw8nFJk3I7qbdDZoB5xOvkmWPJeVKu2ye6I5iF2CJH
ZM+TAuDa7r1E+gwKfYtcdSrYqlOBDtVYL5G08k7cHAzgatTWHlwbEeiv0HoAQsa3OOyawFzSVjXw
5kj5LN4n62U8bKCPBnljlHPOwAyP5zwd6hOzoVDfstyG+A54VPS4kfvS0y80spWJzsBbkm07W7Un
qKm0CDkKLUzXegX4nRM0xdsqXpaJFeuQSY0NN4j9wsRGc0wZCAlvl0JtCZ8GCJotrTbKZBskSXvX
glTBd90h9ukXVaqflf4/rH3ZkqS6ku2vHDvv2GUWtHXfh5jnjMixsl6wyhqYxSgEfH0vObmT3HXq
3LZr1i8YcrlERGYAkvvytWL+ACU380StOvDbM68EeP/QRwe/0uXaBeJinRT+uw2Vq7eg0LzpXkRV
LT+Xo3VH/nQrgjy+WYeRrNbzRDJorhZki880D4LDoN8YWIIgEyhVSsV/ZaTxr0Ym7Op0EO9uArDW
k71xHbY0asM81iHvn8wk2raDZ7xm0oCSNa+HLbmlSKFnBjb29diZh3837Whq5cKVoOGiafNA8oNF
sMBaE9YOVYPBOnfGdkMsZNRMEFv/1IxUkyjL9LoK1nNvIBGU0PmvEK+Fpw6aQocmxbekph0hWl64
HgoRVG/iKI7IqAQuUTX1BNjDRtH0UxMpg/iclm06NcNB6uew1H5OMyHjcUlC/o1aYeM4l67Vn9k4
jk8tb9o7DTpi1BcZVnStM/9CfT2Qi9d6sMAZgCuCUaO6YYG1C0Cw8hRrowZM0bChvrwzjXsXhIE0
TjiifhjaeEl95RjGj27+q8QvbysTYN1FwLsHmfMUtFxZd3QV1xNgw9YuMe0SWjrgi5pcUE1TWY5z
o1bCMxMYwNjYULMzgOHmqX+hFg3iWKAvECDojtSkKZknbixNHgdFe5J1dXqvqagtLyN7iwVGB7mb
qNz3qN2/kAuSMtEFGhT7eUCbN/oWhQBAUKhJ6CDyuJkmCfOq21uALi/AMOEjlV26i6TygWYubVtb
mJoTQWSr8Ve2GINrmRXBFdWS2S6GvNFCJ5/KRJkdL8WFeulAzsOB+6F7nZzSGg+XGr+Bad7UB1OS
7qThbh40X4uryxgJKGz9lDsrFFwBQ+KHunl08Mf5WAvkMgZam9qf3v59PGRrwRAEL1t9m4is27mo
FnoII+dHlIz5d677yByw4ikHXdqfHNKaPflDUU4OePF2u3LApkvNkGGzdM/AI7OIXWjacyMszyzT
rBez2YxBHr+UVV9d+jgETluZBZfRNgVwfINklPUyD3pvYrWeIJI1jsVxejP2po97JI4KlPdBHunT
QQQAvEXdAJVfdNTq3UpnkHlnF2x4Yqv3V2TxTRPrnLQotkHGoYbn2D5kXbNm7TRm8tTkWArGbdj+
KBCr0kzb/tUgjVWyIXl1WgQ1MuCzsdMW2B5i+X0wyhrFdmp4ALGbafjo6fUTUh7dOsmw2q8VFsJV
+IimtvG6ZOJCLaaDTWFs02ZpDAbwHapXePK9NwxRLl85BRBTaujHeN/r+Ub3wWAag8IasQAUwneq
RiWzQKuCG+QBeXsPXFHYC3TM1L8K+Uj9AbjdVqblj0camKmBLRW3jP1jlcXDgamyiqr1+MVRZ9QM
3QD3adCdjFEHBUknwc9YFfJEbuQxamGxbQU4YfcAH4ml5+QVMp6DNtUGBFlSLGJDl1ej88oLsC8a
0KxInbqyLPD7LJU46V8jrDD1byAEBId5Zn9njdcc6eUk6ti/QAZt20Z40y9rM+w2YNKrV/NSTw1w
ZdYeySRB07fRPQsgaYRHm8TtvwZZuQfxjvbTcIwThEvH1wbMAkuGev878GZpO0fo3Q7lpUBtqkHM
Qd1iolf7sY+KuzGw+SIdeHTOVFVqGgMeLSEJNLU+7E7j8GaVy/zALXApziQzgIVC10cTDOyqOj9Q
R4af17rIbOT4zQBKrkIfzhUY0l7Er1Ia4iU0+xAcuWBF8yvfemnA/7VJDNlvyAmsre9jTLeyX4zv
dpjtZMXjm6is6MHMLQDjMx30VXUSP2RNUZ/wxHmlzjGKyjMoqs+8d7OTNaTZCsq4EFhUTV/gDbig
UzoEWoJHmOoZ+hQ9DMKdSqjHXZOxc94Aictu9sCqSwb86KLtfP1LVPfaqqhMvqdmiowF1DHlU2qo
LRhwtosIzDBfgqTqga3QvT2LvOSIqlN3ieXQQqRN8zzmYXTWtcEHgS5gABCSbVda4YWHQjWVW6Pc
9LCKzohXQhMtrJEMAwprBSqb6EDNDzdDzQawGLjRCFQw1m+o7ADDVll8813E1FXEPNFrCaSV8C69
z4sTKuLc1YcHUhIoAUikXLrKI2hBKU8e0CQqvoXV+xzkoUFxDlxE4EjGA0m/b5FMW48VakD6ojLu
UUpv3GeNv6kRpbwjjzxOLCAO/H6B6BR4dlnijgs8bYY9OdsWCrOboQbmCkNpRK3mRDiyXtuFHPNl
6WqbvnNeTWhq7VPQMS1axQzjjEF5pCZEaqwnRzTvzbAf4k2MUuVVXzXuruQQDKO9uotvvWsKGa9o
I0+91KTd+uxstzI4IqiTLCir1dotqIIT3m3i2tMAUs7FobEt76gDtTVlx9IAlFw9Mqw0gOyUOquH
Pt4OwABNM80Dfp8TkSKoEq7SCMseMwPQLcq79OqneKP1I7tVAYcJGIJjb3pfZ1OXuJBEsHO5DNtM
JEsW5c0q0dp0M7XLcFSc5bG1n9pGgJdvVfALTVHkbnodeoH9oRoMvN00f4YSW5DU9YcsPuahTE9Y
7bwfRi8B2Of3dlSU3TGvj2SnEW3gW6BR1YlqxrowBTYfuwCCwQy1lFagmQuyOaoD//5iyQGKWs80
IHSGMDrSqEDaRXH+MDqD89g3gMkM8Z0A5dwjWSxt3IM+QlwbZeosvVokpWBH8uDISKzqBkpotVa7
WFGhVLKpwCFFQyNIyR5QjOUvqImSWOPyP1yJWZW4xoC41MjC+yJzUCk9VvmxVYe4t9AWQ5QDMzTm
Rzqj7sIWPciJrR68jR9jQnKnfvIsxxJ8Pr+fUr9Wd9UaUlrx1s7CdEW64ftcVYeV+J2szFqXZwEA
/tnJsnSV6aZ17N3iZxOkAqUZ4v0QJrY4kc31wK/n2NmROkflIcDWgDjahwv19KigA6UzeNVy7Tan
qcaORUd9qF6bj8pyG2kGMlGaig5aC4pK5UUtcqWBY9ROA6eM1l9zzdP/fS6yf1xxnsv864o0s8m5
dUQtNh6feBhVKSpvCcHrfTSx3TGfkhaPlbkXy4nPTepFQjzKzPpsO5o892YT7PFqO7RmAsQO2aZT
DwCVfWIYB7LRgbsl6pnVAWUGoDB9iVrsIMDb1bDhSQP83ku0l7KtijdueS8efghvoIKeToAnnU7+
1qUHPXuGVMZBdXM18n+Y4n/dBxJgqPICf/faEY5zqnrXXhDRQx5l0aaGTu3EDmExKLuUpe5cWnzl
Z9N7jEfTevnToMAz64kd4l8H9UlpvYSWHZ8kR/GlyLX+Soc2Zhm0MpezZUQg7urGakGeRkr0VVds
lrw0tkaMPaorjeHT0EwstaAqgmnKzgBXh96roIS6gorpXasgMrZpACJYstnIUC7qlnFQg/Jy3aGm
fh+wJnsetHHLKxOgVmXXrdSf7TIs3u0MjG37Cvi6Z6fAHvLDPvv/3V5UqF+j7NWU+FLZK1BeQpN5
mJJlFWhrT8KvH+f8WdaZ1bZzvH45588kUpiIwsbeZk6KCTt8zUK7P5JpskfLIkBFGeXcRi1IT5FV
Ps6XFnjgbKsqGpbzNHXQfZ6aOgYjm6amiXRQOV+Fay5HAxWCjTsiMJgBknLJStddanWTow6gDy5T
D55Qwx51LU+5spFfbQZQUASCZEszTGNpgo9ZJNh9UNCkJv04YHk6zTSb5jmrON3ifcOO1Akc2H3i
ZOLUoYx/1ecMK261kJlWHnjxlYON1KwyeeCZ3hXZAKou1aTlisND5NpkkB7J5nogOAAo/I46Jzc1
r4tU+Ga2cfPXPK02eJ+npUG+hmBWIpsU+ygsg2jaDozW1EmH9mPaoMFWYSixqupbzdmXLVZ2tJ7x
QuAgqEnrGWq6XidRiITUxNykXtSy4X5JT16IXU+HCuJt0I/f/BZbopDp3QmE4ljjUZspI53RIQ44
JGLTektDA7Cs47WhhlB7niEoQPBvdfX9b/Zp5k8XGTI/XjCPyw1CHN2+Z+GDaXf6VwYhVj9w4u+5
SLpl3SfeBRLA7Qk0HignHAr/m1GdycGBKvGyYOCUr/qyPHPoiKyow91a0Jh6g7JztXIrGZ/9KMwv
0QjsAVJb8XfXfOxKY/xmoSh9BR1brpbNwRYpYsQeGgh34p07fM11u1nEqRVeOXftC3VgC4DaCtWh
ocRu6ig18C8HJuoo+urAjAjUio6CQPWNvCebbB2g7IZuuK8QGdxYoSbvgiwy74xavzVqUZsglUQt
2WrRRgNjPhSBUdASMmYeEFXZU1HLXOhCTag7OweQn0+d5E92OgxILR2c2N39blfTgh1aOxRGu/vk
/1E/k45adERBztT523BU7yJ/rMvp4831NuQGSCQ/jmW2nac1gak/J55cVlrTn10XCZ0emPy7LsDr
GoVm8X2T+oD9FlBs6GufLw3bKF9YU6OMT9bZV88DCkBK/t1PQZ7EXfFL2HyVpjmDfug9kkEJdilZ
syx9K/iF1Blg3Fn61sc/UKNXPdlCDOsIj8ZTpfPiaCC7uhk9G4tKkA8swtxrv1tmuNTGLP8FDu5n
4Qz2i6/1CO4j8n5xNV3fFzZK9xn2ZLeEe91StrrxdbC7vXSN7JfOxoMY/OorQJsQ6AL7IRPNIpLd
+KCbPNkGdpUeKtakd7YXhSvD7+RXIOm3Q5lmP/Uh+iKyZHjuZD9g92nwk28I+4Q7u1izjhUvTCAc
qFytdtzHzIuOVR07yzJMBCiwneYYe8b40DbGA3g6nK/QaIaaU2C3J+iHlfegaXsjO74MojJdJc8c
tHW3uokApI69leajuA4EmOFFy3l8rowIm33L6t5qZ+0mMf8OcA1kspSD2bjDFjWU0ToxU35F8Qu/
FgEKvBBwKBGvd/KrAe01b1Hm+MRjdkcm1HBpyExL34oWvVbsQq1NNlKBPvCv1m6ml8ULhI3lwVLv
vakjQLXAGBRXakVuUJxzMzrPg7ICb/0hikHi+TERR8J4hZsp2WgEEcGC+n1i8mGR0Sxyr/5OZG+j
4uMsUzEc23zBHUX5NhG/TUfyocOndtmH47EB1lUY3gESNgvHBYtHkVmXCbMwQhoDwYFkQxiHkJvN
GQUaz9RJJjcyzqbVvfs3QLgjTRY6R632nCXRUdhF/aWIbePeRNDs9Ad7V/HP9sRsvzhZ8+5fAQC0
JPYK/G6++EFi3vchqqmmSBYPuuad3xVJkBNzwQ1KmAQqVcvBv9DWLbgnAvuKP0zx1EGSadeihHvT
DpbxZcSDNxQsesMrDPQpTaqdBuGMd1Cp9kCUgYJkNRI53eKpVyObAoGh0C2nkeTgBCgCo5EWEBV3
IoHoOPtrJF1TZ4Ao0kgn8vQvDcBH5ICVHmovwnUe1vY9EOLJBv8M/yTTGHzDEK/eWY1VIi8QWVAL
Fzr0qC3Qq1pm+h3SRZuhZGOImsRoDY4u43tio7IQiNnk2Rl1ufJNad4VMtS23di1B7dqhxPy7BAf
Z0V1X+Exj/K8jr9iGfEYpAD3LqL7UdRgDCtZqVRF7NdG0/nyT59tFNa/fLaw1D99tljTILKrar+o
dCvqm3zZWFF7mIqzVBOA/vZAZV+Nqd2jjqTZlzJN5QKRVVDIUbjOq1m1tmIwBkxGF2nbtddH2gJp
bI5da8s2PcTMllEf4K9OxqaI8Y4OndOoVLx6deBCZ5smhNg5K/ut1TN+0AAJOUtX9Gc6o4NICjCU
Ba67mjuqKniLGz1Y5DXrN1YSWnuPldG9N6iStgFUJUCenFDiWb6Qx2BbJvKb1hOqf+QSeuzhocej
xJrT+p9i/NMpOY1wohQAS2JnI/sI236w0Q0I7jrMQw1KkK0rBSturKZdGC2QgR1gQY+uA4i0nY5f
yC3QQXPqlCUicB32GnHctpdWuXUhavnU8D+59bjztxxQRMhYMfFU5/kWpdzI6+HO25hONG5z1ZRZ
uUygG/KS8ko/pKYL2XFt1F91p/85JL53RaK5vwObNirWlb9l+O6yEQyZKzVtLviW/IeEvU9bIG68
G3NUtoNaGwy7Gw+YsSWyi/GetrbULPUk2U8bX9WLio34UxOxzHifVDoy0RWqSz0Croax0y0Mo3PW
Pvf1k0NoV7wkOneD8ozr+xWhTnMMW8RpstFsTygyAb1EDqLqEwQ6A3MTligqL1gvN9RPB43F3xK3
NLc9NwVqWHCIedidi6YqUMqfOWCQ8dx+Qca4aN59LFeIZdk0yP4qb+oQLOzBfwmlhbRE8hZa6+Is
ZAAwIfSlQCoHiUaZAs2P1D1OsfJqN2B8axceQpP9goy16qEzD0iZfVGxu9leGiaoP6ZeYa2MEkDD
HisDB6/xY0M3Gm6h6NymNu45Oo28h9LKEiicIW5OB+SoMomQ7l/tFvxCHLz+ZPk0ktpjGhvQLF/S
XPMYCAkhFK8OZs6std1nbnYBPVi70cEFfimNwDrr4slQcC86kJnOxkhaSzcZ+DrGSoVhDxJ4pzHM
l+SSkm3weQ39nshezzPUsf6E3UkEmj5PgLUfqmQHXx3oLEydloNJwYUR+zl/TdZ2rG3Ad5WXw2wo
nTfDjnzIZDvFX6NpyrlNPtQsityxl3OPa7BiZbgQlKwlEkaSx++HBNHIGvXyaGe9V4FwKPw52TLq
IXenZsWmy7VfFIH8FKRM4xgqPxHI01ug2U/YO36OZv4W3KTBnhM+abH2DBS0dTY18ANKKxqgFD8k
52rIOLiXhHZDEZq5rNrIRIwnCxdgjOQ/+jBdA6TIgf2IIVzjBNFPkVRvRei2X+oBeXvNjfR7LHg8
cE82Ov6PRbrHS6sDC06Nan6Wrl28XHE/OBx/i0QOp+lUs4R2MGqsqXhaoZJI9dDBlUBmDeZT12M3
2MYmivZAh/EK4OUNYp31gzeW/gnFgvWS7JoA+WJRR9VdGljj1Xd6rF/UgAhcAcgYFc7RRn3xo1dA
Tlfq/CksxnrRg5HvRIdBavlJV4fZRk0hRbN0MnNTjACES96cGzcsnnygYO8bL1jqZh0B17KqXZ49
OX1bPCHyCnhjKe7JMSyyC1BS3h216qT+0fNqmCaBXh1oVbMI96Gas1AbWjyI5J6a2eiMK2CB7C01
W69EehAB7g01hzhosBurvZWlLgqu0HiP7Ia1pF5k4rVDVYDegno9t4vPbYsVKvXqvVnfIWRwo04s
XeNF6Qz6Ltc0awTbclqjIKM+tFgcIJSUp8EZv63gTGeaLL+AL1vuTKNwxoVZBR0C8AOY4I0cG8Oc
H+iMDiFUAQ5BjMPc/JPfPIxGkAsNm5v//1PNl/xtqt8+wXyN3/yogzVS7DvjIYggsqxBJaRY0Ol8
APGHsyqssl9AKCE7zh0sBiV9VeR/DaH23O2pGecmnf1+gaxFRtJgYDn8f08TVR8fjK5Cn2Qyzlcl
o1tXdrFwbeM2ihh7N/Uh5iHUnFzolIaUZfIC5c1qr1lxcW0hDekgFXTiirGTDuXgAAWiBeVyMK13
m6SzJN1oEDU6D+oOADZaNJtapKiV+BhLI4oEaLmemefZPuqo3R4zPInoqnPHAHod6cr0wr0IK3MR
de46LWN/OV3xY2JEqVC4DQ5vSdfOBMcuuTKS1TQVDY7Ea8ZkdDdNlQmjXEexVk0uvuZfLJAQbcEw
IQ6u0MVhOmNZ9372Bxu59J7NMtzYGEcH/nE221w1zTwrdcy2Ciyhy8TGHQ96N/++7Bi4qSIwqVMz
cFL/XpiQ0JapeRcpjwryaruodboldVa2598XiLfkldTP0yApoBSIIh5EvgAR5aLhd55lXUCTUv0o
R+eiuXr5wxbsEjGccFi8IGlOLM7AzeTrwZ7V/RMB0gmGHiosOiIBk302kQfZ82q8Q5X5Qh+wIcic
5AoCPfuWxAm74IG0phYdtBFszpnV/uiGMEWmrwUir/SrZum5AVgMWB4e68xW+/nKfW0/ztLEeLfR
WZfZ7msUDdlCL3L2OvWGW93wH1Ih0pvjOOkNvNfuqWnHI5kgDpHeWgDx7wI8y6Ca14dLcuu6WwQy
pit50aGtm11qFfJMrT5O0lvNi5eCcTBpqJnJ1DfgrHA1M9zPtq6w6qWX6OmWXKgjEzmKLgoU8ZCN
5owqyImGrZ2u5quGTFjbtAcD9TxfaGXmnhk98FqGhw+cFKN3tN32RsPoKwEXUUHmtPw0u1GBhjeZ
PsL8FVLsKCXYvy6ziQf1tfdZdJo/mWBBvDBAk4iaVPzByLdx62ChaS779K0qMwCM1ARdFbnQwR/B
AdIYjTF9K5qUdT5E9/JcLOfL6i33dloF3Pr8Tbu60w66J7/MfzgESMH7L7L9/Ol67vh3RfhKc03/
Q78vVdR1uJuaY2kfwLAhVTGN3DMTIglakfffkqZ9NLM8fUwg2Xhgug6ErrJDz87SivYyYh0O8KfX
bFpQGe29vLSfBIjuyEl3TWPZunp9ji1HW2lOkS8EBPgeut54lu3Az1K13NIfN8CKgDm58o2H2u3r
qwfSq9ZLjQcydQaovcI8jI9k67uw3OVxoS+nAY4ZPvTGJhDCABMnIHpYV3fJniYHJ256QFTEWFCT
Bvj4sWiu0d/I1I0IJWZ9V29pclSb5KfE4j+pkz6uFhtHpHDDu+nqrSWBNovdNU3msVRedLu8kD8d
/CT5VqTMOFGrx/JwGzCzA50IvtCo9eENSJUVdZKpgETmwq6D/kDNdCytHYsRrCMX+ggSlXH6+EAG
jUHjxa9GfUcfALQe+iEUPbaS2FPJ+EWPre422kxcy1H+CKTvf4G0+7CGIuCwC3s0I6GtQLoFjGbi
+6eyzqHAhwrqL+AptEGJm7fHsosBXTNvk7mDAp+oKvCFIEazfN9xg0JtN+H0Zmx+itTHsePl4hNQ
z0oaiIkb1r2Gj12GwQvlr0Odv4lGFI8lkmw70UDiB1Fa/1E5UGoba8A3u/mqIcj5ljgAQKbS/pVa
2V2bDearSNoBeqAmv7lW3G29yuwPQeWmiFOkOlgD7f4xHaCMyyHQ+V0Nh0ap/SvGcJYjGIyfaLAJ
rAw/jUxHSYKqI489DcwWRorisyzqn6FRAS5n2Gc3qarPM58hjYiA2uTmovae3FAd8T7boNzm2eLk
e0BEB5A8HkDzjfIObZEPP3IWAV3qmy+QHa4ASjTyXdO36XPV2SdWGtEb6nmyZQl49EUwUz8XxoDU
mjXEbx8jZQYxChpZuCFg25alr7QkQYIo5NkznfHQTacz+Qfbn/xC3dDx3CyzT3k2zbWGI5jBdp+y
elOOzRkeNGd095Rem3oZsmRrR6tQZvKRoyNnmiWrmh3Z+yRb8BGJ3UvZleXWBf3Ai5mXE5+Vm3nG
OrW8eg8UEsR5s2Lis8JaGvakBYG26WvPyt9DnAxVaoApOCQgbpbSXCvs/DJyffBgV1H6b9pymYhF
EIvg6KeQHQFUJi0u+egg4WLIFXUgT1hcYmgIWqtk7FfAUAXH2S0YnGgzhBlb9jaqOSWAGkeRd91j
JE2+BktZv5maI4jYbLfGRzJZ9yikMYLANTtRJx0kA2EYirpu1KLZ+tR4n8025PtsoaWFm07wFhEv
z0wXxJkF+aGT9Iz6Qq1Gz5pd4uf1kpp0QJAXxJxhc7ErH4BN5dGAQGxpKykRsv1hjslDDfj7HH+6
ilVB+7XswD0ZDXb5oKXGkbgZAqiT7lLUWq17dVNAoy9WsWh5V0G0+8GW41GH+OsaD0d2jJowWrbe
aJ+atLCeddClT7R1ghcHsFCWqxCouS/kFmSVfTL0cOuZRYeieveN7pimgXBFhZjFrdX19tiGnbfS
wzR+E/m5qCz/a5eCdnVsx/ig5xl/UAOpv04LaOiYgAtZceru0wzzuI3p/ggR8ImiVr4hWyqXne1H
19QzDIi5jmAZtYoRIsrpu68DRRYBOUa+MpA87cDQC+4PW1/1dGZhqyq58BAuwNnUq86s6JvT9lBx
91AmpA4gxRThtgGgd+u0NpKyAk+iFssI8PuzcevjOXOrGFLrii9t+mdE7bBqXARd6X+ZRV1yg7Kc
0uC6Or7ufM3AtQsxRfnVHHt9KdJEQksvlLvW7bSdjkznnURJ+BJ5ufG16vsTcWj7HOydcSG/6lUG
OUjUX2gyyR85Su9Ruo2zsC4hG4pH8qOWiHfb3EtnXNebteQ1mIFsPChRopEf6CMHbpad3Kr+Nn1i
9VXcEmRf5JFHYgfFguTJz8tTUWj+YwLCpwOeKOoulMNXZc90vC3MKLIPLgNVyt/tIxIZi8Joqh0e
f/0ZC/7+PDquhD60XWxTs4wXld5DhIB6WBSPi7Zyom0hB+iaadBB8HwV1FLN2cbSbNgB21bfOnVo
QKyP7AVs1KSO2VY0rNlUgdktCeVGeDfsgW/MdoM94dtmu8aScasDO7zIiKZ1VrbyrfqG3Fqz5gJP
j1AzzDueOto6VmehO7yfke1PvQCWgj4HWMltgl/PwUPqYNOMrHyqa/7DQpTxR1w1GwTi5FcjD9IV
8FPDRXgeIntG0Wx4xtylyUdtEXi5cfKIEYECxdR2EJHDOic8kIkOTEWR6QxpCmi5liOEaAFe3SRM
oFpZFdwRiItsIACA/o3lnhHIKS6+evxyYb6aUJbbJbaDR3Kp9ene1jW8JaoUGuhdE9oQ0zGSHwHu
Cs90nW+lHyUrw3Hyi5/q3jEai2bdCy5Q6416cah5/rCb/NdQdO2jF8XtNgiKfB/mDpTS1GTkMVpQ
XI8b5xtC+8kqYCNfMd0bdqAQJIw6HXzOq3XAHHNNTYnivXv33cG2nK2b54CLD+3DyAOU9qdxvkdO
AwWGUHi4QRnk3VaxsxYkex656z9pVgQWXrWqc1SpeMYjfQXIotQeEF3DX0HGYbmi2v8Uqasdcr0m
XmGsvoFIsb5FCMZMNmpSB9Dt7c5aagwECJ3dmU8oA+8OtlkqbmoP4cMa0hBz0wWBIv6u1jmxQiCk
PddfpophHFKtz25Thw/MabNTN6TBkhi93b/sorCyU2EpzSVE4Nfg8s0gSlgucNsab+DbEMD8m9mV
CXcA1wv+EZkTdw+6V4NwSD1qh+jdt4vAaGyZIrqPDJBXiwCJLOwNx6+2DmWeXgwvkIt5txMQAxyZ
k538R54E61AbUWPQtunOlnG0QZIDeT1vxHMRuXKw26AoJM2ynZHm7RfyiNrY3iYQ51tgsZUvJ+r5
VtP77R/bRDyPfBmqZBzP35kuqOEit4H6Gf1JRf25Sb2I+Ms9/f2rWP5L729jZ+dOTVV5mtiO4XiQ
A5Ku0D6vjj0iABteG9YDByQMMsd8/FEEd2Uvg5/WWP2yHM97EpmBnWXYByegwOtpjMhLbc0HVCrR
/aYPdr1NtKhA7EmtgYRa8Eh1yPzRWur6t7lmeq6rLkEmsc8riPvYqLyWbt5AoHgQ75XYsx80GbA2
7/InW290/E5lDW6a3NpkDsDFcVqVZxTB8zVgT9VzzYzvVNqoud/x2Ep/zGP0eIxWWuC8Chf/TKpa
A8K42sxNv+mrDeSRo03GwvDkDCi9cvoXQr8XRQdpuigYLp7tyZMpsJGJq8D41qSTg9U/6L2xQLag
AkIEt0SBFSbCwnZ5IhmaXDUd1aReq0NtJ/Vir2g+Ue+fxqZuhMxFzkGgqvELlglYV0KA1qx671gJ
HUtNZZe1C8KAoX2thFdYv0TKvHvo0a7AcBvmtyhUBQwiPoGp27G/c9QQr0CrYd9pJVT/Bo2lT2FW
1GsoSY1nlHxlB7dM3e1YFtbVSkpn2Tlu9NqZ/D7PCvsXCvuBb/TFj6j6aziLBOAbXWqCyB/vCvAj
+AjF+PnJabsA6IH+mW5/sps2d7esrCf1IX8w8ytqu4+cQxhpFiTKy6jdOiICGe4IQaK5wyhtCH5o
VzDYgImqBGofwZVF5cTySM12KN6bVHqIt8Pn3uHvTepNdJSH/duxxQiMTsXzFahtT07D+N5XCyyg
EaHI5lV5dKY2HZRLUIx8n6QsPhlYfBKfQSLkz8Apoqsre/teH9MLkSFYXFpbwEaTDXkN+fgTVXrh
FWvbyYvM5mDBq8/gpVauH3OBv2Ly4k3pboTXWGtEKAEQ7mv9JbbADYf7OrjxqAEfNx7+Z9TIIAcV
dBGCLtI6j4CKQxyxse7bommXhcH7L4lvfet8lv40qxbDVR7KySpslfT0h+tDaLUPHR2CbCHu6bAB
N4ockCbpjPgcGNq3TAvsaUHZpUZ+KpLoGy3TaIPgocp14VldeqDFmm/jN4hi+HJNbF7E6yX6IDtr
NV4VivmL7G0vUNqh7Lb0lrMr2SHTmeHF4FcLEPaOWxTN5C8M8uLc8KK3PEAZNAMX2yXJInnxUEAN
qEEbvSWQBnB0cG+YLA62fx+ZGvF45bn1wrGyOYOCiZ+x6uVn7ECSndNrz54Vx0criTehmVcPWZZ0
VzdlALRIKIP2iLks60DXd9SrdU57CkPv69SrD+6PBsUfRyyOsGtxbQ2Sl4iQkS8dQFy3cSTX7qgV
V767+uc//s///c/v/X+EP4srYKRhwf/BRX4tYt42//VPV//nP/6bsS9ZkhQHtv2Xu36YIYQALe4m
gpinzMi5NlgNXczzzNffIyerIiu7rfttMORyCTIyAiT34+cUs3n343//x5QOd4QwwWEhJNhHLMtB
//evVyTB4c3+X9CAbwxqRMaDWef1Q2O4ECBIf0SZ56M2zS8RupXmlkvFqoBK+msTjyjDbVv7B1Ln
SJ9n3zvNnfexfh/EB1SsbGJaYfVCdFtAzURytqYg3TjEKwe5VHMRjGW4mVUG47D5o4064nMAIMxt
mRHFInKRjUkhEAJmIjr4sffRRs5lmrg6vuN7yBMDPasOIkuHE1eHIWqqdY6HHhiZfvUmVfsKMv10
KzodK3aRWhXwSE43u9BYcqYJoKagL/79ozeNv3/0lmVa+GYJgRy0Zf750YMeL9f62rYemj4ct0gC
+0BNsWmVmlr5VsVImqjlRD+hDrp0zOqOPCzUPKFUWwdM7J+9qszT9mngfJin1xXNBh9aiBVreyHq
4C0JK8ONeNyfbEhiHsoCPBkjclPPE0if8fFaP5Qr+KeB8VauugelET8Zj/QzY9V4aYOI703TwDMX
JQ32f3wvHevPD8fWhWGZ+GpC2M4yDMHVh/fhe9lYIf4pKDn8jjJClzGkkRetqoaZVAmMxRzUwahm
KTwoRlbR5IKHFT7U/ckxcgII3s3u5DSoOcjz5k5TUpOmBAf4JTE4OL8REDyHJi+MReMlqEw+kGXq
+XiOyWwXkFjze31YJFNdGotbP5b07cK2ExTbsnA8z93vswCoAqHYCuLIub+aqe2JCYtFeZm6dEqH
Wks8lEutqEHk9x+cb27EkxXojjxoyeoDVdZ8CrZXSNpBDHtNWll1lo3rAvwon/V/he2Hw6y25fT2
sUD6aPdBY4sGz2pbsnmfgZqyEHL/778Oxv/2DeCoE1e/DwcpLi5N9eT68A0IINwA9Kpe/YibbALp
kF2gADAYtVPilHfYv3U7as0mm0Hlocra0fW5o5RKqK28qT+KUbHb29VuzBztxNNAdODByj9MQx3k
G1oGdIZz1IN7RQU6p3zS3gQWOjlklPwFSILGBgEYqNfdDUYGaK5X+MukyfQHPZiGVQYmG6V2DrxU
mJU7xwr4KdYQKWR9VD3wFOxZYx34X9SMAdhq1Iym58dXhwfVxtQKkJ70JdTrUVBeDirgCzKT1QTg
6Z4llndHHkll9eckAjgZ2RM2azeQlINdgzQNtKsgRBQcUoltAwkH6rk55kabuBzKJUssNqDYC5qe
+Z2sQnJG3xpuKJF3Idtvj2YoY5cN3pUoBAXWX8isQE/iVqoVIvgK6qY8cmdqQkQv39u34iqyaUhj
uLcN+22uNIMOLxIGCDABmoRFQbCiwulWidTdSqgLkYkDK/3VJzt5UKcaaf8uz6YzqtGu1Mjf097s
NNIIh3naWzn3p2v+nraW+fY/vu0m/9vzTurYp5pS4IUrufPp246UbiRk0Wjf4jpezTw1AOmWLgML
yExRYyjaGiKrcfAOODtfyBBmYPZaEKUNNkClG08IJ5MX2ehsCqfh3H3/wIozz/Xn/PNFkSL+aeOR
Fw/g/UvVobOvgW6Wd6TTTIc+e7hZfCeN7wrQc7YGgLSQWQMhIljXNKjd1pAv2fgeKD1BiR8dQD9a
Lqh3YIqnEwNMpLnnAVZYYUCPIt66zjaGqi3RZNy6eEPkW2qCX6J1IcaQb6nyJEAV4tzLFJ/zrZeq
VqhXV86fxkJhM3vKUXO+A2/3T09tNQIlb0oHze9+TEXMdtSiTkUEtouM6meq8A2ogZzcQRocf0kK
6N8awQy3C2OUQnd1DBDGKC7lqLeoGRTFStSeD7k/DSvAgL8CGO76fgkmhQFUPXi2BA+dqj1nMeSK
/Ua7kGkIwQge6AUiD2CR3lUtkg4I1SqAWIiQnyLfKbGqmwWDC+H7C2ZNye7WMcTSPJXaBB0IuN3s
NEnbQE3v1pFlHUBHFAULPXM6dFV5gbJnf2VRkd/p2DATm+HYAfpkMzFuiHbQa/OLBTDwFTUN//E7
sOWnnwFjXDfBrQAIpGCSf14TIevrVHo5Dd+gJ1AhGZENYHuDgJo4DQG/z0UKqIvdmD95F8iZ3ITZ
GeABNpC+k+JLoUNXPFrZVF6pYYT43pi27a2pifJcAWZTcU+tmUEl9H7GSdkejA4aBU6J4mHSthoR
Bs37XkONF5SuhDHhl5Y4MlgHXRIvb36cemTrrUoJKs5kT+GYVEKRKC4SxNlo7/9nU46oS2nsYs1s
Q5x4kj9UipyfDkUM0cSuKqAFDZMHfslVwm1szcBu+gAyE+vmj+QdX3aol9+b0cBdOgP3vPNYjoif
qPpAsptjbO5RROU8Asv22c57HW/DCHmbHqkPb/MfjzahthAfthg2YxaCz1y3pGNyU3z+nyKHWjdj
beXf6rF3XIg2VLsGIl0R8c0Tez3xzNNZHmf1DjGBc871WuzJWTXT3sMaXfJroif2SeZhui2kDPaN
1qcnRLmtlY11/gPoXQD1DMP0q50OAJpgXwrlQ9QCIA7xwx7HaJGhltSonAIKyUClRwjGrkwbLySk
vSFvTOj1DNFjiYxICzjyIuiMOPzLyMLGzVCCDd2cX/xxdEYpaoR/3znkyKby1DobfHA/SAYlcs8H
91Nn7QDv2BJXCwfdqjsWptgRsUtjOUfPkMW1Tcb+GjXeAY/A+LmwLzbkl4+4lfhIZ3Rwpgq18lEH
SqQ6YVuyVbKrV4bh65t3BmG9fAR9pbfRIDh59FToXFNx9luTbA7F1H/5zm5qgKUVKw+RzV1d+OPh
dpi6YjykSbpN08bYcu4DZn7rnds2VHCY5U07EYHke7J6t82gj8dVi0wN3joHXdFaKBOeMe/2LtdD
yCroKCz8bSOXvo6+sHasN2Ala6pvEWiiVj1Y55TcprZIitF/S3mG8IMVjod8TLMXVkWzPUdMfjcG
ESg5Yz9443kdLlKLyYuZZtY9M5snS9mFY0frGCqam0xDZW5ujAFCnx5qY6E1PPTWQ8bzEEpSa5LE
MWtGDSqjMEEJqHqokSg3kK3c3PxwXUYyWP37T4rr4m8/KTwbbcOC2gp2Sn/btQ+8B0tlNvFvYPWt
d7YJZg46aAhFr4EnbhY3m4ksXgeG6+rdJ0sSwIKx4f09inw/Nclf6CN0EFP8SXbZPAQaiPsiJVpH
h1HoS9PESuRmslCmsRhRqbQtDfCoUkfALWjo6bWzJBvvY+YKRGhAy4MS4wJlKDs2lPIRqtmQyOBg
iaNmMZnVNm6cAKtO9AKAzg8sL1B3oZqtI9il080TtWLkZh59MQ8kS2p1irfNvvNlCJaSNDuk1uRv
W3PwFsSoSCyLn2xz7P1Pv5tNE40HzRylHPtpXMud8SB6pM3B7vPWxmn8DOUEbcUMwIuNEUTa1qR3
biJiFGpM/k5nrfXjT1eItrYHU7kKCD244TD0G6cK7KWXd8HZUYdSF/kR3DFgrQAxlyXKFIFv1UFt
RA/PWOubO60ywIBPNtmJ4FxpcbME1DwDvvL3uBIVR5vE0epjGYC/l0/Nl8mW+nNkYZlmpkjoULMq
eijAx5BWpWZtJOGKO723mZ0TD3zkAIQfqOlrJSpbgvZi+RV7DkDU5HDxV+sp3QfBxcMoyhAhUvZK
bzEyiUIesL0JL3Yu7aMfm1eTkBa07gbjq75ABcWwvi3Ub4t66jXAFLv+tFzXUF69GyAau5eTh6dP
047RvgxR4jro6SIyIIpZjPWBq4OfFvWBmlMe53jaSfdmojNyIw9q0kFv7PrgeazeQKciBO1762wM
D2UVeR6Gr1aeQ4JlGqdT3Pvesxwvgd2Fr7oHwrLJy7IlNQ2Zmq5t6cjkqd68yYBuYt4V7ENvXm19
jdmIEKIF5JYM8vQJRE6AYYJmm+yhshum/o92O9AhlazA5MNYeuDrgP4lNcFBAELdQsKmOqj5ydZO
zbaY9J1W6/zk6QGKH4xYX1DzdpCq991FpAvw0ocbavrY+o6zd1Ua0QlFQl5RIuEno3LlDyYUeifu
nAbswhZ+35dv2EtOyxBFmIcu6r2novXwYw/LNzMGTXVkJA1SynrxVhrmCRw57YNjBnIePim3T8NT
gM/IjqWSuRJhdAyR30IBgqivdACkOFpEKIDZUxMrAXapJ4b/AzzGzG7A/Y1VotP6MdC1TyHVsyEG
hc1BDTrwIQTJRxc56R3ZhMWiiwF6tzZH2dvNLROvcY+dzyIoNAmep+us58ZQkerGBg/XQjGU6bIE
XTkqtpW4m9dZl39/Q0AJm//5jhBCNxwsMCQ3EPU0HedzZFeH0nVuh0G9SVos/tohNZZAzwHV2Qv/
NUwlaCGxFXLsCtXD5hCiihF2oOLsNfhJAcoIs+BV6nkCATBhnRF8GJ9SYAXILctFdvADhCKpmQtQ
tddRr4PoNIxQH9YUe2SRvwGAGP1Mi7MUSkw2Q8jERtb1TdFvLxEtb6+mh39yqpflsUk6ew9gRb9p
KnO6y8F+7hojM17UPF3jhT+n6X0eQwP7qYUEe1GcmR9YbAFW1e6M4pOT48c5fhqItqqQaQtWNr89
TdpT1bftmbzITM2xLactGAG+kp1M1EmHsSvxZWyEtZyvQMZaTVmzoVu0WeZvyPbhYo7dbPC0qQ8f
bGmXpcdGL13Rl9BgpSF0KYGCyI2RVOlHG/loosqVLmDn/tNdQ54dzxyEzDYZpH93vg5m0ATVlFA2
ZahZdhKsX2LdEMcI2jWHMmYeqCNbrTtQO3dyf9n4LFw5fFwleNRAaXCKxyVIxcOtbTXpg90G9mky
vYtlBmgpU5sgyFo3uoB+jkiR0/TNg2amP28evdB/ghjeBmepGWO/hpFITtu7xob0OM0h1UQQE7hr
rVacyMNMyniLfBGSMqqTbDw2V3WmBXfzlVI5rtNxnPAbhYcMy50XTdHFrjZhHYM9UVmN2slWTDJ7
Nc+Qe+U9RzTwNqnNptBF8XOxoVnNqfDOYeLvHYF36hIlslBpKbxxi60aDWp8zzxCzuiF3Mk0AOqy
aEAui2cHrukFjrlHVRoiqKpJh9IHx0xiGUca5Tu+tq0K/E/orsjGDZToAP9xJv/QDEFY47HApc9m
HLwvaoF6dMCXeKlKtYw08UZUBz6BHg4aK3LVWCLIloMWL6BilN6TC3A3HGWd6llqGPnKiMxmIzsw
bNfJ16RPkvUwmeHO1IziOZm8LYMex1eggmvXanLjACXe4ap13TdWevFXYAURzcwadnZ8GV8Mb7IW
1JFZw8+utLX70Mvj41Q3iUsXQLbogHjUK3Aw4xn0lZB2GPCvoIsk3mMO5gQwEg/JJil6uakRvnxF
HHWJuK63NpIa5dYSqU2tOfRRiXxcC/TmEk+XaMcQHAXvAD6yos+wEhhCvVx6eIh5zM/uqZdZYeda
oeZvqBloEhg/iBHPU1X4DpcIQp4d2eoPEIkJ154x5StqllmlX1Dmu519mwGcBZDPyBEg599pNruw
tQ2Ep4UiOmEPhoY8bYo1qLqt2YJ94jIFCnS+VUdrsj2e7ZAfUi48mfCYkBVK6Wqo+4X1r3suoBMV
IYG9oftoc908cjN7v+feci6A2GfzPauvwxp8H/mKrpoIVHVMtg10ibqAOtB9IwfTz/f1b/dMg4Za
+9s9+3EFEQvkoi9NNqx7LRabtpK7Avlq1GW2BcBOGgJACzodk7YClBt5wiK0xRZhPvQ4Wo4K3iyB
1OHs2eD1FwkHIdpJYaXUHD2qDNZe6LzEPIC4Otl0UO4GRzqdrUVn6Auso71Mi90gxAuAxw9RXaLG
qQLzIRgYkgeE1pOHMoVKay/vyQFAGr7SUV64omahx8YVg8mRhkAVz3H7oM/WZKsRlF+04RLywOMu
75Ll+zDMWwcNsGptCS56o0sedF80l5FZm5tHWo4t/sw239JcWDLJEz4RFVYrCqz2ccM0tPIHSBTq
Q70jWzbo/XE0o7epnNqdw8vEZboTbcxmEHs9ztKTP1T1EklVLyt2TpxD8k3P0kUSFONfwbROMrv+
OSbT9x4U2s9OjoRbVHkZ6iRABonsiL1hRuPfDx64lbLOSL8YzAF+AoMAIt/giWB8jQRHNqOZ0itd
eRhzsY8i7KNBl7kpHAuUW8ZkH5oo+Iv3RgnogAbCV8sRpxBvjbVZ+AwVppCRH+NSLnUPOCCtXpUm
yGoSII++Or5+Bq28ggTod4Ez4EOOAJ4JQiP/obX+9xJqx6/WoMdLsx+9hxqcrS6kSXSUQk3v1waz
RbH/dN2w9Z171AihlDQI+mcg51H0z4Cy+eN6kK1HjWteF2s5FmD1txO+rsCL43oJZKWyjtlAcXfs
K4pVF15n1G+yBv1EACbFrQ5222dpWvsyVbNWki2dCeJffOjYJQtj5DdpJCr6vaAcHzzJir0NgfUV
DUizzWREzheUWyVr1vT1TgUxHydp3VE/It8ZgBNlfw4KfTij4jddzgOlfz8x037Ez67ZDXoQr0uj
8r541XoeyJ1uZbRTvmd6ixKNoHqdbwRI8oWW4YOLoRZ4MuySLXN16wDz7fOwzZ4nJxi3BugR1mnT
tm9xMS7IQeOoWYWeZapW/+VVOhBko0vVAoQGoMQQdz5wQUcLrLAudWiiXks8NV9ah5sbB/S9myAe
tJfcxH9eXRO0j6U7BU4CWANQcNANL+ePK+c8XAAD5l8tzWkPnhLWphFVBBQcUmBvzWT5m2Eqqi2U
ecbnKYf2kPqg4xRcIwjQp9g2axKw1MhYTHglPYk0eypHqNqEwNhscz+GlN4MBgEiRIBPBPWhFtL5
ihyJOphvP2gDBGvV27TSInEt1MFJsLYreaSt6PUZYp98LZzvgTXU8wu1SMNpg80CX9Ig8uqAaB+x
nDxRyxpaCSWaHq/hPDc2WOayPaoKFzaQYk+JqWn3sV8cmNf5L4Od48NBATSgzqH/UlUM0D89HVbU
a6V+4mrm2O2oF+jqn0nh6GdqqRkNIIueMjUjKBshNoApRInr/iJQSAJosKJQ6gg8tnNsRYfVaVcO
xra324uhOlD/icLKD93aUGzx0LeQAYkQGQJWEfFHYfw6HQMLylPT8MNnX3rTBwF+26VLkUseY/Ma
NEsH78gNJHrMeAmJ0o3ROfxcowbrOlV6gOSqfnl3zjRsz4c2dee2AQgCqpbLBupParI6gzavHt0n
oUyugIv4BxHIv1orQZ/ROunKaGp8zehC2FB9b4uGrVCdoa9QA4Cod25FL4mvWatUkznEntAse8gU
eEFcHKk5cGMLXCZWUbmnklDFKh+z+MUPqvjEldAdFtLxCxREnE2le++9UTLELljMxh31drr91cyD
6kJDNX81cR1VPElZ3CH08ETXSTOz3NNNpWp+0Cj8801Rb1qx+aY0sN5isRCXG4/CtCpCO2OgVTMD
KGThYSczE2iQy0yt8QEt7Wse8vXKySaCjdtEsxOhqUPlJNJ0csvGX43TALpDGT0AGzU9IZAIVXlU
zFNL73Ms0aBQQC2H8R2f9HhuIdB65KB1u6M+r5EXcNg5F2oh8vyAhEM+t4A0fmkHm52pL/PTbywQ
4cykr3vIWIF9uj/Nl9CrZIHfhnckvnyQDleLTI4ASambQ6IJPB4scQ7Um+E9v2CpCZgg9VrCw28q
sffYsetPli2TZaqfGquKd1ABzx8ny442saYzl5p+ojcnp/JebUSK8S2Gdq8/goGPOvUGl8p5LfdZ
reWPQ9zl6ywa6hX19h5Pj/WIJ9o8tgF3kJM8kmuagb7fkD4W7uqiQdt3K6igJGvqlWAl2SOzklR9
fU445DaSOGUucMn1WZTQvgZQDadRANwRUjDeejaWgUQXpHruorQzd4afjZBJVHPoAEelPH2t+mAH
Dl+QRsZe9sBkn57LMDjrGtNyAKgnbNgYt3fUK8K6OXgjUJheWuYPZIP42xeRGgAnKlMoe29LG6GR
JhgZKnmMvMbTF7MPDHBCL4DgKTVphFGsg7jTr2RhAdZ6o0jiNfUFY9zftd04u5NHP0AEvi1EvKWm
EzQdxCy662QPX0Af1RzJ3GiA+uIL2u2p6delieo7lNBQkw59ZTzyJklOdCU5oeQoxNsLZXy4UTro
woUejYsvSnLXm4O+4nrbrfCkKddZk9suDexypl37v+a/ti7l5I6ImQGqilmmiBuXOIk2BsKmD+Qu
silbGvpkvN++45vYA4kXZKh9CDVMFjgq/CXUzsB2b3N+FyOaepSas7+Z6Cwe7DVSzsOJWrMJIjQL
WQzDBkXm78OhfcER+xq7Jdg/dkEx2KvERO0PRZkoBEUHr3aUCIm3n2NQaY1U+TBk735ctv26tSF2
KYMidPvYZycmoMAHdGzqxkMSfPd2hDW59etm96/9NB6v5hSbvyRfpx3ClGWYg4q/AV8F5T1uTSKW
ujUpRZIrZ5TuwhnL76dbL42tAVV2K6kPO2co5KXm7CcxJllOANrCqrI2osAyDKu20whxjmuDVSh5
eZH9NPbg8PbTXq5nXTGDPXVt2NxLU5b3CU+eCTtbRL6ztgtgiVq8OlGxuhgtlBqj8D5HyPEX91yi
VekxwLYljsOgADLulwvxzsVDULqghxpWY58jk2LL7A5coNGOQIOzjaCD1tDU7ix4WACDuzKKAaoA
lu7gQwO5eDCZgLFnKCYDFyZ/ol7I7kH0G1onCeLH68FHnK7QejDMMiPXT0EsV6xqxjuuDiMYYe4Q
k/42GlW8pxbZndZ4H0o2OuiWNiDnGNoXwcH/HYKw/TDadfcoQA2xasqgXveqaWrM3lmRHy6pNzcj
AA4qE+ApdJKpQIJCcp3dUwsaUqCsHtP8ENX+x9l0tg79yrqHenxz1eJTa2T9PeNafe3TqdpJr9EX
1Ec2y9cg7Rb2CAgpf7LJ+NRUrXHsovR8G2iNg76g5qeBPBN6ApmPE2oke4Qppvcr0YAozbxtbjhO
cs6wTgARCUMIy7e3mpYZh8zrrb+dYYWP5LwHRGSD6BEiaYhSqMocpOT7shNHarWDJg4Qi/lKLTqg
DGZcRnrGNzztQV7fOf61QzxVDaZpvLDR1K87dIEZARO9mrEJhDgCahBcrWAttCSDLur0bNCfFIHq
3TUDywEtMD4+OkRVdUg4107UQl4d7Dk9e6ZWZffdscqdaZMAQnEM/QAqq+qAXOf7mQhlu2ni8o08
Ela+26k5JslSmEUEqU6zAS0zCuMmpGQXEgzy575M5EVXHanqyE0AvEGSDOqKvJcXFOC/j0AF+M+p
MFDCJpJd14TNlbPJvDfBCDsZ9TXN2uZq49G+rQuEUciBbL0iyNKAD58H1blm3ttyndknSwxLKzZC
FBBk5pkOvRwAiYKuNLTXRty06ggcBf4fVY+Jmt6BI6RGftQLwO1jB6XCLbHNZdKCTJDlHIhsTjLo
Tiyog9qqV/P878BBg5MiAGgnk73xcDvztTFwC2XTfPSasfzYe/MbcnGEANS3QCU9EJwdFj3+/WfJ
QuNaFvKe7JWWI2WIHexWV8mNANukdCis567Fgge0tNhyK/tteAblpkOFcoW7xgCL0wRtsxdsJCAK
oM4qZaMzslEv+fVdFXzudWT/PjavvGop+8DYaBNH4WgTgDgM6hT7sQBDgzLd7HSWW41/ah2z3kgR
T49m4p00CNf8UCeAEfd0EpTvFruCujX43zrtwcN/oo3aYK9V7C7xsIcI6T9Hp7WcIGDljD0CJPif
WupAHXwygr38NcLBX3qey+NsiBltHZtPrpEPzaZ3SvaIf6W26RM/c6mZ1EDfC4RtFtSshxjbNKwU
/Co02iXXjHXfR9E9dUoNom4lfnkHreHskSauohKBVdUMLEwsM8TaPUR4wZ09Oncg3VsVgTGcCSJH
8DldAByGSsCkcL3G5C9g0QPNZ5wWSyYT80WzMkRrtaxE7WfJX6qifhsFT+58xD8f/2GQxkbdzXLD
OmWQmte0KMZaCZCyDiea6YZ00k8u3ljW1uKWWKeakW1G1D0gPu7zJ2ry2sTOSr18qdlAY3g5pUF5
P46JuTcSqS2R+x9fdRCJLbtWpEeEXLoXxk6ZCR0R8goKE6C2Qg6v0gGRNUjQ0iPvNPKiwf/kxTXU
R2XMChANibsXE9BcNUPRtO+Xpeany8KrTvp8XWo9c0fDSM+3Q8TBkVjop5slZXiPL4CaWlaVKI7U
gUR7dgYhRHvUQXb9mqX4LeM98wTlPGubjqVYx6YuXruqdpO6Cr9FNoQ9/KJxjpENJuGhM+1FpDrU
SK+K4qekbN5HMi+dR5IDQMfvI0sj5fNIKOwG38qkuR/zZhtCv+Ur0I0DSNx+VlBnXZRFZz1BE6te
5V0fnqpSiw+VNhhrwETzB0RakNuyO/N7O7ULGhXn41sbTOFLg2C8m4H4+RyYXrFnAvE7FIbH16hG
Wt5Pk/JbCLQVYvfhz9jDG1Ur6tcplCV4jOrgAgrVbudU+RsW/albDiZiURAjAwfa6HzBgnMbjm34
U4n/xFFlvGUpU1gEEd6xxjO2jhNb25wzJIlQkwLp6n54M60c0k54tzLNewPZ57llQp69kuWPHcpq
lgV0c7ZM5vmjjlQVSqDltCzMoHjsx16/NFAQxU82fyQPMThbfxqTOzJZlayXkeMEO/Kf/E5sypQl
LvUiiN+cQRl4T5cikxMMLuSn2ntqNQGXqMGDtg/NHYaVtrbyCKww6mYsn+cn8L58Id8hT6tzGgqw
ICBpDoGpMH1E6OrcJVn+hYe155qAge4rxymf2YRCp5rlX0ZvBMNta+JLAX2b10L/Ru4ac8LN4GBh
T01wldh507/lvC23UJus12SGtq/bmFGK+qLU2OVGUK5o0k4T+xw/RgAZG5SpcnNXVHl8jXMTWlZm
hgWE3UGzLe88vApLvKsRTb4WTZ5cgrFD4WPWx0sgMdotmO00JEhV+/9z8DyVuto/TsB8KONGTQ5G
IsVi0oDtAhwvTxHI907g8RILsmdsmNzC7/nsVmXDB7fGST66WVgs7XSsk09jyLHegLx7/COMG7mo
bQYNkWYyX3SoUWfgSH/WdRlcLKsMFpN6iGJ90G0k6pVW1LRKIRYxAgVHanr8qfOt5jnglXkeUj9G
GhOTdZZAgX0L2s+oW1jp2H4Hw4OrGxmCE6CePkRMyi8mh8Ii5ET1KwiMuvUQN9rBk8DpgPDAWfOw
0O6jESSIAXgPvoiuPRs0fopBjdaH1Y8ig2zLYDc9WIuhx114MjvbxdjuQO0+biOvbi7pqIFpG/I8
z0gQ/ZVGXfDT1yECz3EfJTOenMQZoNCE356mCi+jqGQbblrtvgkmKBh3mViF4MN91NWDAmnM4Ztm
1eB3R0wMGqrdNua6tx01IKub2uBPADE626JEEIKaI8cTELUJ0dyE8C/fGrKO52bv41eaQg7Q1fPI
fEr0AdlynmV4v6LZiGhA08pnZxvp6m0JcdG516r8ZmsjIjSPDXIb67wkgPymGltYyJ7UI4Mkqror
lLylkFLUurk3FSiubh0dzKyqV8oi3PpMG+feRKFo/Y7pc++URN4GKXYUKKmZKxuJkLDkfO4FwhiM
eQZI+GmqINT5Rm/ALUxNvNvYZmprUHmosdnQTxtDeBASUtdlnTFsACpH+eJY72qnaLbemD1Bj2sY
Fqg8rk90wL/3/SziF7uehuNnD3ID1Qei4SJPNtSsCwhvZ4GAkJiSVE1NwznJqVlCism74OXLbRAG
WcAO+iAEJiP50cHPo292KNiOWtRpaeBkbdN+HanxN9coQSwqiZALu9norDH0RyODzO9t7hpqxQcn
EPsaSHB7QW5ehDr0EvxRLk3MUjx8FiEYFVIwDxxuF/NySPKUWn4XY0P+4fp9jJeqibr5FfneLmYb
8U44dXG82VtfS/fgc3+mK9/mDjPDWSIwxuY57AfPZiifVhJEdNBCqA8FEsrxo6q0/GVOkkA0C2ob
kI/5fSqQSgOnEWg4uJa6OmAhx/mUXJsi0RZBA41K6vmX6ZokBOjLR2pBXXJU81h+i10Rtc1Rc0C7
I1H1EzlYm4EbWvZM7kof33JqWiK2sW8K8pMupP9cAS5HdjY4fFdWOpax/Ti9shrlkVbttKegaM2n
FNEAssepHHZTAMT3PDmkqpAjQfUxYiBY0DKkAuhQNJE8VupAzaYRwF16KPwiW1+WSFIjxw+8sqGb
iExF9imyG/sUJ7XbSj4d8BI2ERtTHZZndysEvvBeiTOss8mRehjA0eQdqLE3O51Jj70Po+Y8tvLF
HsUhQ4K1Ub0ZR0M7AtKQOGaK6i4cRjMEiZs60BnZQiSMXAh8AKb+Zwfo91GU+3tYpAHNrhf5/pOd
PGgo0uTeusJyeb7iP12MxrJKfkMAUUXmEPpNem9c6wr+TcV2t9q7uSAvsRy5s3x9VQGqhiimciSf
nvv6UpdavzFqOwL5swghsl75O7tIk00f+Mlz6MX3RCkw1V6Er0Xz0UOCC/jfPTytbNxxakCZLMGq
K9sGwavGz46Gbq9MDv3pm8lOIhCG3Nq3EZURt1uelydHTUL22dkeddvtUqg8irZt7qC/AFY5Eyo2
qM0wJNJ9lb2FVFu+KEfR3M3GIgNe2wAIkGy56qgrwEexx9ZdmmbuYDY0lYB+Xd0qMQdt1JdJ4v0f
Zee12zqytdsnIsAcbqks2bIcl71uiJWasZiK+en/wXLv7UZj4wDnhmAF0rQkVpjzC/3mq+6TwqnK
/+Z5/psb+o921V9K9GH+dbt/30iV/9+sUEUfVSRR3jomdnWJXza4JO0hFwLiIeMyhQDmoRbgUEpm
p2r0S5NFuAUkFFVLH0mz38ZdC/yab3mvKt3WXY1yZivb5i16wNYon5pUZywxU+/kBznhkrHNH03/
XbWpmgYTBsD/WJp81bkO3jZpWazgGad9SsAKPFVPqrs6FFbAsl33vc+/oersRM8Q0knk0az88WgI
HQyMEAXozbG4l8Q+jgnKKE1UGSO/XZ+jalF9wCl3G2kMaJuvvVUDfGJjXw0WMnqiMM+Vkw/yJRKY
YDsN9pCBHz8LJ50+DJGzTXNERx66waixiAFIlHI+zw1CEywc4xvispiWarCSc7bO4Sjs+TfiExsv
WFUNin4Ea2QFYJZsRDaKtH/RIpJ4g9UiZ+MhR68XeXbS1nWXXjXVzprm6aWWsIpSF7cJw89Pn3fC
/JfgSoQIas/rV4jyGi0CYeGuvliOSR7Xm4ua7NB/yupMHWQqq6MtLQTQ4vje/e+B0Fp8X08MayL1
zYPuyw/V+FX/r77L1CQrtu1/3uPr0iT3hzM+lTt17696dfZVt9R+epf6z181X12/6tTD5Aty5D7O
nOvDql5+CaC3cUvE52JH3iOWXIWaF1v7yRdyB9W62i7iMfA651mrOv+lLs1bjSXZg04i9UX2xhIu
XldchlEEL0vUyy1xF4/PgFZbju7eYvm/M9disPpLLxoQHHWnbGgNvJSSH6rRQT7rKeJ1Yc191+ZO
jTVhDMU7V8dolXgmAwWWQZXVqeBHdAbR2l2caQpeReR956Ucr6pk9sazKPXx4bOU2AS2/On2WXK9
o1gq/VGVgpwIiYuWRml533Szgko/dsuDOpgAYXdlZOlAFKgrG/vvhhZEJTZEvr/rdKd3Q5TkaEFo
KIxhrx+/7tCgnfGQxcmhLNLh7qsewYhgV1qgLwOMabfgD+0denzurQN0c7MrLzvOtmeGcqiBlqwH
i6jIvRAkqiJ2I6xKqeutGHeqZWJ5Skn1zVLbDFs3RcIBy6tbj5FYpk13ejqPW0Fk6yfKVI3h/mz7
rt/quTDvLK32rvNAWk01NCgw4GWrfwyjY5FA7v4EQvMPs+yqs8DABGHMr9PMAYJLWlcumyw2q3Nn
uPjZTVp0WkkHXV70N9dp6xc4dBUZsxIyWGnXL4IFzqHFHn6rWoU3OfftKN4IRhfdpocY6vepfKrX
7CzKS0voeDibDnGAUcZgDljt9KV+ltC+Pw95Of6z+FNbXIH4tRZfiArFF3UWLVXyj6Jq+FddsV5R
+yW2zOoSY+l2jC3OsSUPNSUJGY9ZwDZO9PYyxGn2aDjtECaNbH7KwX0JJt16yfvJhqFoR/uiHqJv
mkCOGCjNz2ZBhrcc5u4KQ8W6n8h2bpp2Kh+mNNHlIY5jbJtAeaERM0YnQ+b4p0ozupnrgV1Tcx0t
e9tkhPt3YGBZpMsRJyUaVTem6D+Er7Ozuoc6JG4KCDzeQ5UDl5bYy1u7IO9pW/N3q65RnyWRjlNa
nx3SAUQ40rnJNUPb5Fo1CTrIMnKJRFD8akjWorA7oE8WxmRfDRoMlXsN4KbXlFBBSum9W3GE/njS
ehdopPW3sf+JAJ33HuGLdurX4CBZgiYEwRwfDV1oqMKNGo7BrnYnQV7vxhjGi2pQdarVMdjmYmBA
H+CwzQZdzlATi/cQdCDEfc9Of+pz8SSbRnupgXYd5WKbUNtL7b10tI3qAF8p3/ZNbt+pK6MSqI6y
I8J650kYOvndv+1ROqdgtsuth8x1zAcikuM+FhquOv+tU2dtljSYEwTtfg7mId/l7IyGefL5YXKt
OjhtYV6D6kUVrIoBIhSA/k5T5f322rnPd6y7i53d+WL7dRXiltZDbNVDKOfIO6gG9SgR2AdsreL0
0ykeGg4AS5m8zXWXPww1sgUk9Ak4t8t88PAN3SneoR+RInDtgHl3bf3/vsoZ0ua1x5BMs8zhhmDX
cIONgPyNhXc4maS7r/o+LUkUL4vPdpBuqiEvdB1eo3lSF6l6/l+EULpxDXF51gPUCyLso+9+0x39
XQlNZcEBUqv3R4sllhaGX795UnO3QwC+zooTKIu4qB1BZlkPTi3/vppP9B308F9W3P/hdvE9XOgM
6aH11FvlmhIHZ7M0wuT2Sy5TNXTD9FAWub7yzgEDS/9eEccUKywbzEOsp/69Kqn6tUr1CpYkOnwm
fs2yAvC30jzq2YweNfGkCCDqsKykkKyZ/iaFABddrcWb+dBkC2Kvfn8njW5+cBaBuCtZ940PEvCk
GlNvmvc4k5c71YoH9HQRJd5UqrUVqNzN4LhUo6qCaQHU1p4fVMmJiDFE8i5ie1OaW+B252K1mBkA
lG4LAOkbVfzycIfvzUemytPaRzZat1E+77rnT6cWruSz76M9YGqY+7LkXZ41HeKnH0yv81pSVbpp
viGdXNyr/pKf7AGaF7PO2sMHRvQ4JDYBfG4WQKZAeAakmIm1lJlesYxjCTgx+tTF46y7rB7t9J68
lL7lgcZHpB5NFrYh4+bj1A414EoTSr6YIdxrA84Z/XvcOcEtP7sMNo8enLRinsm2FsI7wDCH+eMF
7t6uivc6qzVA+q62SUhPHknHnhDHTh+DiMHdGKvxu0+g2+5QLTdM29pWbGWv6kxzgBs1NaKmpsvX
mkFP3rRWvQqBBxviT8zShGKJnDElj3qEA7iM7K1fmURx8xVJfvSmxzlYV0QBNOKYvx+WQHXPltku
m1czjS4+Qsxn3v8pBMb2a6W4PtW6FZ8QYvgIhvhHksXBIUqN4JhHGrEttsPMkim/ouXVSefi4K5o
Bl9Op6yt+V/RlPJTrLttJ5yRWLtB2Qr2SX8z8wj0eWO89JbxPTBMP9RBhG3tPiLaqXlha5Eg0meA
P2Pcb4aRt4coQYkPW4eVnVb3+i0IdCwByBOG5pJAACIRsQP07GnnGuLnlkzHbhx75mW9yC4TsMUw
qbr7nnB8TMT+d+6UBoBBq9vFldHsUccQ4WgDMIV1uEFrFaBT+mG4/fKja/oDnp4nuTgPVt3ql0CC
bWVyGnZB2pYh8jt/Rf2PtkSRnL3vH+Th+SzkB8qbhywovw0CMIlZ93trrp5M0Grh2NZVaGrf4jLf
OG3DtNJ0WPIl9o+ifEcLb2/xyZQBRpKTJ//oLBO2jv0GG6A5Azlmd4IBUmhnAyEDTRs35lIWAKyc
72ZqLgC+WVMGaZVs6PABO3JXl0yws8CAranza+qCrF5i8nZOjm/HVPUH0KI/tLEsX/rorwZZ6UPT
yleN6CjrhOVaTwSQRLqKsE0Fk8fibXXDvILH5D9ZGpTKCC8AkRz/FFncXhENwCCweOmHwXi1vPMA
gnKjRcmLAS9kW0HOROTCXSOe9qlqy6u9TOcKTYynJRfXEQWjnQFFZrfkfBkkeodDCp70nManoOl2
nomhaFS12EbZ42NvpC2Lz645pC5CnMPQ34B+bO12HkEh22ej8rVQh7EP0q5/9paKhOVcLVuEGdpz
ko0oYIDNRX6M1Czwda3Xj+MIx6yyS4Cv4LqwciDbn3rYCtWkiboeB8UBp5I0cq++B8wZJ6mkb9xD
16fnoEz1jQsCMkGA9Ljg3b21ZyTtjKg0zmzL/c3YwylvInSPYKzZOPaB4tDPcLjlmVVEau6auZHn
PsdMAKUPTht4b0X4j7bF1KkoK3c4SL0/VTWBLtCRdFV3MVTz5w1ifLMyRAbEtIwHyB7lGZeqNkTO
YdpOiB6dkyA1906vP+hm3ZwBki+8YamPhRD7462EFI1c3fyHucqFJrMEjzJZHRZYGYTMfvHZNfc5
FuGbqPbwZSv83094nH1kPhu42WvSsDR/QjJ/TqI+NMnpnWKrRzU7G37Vkq8nCZZbbbuIWtfomZOB
r8pVOH4IHtoiT9HUxozYTV7KdGl2RQ8Que3/CC8nhNFBAUrRetstWuo/DG10Eou/5vzDJJrTi2H1
r6UDbT6r64+uLLSdF0m+PMROxRQN97qbDKTwSVQbsnqW6fA9bu0Odc/UPeQuCZV67PfR0JYbnje/
CDEdgpQPRNQiCE3hDPdNxYdlFMmLGMnrmw1blyg55JnYLwSUj24i74So2j3SwK9jrW+S1S8J71as
0/ARJKOZ77squmvr9hlpVLnTjeFWR8Z7anqEamR70dlvoCk2DDuYi85ZM7WEmH1un4oE58e2a/5K
jKoK8Wm39PYvc8bHfLKzadPIAhPh+LErLeOIanUb984WVfDKk896kbw1tp6iczGx9fXFNfXceN9a
I5JIMdjUNhAn02CRkPv5e9cGS9jn/rzx5F3dFaHvzm6YBKUZeqL29xXpnmsPZLGNZXctnZ5orqj3
CAzCw+oSHZ1W2b8S088QuXDerSqGkUXI6SHRg+NYbDoi9OdKm/8EHppwTvDhjOIpd6zxVJJ5CtOE
dDGT87RBCGAJKzPwN4ShpyM7r4LsGoLphWgu2dgxBvuTvcdQxgz71f3WKoy3oqgnsKuIX81+sM3q
AT+ZHHJqMmYXdRgSJ7uQHb0UonXPQKAEMN7h2c8hWBBZQsdBwy6h/SuznDdnnH+1ZkcOLLXvAGNf
aliIyH0gUOCioWRF7TeJWA0aIcULUvvOdWK6D7u2aI91LMVNzODwtLR/TPoltHtR7ASLuq0JMWsb
OBmud8YIlla4m97AbbwxEwtnZD8/tsKP77Bqio5ytNLLEgjnFLFSOydpbpyz0YKhmZbLpcry8Vgi
DH4HNNw6GEky3w+piFnMQmsFHtPshxGzUHJNxq7Ocu8mujjdxe1900PrsROXZCqmqE9BzZK4bPD+
TBHv2KwoyE2X6+TNbSDxTpI4L64VYKG5JM2rlMdBc/HgKDP/tSNpv2k9p8eBIkV3uwcGZM3YlGEb
oX9bGnZORjNU71pDTjTIu+lUO7azhfIqw47h8n1yYPqk8FreoRV3gJPBPoBTRZGhR92ICQy3Uaha
75Pb9/haJzp+sw6eMsRF3mNHgG+ulvGdeDobtrwZ3o0gGkIBSuo9cCSxxcVv3+OKIQJtz+YdCtmE
0Lzd3mLNOmPCaV7RZA0ISHjRVhWzZDGvpQaLaErfly6vN/CSbDDdcbdv7IlJ1rbPqcueOIrt4doh
bHyV/K+XyW/3AM7YKzMBbetAQLUsPOeetTYRpeCmLa320uV8ZKO9GVyeso6yHHn7aQxrzch3fYys
95L2gDSRlN7YMa6S7mQbGxfI+F7XNYmZkPzhDwUpZok0S6Mj76Mv837I4g7Rqtrd4BBnhYOBcUjj
jF44J7m1ywkBhxbSdGaVB48Ts99+qa9D3szHXmbRdeF/0TL3Dszia5FGyY1Aah8WbCJYbmj6A/YA
qFyWy821Zybsqp03BBJA16FmT2KKnaw+ZP0GMkO3t1Zj4B41Olu38gd37KtTsOA+jNwpvkT18r3q
K7x3quXQ4FS5m+vgDXDwtm/HDOIL73+0gPidGz/hX3HBhmDC3S2gtdEpivI0DqOCQKtsh5khHzJW
lkEZSiJ0s4yxuLlafjXXoTsuCFy5om9XmZitVrcOE3cC8YGAAPrEkbPpA+HhhFeRiGR66LLIfRrr
gKC6I/ayt+pwrAhqVEHsb3NMEUNJZnkn09rdzn47nC3Hde+zxMj40S3gFiThMsNmQC1ZQiM8kd2V
VgNI17qbtc7ZocSaXeB2NAcW/g5P9qANU3M05vyaaDK6dLyqoRfXv2xv6TEnTJzjoFt3aZoRQp49
Y9d1UXWo4qTY2NmrdI3mFs+TGRJR+87oTYZ5TOYzAgjDPNRhKmPtwa1lf53cSQtL0vX3MkFhBB1z
/nE9OKfY0ZQVYZ68a29EuwE39AB/qhZV1tLBVN4zDNwa0IENEWr2dSO/Qm/c85OYrp0k24i1aHCO
Ix8XYeHfY25wGGKtCAdff7AJ6Owsd55Do9POXVC9Jonr3ZWd9qed+KImx7Du7bopd3LOf0sL/E6L
bt82729V32Z3xTBOoZbNXjjhvNEx73tQz8NAd8UZc/toN0c4aiUDTOk+ijAirMU28bQ/9mSPF5Tf
rMNUp5u0n5yNTPid9LUpzloyQAG1CIzOU3Xy5wG3HL9q7uzRuOotWyoLqIiFTaiJDQ1gWVZkiXAv
7RRM525i8WS0gzxAst2lEyoSfpMsR+EUEmhl/dLJ6lFDemGD6Lw8eFJ+GElhbqzWsHnDCl6+AM2i
foIlh06LH+PktcZEexTedkiks4KPjXmrs/uogzQ5w1HSyV4t36W0wMqxLNjyUiDwODMqL9OEI1cf
fBRRaePDPBDr6PbjVKCXLl1UQbrpOgEyLBlg94Ufv3kI7eymwMThNyl2yxS7bIYHPiBUEfduHOm7
xCveMMmatg0hsx0yxPquSEETVlp8XYRZ35VTuuxkxBQlXNsKvSgo9lo2eJtOZN0midIDMbjinCNH
7eqme2GNf4cBbIe0f3azDEM71LxIYTTfCgAco8iSR8l+NnZINCNZyJwPr6RrJDtWvTVZ6bOzq614
OojaNbYZAJsw8ZFYzh7iZHJY3shhI0BIbh0vf0yD5ILYZ7vrkI0mby30/QAd77h4egDjt0F0M6+h
0gy52PeYISy9W+1TMs9hjMfAPpr1nfT8NoSuXOwRFWQkiZJ412Xdh4Ek+q7p5fhsCMJCAvZNY672
d0GAj6/lEnuKsmmLIeozX5VPjMX/QfizQFQP95fZ2noFGJmYoBxofa/F5afNtpMZCWA+U/KWEp+B
57rRwAYCau/azcCSYo/AOKRxlCBAh1fdU1PcgWIlERiQ828nEPTFZM+hzkra7rHLY/z5iczCeEmy
4lGLmmUz6EZ0n0jrw7XJwy9Dfc76PDmhM2aHtgacqyKbUXsXj10m1NMLftRbA2fGTdMYOuNeBHUu
AqeUy3NnloC8piIEut+EEaLDB11jzzI0Tvt5cBZQEHYlsAtznccoyJc9HE0MYnIIqf2isVOfRAYQ
IGhO2MD252lMhrM6+zrErt2fRQZ0Ck4NM7VHuB18+2EuC//Al1ufrUKvcTq33X23VNcZAexz0jAx
ZIJNWwAvaaPu5nckA/piOjQkGHFMvBC98ENC/dfECNpz3pRvrS8IoJT22B6XFJ1cJurvpl/MSHX3
iLlaPfr+6J2GlWsIZGicMuRDsE+DtppE1odpXsozs0jJJmiKdk5fvbkpqIBuiCvuT6hF4j0t7Gqj
pRVCprMfndWB5Svr0DS/OoTd95Gmt+elR5q1GJ1Dy3B4bvUc7GLKsjRs2uoly7tfsiv7z89KnamP
KV0c/ADmaPFDAo/JIVodWtU+Q535a3G1q+T73rZ1OfHQHNwpGs9u/AqpqWag2xnYX7C7ICsbeNmb
VcalsZF6k5+6biHhvmyNMX80tCDblRP/GMk3x6hXJQhW8FJG0YZBan2A5mGo5DXXGC6Qld6k+RyJ
MNUjxJyK5jgiXLyJSpxCs/Q0dvASNRZrwGAn66yeADEP8sLe8krarsbDxfKXjTpFDK1m+xtZYdoB
okQqBPr3S1UGbK1Gm3gNJm1ngA7mOYFjvqk9eGzNT38pfhJ38flko4lfrun47I4p4wuHNXCanNR3
VZtTdW7Xgyqqg42YBz/z9av8X81R7f6z9+gFcj+PCcHF8mDU4wYD8g82J/1G2oXp7lzNRmCkzI9D
IwKSOnSI6+68VH6GgcActkELPjPxGiB3HAYQf/v5d4LPChnAydC6O0Sh01OhCSwOHvoaXbM+HR7L
qL7LGQfOKMfjGliLH7NAEFCzpB+KHt/lxXyQ+CUQDtf8nZe3WggwmnRCnC1PUSNKxu5F7I0xfvTI
ikXiOfWG11b3rcOwhgl0xxHnKQ7CqW3Ny2xg93SAiOA99y3vcDD44CVF9RIoGiSWHGUMkXIYT1rl
5rw6/nxN5hRRGk+TrJqIMwaINzRDcUb1Ca36TmNZBRnrwkdzQgtGc8KFrHOoTYC0fMsM8yC2nycn
LOs6PwfV8psvG88mQKsneyzxmzWzbpuSIjPHLriOyWIdCCrXsMY2GVuIrdPK6kEXkBoHtlGbpECZ
qS/i6sHJyDhXVYmRRXmAaL9sycIE9EIE3ZoSY4Pvk+kv+Tuo//YSlZm9wSa83Eptae5yhDMso9Le
aobZvTe1/qnAq+sRP1ly0s7S/Zry5OAt3WEALPPseUl14BUojxFx9LeqjFBMyLQffWTXG9s3BhCj
SXHVdPY9Mhh2dZEmP+I6fSWStMGV3v4Y4uTRxQznj0iIpzEvmKXmPhQRy5cyzpqw1bEytKX7k8i8
TyyAMcrTu/5IsOSJ1CAcl76BaEW0ZFvFMj+ZGjlNT9jLsY+C5bCQOtiC0rS2i9bJHcvHbVWP2UFv
1nhHQESqJNLaJb17BeiPhWcyPKEL+GhlVfoRabULE5xkgvmc13q1klfSnW65y5Mc9Y9OGu/l2DUo
9kOYJNtPHgb/oszPAnSAxnIb5zB/kywXkFvzmUFq182iuDSiHi/OGr2bgfqOVtscg6HVXrGD3yWB
RUgVxt426ovdFGfxK0jBnwnma/d2a2ovlu5oWMro487vBchGp0r3RTv5Hy3x6zbwwdbLaL4Q+Iy3
hY2c0kAG+YhLxdbH3eCHDEZr4+We8cAOwDq1dSoPEu7Zc2p3sN7JhP9p9aPtBNnvFpNu1tOG9RhU
Rb368djHANHYR6uJCG1oSfmrqP8gK5CSI03rcGnd4Bm0MUruqQdhuFnwnVvy5YEQw+/Z7E7LnHTP
o+z8xx5hi7QEz4z5entAHZ/hSOW/Cx72rHLeObm0IvwqfzarnqpSldVBdf+6+qvuf95CNbtLpMb5
yBTaCX1D1Eq11ej787QaMQNXZXWm5psh1emkyv84/Wr/6q7q1OFfdeo+qm42unJr6fUUsrcrihBI
cM2kup7qHksYwqn/qbUGmwXB2l5oQHZ3eBT+Xf689POYzKQBNUfbx3nSnNWhXqfZ0a4QH1NlW87/
KWtJwCpyyO6q2YyfHEPndfCFtQFEFD+pulq4jO6ZPR5UnTrocNP1dIzuPquEm99ihrGvizrcTE+2
Cczn66JSLi35HTb8/6jLNBkaxqCfvurYcSLM7FoPlV0Yu9Sv44NT4zlYaY1z1Wtbv0YiSJn6pu5H
6xtvAiDys6lr03mJErFzMeV6rOaF7VM8hyjrVh8piItDhinqkcQIrGXYiRhPbg0zGLZDWxBLicp7
txrknZ0VB5859oK7LUukJS9OMMcOOVv+S9l68oC4y2vZFt6qDqnvNLZdDCuxez92U8YKX7/Pp+6M
GIq44GidnBo2N0dQVMvOCgwXIyCBfly1/Eg8K97wQQfPBPTvy67VP9BbK7fJ6JY7fTFupJt7tph9
vXGrfNrItCkPdluR6dERZDJMiHIsvbf5MOivjTcCGO3ylU1BJKnAMw1btth6z+rfluwlO2UAjX3s
vC2jXW8F3LmnIkWkoJ6qn8TyEaFdq9rY7K9BIU6qpA4QheO9hPq9Vf1VXdebr4EztHeqNKTVQoZp
uu+6OQCn1iXbSuTjU5lEJTTYdNxpaBM+qbq0YrELOOqqSgFOtZe0EX+Qofm7wzI5HnIYAxiU9R7q
IMy/0tFJHtVtghoRRB07z/Crw9BjgWJrbXFSdQ3v7V2nRddAksOf0RmEvXszFqFjbJvPe8+P1/AE
w7aqi530UZRkUFWVUw3LJSmqX2pcV1XpuMwbvTbMgypms6yeZqLin3cosYU3ASopzKsCuQIHvWV1
5h0zyfiKZMt/QLefXSSyqbYRffuq/3c/QvwlcEjL3Kv7fXUcjPR5IhvHzgZ1bhScqnskA+2TNa36
OQ1OE6pOHYZKr+679RBnGlYf5rysmk9Qc/7b8NXZyBfvWJv67atKnc1FVN1/1fmZ+KMHLaufNg1C
v5XZfWWSMk4wsP48+6pztQ4QQRucVQ+NDNNntzJuiqNmAobpzGgkTm1jEKSL7jUmELSLWDPsVdFA
pnPPngTetefI1ySKVpDPGitcO6djIo5ZkgCqXotj0te4aIMzQaqJvVfivlpBAb6tsokwr0WbpPrR
lCD3u7F3X6eyHY8IwDdb1VpMMj92bT1vYxuu/NC53jlqWZS4OdE5XTMSRNIK98UbSrZgQfKmSo4w
8uc1T6BKqR+5L6h1o5LUiUdVVfUxqwlRL3eqCGLK3uBr+tGg87A1J2R3nRRZW61PtZ0TBP6LwdLo
qJcs6lSxQuoF/TUWOaqzxXBxg8FwUY0RiI6XbyY/62EzzhbvVV3f9PWmecdytwuC8k51xKqbNd3c
4xaGmWeo6kZmnl0iUaEK2N8HaT1AomHKm9TEpuYm3/Qiwp1rGqcboItsLNdcjl4h9yisFmA/4/RQ
ohbyEo+Pdd2KfaBhll6Mq+7l6D4TJHBI/hr9rgKV9arlA9GpQv+GFiiz+1yKV8eYZtb5jHIYKRWs
xS3vsqTQnb21OGgTyZYgemuKvngFIlw9Br19UKWmHtsXzzoxOqY7F39XD1TQ2TPNAPpWbhynMkpe
5UQkq2hISUGjMY9GGXubhJzAGuXzNgNIl11a2P2eMNYaG/NZzovnubfKjW2K+BiYW3dlobqrR5I6
mMXRsrUHq2y/9aaGPZXfzA88NDIc1US8umDvolnQIjOSx5vYraEammgIoppV/ejK4RZFjf6Cu6dC
3IStHUTPgrhW3rBW17WGz2c2QBetB3WWrGsMt7Lv4zIuPquMKUrPmjU8ZbL4Vbu+dZSWBVXcQR9u
Zol7EY14Z+0tf/l2ch0mYfxp0W/IA+mwWXqQ8xKyIC/JYXcdcAkHXXYT9al4xV8nZRvGvuG82pk8
pQB5fxkCYTjtVmC39GS61aU19HJfGcRpSy0rdwBYapLe6TcWfc1h8CEyJF2QhBHMrps9VC2BADf9
1SY/9HhxD4E0VnR+6W9nnRhhiWY7lic+QVsdZKy7mBgIjOXL2Gcru7BIzqqIi8A9qRfjDua9e4v6
mTxUPzZwNazplrb2yi/L5B5UcHaUDRohjlYesUArN1nhtkeCfu3OXmnl7MytJ5b+/PmFHCQJii0g
qF2mkegnqVUgZdylBG/c0DYfceJ8ihdGIIuhdh9HZnU/ZiWoL82oX02vwzpNlI8Ou7XXYfGNx06a
e9WG9Glw6TFkCSf3d8/g/GonXvCMLnLouqbzOjjWjLM8xuRr24QQHLFmnH7Xko7e4lMzELlfS/gx
LE8l7tSqNLeifpJBvk+i2kEfvcGAuhQH1dYHjv7ooYX/Wart5rEbl5Ot5zqyFuYxb4rlKtZDp494
PHQm4RpKdS+H/eBrLlpGpnudTMNjzzuLkIgOmgGq0lpbMoc5Zp7FRZite9VHg9Zo7padnWKh8VlW
TepAAhPrs+GqCp+3Eo10SKpWhFGR+z6OgyAsKRNMBH2nTSAMoRymitX6B0gCuFy9wp7JWgAnojh1
Jr0XX19OfTK/fBZVi9HWwzl18qsohne7yqqTIOJ1HYbm7wMKmN4Or8Vm86+GUQ+me5NH+erbWZ5h
hXIymhAAOdIi613SjmDQZGYIBmA98GDl/rRPBsiURqHHD7xJkATcYZnvVl8vVaf6+XMdP6ii39g3
GHdEGdbrv+qXRiJf1Loauoxxy1IuMrbJHCUwTjmUWVcCMIZiORY1SeS1LrUZPRECioFzuN2LcMrX
OmqSqyoFwRyt0MqSzS6NY5dpB210MzbSZf+iu6V579beNxAjHaAXejTAUtkcP6tC0pJjEm2+3Kmi
0QHlgIxXHFSxnsvsFI0ByOH1SmQ8xcMypp9/WFW5zrxJ2yJ+UiVHjIRYRzRRVDEds2nn2msger08
cZ36DBfDDVWxMD3n1kLBVSX1fF1sHgtXtDf17GLFeU1OpuExuz73CiyaTaPeqWKd6As/zRKPQvVs
rkAGKUMIai2pu6XRcCtqQrwklkmtOUapb7RGtmeXZAGB5LlhrLYredRdMkMxhriv3oTseBbH3g8A
xJeWM3waeZ+ks/xF3OJtJhL6UffQRUjKJ88lum4hphxViG9tfQXBURzryo3OnbUkiJtr6ZE8ZHms
EPF8MEX2VvwfY+e1HKmyresnIgJvbstbmSpJ3a0boi3ee57+fCS9Fto6c+7YNwSZJJQESZI5xm+Q
Z/uFGQwK7X7/Ztn5rzTJTGzIo/6k5Bh92yHoG2I/wa8jifiKCD4LA8Wzw4e4T0OQOJ53JkW6D/vx
xRxTbYUcJ/CNPDav9dhk4yopFLo3b2obJ49iI5lm/Eg0FJd597uFwuO6jWCg2x0mawQ0WwBXQM/h
0MlobDawWJy6PwOWH49lVfzASlbCFicZXoymoNv1T4pbqm94Ef5MRxsV/ejaDrm7803/d9Ek0WMQ
BujWxpa0g6Yvv+VGqDBprXeKrZqvvrknJRZ/0cax22lSEG5tKT57kvOT6bp80svgtx5kP5re10nv
FNZBATFKls3ehjlCY30ZxigwQX5wfC1670gSxYNhA0UqSFZavNhR0Tsb1Se9VAAEuGXZnoh8SMrP
3w11Gt7jGnVisgTKl2L0nIPhkPkE+B5vCx95TN0CrNSBha+q1r0Y7zas74cuVW6aXJ0gohcrslDe
Ts6IiBnIXRJ46Yn3yszNS0t77Pt3tWaS9JzVpn0Ykgb5wx6AcrkmzigdFIm8GpymYgd3XkUexNVO
P4F6yA8xEbAN+krmJjXTlYZa5ZHPIxKbpvetSOzyPqp8tKlSHy0S94C7LZ+IKRtJ7/1L74Q/hxQj
0r5DOxf70T8jNJi8Vh0cMr1qbbR+/UzyVtkbuKifPCMlKh/k9sZLZe0N5OcPTJLyPzoqmOSCfgdN
g8GUNfmoZTniEF3drGRE6nBe8bqbnCnBUwFKRZTEpjBqZQdxnuDY1EJs3FwF6dI7Zxeyyg0ZFQXY
X3gAG7ENzY4Jj6LL94HU6tZRyXWLooGQ4kMSOldRakEX3jsNMnZvthdRpcE+2FuBWWwqO1LuTqvV
oDwBEE0lUaVoBoJvdRydxAnT1+eo8WVm7hIcMsWd1D7z5j64QFr1IH8WpSxRvG1su+lOFHtWNuSr
65MoOarS3AMpBiFgtcNcpw6Ocmyd1ATJy9XEhknJjlcDy93pBM+Whm1URDJoBFowqw6fGpXsw3RQ
mjZ9R+BPgjRwFC0IdXcnN0MFarmkZ8cnxFej+W9Ogi5bB85wH0LCHYOhqPfKtdCWK/1TnPh86bI6
/GPWJrrSzJ1ulm/e4u5Xjk/0CzHN9aAZ/Y3vhPaS9/lPP0JoQhwjRCuvEad0DiBG9RdTweNTap1u
K9qmmuqdCjwZ1uJoJ5PpkavA2Lv6E9/7HDBMOST4KzCDgIoW3MQGcZRsW0Ruto3+W6cOQbLyCgfx
blMNboPXg/JyHbS/9X3sB9rdzhrtHo0Sgz6YlqMohpLTHJUReIhoonSmducDNlhJMLdPK9LIPSqt
B3M6vfDKHXB3F0F0uG2F1Fg3sYnCitGu6vqj5YXWrUYb/aEPJWjmKgC0TPdgRycjcZ7pDCKC/jNa
cqxp3Dpdg/qtttygfguw+e/1yuZPlkjuFmY/wCh1kG5w6dSdpFTNXBR1tV5uSoXvmShh7JvtxwKA
3VxUXc4ak70LcONRVPXaSDqvCeU1zmjeXdQNo3tSUl4MUSprqT3URpnRgh8Vm9YcHnPAIde5Chbk
sWP+v9KsNHiybF7zGu0sc8ARkNwumWKt825i48j+Xs608UGUeteuHnCI2GdqHETrsZqiwGVhrcTR
LOArHxsqobMqCndLneZEvx1Z5qPX5tWzEsAt+23ht9tX8k1s6EcoeLRkq5c6V+9ey0DuLyj6yLfW
c8NLqZhflwYR6xSUN6pqv9TZG8L+/XzRqu0QrEBGaG305nBRg/Cp7p3kgW9ggidWcmohQZxECXNM
U16JXSf2b0qt18cPdeI0o8p+lLXrbZS8SAD5pNaz2NglUUILQgAMdepyWQKkSy6m7DYRHNV7Gbr5
3Y1ywmtOGOxFXRKkxCpDIOZ+muXroXBx8wkS9yga6xq+xRkqxZoO/CeXzXobM8xuvSYo7+WY32oC
hVf0Xst7FiFyq/uSu5ahg+L10J2tRm+5ARz0gU9tSKSClFLM8i4PZfhYhfZRHBRViq0pBO8r56gM
Xf4w6P3ZLP2W59lpr5Xe5SenLxtQQYOXXEsv36b5VpK7fFNVVrlRDG8EeORWO13SrGsbQdEIWze6
JLq8NcziS6W5GXz49uLm7dVoPRTbfXJS8BJ+uE24M3wEDyKDlU7GDMDJleLQBxj22CkItvIotx7M
CckH0y236qZmDrKumH2kznsVqslqBCW8xisEIqnL11xk+8DHwK7XwaDLUncCMfGqlFaw9/ggEOCW
gaQDUm5b9SyPaM3ViqSRXICdZEv7uFffWHcx2IBe2OSa/JA08RGDdulSNDn02Lazj0kLAU7TXsOq
C1n+2ayTQXsmrW/fx8RQTgMZbeIdNcFELVsl6VDDmVrJPe7SqBOTvh1wA3DyNlrVI99IFsNXuX1W
/Mp5mkT4BkgM5lDo8B497aJXobyTsG9eZcHbOI4vZIQ2Qa3ku8ys7XObaENJIIDdZTN0KMCbWnFG
tOwLCIv+6Mp1u8vxeF2B1HAf2vQXl/FPyK1oK3Sfu7Wla2RuM0m5JMxVE6OXn7WYK3dFMp4NBGc9
H5BIIo3bDHfVDgLqoVK68lQ2brmVdbvbVJblXWK7HDdyrX7xevwDQEw1Ww/Pl0Ie82cD+Mdzoeqv
UhgUB2zz6gsyieBK+KZs48qqL3mWESVRO/hbo7v2iqG9ACQ4NCWCjHUZrdMy3ztJ7xxTbShweAIQ
Zba6v9ICuBFl2xyMYkIEeo2y1Tt8sAAI/0Cq6TujXHLQyZKvuVvtGjhcs0adjQge/casJOB6UV2f
FbboJADXQkuCFXuj8bXXTNg28o8iUgd4dXp57gAaHKUp4KFVz2JGrUzTaqYodKOGPEjsI8ySYnB2
DLpaflWT760pPcQxPF/EUdZx+Ax6+c9oa8WJ/JvMlzAq0VyTT0NWKDcdhodOtyfda5ZdBP7GKtZa
6geXJi28k9czw0gU3t/Bz9bQO/EXdLqp9+YJISurRZPCCl4xr2aCGRFDNYuy3Pvm8MOeDMh6G38q
QoG1Tyh0BjtUENzK1rSOXuvjCOFBplHSJ8ShyilS8gUiQLruwuBXleSYxAb6gW95G4FYQd6q3HFD
/5QxFjE9YXiyD5hy1IXxRGBEXYWgyzZYjt4xuIVjZlcaL7GWHf2ScTCUdNz92mqdN8QEyvQJTVP5
0k4Gu8I819IHg1Q91I505aueu9UbkHq+orJCkayGsdeotl4U2WtAWbsg835JZB5QYghQFCKU8bM1
uvytRtacj/ahSV18T2w4TapHDkTuoac6TI+vXgWQZ3xmRVKvyXsWuY4NZJyscAN4jUPZ5+ctY4JQ
bwbIxY+9Q4C9VJuBrLB3Q1iFz2ddgFByMQLOUZa69CAvMSMCm0UwFsC4DIdHrwlej7G3M51JfbZo
f3m2myBQpgFvtFWMg9GYAnjo7v3RQm8fwvyqUaAy1b87SIMBsN9thYGlX5oWUWdrpae1vEZoOtvK
WQNCuZEwYFFkCflI9GI8zyWxkNv3oRhuvW9WF0KNeCk2A6JoSf0Ie/lGpLlaGejJH51BBQWqusbR
Mu2T5LbOSYpc+2RMOJ0ibL5XtnPJA4ZZvcIdVI6L4jCisFQrPm7Mmb0vmuYd7wMNTrDpbaU8Gq4d
XkUXi+BxNhGIvVi9x5Z9Bv8wMMueTOHU7r1n1U50wwO+hGOgqjXuqsogUSRhQaCi9nSybrlxKOwi
WxmRWe+BrmeA4hwD0A0fgx1k5pOVkpRSMzS3kI6950ZjE+XJlE0Uhvt8qPV9WxbO19h5gcvUyLX7
czTLDZx3vqXOBJGRfgZau06NxDupvdev1UKuNqzUnUML8GxvgAMFd0JKSnJZvDUQ7i0jI+gh6xtm
gFenN7qnuEOjyKKEmAxmwrr3kiaSeV42RZdZc9Fk5n80Syhi5Wg8GC5zR6czwDHaCUDPwnF2Lga+
a99BfU1h6FuzZF6psser6OraeSxD0qbMPn7FqbpNvWg4ySPyTQhFPSuh99uYHKKg6lww0RKdkdUZ
H+JpM4nn6GmvXGS9rJ+7Fs/hOpxGbkpO7tXPZcBUtyjjfe5Z2N7FFo8RTNhRqll/NG3MzMMI3qJY
RedQz54MrTd3fRqw/p42rn0dnQYeWq2E26p5jq0qOvksD06xawUbLYMAABs7OBum/qx6GuwNp6dH
YQLWgbgivhduO6l8HlWX4BoxGPo/AmdKchAYMHPKSEMVBpaoG5PXFQjM/26khnxRi7Zp5mCXoflI
ark5SI0+cWrCLPg1WMieT4kAaVS3qnuSCgy34Eg028iBY+21oLEGrxtYcbqcS2jkgqD0kY6anSt9
eJqcxqF2uOamR5VmjV1lT58j79fqPCw9tgGaWX4Mr6RBenJUQBc5enYGkXHoBhgpwJUeGr15lmr8
n1I9jDZqU6TjWmDm/InAb4A/21rdkMIpGO2HPlYUpoJN8uiQmjuFVfE2Ajd6xWsDtGH23e+C+FVO
8YJx6l925tK5RZTAmkIF5aiy0onpUJZjK1exGfiEAbBypI0rWqMB7jGpFFsJsKcLUmAoU0xrpytk
o/KCP3R6TMKcIbtvrE1phMBDSCkAgsvGdYZiWmBlJu+FudYZ8q6dAqW3BCggNQCroorfQ3LEvYYE
WA/R6L/5SMEhPrrDdTHfWFYPwX3CGwHQ3mCzV5zQ/40l1LfKP6xr6nPdJfuyL/lMggqMrMjdyxEk
oRoeZ1keLf9blubaFyTkUeTsb2rkGYe4k24jQYCJ3oqbuz4ZD4TvcqMdQqf3ydZvnHB0jn5gPISk
0taxiqxSLacI/2kgxs2zravDRYnDl15mleoXHjKKPpThyaSpcNG1iSp+DyjQ26wA4SVlszNJeIPl
ys1ZOCIe/jSdpdyB7dpIY0sDCwGdcVqZcPVp3FabLDadJ1gA1qM8vIwg+J40wAhm6lW7Ioy+5EwM
kK/EQrHNSaaK4hirCXO+PAGgKeFy3Ng+8yctBv5ibFKv0dZFnrUH2BHZS6OX1QGbT2MtimpkVeCN
S2PlV1J1ZbrM/1M35kbNvV+DKQ37LIzHM8IfT+0I2Fu3zejRQ8rl0auUkswwUphWa8VbozSLfQ4N
XPNgZ0gREnMJf97E1LA7pIItnyRjhgvv2CdbVtGPGnEORvFNkjw2PmCx76n5gmlZfUwmzEw+4ep8
EBZH3XoMJtxoqQ3yEWCEPyFJxWZQgzdJ0txt+N8qUS+aJ9NrV55yj/vq1NDpcAiP2QqgZ6WCnFbK
wtu4u0HWmBj6L2EFUsC995UX7zzovGatwS3q+jtC5agb4nk362oIjJDADSU6CwY7tFDyngQ3xIHG
jSFJ9j8Gu/JO4LKMcctklb9E7Io32ijgkh3EbjQSQYKFxb/XlRloX7tWURDKpf0wQQqZyyanrAVu
7VV4PbirSFKmOAK1HlisLVmVb5aUbiLZs56HX3rbgWKeblw1XVHsLfhEE6/1cSugiqKyH5MhOYiW
gVVzZ5BF9P6eX08XEa0UXx5WppXEG/FXRmhNk4BF+Gxy9dt7lbwXCiOWs4bk3h3BcP5spufX64F1
SFGjFjlgsYnE/Re7uCp7pLQwvhPFJCn2fi6p+M9Mf1MK7tPDO+MgflL8GY736AdFhzhJW2ydPP8l
zot7D4759BjnJywqBV4qdcm6GBNpdKnrc7XZI7WCJxOgjxn7K3oDtFsy1P0Q91tZLb8LPLDYdMCo
mxJ+HfFUJEeSojMxIyqsmDHerrYi6T3jvHzZe29hLm6dCq97ZBygNtZRdRfP3ozsx464z24sNYZ1
owvQ22PqTnorO8UWy7/aR7NteWhgh1Ug1JW3EY9LPA2xlys2aV2xK3qB4asueeVm5WRtesLX0QF9
JnanDUQE+oa0LxRWUegLRiNABGDOMSuacfthV5xt4UgBEtnW0tO8O8YtaCgzOIjf66uKGHW1Cevo
y9irJ3Hn5rsEtXSVGfGwEfda3JWozlj/1wriKxMGQDwTcYbYE3VzdxBlsdFiHEOqxgeiiehj19zE
g5+7prg1S28QR0oin6sCDPtG3ArxR6ptyf2pvUxdE0FnlmsUP+rJNgS5y/n+6qnVjgCvtB2G8Aa9
7q4UaQ3T1t+lI0TnWh1u6jR0iM92EprWfvRGkMDY8a1k6Jwo4VboCRlRmv1/P/zhbxC72F5Bdld9
dW45Pz3UZFKQJpq6EUOA+L43yI0fTABZ/S2Gyzvf3BlO8eGt+QCq+HwHNdJ4WQBrcqx2mp8q4za0
/XepSeTtcocZBE+qZUPpXgYXuX1KMLHcib+ldYvHGHfkHRqN7biuEv9Sd6oEzGMah6bXWpwp9v61
zmnyEeEAP9qIntCG8Y4pDEuXqSOoPdJOOhzrpftMDcxipIGurjsk2A6iB/eN0R2G1GBZUmxTq8P4
yJ7Alf/6u2YWH10frLCTasAVJkDK0vfG8GqrE4BRy8xykrdheJuGZdGTRHGpy4j+TCOSoY7W1rWK
DsxK/GR5EmOkaC82y9v6oYvOu+L4WDjdwan0tegJ8ynYCuylt7oiQSDGQhbs1R6F7uPyhi99WdSJ
ojf1QrltdxUgvb1vBTtxTBedXbRYzv/cBUVZPDWxN58jyvPup+Oi+Klu7rZ5YZp/hx5s5Ujwx/rR
gyu3ioHHZDEgt9YE4Tx9OFQHoqmnslAd1B0+FOTpmReIJ96ZKsag1mM61s8WcwPWhxeViMUoZ6sa
6kQKKKUrm7MxYVXHPn9OO7vZ6frIVKJS5Y3sZcRuWgRmViR4d4J3MKSTXaQ+duXGC/JHKyk+PHjx
q6IfzK/TUhaVSzdZ+opoknVxfWixHxSdUWzKabgWe2oEfUkP4TyJuy8ukoFnHMCs0O1aF1r9Wrwl
sNqpFbsfajtb+5oaiCiJdcuAa/AWUt03U3ApfG5YE0rxkTg41JBwwjf0kfoatMDdkTHZinssNuKx
h9P0BKFc1shD/CMd1JMTaslOHvtzpOcIlDnNQQwyCqN2DWc3Rz1342fe/AXQ6l+Q8pOjuKB48mKP
kb6e2DBm0P0aO+cJszh7xiy7kXl38TzbpaJHLIOBrMjWkfOWv0+te2XTDhDvl7uYJxYjaTR9ZhI7
MTauAV1IkErgBXwFl6wxE3eQHxVNyK1BOdHQRekVYzvrmInJFnjdYj/Y1nEAmEM+dw89Eo3iwFwn
OIbNs6t5FRUoXkbOTVXmQRgu9UOpRdpOXF/8Xa4Z9MdafRy1tN7JuvYsnuryaMVe2jQ/Q20IVn2W
ofQPhfzvAm0ZOCTx7RfleWLH8jTHkYblAxj/rZKYKez8Ou2uCLLrB6BpxUmwdrqgKU70hT+5nyTz
8xVPYhljlgfDB/o33uMrfXDKjQFBGlkMS8PhJOMlsBnBNygEbnNumXgyolt7MrFHA3iwm+Eb8t/B
XDRYRvTlSc4dehrvl5uwHBV7osn/finmaj3spat4n8RMQfwxojjPxZey2JsrxwDbDya0CDOIia7U
mAcZj0XRRPzsPOUSuzhs8qrNu+S1/8Lq5w+l+Ds/zDLmc/PUXgMLuJAQxB6DD72Yv5IcIXQtXpPJ
fH5ce4P+jtYK8WS/jQ5Z5fvyVjSfd93pCxoABmm8eJ7HiZ4qZnTLZqkbxoSUg4JSpAJMbJqEiX9n
2cwoSVH+MJed//p87GHiXPsMXbeW/Qp4+s4kSzWu0evNSEL9sMUfopcn1Vblo7jZYlIn9pZ7v9SR
CELz2oMAsjQWv74Ul3PF3vIYlwPL9T6dG6SvDUIdjGGMmWLgbAACpAdRFm8edzxiGT8dn//4MVey
VSB18odppHiEc88bv3sQ7Y+iuwYo6QKanp6B3zRIboie8s+74ux5qAKUUx3sPN58poJ4MEWWJdwn
ToggeIijy4FlDSgOiM3SThQ792enlOlx/uunnjyTPZZ3Zp7PzJ1Z1Dpq2pA/+e97J/bmVmL3c1mc
NF/1Q6vPP/D5LEkhsVGbL8qI1KwYV5bZgzj3n+qWJuLoPM8Wu8tGPI+lKPbEef961Q/LGdFaNPz0
U/9U9+mqn37JmwZ8jObKxofRN73ieDiTqyjGea0qXnixIZQCORMaEYv3Kcy2bJa6McETFPodbYpa
Y3duJIZbcfGl6YcjYtfVPRBCpODnHi1eluWN//RSLS/Q8qKJuuU0cca/1n067Z8uP7+uYzqR+7MQ
tF+/sXFoY1o7zYXFh2vZzCvZpfwhVvFPzT/VzeuJ6bLzL4jrfGoz/0IXORdF6v7IjeOvxdAg1qBi
b/lGizFkKYq9ZUK2NP5U96ko2rktggHtT6VEEiHKTIh8vJzk3pneii4874paUR4JZbOsTopkpzrZ
fRneAVNBG1/K0jjRyEVZjPzMhTwiSkZi2HPoyPWMelyL4YHoP5KsFcrAf+lq86BhysQQxOiS5SMk
TMTfNuJJis0y3Iqi6AqWWPQvbZZusNR96kLLZXqviglZ2DC9OnnUN42lxuNarH8jAAaEi6L+xau7
YDe/8eKmLJt5WF3K4nb9a1EcWF5dUfQIpPwdvkX50xVE3ZhEYCeUiNdoGeznifV8XDyf5cwKrxIW
b8nRIDCiTRGSDyvHpZk4V2zExGApir1P7cQgutR9+MfFkU+ndE4hbUftCirwqYRKgWuAaEGkXFNA
ckwfrhxHvPouhi43iZLkIO5MHrVpchhla1UllnEQT3h5ovO7/yGY+WGqsDQVe+LhB1lLRG9uNAe5
UgvREy0MkElR0cruRicnHYOaizI8iFd0jlOKHtCPalh9FS/y36hWKXtbrLNJnVQkB9M0OUZIBMMS
h7QmNmVFtnK1lF3Dk9A/841VPukOW6OBARkD8hL5MFTF2+uqexacbYMEQCCjXSPuqnguZQKVSS2y
lzyEZyL45Or0gMca0Z16jmd+uv3ipn54RPPSdb7rYs0idufXPCA5OTr6sBV3WfzsshF/wFIUN/ZT
3byqE0c+kzmXluLw8i+pvq+uTaz1VtgYYhXnpe5bk4X9XkMIcKvCmKUI9QwB0uyIzyRHDZXcmWYh
0zMddRxgnmoU4d1UevdASfbKdA05KpNr7pX1SrQam6Q/SGOub+Q2AaTXddmqCnjVxcZJbH1tOgA8
FTBFlziyd3LgG+kWySAMl1nZb4lKghoerGOletUjnCxyzYjGQjxPLNyLQvkSu/3LhGi/ecjA3uDf
lBtU43pUOSiKugTBoyQiPVH2qECEZhHfQsdCWVBvrkOIFoIFbGGnktvfO4Y7PsVF9RO+46HVlfyt
T3VctWL3Pc2Zkpf4wJ9cTwYpnlQvrTMa3x2i9WR2XY+Eg1KjjtN1K68qyy/lCKaXJXn+qsqxuUZR
B3hVgGyXnE22ADqh5DE1CvSbZHlTIBGMMlQOjhsjxuKhn44QSsJMoMNRwI+UfZWZ+cM4RMWD2BOb
JMssdM/SFGFhgvBGFnqbvEB+yB26bzrJs30tT1J+iVxo2JGgxLGZAsAr22XlFmYhqtcyhE/NxUhU
RsFwUycZmCCn7lgPV5l9AqlBes0h2F6j+jW0Q/DUTRuILsGTK0fvyGpKR1GVJ5h0o7uIKleG8Jlm
kK2xvKcKNewnmUzoUywpynroe48VBAdC0wFaFZvcyxRLUTxkV0PXNQ9K1DiP47QpE2B7Jn0LdjUt
lgO+msRrJbdwRevIzugDZnN9r6IL4/4eomB8mEugOVD+tehzy/lFYDiPqMwE68KvV+iealtLMfTN
MFQpGm+A6TNN0U+mBdQZWKuyUU01qldYwSODgQN47vj5pYBqd6mmzVKkf+6jjBhqh7SRCTctV0/p
qMfaWtE15SQ22eD9pzJrC2k9OLDcHT8m2IyowUvrAhi1zb79FnXpV41UOrhw6P68Wzp8ZpCJoBWy
ApWYdvxNuvOLn0bqt6GKQCsgiPPi9Qmwa3SwHkeFXLIxRMa5sNP2pLZhfYjjMHvgEShQ/mv5VvUS
nSuJ9austS8lqkFXO4geO7OooL5K5S1sSRxZiD1uRVEcIBX6ivx6ui37VYtxx2qYmodKjClfCJZr
Oo8MNlWWBO2WMWPz4WQjfbfiUT+LS5WVrjxYjn+AHIZTZ4Is2o4PTrFZ/oLai/74/hjN1y21sX6s
mnqbysjarF0sllsvuWNUOBK0zyrWyqZ+hmhR3eCetw+Ejo+ihNFufcO0DjJU0iPWNLUQdZaWfz4p
sl9kGz0uXAMBakP7IWIx7Uow6C7op7WXsiOsnMeonYgDFkoWR2QwI9Bs3ApVl+o9YpvKWhTF7Uli
efpUWWDCpvtj9j1Al2Ka6IV7s/8z/ztxlLp7MyvhnE33D9VpEHnJ4OBPT5/pOx3lFLErNoU3wnBf
yqK39TUSkh8qxWFxpIHcsekeAc6AwPPQuSZW/x39UAYltfxalp5/aM3OQ+PdL97zfCeOh51f7mIV
1aZilCwC1pKNWzjxwGPlBd6lmTZdhO6Jrbn7DwfaNsZO5s1zzXALhSE8532Ch+G0EXuiTmeVnUEK
QFEtVIIKv8F/aShOmVsvZzc95oD/l1NiuwNfISv7z5epmwyR2+f+IZeJBq4//XWitfiRIcvV6hLX
E4+CtKNu1DBgUaS8BtMmRWDiKoqD66JYGLgd5HU5JLg+Hc5llMtXSyOxh4PemQ9fQx6Zk0ObqIqf
Fw6eGIMknaw3Ayg+ylLi6KdTRVH8cI3q6MFCCHw+VfzahzMSVd82OQCNzwemv2rIQ8iOz2Nmfo2x
JwW5NNrxuR6K+Gz3AYATBeXNJiHPKJOt2EaZr9zl3O8utlr+SH1FvndmJt9Vv3xoGGAfyE3DdEF0
kK9fq6H/ZZW1ejaBlrzZCZcimZNfY9QM3oJC+gIf2XsUB/Xcu7pZaD6JYyCFtzGEuls6tezLt6hT
9BfFDbJXJTqKJnxzkrtcVdAvH/wyHi6tp8TXftog7qd2Kz0q2TWrccWYDRpvKoo2EE1J5Lj2bznq
cC+1iV3CXIrfEqdER1vR6rUoam3VHTRcUze5bqCIvzKNpr1heoV0kdGr2wBC5VvVYosgw9fbT/zK
N6Bg+cZMXP3QY5n5lJv9CxCa5puRfx/tyv5iSHZ9SvIA6SRTbb5VI0AK2TLSJ0R00NL12z+eZdbf
gGypmzHERdys3BcF8BkatnUH3pO90K+3I9aw8IX/UwUt8u/BT3WqYYGKTcZL3jnlFr+2HIU5K3tJ
JMM8VXEzoLndZi8qjOkb1u8rcVACxvYCAuMLTF75KqpMtyK/YHf5XhR71CSOijNEa1EsQ1t/GsnS
iZK4YtPJVxmtNxVG9NkbRnAJmeFr5xKtGGjRpYsKm5leCbqHzQYsHrKeSMtuC7ezTuJIW7vOVlc6
g36H28noMvIgGBO8tXLRruH4BCdRtALZBKYQtGdRNDEiwgdSdS+iOErDd5tv/oMoDW3yxHidPmkh
+B639w5+0EnPcVLL18CFRuy72FV1afEE0GeL7ET7nDv1axTW8hmwQvesqjWvSoiqfBHZF9FA1KOL
uMulMnkQVWKjo3IUmBAYykbFcDXDPTYxvWfRPISO9pTqz1WV7ezGLjAsLLfImOdnc7Cyc9BAlpvE
gvOzJLOpmsJGZlYeNqGDi5ZqBtWjr1hYgQ/GCwph8TfZKJwtupn5QRTh6ACpV7O3XO+RpNRasART
M6Ud3BWafqBq0h53ZbkGKF7E30BRJ3vo+NZOJffxzTS0c2pLxl33E+uaRwYAi6lZPci/B9CSRz5t
ypVpnYIbEXv2tBmV2F0TwavA7/6nbmki9gyp/l20qrL/p/PVGgBMY4aPZT9WD71UAJfObKTvQHXp
fIl+p7L7qved+VZZPfpAqZpdEl8zUTYuYhBx3filLexn0bTX4ksZaM7XskrljV2GxjXOHQxYyhK1
FHRhX6Ej/ZQQv9qG2doGNnSRc14quw+/NwoAMUOzq0dHb7yTZFrRPoh9+Y6qSrkSl7fGr3LuVD8b
8kbAiPQQHcZBOxCzzVHdzY1nx0RznNfdQthSSVdRUmYo46JRdckZUy9m7m9aVw1PJeLkfw/MbcTh
fKmFRwL4GRn/jTx6crgRx31wjxdxtdCyqTQL6ISFpR/nojisOkrU73i1g7mlp6jPhh4Ze9ns4G4v
lzAs/WwCLz9ZviFtYyVTsaXqrIMB3veI1011UTTd2plRMjwN+Lhs2lquXnkbZaA/tvXO3PkZbR7p
T+W82F3ElLTPjN3z3awz/SecRMQidcZ5eh8vbRJZkFS8cVsWRfkQqnV50LWiOwV2beDu6+bYEjQW
+liAVRn4YGaqObJYbut+C73+NQp06bcE0nL+oSRVkIrLjF9D3H33Jcn6qphVgtqxMt59E21wpije
IxRqe59MouKy5MbnNg6NPeGA+NGGCgTGuTKInzGQme7of2MAfod8KP1SPXyQQScxw2YSHnm2/jtB
GVlt2hfvbmhVfWsbMMvoFFcvTs2asGkL5RHcRgM8B4cleFfWhuCa6x5UVcODqrcmSQM5Ts6j0iRn
sWdZJSlAJBCuTYSsC/41N8XqnJc0dr4qQyhd9dZxuAfI95Z+XJ5EsdFQnkutsDmqYYswlcK87Njk
QN2yynZePQjpq6Lz5Wtb5O5rUI7fVMNTH0RpnBDglmo8iqaOYp0DxXCfRMlvvX0d5/FNz1T31R3J
JWZGdc81y3p1972bWN9CPpX7upfrvVV33num7suuNN9zEFlY5hTlofO67Cs2d+vWCOwb68gLJg/Z
Q+lKiOd7kDea1ldWc910IMjIOOOsOzFZ+j1iRwMvEcJrWqD9FnaHBmJqvuU1r0uDSiu1TWE2xq7D
UvChmTZ0jGFT4Y28EUVxgIRt9lCNuG1hWX0G7MQve00BugHD0RWxu+xBmzYmUrxnW9KuqVWMN6IA
X5s8GN6HYAJ61PA50IFCci9Wv4ZjN7z3ZWCs+6k+mOr/Z3sbyaWlvWu7XAd42rrybATf/nP9pf7f
rv8/24vfVYsO5rajb/XUCNcdC/bnvBvKZ9XS1f/H2Hks16ot2/aLiMAMXBWY3kha8qoQMkt47/n6
20D7Hu134hZehcBNx8TkyMze+s5Y1oHLqO/WDTmD35916y6AIpu7cln3X6/lyQnOSrJ3scozcZ3o
i9rSrhp5y5mR/bNOxj7azsX2d7d14xjbtlPX6A2C8kbKWh3BJJqvUamHYGNyrXs9HBsvG5XiZp2M
gv+r6J9UR2mqjRom8jmoEOJxk1oXILTL53aZrIuGJiG6/1nOKq9nuAbr8X+3rut/F9dXrOtg253y
iIa231U/7/S7nHLTm0frpuRwvffYf0Aks18T9EycVGV+sH20pOpo/pmM3n7XANCRLbSHG92yMBxN
4K0UqRxRfUVNjPD40JTSVlPt+Rkiw7DreNcVePqELOuwfkaY0c7XV61+wQnbvvqdQqFreW/MK25U
jtojfSM6rgOatlWbdjyqdQizezHcWR11fsx19LBAnMvga92wTnpY3RuLJiuU6L15EKkogeu0/l1m
JtIdgOjOU/c2NmLJPMN00WDHACE3hUMIgi4mHuudVGX9jsEfWHztuxLtG4iR4TmKcYJPura/iZpe
2ctxmx38MRXXMFDxxJDK+SkN02+aDrNvXhxiB3+UhICOhfXvHX4yO23sgmtVNM1dsUw0mfAwLMAl
Ljto6iJFamjZ0NvyqqTo4kEmy5vBLrrruv+6GwZPG0wjJwzQgNMkiyc7LfN4yfbJXQCsA1+1Jr0F
OoRBhI4xmtbJ4xYftPqqB12yq5DWXJIMUYU2ivlsWnQWo443TmY2RIcClPHJFpF+IO1RHO1pHo5Z
NY4HSY7KU6YVGPv4fXROGh/E02Ba56Sc8HqtSZJEXeJv47aVcWCQ661lFyNCV6DLAKD6W+oT5SaN
ze7Oh/YEN5jeQe44dANVfX8/d1j9YO48PkQ6eOROOH0XkpQKCvmxoQbthqOsPY2WBcsb7ukz3jO9
U0XTePHxoQJBnadeNYURJCz4cTybEHz46fyRNNbGx4/shep1A9cmWrT2c3RPL+l3ZMjzh5RoHyR+
kZfrAYnywFK3WcvD2R/Erl/ewYrx76APrMTiYWRAZUxAOmkx+SjoS1Q78W7Ta8AQMBtOsFHH2zox
1YXGPwNdqy+2PnWgkLkCGBmV+6xRAMkA7xuvMbQWgvJxnwspevAl27yaCmra1Qg+FD2SO90f9n06
TC/CYOykKMGDVXClKFNegA2Qx5eIBsBNUA79fn2VGieHWhuUY24qg0cusTiiCIoZqi6dwbqNIYff
Oj+rxAQQcd1lnfvXSmPZsq787y2/u4/ZyifkA37fZ11XVRY6NAp4boZj4FUvW6wcW6l76jCwPI6+
nIGv4JBk8LbJWw4oPZZFiHb2ZmoLfC6XRVVMiJaEXhzWRT+tFQd1Yuxg8oBIzjAZFCwTNQ/xeyrF
VJ5GO6lwsGBunfzus86t63AaZ+9GpUVpyOnG+v943QwwqkSg/v+897r4r4828RE4EAk5/1r3+5L1
88eonI9Z+tJMYfjAPdd3itjUD6qPtqLPtXvZNv2dNoSSO+f8zaZdxLdGVezXpfVFQrPv2y6zL7ou
7UEXzVe7a5AUtnn73I9m5WiDGby3gfSAoMj+EoqyzS1uB3DA3UDJ1YgdgPJ2WfxNMuMGOkj8UUV1
zGOnaV8Wu3s30bvyQp77JANxvyAUqC65UoVbcKazkwi5uvxuWLcSYP2zn8CSp2hNV+6eaJHBuXl5
h/Ul646/i70xmo451NQs//Mh//XW0pigF1L9p5QeVYCZy4f8vsG6mA7ynuJXfPSsQTLP3RhgQIR1
KI4vUh8iIVHNWwHJ8TY1lruvUtBhIELrZx1KXyyVUmtvkiq4mDLGJbEM6v9ncVmHU/dwiZbJuo4W
TGWDLxpVkGXr74Z1v3VdVcvZVgy4AqyLraHlmwgsjNfFE+n9qv6IEC7YhVy/KsGE/K0vpyezZNBe
T41/n89579Eq1t+pXQwN0xyzG0sDqhIDcbtMej/sC7pqIThG9OxjW3XQUxsmyHIXH0w5uuapXG0z
xrq3MqxdMgZkr1O9lkisF9kj3y50yXlbz4kBAUWfhXjDU/TFb1Ljs9T9o0wiM4CEg64pqRNC6cei
bA3wfSQZKGh03+Nkn/08Lz61Jn6XBFlq7pY00NM1pOs9blgC1IIO0jObs+HRr4cGpjkDiHXraIbl
KcyQAq5bcyw8z34/N866NU7DDM9LmHLr1qk10mstibdkeScqHvlNWlf367ZYWOScAC0Rk0c3ZStL
1xgnIeYDfY5u1rl1ImfB66zK1eF31TqHG2roxfj4/Lzqd6tsZuYuphDlrOvMJgQ3aTXoToGDur/7
/X6OPGSXRhTG0Z9V9p1jXKlQIt2PiV1SIvIpniipcrKtTjnJ6KjQrEfKLp1Bxawb1sloQQ1ypWWf
WpKmavv7GsWXPsu5hGz3n7f51y66GaMhW9/89916bDrc3pxK7+d9181+GvMR/9pzNiTJxQ5LeJph
IwRb3l4aaiSCKFj/9cJ1w89Hrl8wzGR/awvx9LNOW7/B74dPdsIp6JudfGjC1vs/f9Pv3v+8r/KV
BXAbfr7DchTWuX992eXL/XyndcvPh3ZldhMDdkUqvtNbSz4Vy27rDr6oSfOss+uWdTKth3+dFVYH
umH4sKkIXaRu2BJtYKc2NpcmiSq3xsAiiJCaBU3+rhfNBEOPnsZePhihP+9Mu/tLW+7kpYAV5eiz
VxOsI4WBH4UNH8weukOYtl915ttbYqaTBcI0qtTIU4xpQdnan4aERXbcOVLNjRzQrACHb9nkGBvc
raw6eWKcuUeE9yia3nZ6Lju4HtND7Vc0F3ePSjDyZsj8IGIn115uzmaM/rKi64mEziYlu1UI9T0s
hrNE1XMqsEScQDCUS8GvkCg6JOh99+iIGabaySmSlLu6TaRbOWbIW+JndFv5J0Esgr3csmoYe2RS
aXL5Wadg4uLMxZAdfl8VkMnzshrkEr6p0u26AQ3aezujuKraHinnfN9U900qhtuBQKg1a1joOUPy
YaZlBHhZzBcJHqUSkxUccrA9qDoTskM7OiNSU2HTb6in114ZcQBbJlPq39UDOv6sOJnBoNP1z6Qg
W+yiMRu3agFrbF2XQ2DYzbiskTD933XdTCAB0lTdVbjoFZbu32TLBByFXZrVbWuAa0pbuDgjMczt
vEyiVCv31mROzrrIHUS7jaFRIBhqflb9rm8M8RzprXZcV1lSpcIlG2fsQptis65bJ5rqq5SJYDau
u/xrA8Q8bWp+PnhdrasF9d2pyA/rB6/r/HBwDLvVvHaqqVgvX3LdGCVyftINAITLKp20+tU0JW8I
wviuKDcFguDbVlGiO2rm32NU+YdB0S6AyNPziFnV7TqxZlj/YK307e+6dOpzTNwg8yeyFEtIGn0N
z+vumOiJfkuyX/95bRcZm7nwcT8K2wYXLYtBm5/iMTTrpbX7WcYhqdrWRSpc+nzZHpa6elqC57ix
bmab6KCfK2pFVSdubTuRbvToFCwLWhT/Mxn1+rUja3mcRLoMC9H74P5HY8bvfmMC5SidufWub2TK
hYF3RXSL4V13LYvJ+zmj5jIK6DVuHajIzU1RZ8GdIEl2p8bFfekH42ndbZ0QkqkOtkDlfl1c91Wg
rHt6Ref4+qp1HYqKFElCcmEMN7q2HNi3aa7Zt3C556OmdW+BX0MJWdarZtbjJBU7fmyh/F93g4B5
oHIfXtY9iPxu5UjRTtHM+VdMUbuXAtu4RSxq3uIgVm2U0MLLYJzN23WD0gL3lEuKM+viugFgirhW
KQEjzhsS5NiwpZSsaW4fcf9Nev38u29I7hQzs8bcpWoVb62JjglwluFdiRrCw54l2WgmZDTXbCt/
q9ka5HD4LXegnqM70TZoQ7WE/MFIPtTSUkyFFi+TdULsMuOWhZunOo9EG2WAHZ6EWYi/kPp8wMP/
zC2L8PWe8xYvP7w1bPrvFmsVH3Po4zqHXXNG/frYLiqhbmlhXOfWybA2Si4TBrU0Tq4rQdd2O1ul
4j3GAF+K6SH8abxa+rxlwu76RVZn0iwto9hF+PA7IUZG6rAuZ6vqoRfZs1iER92ipKmXr4A3Ecoj
Y9Uf6RVgN2iQJAXg7h7XiVq144zBUb3wN/4zq6b2Z5SoMDCaHOzjurnvZxSi62wMdgbkfxJT5gCc
T9EOyt7PEbMmLEgSOCOxZVBCXI/iz2ZgL6clK7ODfYLdAQoz5AtiI02ahMSu+zt14suHFpEW1W7E
/svTlfsAX8dj0fUvJof1FGEHtm0V8RZOwt6MS1dtwtsU9ok7TrZZf+/v0V7n1n+AGla4EQHHSsIl
7SR3qlcngdi3GLUdDa0oDwaDhKSKa0eSu90gjMeUX63rIwp9RB0y/zCngFITk1sA6WdJ9+IaEfMi
SsuXjmtz+bPWuQxow6YCC8Jzt1eODWSLoDIodGklJL4kHc//OjBIlDluht2AUDQVV5Iyn3w/Cbcq
1D9FFkobTT8XQz0em9AYfiaaiMajry5HLpveMkWtjkh+q6OdV0DH19ncsntls86u1qvr3DpJTL+i
28mGhrH0zheLHUupVQh0CDr+zxOrtM38EGWAABaN6PIz18n6g38Xu0yDLKPgm+kvGqZ56VFcD0ex
ak7X2XYm4ZVn5uT9/jPrefq7uM7ZyoC9FQJebt4FnEAm2tL29zvROxHuOqGfkqX3fj0P1km0LA6U
OLZz1JzXVaWvY+4QWEQjq61BvzoaGFLP/9sXxZ9UaWrcR7UcDdiiGvuZNTt1OCRAvhDJc0wXPkQl
sDFYJ+tiHEEhViLpuyakHE4YQ7bO3Jg9rihSPJ5Mq/A0bLraYpycIMNaN8Sf2pOtilGMKvs7cj9f
djo+KOUC1iUewTe2wHAOKf1E6XyjZj260eSSFVXowCijUDqX4dmgF+YS+J1Lvb1xhim7ZgqPiNyu
dM+GsnqSq9blllFSQiezWFbdAdzAMrSd5TvU9+p+HnAQMiw8ac3ntm7zraAIQxd71+PF0gTbqMWI
UuSO1GfUR2gT9HjgctOIb4SqGO6kTNLGl1psYXp1C/sfPN38qIn0kJcl+TssiaJGvFZDhWfhlG7B
L0UbHaFf0XbnMKhlh4cjyuSwKLwGQUbYnQG/0k8SU9KVZEqvQUxSBS2VC5Qt2g7V4hHdanThkqKg
OO3OpTrgb2w1XgmiorHINfbjd2NyYKzexiqF18+9fQ6mJHYjDLb8PJbhmmJRGimkq3sZ8K2G//mE
aWbVf8c+imyZTip3nHVr58O6kcp236ohBwEOXSQMjrQI0Yo3g6AvZniyrSV1iREk8VjzZfLoXu4t
igI7xjQOebLTpAkhsES/fzdIOyKK2aX++EbwHG6sCf1+KRkJbCLadKyZ2FOgzbHAo9G+yQ8Pcnva
J9bdCAJpT8VTPtNMi3uGhQODnPNHl6h00cx3AcBgK7BkvLY6AXMK1VMofbc+3jL1eFnOIDU22ksa
zn91Nrp5w4OyYpAtmf61ULvPKoOOpHKJusrQY9Y0DdQbQxPHHDkWHgnRc5E0OOAa6MRQcHsp6QRN
IAqfEzl1jXZBisBadka1ffZ5XnhQXh18mfEHzSjhWHyWUdkRTIi5d+nKmSB66ZeukrZZ0Ph3E8T1
ubI+yhRXvUAO3qde2rYWA8FB6b0lAOwNLTzRK7fV7fBLgsPqFCPexMo4v9gVCQsSkIr018QiEa6R
Fh00hUyeHct3EBcsV5tSzw/7h0mxthjh0j4S0oolCZlqKyMkKflMKqXbztXYeVOYllvJegqlPHf0
OPM3dZqTn+nzrW5IxXkOecOhJTMYKcpNMMYtaMrp0MnvjPxD157MftPV902CVWuNXxf5/I1hl69K
24NnAZBkaZget/0THbkasKM4dHHxzByiQcWd4a86NoapTjuNmROb4V4Xkuz0ILuMWDwBEqsETZJg
vlLio0r28hj3FQtiqKx0e0ULdLZNz4Hdv/tBVQN1Kr7i+WVWE+BrafhJc27mNeojFoqPPf2SVF2g
pQ4nG2TqUttox87yyLWNU2eSMqMJ2PDVb9I3IEyM13jQr8VI0T61z0Jlt0wZLppM9M89Pd70uA63
ZXP25w4D2XzaYc9r4C6bh/vpA+ds8tUPSd69KR2G8nI73YqYyL+bF1xvQSIQa3QKfYI7dA5ksqNn
GLBhwDnh1kUHECx+7zlITl1iCixp0qEcCbJCoVRuu+PYy15qkvDHUuCklds60/07vA3bDaWd2B0r
89EYM0/LO24EEhjaNH3B4z71FJuCd1O3kdM02TP9oogcW8bQYxLhl0T3plFjJLz4xNIZPW4aKX0C
5n8HOs1ymufegEBXRQm6++FgRepXISVfWaR+NpWGWWANmV9mDEWGe5cP3bS1MooFkUIvu5XSRxRO
wYtCFnTMgP0NU3Evx9W1WhJV+bQUYv9qjYn1wsAXDmmVbXrhwL2rN6NkLHLn8qYPYycqDLIlS6Nu
FYyHQuGhkNEjZADvg/XCXdMI3Fg51Fl0Y9KI4ZRpcc2S4jvTzENVGe9NxMBrFLehlWaekNM9jSrk
g/wWv5bBR1dvDccWN7MAVLVX0YG+6bQYIs/QJ54h4UavSu3kSHo+er4mfVqQjUK/pxE90jYCUym1
NY3dNNYP2LxRhs7EjizATp/JZIb5Yz7KW4Gr99YKDfqH6VmJdE4zqXix5SI+9m4QWgtD7E+vhdDG
06dpblMP/sxDWM+fxWg8q8V01xuumhnV1gjGywyaMzEgzzX4TyqGcSnAWFtFA2ewUKmoieaQ+D5t
2sZuiCTPivC6f52i8s0O0gej7M6jQU+jPDyFbbpv6MFJRs6JuG22INlA0/TnEHAgDW2A0epU95KS
EbhUe1rN9QlVXk/3VVMMJHEnmHHwoYEG4F0R6G9TO77hTZ05Zio9NhYgmzZSX5ss+RzA6WnV+Iq+
7C9tu/TFaru5jw6dyB4mZORuKhd/yg54eQSHqU/oqOZ43AtMxHYFZQB6/jRyR828owAJTK05BF13
h6cRHoIW+fGhNf82ogFNwRMWj22s3nMB8heAsiOJActLOQfblJ7VNr9LQPM4yjzoG2Hbu9GwD69Z
A6AP2tChGPUW3n5Cs/xEe0SIjyZu7CdMMYorumFa+Eyw6SpXZOmT2SEr3OqfctaeE3l46fhSDP2e
I5owIH2mT3Ytnbjz3dNcVjpdZ3Log6uCM32hq7s2HvZj4W+bfTPk24bDwk2CkT+1w9GhthcR/w+g
gM3yGpGl2rf4qckNxmKjfU4KWJ+dllBPybdDxNU7WP7fNMVCOaE/LR/rZ6Nrz6rd3nZW6uLncFe2
wZueMW5EQoZ1w5C+mmjq4ZMWvUtpBpcHgfXnzLlBRQBsfE7YUCsDEc24sTSZBuNuJxhnHGxGy0V2
xXq0Jg6IZHJVXC7ds9GSVJ5Ta3Tg8Nyk8dg4lQkRUBY0HGlZ8FAY6d+yHWsna9PBq+wOx0hEh3Uo
H3rZ/mNqBJFTCDk7D/qT1hBll53/1rVcd3Onbg1g3mbTXzSyd5BTEg/EnSGlVEMrH5QovVMgd59h
ENLoFJBC08gd1r3GQTY5jFiezNzQlczrVNNG8G9ZTh8PmZfdNxmMqD6R5K2qwWxo6ugPBvCtD9ue
BxyR5J39JY9dd1YAkTEa0/eW3z5IYgK7aXdvooU0PkkRfS/dW93Y26AHKdpEeBTbie2lpAhqChwp
jfFeLktcPARhlYjdKiAj0MlyRsY62Wdzbx0wmXw2I+A9PMG7vvxSWmLjaeDyLODrxNFZSAUOcwMM
xZjTpYr+KNx+PNRJdDXh3zNH1TmIim9MRkNHKB1lJe3RbyyMSvIPBXKdNdeoJBQcwfzIwp8zv3RB
dTIIFoM2v/Y2RUP8RUBdXRAQPRFrP1kULVw9WLwi1PFz0hkBJFY/Xi2bR40xeYnVLQ6DPM0NDKTi
Bo5q9ZyoFVfH4Br1LN/ofTYSjKeJIyxiMCOlbyOIvnvy2e1JLxZClj7CexuHR70YNoqqjwRWmGZE
JmwHo7uVhrE8RFJyqwUE5HjS5qqe7zQyU1U1DwS0Yb9DpK01RuaREHo0wuADvhXs1ISevVCpuAI4
aaRvkn7vUZEcfEMbcQZuqVZesxKMGYh74aR02+5nPai9BiKmPcRuPOuXurPpTe3+6tIRq+VzhDFr
ThIa4CO9d0m5Qcp4G/dCbOW8egWycOzyGeJzsSCa3yqBcfVoK4j1i/CxFCaRED1QFkkCp5ID4s4i
AjNJC3pu7Wha0rGGNAc3NhD3GBOqEP097kBA9sOEZ7uhboU2Paiyca5irsCQI5wITCWoSv7VTb/3
0hbicLYJFWMXGePbPB7pnHlM6Uh18AWpNpnCccJK/IoSg7aRmfG6gVapnZYUvP4sQeZbettc6CEv
anOSlK2B4ZFj69K9KMS2B3C73KQKBw4qUqiJBurdQpfD/SPhxiZpJ9CBr32ofaiGNG19tQeWjIQU
oiHD0zQFb0dEqNuc/YWEdoDABNvEEP0KMX4bhTCSEu1bM9rcMUbS/TrUJO6bpBB18IKqfBdZsgpV
zvQSXE4dyeYsMXX1nYTLXzyUy1OfULVWKdxPWBUlqvIHYF/m0SqDgFJTPDkp9OUFm4gcsaeqFPat
ZCd0uLTKOO5NpbeIA+LSBTXXQE9pX2KlAkfdnqSIs62ohdOk5WOc5siRjCNgTG8uiJ+H1sbVlySF
Y6ThbsBxHGrnfDVoYS/F16TYn2U2xx6NbCWnaXdn5sOr2QyfkET38zS5hqq8FWOkQ0seQPQivvDH
WodPMuQudRC5FPd9Yt51jYUsI84uvdVRQKlkCtn2a6y3ONpn2oPf/umEDKobhigOYjjuyKbvjWF+
SXVxForBpRu0+DlRx6hl86Zk1NEX+eCFkXyL4cij2uOKaXf5NginP6Gv9/QCmncUVDBwiX2YzfOL
Zf+xDIkmEXVh8WXt6LZtTIBNgAm+LvBitfAmKLbYnDt93VFvCHdSmV/y9BFsnk2x099zTrp1GWqb
MVYYifUKu6pRvpFUQ3OtYxMA7CTpR+8C3uB2R89Jbm6GSn6R0pRSS6fu/BHm3uhjhpeCQavMzg36
9jOsaL3XtQPxRZOnBBiD6ehElYy+hhs5ORBJ61CHU1yqIttVit7gY/BDSG3J9enNzStNcS0r/prM
8CWkTjlNXeZKPWzA2Fangzk9FyJKN766SwUF6RwdKhrUYGPgA1OI7iXJgyVDzcjfj/nXbKN2eSBQ
K6kVMq341Um7GBHpZCSP48jTW8fVe1sOhBy90VImbCgPh5hE26YNQ/mr9PHISMLy2gbhVsNIZGtP
46lM1I9UQrAbxpDfF95Q1X7SkfRIQbzYSvSoOBVX/MaWTMaGNpfSMDTXfNraUICniXQ7/VyV5ycB
dLYCWWCFEiGlqhU3aP9Sn1xIFH0VfnqWTQmoeVziLOTrlJ6iZh8C2HBoWjKdulC/Bg3sVPqoGGa+
CwrlzVSkvTmP5E9sunm08qsoQJ3C6/6CN/NORD1sKzW8ziCHIfsmiYsbLBSC+aYOsXC9HXmaciki
OMzfaYmh9bv/xt/y6ttYLEfcoxSMzrPefLKV8TTVwEjgzOElr9U3fS3ec/4skCh3UWKrO2mxXA7L
6ZzqMtT3KO+2UcQ4TSb2L8vhiWuUNhCa6pfbobGpg2nH66iCdwHg2/CArdBjoqiShwPW7gkhqe8M
lU/30Jc9PleW9kxu+8HMOqJNGlP1mY4zrKuRTpzSxGaYyi3K1wh4uTZpsiXXW9W017zKhvpWKfRS
ZfRMkLD9U3DwnHzQ7qQ0IWUotJeeuqUSDL2H+8/CU7GDc6iLh2A29kpKgC4CTPm4OxEBQNpjDGup
sFurTqPRGJIwCatbOwzuyr/ceH0qPwPKyjHs71LBSM2o0dPEA7YoQn4Ja4waJrXAD2p4AECabunh
uo3N/kxZAaGflF5FGrQeg8DzsJBbJ+1eeQ9y693smqdG5sRM9Ce8L+5VI/dEgE8hFsBQwDGSnY5N
zdWCrIsO8X2jyS9dq39IZk9emU63RsO7LpZJxsQ8/8050lBM9IequyYVHHBuALTBLfBm5dVfBq+W
FJxnSIUgtc+Jaswk7prPshq3lSk9pVgSO2aoDe5QEHjLOt0MPmcLUUyXFzZScSE7ukiPhd9+5AIJ
RdjNQClpf6q7ezMVJy0zGleVOmKqnPZ7GUD1GEuSJxZ/3s5WNkjBsaKPi88wC/eAK451FG7lRP8K
rZo8VU0VECdVrBSjnTqV18TAULSu0kPZY5nayeWGrvD3RGloF1Vx6NajTZxQeI5b+t/8HHCwvuEr
nLrwxoxymoSHcy4p8J0MJXQQPfqD9sdvkVD4/vecSw8qVkKjUYQPUvIGMzHXZ9WVAplurEG9TrDH
PK1VPs2uPah2dF8MVNZRAH61/nKww/RtUvrnJEdXjdsC9KuC3xwN1ykZLkVMe54fvBNCvGOsGjpm
0W/1cnrrykWXJ/MglzKbjsC5gD2u0m1HbL5kKscdVbzQ0yZSs3KkYgCvkk0I32wdR4qkyc9Zip1S
of/JrEFQQZde52A4yxUIaTu/qNzChWnt2qKw3GwAcpe3m2iIXqK0Fu53pZefupZ++GVJr6Va3GXQ
Glsz4+Zi1Lgt6S14vNOcDxsf/3i6nNBqK+UJndG9KvU0p6P8RWWxnwawhCHeoHEsk9Tr8p6zkZ7z
WWieTE0VBleAFiQfXNlt5zHGKTFKtnNgnlBQvhuiekvn+aaH80VZzbhwhTwbCbQ2qfPsvKAH0wp2
ah275tDRcCzhFhXPV8RLR6i1867StY0O3oDnj4IfZepaKldXP8v9Hk8HKPq0gY9WB2SdH1Vq9p/R
JHljkk9xNCI6zuL8oqVPnUg8DFRv67B9CXtK4MspOE9YTNFYIm8DgxMF/cR1Tv0dGfEX32yvZG5v
fED5jBLQoaWVssGF6JSK7L4N1ddsNAQDvZCwFj2VZUN5Ei0Pxjy6X1sFApmkDMnjcs9o7B5T7Zey
jT8Z/T6gAm0PYPPxVJ59D93Li16e69J/JTygHyMkRPFJ1J8lCjm1gtlKN+nJxsrUPV1GpPXiSSNk
qAL8IaVzYZbSlbHm85iR2507c4tfdu4VujEwph/tbTaDoplFmuzz+pIXEgUC3mBjJdIn415nQgsh
It/aj7OEbjIDWYlJVjBawbGPBgaNkBOo7UtuGevYFk/6bmoy5SilVLAqlAhUIkwGalYoI89QdtNk
VwfkcZFTT3gwjYqW/ZGmBmi8mTS7dfFnHRj6mOuySX3PRMIBiL9UeVa1mI2bWYGXweL+NL5YIgLG
jYGFYY6TW9nToTCRpCNyejPIIyuC/lNT66Q9v2c7KwSqnfDJ9AGxZ2jzNKd1s+uJ0OuBZ1hfk4CM
2nv8hd+7Nl2UXTx9Zmk4CKW3d6b/beLZ6U6p8k4fGc+ahna3WBYBPsfpq9QBVC00QntjUP76ucVF
Q4Sd+f6HFovOJUVkeWADhK0BcZZzfpPBbcmqjtGwhGyhdApNevh88zO01c++oX174ibsd/4BEjOA
dDJWra0+2wnQb31bTtKlWj4uWiowmkH71AD53rae4OeBPcxxlphzt5/i8ywbf7LypoxF78TpcJ8H
VJ9TyzrUpSClad4kKmpy0/qqRx2If1DdTnp6Fy+lA1vKSBuO9UnIweA2tcYVYeMCj6rsiD9G7lVB
NVLDbz2C64HLWjvkvcBQR2f0tteCUACboLNDNiASKGYJEzXRTAiNQb2J9fKmjvuXMVuMFse43/la
9j1Ec3NpIW0EpLdlnZGyFtg8YCeN+oCmbexQfokm82IH32qjUZOt8UOzGHCWkZVze4zvs+HJ1yLo
QhZjtDDQAgeJtTO2sBzGYnQtO2bsbOqDQ011F0ey8pzY3K1hxzK6JcUyZvhDKdFJdGRfjF5cGWM/
GHL23GRWupFqEdFoEbzAGEHCbqk71EyyS6MHt8Gl6dDEdojMIUmqzl3SnpteRayu8h+rS7V1ljCG
1JNkh5Epr1JPGrWwrWwZ7zNK/mwgVen3FFdAqCBxp+I+tCNjOAnfJStPLTcxDAVFU/+gpAABZQ3k
S1+UtFWRsNLLrySuYL/kwz6dyDMrqW4fVHFos7ZzpoDCVDOTfDLN5L0jycfTppCcnKaHJi3CQxD3
SwCtvupIXByylQG4k7G+lbOMwoqqfxRL6cl/q8iwuEoiEbu254acJW2y9TFAGtgRjNz5BmdlXpDs
7GR0J/21R1/n0qNSbuxch5I+UfYwFseariLjF83dQL2MEwYyQrKrQygVhHfOWCfdXYVnutdgb7QA
+U/k5S+BXrlpR95mhKihDKQ1iaXKQ9xXED94IoSV8N2qi+RLO8jbjJjSmUyU09GMY7mQb+xSaDsh
d9UWQuRhrmLTMZL8f/g6ryW5kSxNv0pbXy9socXY9F6EjgyZmuQNLMlMQiuHxtPPBw9WZRV7tm9g
cAEPhXC4n/OLdahj2DIFPByCwKwPPfH2xAXgHifDi50DMlWbZ7Jm/P75BPSHiKwf1fFdWhBWZ9+K
Tm1sY73SbdBiQEWiyqNj45A/rQRB+9IYFEix6EGmXraeGoOHcV9/QaJnnVvz+rOAGjd1eythJk2j
4iW3J2Pn6AVoZrMY78x6zgkJ4DTYb4DhcxLBujbFTxzuxtoMuS2U3oSAXRMI5I/GNsu2XrJUZEtH
y/0lkis5WE5Yr2W8xLItRwBq/kte0oGXSEb+wkYqrKVpmrOfQnW0zPi1sflufa2xd3GUAGDibw/N
50XYfOLK4iXhExGJCWymNVIyttu9Wp4FsDjJjkh9DoeguFcJoXBH5QufX2UdJjVy37Vgu8dra+W4
wWikI+vMKssh17O23bJYxkG3M9m4Yy+cYbHamvmWZLGBRszG605FiHkLXNk31Tabh0z31108vho9
rMvO6Z5rH64nMCCxzTGiYYpuLkM00Un5aeISRFgn+F4adrty3PYuIIdK4NDTEUYJRsLmdvmOfjNf
0RhfO7VVMJ92YcB0LrYbOcSEqgRPqxOh0zEbaXHYzLmTLR+5Nf5IsP7Lkzk2TDdDru8RKikmlhUW
95xZau9DYL2p+s9umN6RnsHcAqFwq7pOta2ijOMTh/bfEN/ialO3N2oKg4KUIeo1NSQT4h5K3517
csw2Lj5x2K3rUPnqCdNdt5rAcC1KihOZP2edTi7ueCY5HdJeS1VjpcM+B3IvK1b2tVuEfcwlmhjJ
isf2Pjb88c72VXIbbH3MHEiOExTDRkELHhzyY6Ok6ka4VzQuWBiq40s3aLupVokKD+K56ciI2H2z
1IO8Xg69p7FQTCfefXAK6+ZrapMiM37qXXR12e2zCeap2HUDUCO2A+1AAjr0FNbsOwFv/BLgR6IU
mFlj7rTqa+VdFN1XI8DXK/VPSQu20mzfe5eAfhkTggdd+dQQFMDvzUP3N7cJfhjPnc/2MEa9YQ1B
502Z2WuhMx4GB+uCLI7vFbNEPd8aueWmslgUQFFWWseez5k18esy/1CN/nvTqaxY7H6nMfdsZ9Ht
vki/g93AvRL1U/K97Ix1RzzwiWLuqjAm/GKl2xAJXMCGq0SJd5mKobPwjWtVe/FdUXNvG9Uq4Ete
jKUHPJAkuFZ51jps+v5cumsD9OzKHUzcNtq3cSwuPGFjVsHGwiyhz4kiBwdSbsZ4Juw27DswbQMg
P5XvMSQrtgrxo656/jKsCL2GhRVxRuAkDYr2ktswc5UfxNr7b0qwI/uqIu1knruaNNs05D8cZ9Zm
MdkaiRpgXcevoqnTNvCm+hLNB4voWwaS9k5W2WmFlRGRhzKx+bT1bEHjD7sM+COYXJ25FGN1V/FQ
8RfduCor5mG/1J7iNoq5D9TXGnmJlabrzjIwdq5tWytz8l6DKDRhuRHTLuqsXwufjUzWw4OIF2Io
qn011E+dU05bPTaidSfS8wBkjNwx2TlDpNWWPw/Gxm6boCM8kKslE8cSjjkWlj4yFUSH14ao23NX
ug9pzheaT+kiKzVxbrymxMN74/LQd0s0WRrSG6iOXYQ/EuQnzNiEw/e+1VARd0jLx632YtggC8v6
W1mh5AKji6VQtvaEc8nIiK3KyayXLFrXPtTBjhQrmjmz0Ub/EYtx5dtdg33hXSLaYYPwN8hF/+xN
wSmw2auwLdskehkueyUhHqP1dxr+Ayxyhg+mXMSjHPeqGeK+ahPCMHbwko7kP02eSwEK0kIZfw74
B8e+oZ0jy+hWTZ4FGyXFGaHS3J+OBUYza16GpvMXJjLIS2dUl049Mj8b07s5uDthYJMd/3RsbtAp
S39UA9xa1WlY+ymYGOVjcOiN8lkkgCkabi69foLHcfAECJ/AD9d+JFDxaPWF45k/ZsYJC3HUSWpP
N5a+7hx1kNcp+Zd1F9h7D8jPHUTFZ222GQ9KhWx7wRfgmO91CtkSHlFB8HUz+C6iNnH65NnkqXUH
jyK0QO7sYrx0BtkDy/S/hlcQKMwqS7+f1q0OdL8Tp7FN0i2wjP3Y+RfsQqC+EItItAGojsOYwTi+
Zrn1IabhZJrthVUqssXhIfHpwd2pAAiqN4nZcnfPqzPyKBc7Dk2Ws3VG5MTYVVaz1wZ80LPhURkn
7dSCBdLBAW+KaJcJlriNZ3zoidEucrt+VYpmIs6V8DDge9NhZlaAnoQbHhpyacTc3nSzaY4aZrFx
6I4bpWm8VT0VS88MuVui+xRlhmXAXF+ILbJKezCTPMoTVYffX35LbezE/MHAcVr5CKz2LTGT740I
J+5+fdtX/C5mhHkhfusbe6q/BQZByDie6fQxGTQDjye9cIOliUQZEQYythZfcye6DcAnZti7uImf
+f0fnO+iFN4qIF5AmJagf+2pC6VnW2UFH0M9PNS681Gmzas71o9kIfylHivo5DsYZ3koSlU+2wFT
m9E75FEVXINtE0g2lgfuos2mii2/StbZ8Y0DQmnfNb93l1UOTmzOZuUN9Hx2aukK2519N9iIP9yN
xrh1+AflQbHNmLh9W/litNFPxM1yIs/VsC1UYG3Q30PxkTv1Kz5TRKPz4lKZG83nycmcjrqyt8vM
DvXj/LueuGDTh3XrRkDqVLPElwHeaTnbzygjADtfe3f0DxKa7jqcvNMAJG2Va0gjAL2OKhVMrxfe
DdakLeIoPJWFgmulkR1t2GpJXmXbZrTUNbA5i9VFv2xze6v1Q4DaWFlhwVI96AyMwhp//8S8E2xK
AxiduDuGEK+9qmGG345l/BEW1Sw61eyNXOFz48pp2kRxWN6yCZs90Mb+RZtC70BkYznUeI+7VqSt
Byd/CktxNVqMIJCp5m1Eqz4D6+oSLYfvbZ3shK1QRbp8GY0qxlVGckRT7x74N6J/Q0nGaiCJMWDu
BHJqWzVKue7LSzOp2iHPuk2fK8GqSliUlfWuyDXWrcSEozzi1xvytRtOpyhjAvLDKl+rZXMXuBi3
Byq2CyCONE+p116qQFfuvqSDWIuuZgnQBFdFY9Hf58V7QEKvijGj9AIlWimj/mY31cVUm13mpeO6
0Vjvpk1iEw8yIAulKLL4/bUJjO+leQgMZk18Ah3SYT89MA6FaUFz77wPPFLeCH6ZlftCBmU7YAMH
p+VgsCkNA5YRQ6BfIKxcwl69RH0L2kPbl0GabTTCA3ZmXwfdm6E8LEfLCiPFEaxrKfTXeoieQFiy
HEWHymo6iBq5fc4n49E34geTOWXjOu02EdPWK7U7nyc5ZNFlW5Agw5pyHcdEI3HsjCOx0KvBWAGj
pOQGLHZKcDF1RtQcLndUhNux0zZO07AqIdjo4VmwKJX0aA7i3Y+796QmVxFPC616SKu25U8D5c8v
vuih/R4N1kfbFej16ytDTcst4vfky0aEFSp27Xb4nZAsCfsyFwTPlItRTE+h5bzEzrBTdWNfhSxV
lUY/Ir8D3cMEo9PyQLRqt10cf2qmsq7UkgcG0hCdZ26siies2n8XObKByXfTMPFhS/YEde9th0hc
2hSvk++txDiZ27DRnj18WKvK+xq2MyI+Co9KD5ACoB0uENlwtDJ8TwudAHfmPquouLV+cUHwqAN5
1T1WHbGYJoAMWzj2CeIYhnZ++ZBBZFh403jMW28VTRYuSnQhY3I00EkhzepuLFc8GFb2Jmq8yhTV
QWsfQJraPXkm4WXDg1ZguY99o7Fgs1ZMuWSg0UgAhms+Jxh0QjdBXswyxFuutisFlGqFa+gQ6Rdb
c/AMRTcwJubelv5ufuSRF3id8sRamGEONx2qj19Z95VRny0xuEtyjWy7Ma1bKJVxTVu7XudgenoX
5OPQHPSWbHBAOkUoP1BywOqR2OqiFyhIgkvVHX7annx5mmrsS509IXjmxkgrea5N21ZrXzKVEBiq
SDMjfatA7K49m0UJC8UetsqcBkRPKkJ2Qg1GggOsfv36W+Vqm1aYx9Zx0EMpcYZMmLMRtHAKAppt
c+pLszlpRdSeCEBMpPV6ZQd8pF/USjnss9osH2JTSR7YVs/nsqKo4T+iU8Rj0/bRgvTDQFsKS623
v5rpqAzdGlvD6iKrgAOQh7DMr5+DxH0QM4+7w9qa6vKBOEz1AFzssVQR75BVBvau58pTd7cOc68U
A9MN7zZcfQ5EIB2Wfq8re9kPsPVwP1TY18+jygPckl0IoZK0Ne9M1tV23SxB2FnIuPxRl0buUkPU
5yJ7oN01gnaJCWhbSX8xh+7Xgb3dvWvm/d1v9SZrA6R0ehJaf/TXKhsVC/NInlQ/f1anWKudAxBG
clBZnxYj1lOhdWUvsin1yr/GeHo+VT7AqaLsmztZtL0imT3gpnU0xO2TJ4L0oFfEEvOgb3lyNO49
HgjLFPpNs8yd4dSrTL7y0lF49TIArLeXxTj14i3EBnN1Gzjw+yNehQTN5pcVKapziXbrKl/K9cpX
si7mSb5SH2HZOPluQECC7n1bZTu208pSFiOYp6fe05+zSuF9qOrFqLT6UY6jcSWhDFEd5UBWDqiv
yj1/I1ub2FqOYHph1aTFvTxYaSU2ieCvhVRWGC5bu0Dros/qpWwG0Vzc84LRTuDBzCw+98miKQR1
RVLrc5ykHgf2A/mWIIW+aRojuhBiDzdFP6RXUvAzcqAs75Goc1ZFEHUPCZKaqxpVhcdRVPbSh33z
xNpLLIPeTl8aom/876z+NZzQs3NSy/mSD1a+SJW2+GaK8gNTWeiSIn91uzj7MZQ5tMHYeM8ngOyp
W/xsBlYUGTkVMhzFslNLJo5JvfoDK5qFOBKtApKboUJj2jHwA6yJWe509J6KbUgu5INExMFopuo9
Fc69A8L/e9THX908FG8qewJWb7X3VSd3u0jidNxEZYA1iqdV95jJo6uZOkxBs+GyrAuSEkrlpLD4
6arqXjZogeYwSfjlWhZlg4gIDsVBqrDcYahbvzIY1jYQs5UsNvMAhaO7625wUdT78zXwei6AT5NH
s/qqCJeTcNSNYmioEM995PgeOcHtUFnd7a3Khrz2221ek9OSXeT4g6KC8+9C8v1FBZ4NRvpu6hLs
IkmBXnALynZtZcVYgpbhib+Zsm6UIX5ExCBaCs1qvmWpctatsg/IEd9Prh/+rDLrDYC399rbuosF
cgNttndSoipedVDywjg4eu9u2Lx2/P8znby40X3p/e6LVSDlElpr2AP8QFMy3edOaX8dbL1YBkE/
PXhaVGw8O0NuJ6u7O9D97hbXZv+CrWm9MqpEfQFRGCOYFF4rNXnIJ10/G2WG0IJh96QmyAW2SVid
uXFIFAVFck7YOm0NtBZOSWKm27ZCJSXNSXBlST+eEstotkYOqiA3Sf63ppadtHbUtyjbBCfN0+0t
fxTnmCQQAQomXP5ldzmgk20JtX9nWHF4z2qEJZ3m2D+C9A5dCfu9YR++qJtgfJBdI2tSiMr80XXo
6t+6GtCcH1Q8vrddYzH7tskj6Kn4iPfZtvfRNkVtmXCGrCPgue2qsg/XPXahq1KoZP38/j7Ta5yV
Y39a69HU38sD9rLO0kBOYiOL2txP62DiBkZpbUumNoy7Y2LZqPoEez2qhtt1YUxQ2dV9cUcS/H3C
zQ+hKiL9YP2vTekhewNPid2guytwUQFj2UMGhpdwb6AqvAK0M6xlXV+4/j2rezD6KG6SE6KfrHN6
Y9WPyDPJUh/62RmJsp0syYHgp3m7GPc84MyMIQ+WafkYN/Mf+qwDzylI5dr6vv2zH/mPlY603UVW
lZ6bI+kmdoXAQn1I02al6j3oCgIozUaJTX477CDDNWxE+JjKlBDL0uuLw2MBIMBcSWwyWd7KdSUQ
4COOe+spiwjnE2qaD59DyIbCCpqLTUodzWkXGZi+vmj+qO5k4D5XUt4EN+b/pzKwbHWnaIT45YWy
ozzIBniopIPni6epBD6eePY+mDegVSiMc0f85xJkFbAWVAO/ETWsSfJYxVUvEaqwJvg4RUvC0XDy
j1wvvPsogHjjVcTTZX3meI/IfaiP3rzcrSpoMUrY0j8vDkWJKpQ14jbtj3m1lvVtyI6ob8tXsjgO
4kQD9qoxqcvMwnJWC3vlUDvcTQt52ow4l+ZDh5S5pRxklYgTWmX5diprP9s7D+Jamik/f6uXxd/q
LN3V9lmVrHuXGCq+V+Mh1MdfB1Wt76OWzzqZ4MWz0LG+aDHkA7VMym8k7d4ts7TfFCd/aTSt2Zu2
YW5dLQ7XXmag+oEG/ItZaKTPYHjkust8GmjoMok0esXxElNjJkxQGcq6NsaDi8qWP8bGClQ4818+
nMeqyj7GElHPtta/BFatgiAtXHbsvXLXv+50rUNWVCV1v1B7I9j5Wc7WuoHa5erZW+lpX/EnVx4Q
zC4OuY7MYORMABKGdlNlZfraqSTRRiXVNgoUrm+2v2SAbN2+diIo77RKpBsVgti+aIPsxR3HPcHI
/E3rjQLWk+8fsrCLH3wz+ClfbtJdfsFqKC5OkXVnPyDLMMwXzO8DBCU5rRhsYG4H5hY5ye8xkqQn
eTDyoT1VZgu81nKROFDYpVcAJE+GHpnDQvaByzmfAtOGA2cefhX/HEJ2z8ryNcvSYvc5dGoACzaV
rlm3FdSAYZj26LZ4Z1nKEwhoTofsvSzGAhQL8NR979Znh4Rgs6+JgIAOU6NlUSnidezIq8a5WX11
JvLW0ZDWb0WavQLz6H9g0XxqWY9+1J0NJSsPcLAvpkXhQhNYKGzk53C0F8BvyQYQMm5gznT7DJ54
A095FpcrnAqFOV0rFxHW0ltZ/GxIUiXDBxmcZUe4+xK9KB024gaC1EfXDitvU5dAfPvBrveh0d7J
kjzILtbcTxarmV1k9gHxssa5jwZV2ecuvK4Mljq79A4RBR3y1Sqam2UfofjqMk2JiQrLog+P1R9s
6ZW72yW6li6FHliXW2d+p7OGs4QlLOcewhCD/Pkat+t7PxPcWbxGDaTgMJRNv1k24LAfgiTLH/x5
yxGpAqzOn3Vu3TarhBAY0B0k4WCu6Fehuu6x0mNxhMvyyp7YelKhVaE3Zl/L2kFSNgZP7nAjHmWj
har9ChxIuVNLcIJNZ5Tb3AHvmjZG8Bz5hbMuO8QR9HiARwW9E/OcDqrbkNlPUwrKxisC5WNDfs3/
yDuWpIZorKeMsdYAZJPjYBnhqoxTCEQgBR6JZq4HxroalmE9TsIncOro7DAh2bE3R9TdMJt4IVsd
g0zn2Dj+kfQ8AqNRlJ7L2hZnB8QaKXQRfa+c7E7ksfUijNKBUxEgBzJl0WupEECYOzh/v5Jcak1Q
3Q2/gxe5XWkzYy3Lsdav5JaIuDtV+tSnMJQQ8IzuY99HN0prClIkqbPtR1s/xDwjgMNkLRntuDgy
vzXbMVOds8n3s3aSxLgvUuzvIlVxnoZZsgg93kVVme62bv1pXGSzB0PrjNqJVGdK4BLVrbkqB8F/
KufDrV8jzAJvC+XXFbKlGUccknvTx4IQcjs57jWIxPbBNtrwsbTRrIgQelvLojzQwXTs9oGV/cwC
Qnjos4Oso4NmEg4kAtLvfa81cabtgoOdp+LUh322TrK0edGj+If8qTXjZ2T14XvMvUowfcToYr7G
RaroYM7XpA4xBRGb9ctkzOmD3v8w89s1uZdqC93Nfl1T2eBSkjQ/QKnyDlozegdSnuS3ep2ERBXn
wSbh2SBww6Ypl02/n7IINlZKG23SocpaTApMeHy46i5qPj0qz/iojwEiDAtLdTnmc8XnoUkjDIBB
vT5NEGnX7YDjeh0NxrHI9WQdWbHyCkn+0nMXvltRdzXr3niFt5CTFq//rauftRe5dDXD4Vp60a+u
v41qTioe60WVEEZ800VuPKu+KJ+C7i+FqHvTOlu/tWjeX1p+v6b0yn5bCx8QylR1OIvX6sAzFsY/
CVHVXMvTREMQIJoPpRejMOleVHS7DiKZ92vyNEeDVsFT9e+1sowyvLibDELW3qjc5VZwgDJiblNS
xXdk5ZU7WQ/xneCprNSywUUXee5N0s/LF7JXa2uttZMdalkrT+Whci1yZU4bL0qUM371ly2jFnxr
PREeRub5a8BfY5cOBOa0rMqvfq7lV3nGKvSlIZl691k/+IG2cw0S9/LSv/cFbfqrb4N27wKNgxbZ
YTc4yYOF0Cf3UWaunSpDu6Rp4X7L088+9Ui64/c+stlWLcRaOoxlImCGwZOC+PshzxuV+PR8qisg
vuSZPNQBzy7gSeHis67T3bE6fZYTe0o2cYaOmbwYiiNKTb+NQ7iSJE1d20xXLjmyv4zBwslZ5uOg
gq8p4Woh19d50RUhg/waqGF+rdLRgSPuGytv1LO/NuyaDgG/z9rSMJwVmVZjJS+UB6SV82u9E3NP
WVH34MNslhxbeBoZTjOvE+nGE2YI1UIWoTIV29pAaUkWdRPKqAJX8yiLkR2teEDqT6Wn69ckM59k
dR+h3dqYeMjFYz6+1hqpXrYQzl62KpZ6wUlzusco23ys8+k2tJea7aGP2xI9JS4i4zGu0RViPzq/
LS1FTbCwFOPc46v0qvs4k/z7uzXnd8syLNyQSRpeP9+tHDLh3WY1As0VLP2tVELPeFxsmiIAFz2L
pd/U0Wc99c9iVYcw0TwgNLJVNkxDyswuy6maf021NN/J0phVB6ZKKD6ptvZi1rrQAqPoirbbsKqJ
Z6+H2hmBMoXZ0keo4FywFMI6ybdIPwjks2Tv24WOEYKdrtzZ1yO6WkodXcGbBWwt+vsE/4sjAvKH
VhncV1Xn5UdvgHXkedeqS57ruTr34NmIhHR60ybu69AY8ZJAfHSUrY0d44kxJi+BBnq6MbHYGXrF
fRWQxja5iIeNvErXe8KRbRyfPSX1Xqb4KF/SVTr1iNIrGcD5pfw4JpErcmUri2Myfp3wnUXDqi6f
6sBfy5f0GnJj2oTzddul+osJayyJ3FOTGmQ8VBVyMUZWJ5yynVNfWeReYs32wYWaj+OYmsgN/dk8
KGAYPi+ZpmlkEkVi3+LRaliwTsLuMQjb7hGjJUKHKeBQP6CI5A0GMv349tlDa/3nPjbSk+yP60m9
NTqIlrIo5gHnLO48lrymF5m1RFPE23qGtW3aUVyGHL49CwCg9kLh36oiktkadvAe3rdhV7zj4ZSB
EwxmrwETtu3UuBD9+/jZsuvvnqHk74mvA3+xqy+GblXrBmXCI9FI+1ROWoUHkud8i5VqJbtWLnk+
vVfdhynFG25UI54klugfptLrFvL1bEiKaWdXb34JVFGpBhZjSmIdakiV6yKy3VeAAyfZtYn1r52r
wkHUbY03RURHfobC76ulwz7qj8+QsIe6fYYiY00lP4OANfQc5dV34Lvdxq8Sc5OqybQDHJCtdIQ9
nmWxE0m+0kNVfzab+lfr5AXGX4pqolc7kkbZBrYzeRJDiV9UfNJX6qiKM2D4fl9pSb1DNhkdUSVK
Vw66eV/GsXsFAm3+dOtDnSrTR1MxTSBCHkMo5+rJ88W5Jp5ZtAgu9Eb+1mdVuEUvK0P+Lu3LI5E5
LKPms9+KLSLP2AybzZJ9AL2rqh9hR2AD7TeZfU41Y+0PSnQkbeQuU+Kua1lfuTpYIIjO+dGwinXR
9FhGBC1XGF6E8Ys3uLcB+r3hmLhqabO9nuOoR9MECzqXqjgAxVOI8dbYiVBbC9GhSDA3yC6y1ev0
4kACARX9mAQVSmCbVATWySS+ebLngyyGaW8fJswlZUnWyx5aRv6IpI+DMnUeQ32fr+0LPI5CK9uE
uN4spQA7TNfnEqH/xygAMFlr4CykELoz1c+25yaPpNPDW32ZOstW0+tvqG3ANu/eURvnGQb85T4o
TX8XIB20dcM0f0x6khyNonbvRq8uEYBu31RUm1bIOGpnpFNxQGvTaDNUSv0iVO05EEmPpA5GWWPu
vVoxHiqx5iTHtqx6PECMEdX+Mbiyx4CMnQf30Mr7o6E39r01H0wd3KJV3I9xZM+KYu0JCOYB/h9Y
S2EmYq9PLCs++7d1HW3Uhi2brJOXdSEo/DFqs60sygY1Eh/I1lt3n90ckFROXWQXyJv2fVr59cXt
lOVnB5RlWJrF44/PYWrDqbbNBKlPXiQb2jYaVkka+lAuGEjWaU0+YHYdZXtZ7Arf3uRRCRpCxRvH
C6xXly3dofcAAchiPY7hGqUadSeLTlI8N6S7rpCp/EcY6pu6aa3XcgwgsHkP2hCbJ1IXSPAH6k9g
WOo2FiVbGlknD1GU10c4V9CW6atOhbHxJ1Humy7/ChYY6rnn6ytNdeOHfsytq6l/b4ktQJzBrmKP
jBmU17mxEEXyoJqRulLJDq1l3a3BL78ao64dZAkpRevq5d9ld1kTWZq6Z9H613HitFBBRTTKWjhd
B5G0qb8GcKhuY7C5AK5dTV8hv7hL4ZGZjkn9a/MEFKH3+vhZ8v1bSc5VAyoXn23d30p/XicnuT97
yuvIOfWPek+uep4A/+x5e725bRbc+V+u84YA9GPQ74N+TE4wG5OTlfgPbTZ2O+RYktNnvTy71VUD
CbMeZAPdP6tzwUy/kOV66n6kAcB8/BlOfmYVJ3kmD3U1oqmipy0GYn80+JoaDX8pm060K9Qgu4t7
fChvw3yO0NXKuNbiWbtvHl8e5FgsCrrFP//xf//ff/8Y/iv4KK5FOgZF/g/YitcCPa36X/+0tX/+
o7xV79//9U8HdKNne6arG6oKidTSbNp/vD1EeUBv7f/kahP68VB6P9RYt+xvgz/AV5i3Xt1KVI36
bIHrfh4hoHEuN2vExbzhotsJTHGgF1/9eckczsvobF5QQzN78gj93SVyrZ3rXccDBnit7CIPbla5
y1yA960WStR7LFQwCUg3QZyYZzFZxu2QTdrZZGq9IzfMd41aknkGlV9uFS1oF5/9ZAM5Nww0iwjJ
5DIiKGrluyp3+5OVZ8NJnhl/ns09UE7JWcaBOw3Zmpx8Xds3UVvclxFQWt8c/1LycnVvhd64+c/f
vOX9/s07pmHbputZhuvohuv+/ZuPrBEcXxA57wIb15OtZ8W5b9X0jLvFfA57uya/MddUa2vEmQzY
xoB0yHz4VR0LD9nAqvZPCsnNVWaqFoI3Q33vRY5AQoG6wbct4KRqF8Lq+6NctuJHlYoW95nwpQKu
f4nIhr+o+kuaNO2zAWnqIQHLLWvdtolPmg/FUBZTjaTKYCiI58/XWHAP1kFaC8j7rfUC1iJdTk6e
HmRrXiR/GX8o/zK+Yqj7vhUQLX0N11PfbxDrqLsT0ef//EV7xr990bamcp87pqtB+TLNv3/RrZu7
LFiD/IOISI9eDN+f/IaDzONLtZCygNiHWp78jj+b+wJZ1DrP7279wrqFKYyO6F1oTuJIWAc+bMIN
l9lji2nmXNm5M35Ynvq+OZ86+q9epWV/dBXrrioovT2aVca6c5vprWkWY008fMIgZqNmertvM9N9
snztKtszdjlEzPUSJqdvnwXyxsu6c6c3v06eBmLMT8wBvw2YAj94UD0DoOFySNEtnazh2jlOeGz7
8iRLiASO11/13RWfZxT4ujL3F52B8iMwF2Plm59duLQx89ulumKK1cT6ZFfEoDxCpEOQsI+GB9Wv
nsZB0zB464gluc38WQLli+Osx9ZSv6qo/+8AC9m3oj1G5xwO66PhYhIUFVaGYSpX/2+jzpcLAy2E
/3xraJb+t3sDhR1bc5kAbVUzLBuaxm/Tn5MpOSJayGuU/F7LbKztg9pFORCXSON4O7d9yzqAvlaX
wMNAqcumWwfZdDsIC8PdHqq4qENMB7M8XcsJk9RxtXWbENDkPJf6WNtuCwUjcDnN2h2Ebtka4xp8
73nDRnVEcQ6hcZzlWVu3z8Jpo/1nfYlA9K1H/0ej7I8O2K+LZNFjCxJP9UOh5yzgkgivNzhQXTZ9
ITqf7UOA8SsjEOMXr594CqlDeE68/tZNmZzulA0oKPu5px77OlY3voW8gjsXZZ08APlF0MfNtFud
LH52lg2y7tZ57vdZ/BzZnUf+bVB96I7srt2LNzRnp9Zt1MLIPCtJ/2oKNnQmZIcjRkgeirfzikyJ
sy+1Ic4RejlvbcuyaJ8HTfDgM5MC1ptxkRYY5V5X7/T5Qxu1le3qUehrWZTddA8ical1xOB8NHm4
q7NrF7vZdcSs5QpX5rkrB/XOawvHXRh2OeyMjKeY7CIPzdw5tIvnti/Uu8/6z75yTEKoDKBYxW28
GDFglJNCsbSnNHkwklFbDTU+H6VnxQ/yoGfRtykzx4Ms+UiLX/3kiyzIa0IHFWrwFPXis+63cYY8
Udf/+Q9k6da//YEMHVajp2k8wmzL/m1yTcC+Z/9D2Zk2t41ka/qvdNR39CT2RMT0jRgSXCVqoWRZ
0heEJNvY9x2/fh5AVSVb3eN7p6ICwQQSFE0Cicxz3vO8XpAXzxT/pjz0s+C0ePcQnCcxVTiOa9Zm
hj/g33Y/nw4vzaYwn2qkYRfQVwkvONdgR7rz0oh5PLoaMMvd0lSGlrSBN5wZL7xijfD7e5nb/mVX
SXM/qihGPVDXPWaCKG110MpuX43WvozaryEzAFbqkEUahi+UYsgtkKLrX2VG1GTZZ6m5cx2NinrJ
YLZbWtNotKuEtAVolq6ozyMGPgbSZ8e4Rb+7WT4Uw3ZGCb8VbAjQdHde3ga3fYTSJvf7u6VHBdwa
zWKSH5ZmaVvy2JdcOkuT+rq5XjTsgYFM2SXGhm6jy/HKKsbxaiqbAlOpQIDEbpH3BxKhtLscqhXx
7BTS2I8OxvM+LmT7fMSBwh8G9RzYNeAHkagk0EZq/OdX0bwPUoh2IoChjhd2rDpHEOrqUUuCm0V+
sAgRFuXBst+OImh56BUmCBJJEDkX0ortm0mZK5S4i2rifNuO2MROxRnrgrmCdQgy6BYJLP4lv9Jo
WXwIHEwxef4Gd8sGbO9tHNv1aWl99KD4Irhbzvr7PZYeoQ/QS+eOhwP417i4DHaUlwasO7992r00
7Q7ytt+9H/sYMpdhdDnmtd8+xtTlVWmculpW1tV8f6M5jS91Gwm7w869FZn9Sah5uvVlMtx2dhDy
pZrRQxugCcRrKH8p0+aGkKv3w2peu2y0CGojKc2tSftWN+pzZjnZk48ifZ1ZgX4stChytTn8NmqR
fYrmEF1I2dUhU+NbCYJlwo+ZfcuBTN5ZAVzCTiiEsGdT2XXWaf7uY/o9ZMk2p1KQq+BWUoD89veL
xI/e90R/vZgPNap9rQSYC1sikSeF+Q3wu6pHZmpS3L7sBI7Chygbr9iiyQhvw8g0j4VAOxe0DTzT
Gg6Ii4unQwLWrM+MPtVtNF4nityVTC4uP8Y/As/WNpwYE96Hvo7egcTYSo38Qx/GVLZMyCg8o32F
Ow+yT/Xjs2k49dEW6PnLKiuf5zjE0iNv1dBtqgqgGUSnK8szGAhKWzsoEhNfjRn3RZFmlKXOm6X5
salKsev1JDh87GqtuN/pYxVODyolUjvT9jeGIYIrcn5w9G1dv5FKBOAHMPuusw0qdXIZddugtMR6
OWzMHcMhiC6F8K+UsIx2MqQ4T+90/OeSClR6mmWAJAhpUrbIxYMAa12bnv21tM03MLrZ9yKmTMtB
J0g17rhXymp4jZUQL6K29nABNgDXdnl1l8OyIy9AFIQS+jssKMKNaGNKzuaDetjYRPKc7XJw2YVl
EJR4qygOS1MRSX9h+jPWpI+bYj31yZdkjtNOZZG5hVnr9RaDvHQTYtRyESQQyIVhQRNYXi47lw1O
QtDF5w2qbjNfAR37s/uyc2ky3Fo7aQxkyLwA9fVgVOExCKNH0j3OtUeJ83U3vyK8SOotLsbNcqCP
82HvVVhIqOkEZNwLGVbkMD5q2rYEIvW16DTvwh9AVSK5Q+VuRNPDlAnBhatF52XjK19aD1mv0oXx
uYG3eaGO1fPHcb2igLQvBs1d9mmifpH5EDFRsHtc0JIRlFrvFy+NSW26g7IQLT8JbiKJ/ZorJX37
Dz0KXwCILYxH3Rjzs+/AWZrDs0srMv2fWvMxZhr6+7EcgMdHaz42UrqCI2fqgQppoxtKD0gxzPdb
mdTZbrBBvi/3G2vD5pzV3YVn1Ftu0vRqbFTlwZQwsaADUElbd2ehZockyZUH/BGHy1InA93PvaKi
xymnDCgynY8mEdrIoC7UFTlQZ7W8tZYnyY3atO9/bfmTXd/lu8pDObw0I2pIdljXRys4d7CBJo3Y
ik0BfzYCt+rAg21UhDPnZQOU6moochMeYn1t6sbEKp5sLWTMRqNCnmnl+04kbZAJtTLGYzTiEQaA
ZBNSdH1T6F3GokXpr6EqLXs+dn90DVS8HZcDSaoOc1dhz+X4BYr4fZhTKDYEsOccyMvfiUiisfG+
26kEumg1iNKS2ahPbafLoVDVC+CPQ7tmkqi4eamNz3oSHh1r6r4I366OnS9/2m8MenSi/P819VP9
zMNnLRLduVeH0rlHV7h2wr44Ly0I2o8qqZXT0tKwQll3bZnjX0PXzqfirVCmZLc0Q4rHoDXYmru8
mzVW49HWZvU1FQfbTs2jjaZRLjt5lQksYzSvK1tl0Umx2iv33m2nxv4XYHtyD2dNh7SXl6fRI6CS
NxmJcyX8ZifEHhmC2ztv8kk2BeOI0tzqzpRUtwB/6RLFHcWrzDaSXuEX6YLmNAFc3/1+Nmn8h8mk
LWybVTqSDBMQza8rdWqyM59yz+QZh8uV1ZUtpZ5KfaauNj4WNSRUNDTNedlX2LXKoJ+0u6W5HJgo
qft01qCo+zF3GuXORGyRTWs5OCn0yPbjhWGZKQaOvoYYGzkH5ZpNfbFsCLqV29wUL5Oi1BeZbwOk
AFNUX4h5s3RZmiDIOW95+XHyT+cs7zOM1dPvvy7VEJ8n3zbPIWjjlqMalOp8/r5q1DwIVPT+SQMf
h1JZRTk0zyfUebO8KoKEx3oomnNF6ebhI9n3nguUrVPvbAVxw5IgXDKHqaYjVe5slkC5z2LUUq8/
veq0RHvfN/z96v+/X69V28b0p52YNSCEDCSREyu6WJbFS9M3ovhiWUMvzRip8k/N5ehH549zmxz0
4qfOH02/rvhDUO/WYlDtS5nn+bUcgaZS6Hu3bKhww/XQ0fWdWTrBXTI52bUFasnAiOyVul8FZkDW
kD3oNFjbLCIDacSsC3QdxV5nkXdc1fza36wYMFuaDNGxUBmSrQImH7XZ2aM/MuQrwaDulmY22PdK
bme3mTaV50DopLX0FFxVDmhEaZvNezOagCD03njqo2580LPvUTplj0i1MjRjcr6yeWulSUM3l6I+
LkdHA8uwIKu+UHk+sJzgEyxvJtKQquj5E7w3jXmE6rLb1snKc92ZV6mPwt40I7jKfqK61WCbF2lS
eDdhNKIVicvwlZvjCUmifqeLSD9YoKW2tRlVz9J+VRo7eP10IrawX39//X8K7BmONIQtmH6g2dbZ
WvNw8lPsmlqvklICNbszUJol/POgnGe58WA3YX7rG2N3O8jkSwAN7zGsM2UL/sPaLs25Vxjo2e1Y
YNKrBSiMPIw6GQmyS7tUoc9RBoErvdk8am11WqIPaqWfMUbIv5pK0WKF2tN1zA2kAzeBklc36La3
PbiOuzy3zLuy4cN0SJKpFmdfrVE52xRG6y5HlxOqcNiaSmPeRVFiMJ+lPAjdX7oeoiQ6EEM17ywv
m0jMeB7V6X1cgQVcUcjY3GECZJKR/6Wvod7UKNgljorhvEYq5xjR8grUYX6ltaZznA8u+xG4pS7r
tWBt1Jq4RP/2veqd9L6ZN8F4i5gpulv2pDwIVl3FJC51iuyeSs9qq6gwbpajy9l9n7yfnTsjaDA4
JiBeC03AqG/i9YfmvGvs+roe1Ga7HCg1UMG/vyKMX2PqphCShJVKQJ37Ee9ufQ73/XRF4EWijXC7
/Tsc3mukmFz0vRqQy/OpCgrLB9WptRetLVUX+e9wiTHrcKUEjlh3SgUqIYpPnd9iPwpyAPLN7Bbq
R/Kvl9Wyt5k7hE0OhdYpI3fptJy0HFia/899729Gfa+3q2tp65tRl8kesBrWggSvL5ZXxhDrcITC
cY4OiBKqEkXBH4f/rc/7DqNq/7un8a9Pl/nL1ByqEIQFo8TSUOP8+mXGAUniBLPAs00w5ymxU2el
mkl7w3TdORZ5CsowYUGbk3RY/MyXHlUVwG3u0Rb4JkjMTW5QglwnXQGafGXMOZhqzsv8tKEm7NS1
SX6iw7JblaJfYW/H496H5FXFqnpi7E1vgWADh54wKl8OiFT580A6+6N6syO5YrQQyQugabnnUEAL
ofn3l5hj//LMnb8VJifwe7AJ1VSWXZ++lSGJDD9rEusMiTM+6aDSXAJJMRPYudRjCZWA/Y3cobgN
icyRQw2G07IJczxG/HmzNFWlBOcqG8tdDnj2aG6cwWrcuoooaTApuisDfXzMTdNe9wXyUrMoxsfI
39ltYX/96FVbXu/aAjzMYpBeeMBafIz49kvz3TldEtoPKMP+vG/pV8xe6++d537LvpEwyIVvKE/V
LFsGjjMZdwzD5p2nEXqgwAiW8XwkLKfqgHKWSu356E+9HQxQyGAazmUAdYFLYHzmciowWkevkoFk
epz3C3wJGCNKbgYIqNJ6lrqEpI5lRFcjvlqe/kXnrIa5tcwU5mP9WIx3SXNUSsxySO2wNupVHPCq
qLhqm7A5Y2fhXcjUfoR90ZyXXXg/qPjYjOF2aS4H1MQ5AAF6+f01opn/duuQXJEO81jbMQ3DlPPx
n8YhxJFYao86T/OAwHbTZl8XNXbWW6SBB0sgZ6rCS/J1vbuosZnNgvOCdVhEUPhj2KYoWazw/tcz
naoTN0E/Xjop1f7DvIrDcK6iZFW2p6UpoRwH2GZR+WVXd6OfbUMt9L9CXshPALnmFB5N1UbDJm3L
JoVHM6103CqkOeyXppn5f77l0iQasYFvjo+XzlWOXbg4hx4+Z+FkNSzYS/VMBoPIYthtcTCsrpce
cLGnQ4JykKKwHIMZsoQjGGlTPSyd0Wrm1x7c1uX85QyqGutN26ft+59Y9o1Zv1VVV4vtJ02z21uL
ZTLeRRB8B8ovnvRWg+kO9P5Swf/9XvXLgxcU6lOhF82WMdXbLd2ABkBKByDYNzLFrqqA9jCfjnjy
5eNtdR+c3nL68rYFGPxDTPl73RrTKa8pGB7LDj+lMAezY9TmS2XXh5GCQn81KEQp8jz8lulAU2B3
eF/ibtJcTxmS66z2+32bd9pheScTbdtP79SjGj87xXCZAPrAFQJvIQ/GrlVCk5fzZtlvVtBnahN7
PtWa/ty3HFj6kbJfk93X399Dhru2zNDH+JOOcUWbPscJRnvzIreJYOQPE5Rv/M3XkT0GNzCbrb3d
kJcbwi6/Icav8wlk+ixDDOe87Iti9/G1YDi8HdNhTajFR7uVd/dFjyk4ZXT5fZ7Oho110eEdT9Ni
SXZAlJnC4aKpUqx5U9diG7V6fouiUXVzkdhnrcyTa1HaO3Uc7POyawi9xvU0bwKsyT7NKAm2F+/d
Paa5VxoC2GQy86tKNNeBnliHFn3EVdD5lQ6EvLluBpsoeCcuMMiq1nKkxEjJ1NuwMsH95vVB96ry
B16vL6BU5VeZ1N46n1TjBooyDq5JrRyLZEouqR/ttwVqgPN/ep8kPqDALncxbiibEr4tzkDFeQlN
LEGHJfwAh6RbBeR1uaUIXCwbs1ff+1oTo5QMy5nUND6yAHGnMR+/RHEwS2QtbKCEMj4yuzXcrs95
kM4TWDPBjXjElaOvmkpHd9f18akGmLCuVeHcOoEV7HRZhBdxmo9wjTEda2Rh31kaRRLgfeXrpATU
A/jGD791LjqAK8/L6UFQOLdol8JdZBTT9vcjof75acmswRC6YOi3ENExpvw6EJISKRttUEC4jVQw
YQrQ+rsl41OpM1u6VfdkXEIwsnN6qKvLQ9B091ODP02pO8rBsgsV3VnGfKAv07ecq9LqYwNB9V89
SHP760JQkm7Pqglz3rS16q8TFcVw2VC32c4Z/+VVUp+xq177NeyiZR6hz0jGFiPMqzZotJvlgEAO
f/P7r0H9PC+dvwZTMG+Y/7Ms69PzwB4IJmlStFdTWpnM62xwiMsdLLTc2uQthCtdAyKKYvqvmx59
kUtEqfw8GCxnFAmlOsvdHxTYkIQ5DhO//8jGr8IgUxCFUaXkl0MygWrtc2JPR5ahZl0YXb1P6CfP
rtbN6IfPlbpG+Ts+2yIFBuR4AozP++7lGV+p4j/t9vEfee8tgBI9G0BV5xnB0ruOMB4xQ+qymEqW
TEu/UDsaftHMTZ4Q0B+DWln1PQW5WawGZ8XHrGh5Nc77qBgNzoSNDHecX330y3L4i7//Upb1Q76I
qGa1lMkzHaGAwcJCRzQlaP96OWNHOoQoj+L96FWCICiQ/6Gbgl0BYI20jbTPPRH11RIi7tv4puMZ
+PDRw1OMaTO0GqY8vlccRw1oQjig4lgHwfSKMZB/Oep5cGeKtDz289GluWz8pn8dyftcBqQm7j7O
z3r8HtfMkV9Ff/H7f642J29//edy80pEEtLQkIp9vgZST0vH1rf8fbOk08H/9GPXBZs2UZ0T7EN8
5ckMVvMmnvz6etnfAcrJzITJMHUb4xGB+HjMAaitdF/TwfIobcB6AdHiT+2P48tyUVbvV/P/+kXn
Vi+6t7e8IFXjB82n5n/tvudXL+n3+n/PZ/3d69dz/ovHFf//tsspfKt44P9oPvf65X35639+Ovel
efmlscmYgY637fdqPH+v26T5S6839/yfHvzH9+Vd7sfi+7/+eEH6QD1dTYzgrfnjz0PzFasCHv3p
N5//wJ9H56/iX3/8nyp+yeqX+t/P+f5SN//6Q5HOPxm5uOI1x3BmX0NiLP335ZBj/NNSkc5YmmGb
psRp5Y9/ZBjdBf/6Q7f+STmZypKVKJnpABX+4x81TNb5kP5P2Jv0luwGbaPJP/765/8pV3z/3f6z
fFFTtU/jlKrydvMTxkZVTiDo8zVahqVGsKE1DqBZMalIDaBsaY0O2XxI0FkeWqa4m94y3vRpaxOF
I4p6sJzqyR5KsWkxV9r71ngnrfSpdpLAtSbJ7Dcv9ZWKlbmDo2KeYjKgT+2w0fTQIoGVuFRKtQLC
SUQM3I2QAqy61v7qj9Gwc5QI4jlWmz7V+oC2VqNpTyc3kNR+wHUFx6WO5lbTdHIanr4uYvVVDmsv
EvWlwAZyHaRkRBo7ompa1bsV2oYfcadbdzXUul6DSQB96DoxvX1SN56LoBs4mjPCiSQVvcMpfMXP
MjArtsRmnuAZmaMdErGp4vQZ7HXwpSgm60KWcnTbEu/KjvlkKvMJAA5Ts7iehFvfBqBN0fSAxxJ2
yswpj509dRhjGEegtaLwZjLhAvYO1aKUsl6b+TVLIUp+ojbaOCJVweshxzVSJqZ+m3/PTPu7RzHr
rqxANSIXJfdI0LKfLsZpMvHgywSZEoCMV2qHN2DeUqVH6QaWEqe6AysO8nJnR+NDn2p3lC/qbpYG
Xx0IxpuB2pftiIaLn5UK5an/4SXDdVN5NwmRN7cUsdgZHa7iYVdYawoU9nEbGhcWSW6zFM41iMZ6
DbRo1bdgLjtD/erlcUipiKjWXuxtPT/cwv0tUT51W/g6+dZwOrHLe/Nk4pApS38XOfLY5Xq5JdIO
TS1h7a1Xg79TY5muRFYCNh2Dce2bzn1hZuaqrKpqF/a561tFhLds9pyDIMlr8NB18VzJFv+N1Jmu
PMWmcKkRwOudKjyMTn2l+XgWo5FdW1aQoOzInkvoUWXhf6mjnZ1BY/GztwjPhDYYzugKMwy/921G
uiMyh+dA5tRrWzjXpgbZX6Fiee8fQP+q+8aSj4KiHEodunjTOOo3pQy/OPXGcwroRDI/2gk+y7pq
vxCCfwK9BPGj5dctzfzFnvmLfk81iifJjIeKYu9TX8OHd4yRM1E/JCI3LvCR1yguw2q8pfCzNJ5E
EX6ftIqalhz3U70wYC0CQoPRy9zGjSiZg32uRHxc/wWhg4kT4Y0Swe1wUoIgurbHxXA3grkkk8ES
u/axfUtRdSvfzSkQ53ow37owMWDYwk3K6m9eAHc1xvWEL1S7rXt5B+BY3zzkBPi2GZ961VIxvyI/
vh5a66aKdSxAcEaEw63YJWzeOLroDJi/esSM3QvesOBAQGtIxg+Aw6WmPxuRiben1xvr3LG2KixV
W43BIpiQC8smX/XZObf6bkf+0Np1bfgQtBHoA8hDAzd0oCUPhQDaRcFHQMWBH+KIXeC5Qz4y7zGJ
OudM+dVQniPuuIYydzPUrrzKjlC+d9k6Y92yGroWQl5f7QBuuopUDl1i3xqKszHA2I9lG+0Ho2yJ
plCHPFXoOET6pnW41o9pSqVHIzdjEt776EJcX+tPvhPlqzSDlpaSekcYHhNkyvofio5gUEnKJ7Ol
vHvCOlvBrkwqxnOdBMGVURETeiqtoQ9WQ2Adjahd6+ir9yH85ZXamD+8Npbg5QYS+WdZgJ2MvZKo
sUZq0/4GHlVuYRYbqBASbp0mXee+EWyED/bQEd0h9ZKjllXEHxz/kcRzhoap4DIHWL/KOwAkkE2e
+mw8DwNLJW7KHjxhtop6Tz9FUsn41yAq07lA9Y6QHIyQNWTicK1Nube3A5weSa2AgeqwKEEFNazS
cHjuRyV2hTl7hdmv+C+wqvxGHa0PNyVeTTbyibwGgVgFmrrjVxucKdmmbXStk6XcYq2MDxm5Jzf1
otmWAXYvcPNDlFXHgFsFKTEQCMLs4NMnTLwYffZxwow4+ZYPoA38HmSzL4m9osWYEiFcJ4abhDtT
B32u2yhUDV20vX/WsKbAdI7SscjT8BFw0WadKJmn0A9+AOob3NUL1TraacHs0qqTHWq59ZgPl7PP
TSBJg04CvqZMKnLjOjZTVNxvVAdXOrUAR6sGOW6tfeBvmzJ98JC08jDDuSuow42OtwzzYcuimjXS
3Jx40xjAC9FSTXkZqDbdD1nOI1ZIscFM6robiqcwtOWl0zdXQ5mXFHIOj0qbiMPQksqCrZ1IkQM5
VdY4R0zrIgjk2lThWYbxdQWw/oLBgEEZfwRAvP3O9CqSJBYjnrMizhrvIpTQ0JIHUKG6+YCN6ENp
wQovu0pxIzP1XdWksizyYO6GI0YGcXuVWMxS+4S6qR5LyBV5m5ciREebV6hMJC6njnRbfba+ijed
3u8zP2r3mMsb24bacK6ZvRxb8CJDeZ11E6Jf5+jrdekamX2ycoUnohUePanviXXr+7gI9z1MPXdQ
nYfOCr6EkBZ9U8eDw6F8mpSiLLpLGCR81NbnlyX+sdJm5G/AsEvQKNl1Jsq6Dk0IT6Bu05cPpeTx
YnmOB4iZjsVEfKqLsQXxtGMWj/iwgFxs+IwKA8mKOIayD1lIdUpTnayyWSWxNxLusZ79Eu56NfSH
KVQdVEM9SFyQkxVsFK/iRiZss1OLNjh5kXUZjliX1qDEGpHvUZKDUg3Ll5FYbqRdZJ6t+qvC+OHo
BVf+uKUkvv4SgMEq/JwxdyCK1js5K1lHuK0SXGtTl5zUizrzufnMQT95GAOoYWsdJLMmLGpLN2yd
vZi8707zNY1MrI9nUCx+q/uggbQ8IHAG3+htFHu8Ma9bxP1gj8tnSyAjUHoe0D1FWDaDmUs91rRq
MJYEtY7nEhccYQqcgx3jFaJNjId3+9gpeU3Fa7Gz2sRyp0dbNM8k/1J0ovImZ/Z2kSAe3/aDQZg+
dp4p3ym2pWYzA+rje/yfHAQzPLVb3ysPUgjnGPEF2ojONzbG3q6e1o8TJRG7wChONoVg9Lwv426u
CfiOFAb0Eh4zeVcfCIW9GAR53LrgSZrB22Y8YrCqsWXY22I6SMO5RREygJJmJhga49cx1EvXrpsB
AUSJk1/JejoTw8BEB0dAv9EOUaVwebQqsJ9AxtSVEkBxyuGAsy32Uij1sGrwDhJzLSJmRFAmh7GL
WWC7wml00PnVSYtziepUEHcpdfRd2F4WVJ26jQlnvgpwOvc9Z986jrNO9aJbqRRiJzikEDmFyjTJ
K55LiNNzqg5922q4IrlAk8yj3hx4bXvfDZ2z9upewNfY4Fdnb7ssynEK0x5Nuyw2GW6zUtbD+5wL
5Rz+Q5KvOgI7NXhH/FEKF+z9nMDap9K6LHTkEL3FIxC/EPzEA2YWVQDiVUXuG5l66CKrw9G92Che
cO30nc8TbOQjlYIa4WLfeNU5CIk9QTeW+N0hk+RHqOrm0Kr6V8A040ElD7WNMhB+Qgd/qsI6BMNs
E7Fwun3SmDvqETCA58fEl8BySAb6yYFw2iaeHhPmLsATI5wlh6o72ZP9DNvhtcWr3AUU+4p5yEbr
PASRkUQShjod9j/1KS0wl5ElxzrVuh9q7du4kNX5xtYZlMfetjZGicEjCD2mm0w1PQNfubwHAPCj
14uXMbC20EBOqUYde5jAXA1a/bHEU6eNG8M1ooYIaVgzuMktU0R5LHNn3ZDcIe+yrfvCPmhqX7EY
aoXbB9PZLofBTdIq2up2fjTr4T7uCmqSCuAfJgUlYHQkZKu6dNaV6JKVZcfnOmd4N7GzoQDBdKOm
GVfOHO1LteglFOI6Y7IyPw0xWHKAkzvoCq1SrLOD/U0i3DRFi4RNybhPKgxle3Gwku4iT7/Bf1ZW
ZlcgEZLygpWruB/7gxkWK/wFqm2Y12/MlZ6Z6WWAFFn0GO1mARTEwt5UY1tvmqFzLc1XV8B1AThb
xF4DBdKeZpVI3bp8y2XtpbgfCpYtrh2Ol/4oDpHaWicQvBbWJ97bZPX5duSZ09qZvsmAWqzrGkwj
OjJKrPBQ3cZBZ2+lSm5/DHDygD1zbcDKNaeOQksT/7o4Vy5ibsADpkTXQQt1xI/AjEM/ANEePaek
Ue1IKU46ijDQW6TvqXWbvUP6C7gYzm07Rqh9nfYwIC5e+bJ/Ei3pO72a9lWh/0j05K4rGUototFB
whLRwYApyp1NEotrv0ZBNjPMvfoys1DXE3tHSalZh26sLr3QOyixCHey1B98m8R5SR3EzkoSseIZ
OrEKW9ndhaVddz5zCV9oRzBf1tqvRIiz6+T6pvKm5zvRMJVF2Ghs6jhFQM2FvDU8z62UGqcq5TXC
cnFFLACn4pwnnKkzJ2Gxg926HSCtFP7RAFIZEDAPjjIhY1OXZbdiUsvzHDkANUuwl2M/dmVd4p6b
Ib01UkDTPE5/SGlfBbW9jdTA2eWAOoEjOU+hoX1VhdeAK1DOIsNCOSr2BK0NbFu+UO7GczT0+q3P
kj0bWZuUZ6NgNe9M3cTAj+GhX4wrTRQvaowu0MIfcmvVzLKiKXNxyTLwdI7vHewSnRDnYHjR94pD
AryoRowUkauJ+yjSkRWRYCrbKt8GanAh2jBeYW/WYvdZPgDZTlbj2BQbP8QdsTa/FBHqSRBxjgmf
PIgqnntMo7CuNdHMbPo+Cl21QLQCI93tEusYx/gVIzbVVwGmRHqs9usuf2pqpFI5xdBbMgZ9GADv
YygIMyl3UaDdyWHAcd0o7o101wkt3ISWpTNFuBEIHDCkg5UAqAQrdDLkfk0NRPQGBO1rJEvzkljk
CY8KueJ5Oag/HKV69lvvSLXeltQhZVFEXlZa3W+0FOcgT20vKeAa1wpmXVbQGzxDYnXVakBdJ6xo
CEF4B7++yeLnnkzJpdbXs745urJF/63Nfmg9xSg58dmVaPGbNuNubfY4tw8KUHjLyFBQzk6Zjb3N
rEHdpGhPsTO8stFc3eJJQy3fUB1jTa9WpQqvpZUnino3rN6UTaoQ0zclzhpe5e3bOlynJF+IDwiW
p2MLTw/wZU65UmOAcQ5aYlR1kG1tKe61vrQPUp++pvY2V2IQLBGDS+6ppzhtNAKvRKsiCt86WOJu
5UsMyyQ2pvO8xPdYN+n4B6umYuwaOYI0GMQD2fIvlc6dZjUPFmCLrW5pb32OfacVcS0b5WUvmTm0
dRNANAAIrfmntEjvO8EQFTpELTocgPw0uhuCEnOfgLDMGpYnQrjsyFpsPDUloaGmQAsdCKHBTw0f
Y02g8g0AykdZ/zKZO2rAigNx9Ef8sdcnPEbuwATfT2Qb+EUZwEI0+/hd50fSotX0/nJpR+m3uJX5
QQE8ty8xZi2qhsfOvFEtubO456C60Ep8LT+WatagMfduNNGsx9QWpIAzSlqSSdl6rbjuQmFzk5CS
TPGK8JDhH82RLDlXEy/7BJtIYm87svSMZHG7XxaTsjKQ0PsDMGqQ6bdBj1Ny2f/I9JpCFtWqNr4W
3NS29tDWle8WCOf2Oss7tSPJ3TAiv/XKjRWY7WufFIcycSy0DGYGTMOx1qLFyTdNepynsBfkkw0M
TGXC9+lXb7j5HSxlImBhtoxoKtkQBojNTJVYqVqMdRQrxcCJx41yJ2w85oTob3TPPim9xRxyjFs3
9IvDDFmAGYHAwMOLrm7Gs6fkA5MTvEdRjCtm+cZQlK183ToZ5MQBRzxbWPFAskOPoAgkN/6VZl+g
SMPrQs5e8JDF8sDDMIZLu5DYgjvk3oV4DjG35R/RYQSXoLgapXZOHKm5jV088XiAFtAcyyjCnwv5
4k6a5qVXZMzolNjYVXhp43Ior+LGenIKjWq29FwWYEaZIL61gDLhtl6EeSrWBvAsxOo+WDMgN1z0
DCtT4eGB5kJexXIaSNZJHeEB27mtEp+FFJCRcCxKoI2j0PcmfIyZiRBBPjaVeJc34DEbu3tM9WBt
656/6tM0PvZ9e0jCCHa+vq2yYB3bZpCQlJu8HVnYC8IJV4auXY6jUm7NziiOVK83KMSD1hXUzx61
vzd6lhVHfe6y7DMDr14r6APWcvLyYz+kHYUqyluRJtrRmvzrmktpt7QojPiC495r2BE1Keukdie0
Kqvl5rDCIj8aZMgYZOq1BHt/zMNYPzZHQWX8MXNwlEt66eKP+Kgngs83OSkPvflgl0yjWxsWI9X8
sZRh6nchTGFiJepEIIR9TTfip2D3gdyFvo4TYfycG9NtRRHpWpqyOC4bPH5yvpS/2yo/lIisAGAF
9/OyGZEpYiXyf5k7s+W2kW3bfhF2AJno8pV9K8m2LMt6QbhF3/f4+jMSrn1Uu+65Dyfuy42oQpAS
RdIkmlxrjTmnvp8IAhlreSbA94qcUx3qcNeIiV8onLI3hJeQzRk097AVyYJHKc0cqs363Plf1oNR
4qUixdCcbP1vX5/SQr7017Pr15aosM9z6Of9teZFMqPIj+u/2PF6ktrWz2G9X6BCO3hi/ghK8R2n
FzJyaZ+MCKuPTt8cSeGIc66103iZFpvlFPUYg3beEcVYOF5s1WmpUodZI3Lx9Z2uZ5H1btlIEFxd
NzX6X72+9UZmrzVXKy4xfXtRglxEd7BPzFu6UxGUe9/j9Bv1I8tG0X/o2sA+TFju0R/N8QzaTDMn
XIK8igOe7R+ZVBSXYbZPUVUOR9ZgnBNypapTlCy0pZz8AqFhHKXboqmPE/NqxoF9tRqSe4YpGnFj
T8eLGXb5pms8bJjxe0650OPBvL7OEjbUMtliceJIu4tneO0FZ7AtSmVxcg0bqRPNxbk66RXGev5N
I9FdVNE+dPP6FZLFaJPqRTssqi9Bwma9tW7WPc6Mjd+LOeV7RKLsZoLQ8MA3s9OfQ2U9XvQGT35O
mJVHLAmpXZe+Qkq1SfTJHoVyjkVq6+2waejZ82WwLdrC3QCXsNCL93Zanqu5Jrqncn7lYS8ueeaA
WvTqYJLoelk3Ehx273Qc8p4HGiOrGrdPT04eyewNfaOgDel3c7bplgvYsNxQXJXbngTcdEriK87h
1c7qqHrWg3HdVHp/Xm9FsdGcOqJ4jaZIs42j4uoS1m75ZwN2W15+9G7PVdbqS3kJq0leevezWWBn
vH4PIvOLv74Rujm+MH4Yg0Mp6GL2Oar5Rqm33Fo8nzZOmDTH0Fw+T8LR4/P8cTZ8iaUmm5pI6d4Q
M4Z40QsJOvI++fNfv7Ma4+gkrn/2ptK5ZQE41YITvV9RMOV0JG6uT6crI+FufUAxTu1VuN1m/Z2V
jzd4w9+jjfmRrI2j3Yzz0UzxOhBjONgkkDTDUXKgbZqqyB8GW56gRNtTSzfUGpqSE1TgRPfaoQfh
TL3ajxgl3qaywiN/+ERvgQ5uwyJJ6DdtNsy4kMKgzGehcY8mylJj4C5z9O8Kx486kT15k/Z1aItT
uuT3XmW0LzBGvAfz77K3opsrWnpINNw2SzSn57hJTj5BYocEFRJUwWzPG3Zx684pU9yHpsffz2eg
YKfZLUrrBWN7g8TnISOoKSLC2je+1qFHNYUg0Cjzq0/ibbnpm6DeVZPzwVT4+lpT/lbNdHscM3vt
62XcOxU7AyKoH3GTP+UpySNzOySQWqyxzVvsA8pGbnyzHIEEWulwoblydq7VJpQnUchck5n3lnAZ
5Hj/vfEmzCWkv1i7IriJwYNt99UHGreEiA5zneGHPGPFvXSsQcJh28dc6vyu3GE8Ii4+Easshbhl
J2JvWMI9mWaWX+XiZ382nk+TUzksznrv1zSTQYGH1T5WJXzvHIqLZUvrst6q9d311vsvorYSF4xC
xTZlYrpdf2FGqBhF5eS798etz7I+2Lbil5b++qE2Dfcy2MK9EATaFpv1pvIs4wSts8sMvCtJflx/
+r5pxtL780dF49KadIhDtgbJEm3yLkXXmUQ56CsJffJLGJj+ZTJFehhz84TN+S5jRTi37Jwj2Sng
7t13mis2T2ARrjoe1UgkWjVzxCjEqFwK+F44PYbSuJhcOM8VZ1XMgrpLbthapTe6Wy9MR0SHGUnv
Iy6FOYtJMrzOmrMgSyMtDw5nAXx+rR9OZHJ4t1/iLiMwjAab271ij8rh5XeHvmyf45QaN/WJSkhR
kWWyQicjT7Rb+4ciiH5muIBtJg99uRwrRm/NXrSoFnUP8yLT7M0a78k87pyUTtrgNv7OENmPyazr
veQjy5r2h/KYefsd9LF8TtSrPdMYj4lC3Xb2/JlLts6y68R2Hul0lc0nz2fw5btglU1HnU3ULMlR
xzqKnyMzwxKt850t5RFwKCbYbXIIJMBLIRHW9pzxnAhKusVBG4EEoEjy5LfRJcDsjQlb9Dzkb3E+
+JzXHuVskE5s5o+lIOyiygku6/TBXu5NO9tzHqzOVoEsXNUsFpZIh8ngveEVsHW0ta1Go7bBcPFF
1l11W1av+kmw+u0ZFcMv7+TWyRP8l7MTHpfSJeu+c2UYD75AvzxdmOM/IUc9jkn0Ws/M2FT23DE4
ZcfiiHE3zVg8N14QaV+icLuU7AGcKY/4d7gbSocapjl5XHiyge5iMTV8Rl18JAuTjnGG4dHebO0r
Skma/RtcFzDoqOaHnEDqU/bcdnGzQ8rwtHAC5AjGbpoCdyvqjubtYt7rIPjaWbQp43pf1vl58ic+
n/hbxSTAy0lZKciuKJnmYDAuqkvAnMQFhq9JVYfQ2XRB8eBawPyxd44m9XPwigfiJxgpDPE3wA0I
pX0P0MgV7UPg+yn+4sRPlwWcnSWvBqYyBoEneVRux35HN2LX+8PRouVXJsbGVtXescWNRmBJqWre
iew49iPLT0naCRG5tM9tMT1kvw0xnOKWb9VpCGxZ7qQ871IsBJDKvDSu9clyb4Hn/CSJIM1rGmGC
gnTUecR9ipe2Sq6z4U47xyXzcxkkxmR6s95aNz14Ec79nEvzKHnD87HAK5rFZWovKGxF/kU4AfHa
blbQ6Y/Q+JPqlOtTADOHmmO8N49+m3zoawKaWL1Ns2ouZsFh7zYKxGu937beAr3PqnsUmNCnUz9t
EzqM/WjX1HCceccwlV8j1h74ic+CUog5nK4z6VXwZXZ0Sy+N3ohopC1VzQlHZ9vs49B76A0CQ6Wo
L32IAbGlqGNjt/BpKLAsXDcgWx/afGkOFV7l2SbWi7kZz99l207f3cVMtllOEePpimNAgUGs3XyM
qkDjBGQy46HNwkf/EpVsixE3HVcc/vUGgQIrtNwcOh3v0xPSSLakiJFWJBwrRYS/dG2TsOsVHMMp
ivaLAb7OZY5LJJTDdiiWnHigVG2HyBkFfTAEGuNkFkx03RFHJTY5Jc/FfJN6vd0txie/4F9SGPqS
tz6oyRkYRG6xjXBzv7SRV18o1tpss96ckio4k4lnpRlGqH74RYwd/5w8blgtOus/6s/qkWEQTqsB
dZEn++uEdwOS+pxWvF6hynauuWqU1DPv9wvLOZtj2B1VNzLtfX/5RL8RBntMujm3mOwQeWr7cJhY
QSnDJLxU/2y9tW4MdOMlhz7rIzVdWKp4p8kjITRbvkq7RRs1Fi/OQOI61wKLFhxNprLwGNKVpLIV
ff9qtjEt4UEPC1n+ur3ZX2gFEuDsEWo9xw5DIJeE1HUDv35xQ2M6FvSGL+vGiby9H5DIiz8h/0JS
NItdxpKHTkAitqTz0MaykvgQV5iKGpwW97hFjRvLKxsdCcN5usdlMddrbWovyg3yVvcIl4T+nPlh
1rrdZezUpxVB+1/Bev8vHN5/4H3/N+rv/0NYT1iOiWDtv+37/g9a745Nrv6vquK/A3t//d2/iT3/
X8iSQOzgVC3XUy4s8r+JPQuYDxmOpV18/o3qOf8CSUYr5zq8uhJa7/RvVM/8l+WxrlJKwP65nvO/
Q/WgBf+Bk6KXVEq/M1dKjc/+Q51HGFntkKSUnrOhjE8M/d96231QeadI4GZI58OZKNb3x3xKfSTo
xRnbF5J0uohVmhA6Djph6D0/pY3srkotjyroSjpm1TcC3YEkrP7XxFkDUmKhBM9TVmXh+HsoMY5t
5+ox8whJZ2G2HFqEnBucm2fimvCR6fcRiLpMXk1oglQIiPyp9XdmQx04RjYnavkbS8eF8hyT/zHP
rs5TH87L3iQDOa8JmJz62iOgmowS+stR/yOMWGx3vv3JJaRmSyMtxWkrwtGAK/5oBsspH7rj1Ffp
UZkoD0s9hP9jPpQO03YxiuKQYGetjCB7SA0nfZocsj/tZWiPIByVRkDmi5WHP4wGBx877+Rz18n4
RIDY10gmOLKVQ/RAzAUTWMwnd95EmHPiUYo0w0DHDrtTO5d2TGhiJUgrMIx9y9p2o7zQPKVT2+/Q
i/PmMOrek2DBpYOWcTxn3V2k+X3WZqg00O9Y1zGtSMnBCuLxKYsWQEosE0SSpp988/s0lOchKoZf
TZLA2QVfR05fSKuXaWtYxIzNSW3t6nFXx/FywCbXg4ZG/ZW64qUIfK441vxMzOZ8xFiGJyIdsjZm
IrKDIQDfGK7+OE5Pi8cXWsloPpYT9f9Sz8xkifokMY3VKk8sfUPu0dh9kyxZ1kfPXfTglIu6TvFH
WCKKOLu+GBV0pskTJnntsPBUKWvouN3NmoGSlaFOc5NeAiWaI7ovwnUof+bMja6eH4aHsYt/cK1L
rp3emNH416aN4vRvd9ffro9bH/I/3V1/EZBTDplj39Z7hus623yYym2T9H1Jk/k/XmN9vmr9zXoT
nzDdZkOi+J9vw04o/zZL/4UUzfzy/i7e34rDXr0Julru3n/2/rj3l11/tt61U2ntfZOA4PUv3n+x
3g0RA8N36Lfxt/f355HG8uKw+tqQwAeE8P7Av91cH7i+DJAmg3gHK0QEHlhgleZt3bQWBCD4QLd1
xxmbujAdNvaQq92gyzEG7OlBhtNzQehwOqR/2xiznd48kfEzoyY4DlAf939+No22dZDB0avHr+vf
rD/tfXJLpC8WYrvtizO2XxozK/e1wDtuJ7HgPM3DLTLqezyVONErdiULfeot6Ebjtt6SUe7vl8DE
ollM3TXzkPLgu3duEjHuu9oE5SAp3bRObr7IG+S0BMFlo6D8bva2AJ6vaDtkXxzPlMf196KjasfR
i3WyMV8L7OQ2JgPqw1CN9i0MXfu23urAKDa4Fn/EylyRKbUJDHasRSTOLSyMYRuYfIbvP/Oifi97
VjOTfsTcBD8aFfm7LJWneMT2erVWisaKhkZEHWvrz33BUqVkJOo3t0huCkXRl2D4VbXOsl1guG7r
o9aN6WbWn7vAIgSqj+mrcCVD8ST7NtL7PsocxihQc8F6VJNVuDm1gv/hNE45M9HOCjFItosfaUAH
U9ZJfihMq7qTAPRSVJ17bOoxP8AUsOAvc7E3e+TEcoFwQ/E43WZixY8qL59zIiHIOWEzIUnVSW5q
7+hHiOZpHBZ5zTnTX0Yneoie4tF2d0bQWQzHSuc8xeU5oouJnzybYUrkpU2xe5kca59Jg7GyVnB7
mj2LG5xM4rS8y+LNJU34RrPZHO2QNRitDgKiFwwRrYWqsKGvl+TpmbnGJVr40frzZQzpriMBP6x3
E73nr7e+1/ZFKr+8zdmZiIHoEIdUSbLmK2AMgCNpWonHwoaWpDvB3MlvDlaMC+xAXtctULyTcGFp
OAjEGt2nwabFwHnjNk+LdZ7zkaY9rlE7R6VgCgiEMRYJSfuDolt3rEYaE4GWIM8NoeHkdJX5fUH2
t2ntmQ6OvmsbkA2zDYQwmHPOCLABrPLKfmM0YPgt/VcGLR+yMH9q0EjscVwLdmU6DJs0JC1WJlV2
7tO53U5Gix9RGVqPnpMfcdnIvsRGQduYAlu4kXX60zJdG+fv/Wxb91HnIBmBC8YBNLwyUYPpMinR
ZdKoi4P11p8fvt9f/xCbByYM6+//8fD1ruDrOSjZP64v7Qk4iiqOoST0U7//wd+e+s/NIs8+t4Gg
Qn9/J+vrrS+/rF1/wlerbejG9fZvb+Jvj28KjG8gveFOTYsa0qgpo9aNr0uQ97uprlb+8bP1t/1g
R0fbpsLzj4LO3xZ7YDzPKTllTxYfIsN9GSQccO73GtSITnm9Q5BERQmEpGkkgivI3dKEUrK8OgBL
kyaXMs0wOZpmsjXXNCX20RbWQH8tpWE/ManDW39rdLp5s8TwQlk2n/PK+kJH4ewKIgqBqGxNU634
meNVHwe3OEVgvNTJFFyawYJMfiRknfATe0fsZgzTRSNEDgxrQnfcuyHqA9unv9pZS3Km+w8kHXQn
itnWC8qdZVHnQ4Qtmg3LgMRMe3B3bcfTY9oBfwRJ5oSCnD3YMkNTZrm3z5vcvHsCSKnu2mfLZiAQ
fCFzCoDShVRzNbNGwT/BbfkPcKKHVHNtUW68MVYnPSJ21Dac/FOtKbhW83ClJuN8zcj1wHJIsLh6
mi78XKlH7ebZQAewKRDAn0u2W6W5Owe6IdUknqmZvAA4b8XPREyfWdTE9MkwESwk5TlymEPbpon3
lib9Ss38+Zr+A+EGm2zHL5nFCizInGmbSu8DGZLnJoYeDDRHyHTPZM9v080If7QzwA0rsMMU/LAP
8XZI5U8KT6JrzE+u5hRDgMVZk4sChBHCOQA9hWqMwRtTklNo7eXNuWrSbIc0QG2NIX2uNBc5oYI9
dAuUKVORa2Q20JPsnqzF3KfZ6fNbkTZvxYu38paAl6MmMHNQTMYP6U5N3vfRM+l1TtUuRRd1rOj3
SdUSOqOZTqHpzhAdhqd5Tx9phTCTaKfunj8+VV4V7ANGBWdrFiAi6QkxbaWTCG0a5F+wYv4VAZd6
mjIFsd2SBuKeFQAqn5jEuoJ5gnm1NKHasTt2mlkdNb26aI61BGjNnOpil2bzOWoPkUJC05W/PbsB
gYVJuCJBGMfiW6kZ2RZYtgGfjGjn3hQYral5WvwMjkoTthLFRFfQz1bxQEewUVdCRmgikwyLaPlt
Wub5g4uZGYBlc4/JQzV9wl08ZZXwdeygfmU+NsbwKe8v3hBbG/gZls+aCnY0H+za+pysPitshva1
PTn0d4INhG12jMGL0XZhgeww34gSrIILTjq7NJxupDYDTQMoR4DKCGAOlgg/W7VH+EzDIRWEp6Fh
5t6P4hRp2tkDe3bAn8O5IG/FvDQCO4GSbENPk9LOcGo1OW1phhrqpj/1YNV4DfQyYJWd2YyzzdOQ
BPOLcrrProy/TZrMnjSjnWtaO+sfagyCNkbHacVhHo70BZdXDN4Mcl6Yv5qG+jy18iVJ2w4gPlP7
sKnTY4VCUSNxS9FsWYUdYcEhhzVR3mq2PElJpgdGrDV1Hq/8OSD6ZA9IOuKEwzJ8DTSrPgKtj5pe
98HYI82z94DtPoA7IjkTEI0MZmsE5nEnBQevifgCND7QjHw+876TqpVbp87xElcjAFBkHpwwfXEy
D2dAzdsLTd6j0LMPPTD+LKHylebzTU3qx5rZL4D39RInQ+bhOllGhiGG7WXXupeY3PoyDLPtpFUA
PXKAxdlh4QDlgUqArCZj1yEcCLSCoERKQOAI+6Ph+tthdkiZph1E4rn/ZLCSx6oq3U7f/BDe1EU8
eHI4hxiJiFlIqYglL0v5gpZzFTQKzPm3CLzgFHt5s5tDBBi2lkIUffJoDfj9M9qptVii0LKJWQso
DL6NREsqZFz9DJ1b0n33JZ0re3LTXYEGg4p12ngDsoxCCzR8LdVgaRecFi3fsKEBt4kc7mhitoIR
zY65Nc/ampI8Zkauyh3OnVoY6qcjFiHe12IVi2jZSK7PeO0KMNTJK97f3T5DZeKzflpCZCeFFqAY
NlKUCE1KoHy5dxofCtmwf4b9BaojIHaLCUT4lLtFcA0AEjYzavtIS16EFr9IeI4RNQxnKnQx6qtE
JUP2O2U6uhlhIKCB4KJAjjg1118bxgkbu+t+V3FIA5YPGlp3ELtIl6MR2pxIi3SY0zKGQLbD4uFJ
aiFPjKInsLgCKqQvVgM5UsP/ncZi2Ja+v0dZ+CFEWS/RB9laKDSjGCq1dIjQpWKbt6iRrMJ8YC+4
4cTyaKI3ImvkHpof6YnfyQTRqhQjCjchGqUCrVKJZilEuzSiYVpcwEw1xTt4sReQVfdYaMHTUHys
qDxrLYQqHKjRKkaFn/pAluSRj16QwAS4b3YOt1QO6pRoaZWKfggtteq16ErV8TXQMixTC7KGkmER
+qzexVuCyaahIyQS39vYuAwcnipcyfZ+7X4qfPNDWnD4GZEWf6ECy1CD4dEOLoc+zNVCMdv45aMb
67WAbNJSsoVqyJ2co6ytU+UMr03CwsKfn3C8YOWPGq3o2b2MFKI0j0KWyMu27LD/Q8HGxz6QcI6o
bUHdNqJyQ2cBuqWFb/SrU+yheTiSuEyL4wDY+BKRyyktnOPCSGqcFtORc/mty1GFli4UWJlEX73Y
+SaLONjIicaWkMUzWckN5GmVLz+jpcKXxZ77Q4+Ob9GCvjIyToFYHsuS7zUKSdqibNjGqAA7LQfM
tTCw7WgjTB9j9IIWukEX/WCDba2WE1ZMWlEXdky+d04HBBIM5SVOmofBxxCujYaFWDvbYwQwL5iW
wNCbaflW0KMp0DLOaBoNB3Fj3FW7GSwYBVHj0IkLP/tJPm/XJZfQ8kh7FUpCyCM5ofZdHFUf0L9c
PHSVNvpKpO13qRBcZlp6qdBg1lqMSVzuQaHObLVMU2nBZtMuX8piQcKJOkpOZJxmXaUeZx9eLHMk
3v3pKZapu7VHFSDBVMtxGgIgTJSiCsXoPP52tIB00lLSUYtKfS0vzdGZ9n0I+N7Yn4refEHNJMla
ooRP+ruVlfIayosjzfH8lqZLgKcog+m4sR3WoFcxjcUVNiMnJ7F+VVoAm6OENbryVyg4bQbY2Wyq
iBy0qMXEM8pFeciCh1LZ4+Oc0+owVICDuE31GfnxmYwzrLR84AW0Y4EW57Lg7W4YLmvRbhwj30Wp
uTz1KHo7Le31tMi31HLfGt3vSZrlW+XuSbuTZ2NMnmI7tPZmjk4E/x9Kdg95iRYS51pSzHUyYH0d
nIRnh4+jBNInILzNG/dT3Nu/BZOhzRQzuhRaE8GpGNRZS5hZ15UomiMWTehD033lNc6BJBtkzxSl
hw3Jzcu9RxVdc/RfYnTSjCf20ZwwaEVBnWopdSoQVfcL8e+pvFngHDnY4KVcmmlfaCk2bDyQS/i5
gCpj0sPoutHCbQ8Ft+HMnzpAKa60iLsdVN40wwFoScvtDnYqfvR0ZnZ4E8XnToqXca6vzTKrHdZ+
6MrMx8yySb4EjhZRf1VJz0XRCO9dWD0M7TBvPaNhYY14Yg80dAMTOTFYQomwqN08AaOPJd6ITspg
fKif8H8lg8POYbwFl6upezbDm4ulxsVumai107In1ZlPXxiY6SrGp+SMULxMPp+JwiHC7r+0Qbu3
ulF/FVQ4geOSg0AncKySR5fAXbrALRi78+TYyLPy7m5FvB0WVXc+Jxt10aOIbHFwQelm4gRQb7Uv
lRo/ppX9UsueFW+nyN420o+Z1UMVVDiQEUsRk7MU4fQakTkMIbVLk/pYuiqgtXGcp/FjnASYyRrR
3fRr77pAwuyQduXJpfWPcyoOJqkpZ1KNx4O0qGPcxjnX1pA89H3xkIGw7/XZAiszqjkZyFNLlz86
jAOgeljD4I95tK+keJiQKG2GCLrRRvm4V4b4WSHeu1IEkVtD879qWCWjh4NIxYuMp/Oi6mqkjA5I
BnA3SK5fBnrXX9yoY6IJKAMCsylorf9E4tDX6UxLPgQA9tOPsagQIDSev8+5OCDe/5VX/Xirwx4A
GmwvIWkSLbwDJQVmFhDVjkdwUfAt4rtaFvFpyrkougmaUUO3sLDXok+O6j5ztylrYju3kX67isTx
qTwFLc0Fl1NHQKwkE1IxsHR5DD37nib+cGBPds7BND6LZHhq/NbfBloInSnj2YOhRz9ZUky35zLM
WbuiQZ6YMyf5Cb7p6pcMvAc7yLm0ituSuR50E263c9sg8BqxVKltWqQhMMyRsvJsd+FvwoGyU1x4
O87k8UYWvYvun+WGvahL3S8kVbqcgweuhXvVp6i+VYdJfNk9J20rGMxS9KDxs6750JyZNTCmMBld
h9jK4nx2qOfk2XJlwSW8+zh5mDGEw8iUvXfpxVlk2fJeB88vdm3A5b0H4ulb0Ph4ZhFcgPZn7FCW
rLD3KepNqJx578U2DOFYcQmskno7O8F2UIvY9lwtay01AZz+5aFFuFZj+DWG9+pSxcXOTg7A2W8d
VoOmkQ2UGMgbY8/7NodVpmFa1sEeZl2EBCr6zdgEEeEwY/QIb6Lgdj1KG4mMahlPUKvPTVAg2um9
bFt1piDZ3MSHKP8ahhNLlcJ/IU+65zMu6NYoJAayp3g2C4KxyNc7IoX4UFnkzmeYH02mWW+X+k3S
srbalyarazDUtrwvsTHzFb2mc0Q12xjoER0W2ZMkGhB+B0WsV4UHP6+9j0bmEHobOZeuwKVY1nNA
G8L+pZbwBYwSFWY0oZ02SHIUcvxGNjpxhGbystQPqIfCO9I3HSya1oeFtfm+aF4K5CRcT2jkeAbw
mw3wnJlcP6aCxMU88Xc1Oc7HYcyfiZLvsWJgWSrM4ksr6QEvEzLidPlJKbg4OIEWDI2qOfsQ8Y3R
4064zj/JkSV0Z9KDmKZo0yv3g10nv9PJfhzy4bnBQG/vuYw8rK4CssjAkVQ47OW3Npjyo4GOl74q
BekiAertOX7OqMzOlq0+9gsjdG86xsRcNCZB4cz/QJdNatX4haZRfmA4+UJXtES+333s9EFKP3I3
Uy9ui8y+jF0YX0dykb8vQ6N3Nbgfa0SHw1xeHeIs2ya9EW/JfThOxnLypQDPRmd6UB17pmKkejS9
8TAm9svohmjLnZaqLFp+L6NERmbYHPi+ua1/BKFmJcdP/jBucKn66eAycozIjW78+jWYwn5flJXa
RlLRvwrU77z3pkNVO28LNu4nLpsF6xvc4RmePLJbdPt8Bq4HWK5AKDB3bfXV0Z+NJ5PBLKDU96wN
b+hHnuVgMvYPkEv2wFCESn0wTZvYd0x7rBbvtiUjmQDnskNiF6SvW3vPDKmBl++WXUIJ1A3uHMpi
xUapGDa2gIYo9hnuzbc56jfoV6l0xvKxYhfhuFYeivEwonucvTYgWFgUWhKDLhv5ogB3psdibGGc
1SnvK3Nj5gGEw3yWDXZupBAmof3TIUq+yXrQLOFsynT6VvgIGKzZr4l633pJR5QIB6gRttnJyD8N
7Xes7cdrLeVb3hX7amL2inw42kizRRI4/WSNmXwihSXfOf1wXRCc9ENDFxCjwF0+7oco2aeOQ9EW
9yyf6YJtumxo9VT0F5qujYdrDhIJVuR129J5KZ6EYvAc2ca8i2DDcI9BbOMP/oOShHY7Cf/8zJQ/
05CkGKvJfnZAoKeo7oOdR2At3lUBgyuWlxuPk+cGYBxiiBPazugM+pJhsSOFOT/gsnQ3sYA/lw3r
Q4DSY+WHcMlYMyRjf1EZJLyBssiP7Rj/gJhdo54/z6DlW0Hm02FufJLtAFjsIdFBrMygSr8+Rj3v
uHQWZzMUyEZsA2e5galKkz/aSXubC5qHDUGXR4/WMaoGui+t/EKcLeoprJ7O6GgfYpavDknKdm/Y
EI7jkxFb3okjhq5Bl35QfcI1c2waTB67HiDSONSJhSWsVN2xtNRTl2HJ6JiDdhg4DEOpbtL9nMVq
3mDMR3mUwNwUZr/j/HTMzeIbldV9MQkZNfzHsVYPE9lstAWNt66iFzbQKTiSSC23MmvvhhuFW5Cx
ej9jA4/43CT3rXgYip/xXMUbZzyLlutmK1FpD73gcmL/iN0+30XlJ5k9jf2MJiYghoD4t25fYc2y
Nwo7QEg7F1uDLoNhfATSGVubOtQCUXJSXNmQue5M8wkaMToWhirYoUYW9Zm8x7b77HnN0fG7/tjM
GbjNQNRFHRMq2oNQqenmBrQ7hx7ER1bWB6xcrg4Zh5tq8oZznE134dfkddi0Hp24RIlT0Y0eWKJP
2DDExYclFd+YTUFunkU5T4ecJGXq0Jgu9OiAipnfm0iFHzk3//aigCaKYtCfJGI4ZBRK+8Y6x76X
PcU5BJMlNmkXFreiD/GENNDVL2lzEnJ4YvLfMsUpUH0lZA6YgUsjJ6NRPRDeYISFupvT8CWq+dCW
LuUDRtm1HzoUn3UXvbASkTvBTi1McxvVWXxeWlqqs/EWeO0haO3h1ZvdI4G241PcAtbabmccZrOc
MZkICXoiFe1YEsJ0GY2QNgIuzEeu4rQ/2+mbx57AQOLUmdHA/tHCO9hZuHUFIROgduFcfu41SNcZ
dXFBsYcuLB8ZPL7fX281+tfvP1v/xA8NILj1b9b7661/PAbDaahQJzY5FHgGYjChT/MlyQ6GLz79
7Wn+vOr/+JR+JjF/mVux+/Og9XW4GjKEfn/xP3/pJcW1wwSQVdpITRkEpyHFAXT7j/f353mKjngr
BPyHvz1t08DG1Sh3//nM6/0/D1z/Ja3vfItgOvfrU0erDOX9VdZHr49bP7j1brQyiEVAcKj+mN8/
UdOximMMtBk3xudgcGg2KHqVcVK9ZQKDjsh0yx1wDcqufkDFkhlULgNXzAmbK4gaLrrCsnbgwtrM
Nv/w4ErX3PmTwFZFJkfXxO83JBOUFVv/OeMMl3RiZ1vhD0r+cBOVSY2PbD/uE3fmNI9MalSM7zHd
MwJ8eaa5ZTVfFJ8VCOgs4VmIYsuG70OGXZWz5Pig9umDiWnXJp9hM2dcGBCn3Kxivg518kOPMJrZ
0GuF6l7J5VvaIkbqkb1i43VUsCQblhieczAK40HmyAAR33B9SrDZaIcu2dKgQJQWPJmSE2riQQhI
J2avH0NQdvhpDlgov0c35BRZDD0MsnOtE3Vp6ghMXxKyjYSjZxa/KbLoPsXIJlyXCKUqF9exy78v
DR9vyYhLVt4+NFEWK9l+7grRoK1nXOOx0yKems5c2E5G5R9ppMGouvM3SS9vHo1XOB2EomIir7sE
rQZLGtDzkI/YHKsU2W4UyYODdThYDpUDId9+GwJ4JQd7aolgHhtG5nb1kmfuTzwIpt1Qzz9HvIkp
EG1O3BIP1STkGmj1Xb4fltcoFM9lxvK24ky2g2hNd+WX3qQLOi24t1t7Icx42xixcxpTqOmCqNKN
3zBAT+Klgjvyj7VZ8XzpNQhiUg3wv9nassi2fcfZdMgoN3p85s7daCtEMf3rf7F3HtuNI9u2/SLU
gAkggOaj95RLKVMdDClTCe89vv5NQHVKyqy6p8bt3w5FA5IQCBOx91pzFZ2uLqSIHjqXcQXEriXN
nm8jFkQKaUAW1PIVXkUTvw5c1Ih0SGwoMAQXBVZ3kqW+CgRJAJQ4iSfxNiCMESOPiK9JVXZ6xAtm
TSB4mJAUYBXOAZjJbV65iOdb+Pp9ZT12Rrbs7dRaprCWwCtveJU2kwNXmQjCaz06j9WYH8yofkl6
sGzDRMTwm29q31hrUyNUzq2l3MyaJyuX1b/gMPVJsPeZD0m7SDcNQ9jCYKiEro/XP2GufYJy46Ch
ODUMNF2SFi68jOgs4AqFcI26IxDug5kXxlpJUp3+jO9ubI+qcNJkGnbIfVXqW3oomM48rzlqieLc
CiT9vS+TK/7ndSYrEOCK9y8rrv3G56YBbemWyu5g2KaB1v23FR9J+LQGarQATuxor1gmcg3Kedgo
6Jw1IQE8VUgAXBD7VzP0g8NgIJj+JN38E2X4OXlZ+4eNR/0D3uAkhbQZ5f268YIiCK2eSLc9Yo3h
Sj7dPtIIK2Lkp6GXlgrIvY5ce2YHSsGQoVEP1nX00/zbf18PY0rJ+O1HRCqKbVrTYTZa1m9M0ygb
BlFG0oOm7A5YiEqxb2ra8yonwa4Kv7ajl22z2HrQbK8425EGJ5xiS5vje3Er5dw6dUFmJqb/Cezv
IZjhehVzRddwHQqP0zSKUO3sSo+cKhN3f1edcyxXy1zSDy8VetJpjBsyC7QXyyYuGij4NnIyQmim
GwxH8lTH49f//m//w74L09IQ2hQ3pNpSTj/Pp323UfFz1a3v7S1NTzCB5tkaRyqoK09uclNfvgf6
gugnR2TcYczaJ31Kfz8eGbb3pzTx2l2idmIHqb/du8IPFkAtHGxvGB7i0ceiq0/hj6S5z2v+f/Lo
f2OZIlP+9Bv/TR39/+KX15cEVP87GXXGn85v+Y8wWvxhT5Ex9DF1hCcccX8Jo237D8TSusGuoNPP
hHv8qz5amqBKVVrI6Kl/0UfrOvMTTiboL1XD0f43KFPtN5DpdE6aNds6Dr7pxPTbcRhquS4qQyi7
GkH0Rrf7cGkgUVWARe6o8lAqS3dVgTjDq8As9LEMlmOLFOLTNvun09I/rYac2KysDUZy+Ky/HBej
VpXs8K2yK/IsXwyxbh9rt3mVlfrDSesVJVoGX1WurCH4YeKaSn2+3hu7f1mNfzgrIRXn2qIbzjSZ
5qf/fHjaQgsrpzXcnVqKfOXGqIZITSLiEaFLK/dUFxh+uDdW4Hwl7lphOFdjT0p0mhGpsq2MFuR4
kBbrf1ktIabT8q+nS2k4FlL9CW9rSHXafp/OG31UmQWJOqgsJtAxgpRsK8LiqoFYPyXSJKmiJ74V
vhlVnHEaPRBqjRhKF8BwKpqBLT0qdIbC4sLnHdqcia7Wx+VJSubxrn2q9JTTjZPcdJmOHO+vm5he
ygozTbTK6Wut045eN1bR/joWwXCgUPiEeDI/9i5VDCMg78GDVwj5XX1TChsE463p3RUmrWSn77aD
BaFQGTtlTz7kT8el2SiMipIUndiqrnayiM+uFldrS0XH3pZRfVaT6kfbO3RcOoZSapOe1RC5d1a6
KBOpZCHZgye/oQglPVIWOrAcMs5WRM8evWiv2ZzfmZ/WFhl0hVJcZPiDtKAb3JH+MY5iB6k5VWWj
iBGy6t0DlbFwYzcMYyrnqCoJ+gxE/IBm4GrSmFmYcmdbdneCfhDuKV7SOWXaHQ22YJhFwm28x4u/
i6e4gij5ORRqsldy0Ac4k9/q6QeZUlm64CkxrWHb10z1cdiRwRGicEEvxfVAHOjxE3Jf29uuJUui
GIK3NGEo0kPRSpziJ8TVm8zxbqgxLUPh6tjji9vwPo0LlEkJHMJ2kpVkzqqEjEwsxoDFbyr2tgwu
PBORugE2VJbtyUvEtlKg1FoNImMFlYdR4v1zy50E74ZqwbzX4HdtdS3ctw2jKq8tp1neMM0Lv9i6
Ni4U0J5rpffiQ94j1NPI6pY3Gno9TwJCyU2DwZfvPtGZj1e5RlEVwdZt3ZOrHcVvmhgE/DtC4Mop
cLMy8ACpXeuvUvlNy+8DDTSeQ6DjNVRfvTY3lpG5kjZwYH/qJau9ujWi7m0yYJg5gsSqctB0oMZF
1xLHG2mjXnDT/twMWsXorzFuREKzOS599orB3/ZlmS8AYX0fPI1aaaihAaAhC4dRLCNtoDncTGpq
C8JJ1dBc0WKv3gBglICTcvOcuuXJBPS3CooKBqKmlztKLIesMcyVb4nmgNgZ25QiKXvMd9WpUvZx
k6AvXxUhk5f5OeAor2RXTs25HuxM7zPBqsxN6eW4e6enSJvA/zQ/nm+IaPmiOXr8aZH5+WhaeH7H
x3vn5z4ezvdKIjm2oUIvcZodvxcKwAg+ea5vfZrnz68KfZRrxtxPup9qI5VkSgt0+rLqOL88z8O1
DhtcNiEe5pfnG/QdPoydafH3qTybtGRSodFw+Sh9fJrlB05kL6hWT5U83vQxZ58fjlZjG1Ssp7d+
WpNBVf2di4alrjBRi0IL39fwY93eixXv3zM/O8wrP3+8nMsv891iXl1OIfgNUYwIi56OGTpvjYEV
p1LYPRVPe+0iSFU6nbUthNhhyTQP74Vnb1CK3ZBSs+3w2awH5PllX3YHv28f6Df/SJpr6w7ho0Ul
KE2sQ4ow5lYW46Mwmp81VsQ8zvDdmJQ43dxHBDQ0yc4Y0RVyXKDM5MS+gD9iX+Ky3Lmqh37E0tdm
4IeLVoZ3Ic690DKubqTiFynqW92zyR5Nm+cY1ZlsUMcD6BCoeHA+mF5ubZG9XdC4uqc0fdZU+9zn
ABjrcGCKTdQ9Qvj8rW7RFaVWuUsNKOCuXoJ1pBq4pIx576QUbbI2vyi96x9GP96LdhgfdCPbEv/6
vZLDegwEFh/kRKiIsojTc3GbjrW96Kn/r3If3mFgAO9InNCkyTnFG5KKtxrIrpI6zKQ6oGXTqdW6
IiiNRIakwehKwizAVFpxic7pd7wqpvZWcPx+K5qr5TcZYk946/UP5hXWyQpQkpdWStq1P3mL6+mi
5cDUsIhDKG06WFVDo3CR9Wq9SZxBwj0OhhU5wF8GNKa0JImKbBUbcUJ+rHrfvJEwkjp9cFe6MM1N
0Pwou+RNjONri+jShL1xp7SSYD9MO07Epc7rgvyaxmpC6EAlgTCF2VH8ZLznMEMe0MmhaWr9Ae9+
1L5UE2YCU5i2NGSQrS1gRQu11I/+NJVBvggBhBOASee2RuvZjhpXUuiqiUVBqWgpmrjUt+MbyLUp
uDnUc3nu/wyy9pAU2tEsix8arI0N+rB1XlyL3v8aODqFUMnkTxbNIZHNWnaB8WQ1LwRw6EfNRkMS
xEW/UzLlXmuMcttCWzOoMixSzXrVk+LN6nsmVAFNwWEU1KSduEb7cdSs/hzbYlyKbLzAF/Vp2UAO
0ZUUNy4tBBW5p6OyB+gAjypp7LXQ3A2mfgKUvWWIAWBVhQwr0Rvo/rBRPcabwvLyHcV+TdePRdP2
a2/wAWLUkXKTMZrZt/3bSFkQojPJ8CFxPiRXPJO7i7jbo4JN8ngcJN85xPetad0GkUzWMjdPI6qp
SKaY/FOwk1n5YJmXrL2zBU33vsam1cD+KPWXEiOz4afJmpIUmnHb/0rhCeA9PnUkmuDB82uIEJdf
IjsaOheo3l1GToGaEe7BKSi9G9WnUmeOqMuNuyFpv0KFtpcSkN3Rd7FZtJ5c6tYNI799ZHqwTunY
K6is6cL0d6Umko1FV5zf3Pjp2BH7ln7sMwMdBQF56zbPt3aiPvdUnCF15d9FSt27k2B1k4byUhFw
FYuC+87RoXu3rbFqkGqeLSO/9mEluEIV9EJ7h2ko4aH9Xk3qg57YN7YsbrD5AvhWxIKB07fe7c6q
kI8lzP4FdpZFqxwKG/jk2A03SHPY0IN968L8MrV2CvfEvR/4UHK9uF/ainMnXZuzCyW6pU+fsZcm
F+FyqFZmpu9y2T6FaosLzgsXITpFDg6gBXSH65Q+QmEEJ0qJB+lBsW9pY/XDyaqpqZqKekpj8rXG
tkFZc6czDYZhQ8WSuJPn3ECK3QjtkYYzzkxhPMjxaJMbughcxCRq/DCE1pvdqy8DTWHF/aIgloxE
eTEZ0vphdu85Sblww+EEg/lH2iVPGR3FhYqVFPApSEYrkT6aDie+yDgWOKqGPrnEhYX7Lx2YTU2v
zM+9v6zFFmMpa1hHWf5QcJHZxYhQ5qXcPCnXedPDlOPyf1EYxAAGZrepdbvmn9GUTRgl6WVMgdfo
PQQCPxkuek62ta4Q7VPEBdpiJ4Heb9FtKXOORvJ9VrJwDPi7kGcECVXQj37KHYlow8nwCrn2g/Su
FC6miEqejVqX505jpJeNWr+RTbkIKBKB1OeS5tLvIeX3AfUC/+G0JkKtxzVd7ISzKiqsqFUBLhrU
mMuxXeWNabKdfnr1mF57I+OmLyFotu1L55eQJSIHWE1G2lZk9+65IbruTMU9GvmbZZL/uk7OENre
dKfzl4rSPyukqMU6WnHNcJHp9vY+UbObChPMNk3FOaWYX+hjc7ET5Hkq1A1Fsa6RNPrDWCMo0w2D
i15tXDTAjdKN4/OriniGt2R71C30rNoG61V5Jlqxuni9emvGurqXSZWccpjSvq1UvJeKpj/9iHmS
hBsvBlBHOlKG2EUb0H+27hLNyh5Zz9pLMNIrvXVsQFTt6yJvLhSo0wvCgy51o0sFDGCnDcVrkHkH
Q7i4i8MuOjj9eOc23XBBlSUgI4C0SqKfvsU6OtHWQBO2thP2rAgV0qUzofMDUGPQaD4VKed9s1J3
ml6sslp+s01+lbjs8ZdYQ3vRS3XfRipa1Hw4+HZ6jSPyC+GEoGUwU3c1joXJtV9ZF9owrOBSFEdn
8PdpbXcXACvdxdG7t86uUMzDKEut8TF2BpALu7CjV2zVjFyEjBBbum59sY3g1fH6bgdxENMjmn/q
c/kehegPO+tvTOfVAkBuZHDPppt2uiGQeNCW892q0cCCzS8ZXgM3ilTUifGVi/xPxlfoW6i0Px7P
L4u8xCM43/Xn15nIf2aC/f5kBRUzQsyN4CrrAMqzta0JzzDfCyYz0//4cF6knN4x3/t47/y2j4fz
vY+PssXAuSrGNjd/8vwBnL/J5LX37mymmngO872PG+V/es4mbY9B4z+8r+DED7cf97dAo/rxUVIP
IRd/PE4K8CLzw/fP+viqQHf+s6Twj4kLcwjxY63K8H35T697onG09fwpkY2e+NP3zZ/XNM1zaQ+k
natlrS6z6TujwuREPd9F5LBHmPwlHlVGBVjs/MlrhzEifrKw39WTD6+bHHn15M3TJ5de6OHXSyfn
Xjp5+IrJzRdh6/Ox9wW9xOo4slc3cUPzCG45nWgc5I1EV1Yn1YYI5/hsJ1VJHnVVLeaHrafF54B2
CrNWs990OX5WbfJvqKbYjkA7cNi4+hr9uplj8yBXIi21vU2H4iTjcgE2514SqYDia4eqIz5Rwo9P
uT/1m0hqIVrWwvVTtXu7VK8hbKOaYRH44oHVI3wPf96A+6ce8Va2hy9MxMdTOxk153t2qTNIyByu
tNML2nSTGjY6ODfcV0Xw52Le5OA0kGpsiObywB9tC/SKp9H8BtwkPYcBPI1xYE5QRSqcX8Nd2TU5
GmoNQBBgK7RG16PszQ3u4X0Voj0Pi4L+2+REjS8oDs46M5WDlxbGUfdu4snIivSAkYMYuLxMZhDO
pv3J9JKHAkIc52WWKD2lO0UKArwhwjZSxRZ1IJknTNNjKgx98Cj1Mj+Pth0zdqNF5WC09fHzQVPN
F5VTFTvbF8dkVM2j0tY7t2B6iMwQ4pYTJlurD16wpk1ZQMHX0rGC7aQ8P6mTBXi+N98Yk2XYMdVx
qU/W5NAMMIJBW+QnaBEuAJWe3gR2Od1QmcFnPHmAiyS1jsh5dym2i9Wgye/OZGOWZlkeUgQGyvSo
mfYU5hfUKYUFJu6v53xJaaXHntp2d3nKqDeczK7zjjXfQ4HlbUJTp/uj6QMDx/rUdI21M2czdlcb
2ygMn0ZH6PkKKUlkaic5vTS/bnW5cbLrXTn5YX2dfwWjNC3VbNybOTPKIauPCoBOur2ET/QcJCfi
jJXTfC/2cJ8ERpASbJOfg+REenm1CxpTKVaGqSCriounsdEPJbFFa73Aigt5Adv65F03ZP0NSboj
em0zP+spQ7myDDzySmaHJ/nXkvPi8420j6HVPFCPjrATITk0Jr+8GLgSE+eOrz6hdWxP25BW5nia
bzQiBol50XKurTkTQfAD42Tqn2+UYDL5f7qrKCE66cnb32Dyn19oprdk4QQv+LTgfHf+tPn1+aGc
WAK4U7T3r/l44eNb5+c+HtJ/wssykQs+nvv40nxiHQzNkzHDD8oJxzC/ON/kQBKGiZbwaf0+vnFe
ZP7MYl7zeCIwuBOLYX6lY4dzJk7Dx3Lzvd9W77eH8yK/rcb8HfNyLRiJuCnOZegmW0/QRsNby6wg
j+6jRp7sDtJsAv0YRXGQ3mQUnHdGbnzNYqFcwlJPUeNRnmSUHiwj2zfPjg/kTlbkSWV4B9X+u1oq
ULFhLi760mxWqLeA+MW6fqL4eOOZI0ABb+UP9Xj1wqdK4r2gZrHWy+i7zjh3bVuOw0mKma7IYFEb
HJ0Cy94iJ6Jtmlv6z8QRBEQYoVGoAMN3/XgQga5uEzTYpYXbSzT2NzcdVNjT8Vefec2W6gbTUYNk
Gh7q5IaP9UJWDAdNhxwgRbvxxsE7j276nKiD/dT6L3ntb/KyxxGO+KKEDauU7W3acp6tMVotByZP
y9Fuy3WURt/wNsbMisbuJAoKSV1jfG9E9T1qYrGfKh3rNoSqX/fhpRbtt4o8j8TED43oAmBLdQy1
J+Zp5jEe4vXIb7TmfI57dFJFKQStHAsbURe+gnsXvg5uHdjMSmLTAKCviQnsyLifSG0r34xuxdTJ
Ea9m7pAXhWkk5RC807MIDcgA7AUC9ISDycxV3lXXvuSpNKtR0VPvQSsZbMfGAkVZqa/omZ5r1dQ2
YmBiMQoDhNPXMTS9+6SKtlOcO4Kv+tx1XP4zEd60hR5sZNlflda9tAMFHQ5lcYh3Yy8ipmDKoqmt
EnhljWQ9yNdgn9KdG7vd0RzHRRdcldqqtqHqHnCnWCdYouMqy/Sp0dvkl/o5dC371EGHfaid4ICb
WuyzNhSLBlsiLLDG3PiAppbgq62raJguZYnADViNG0Qc5p0WehsMd1BfM+vcKR3NYqTFYZ4YhzhN
SZAglORYBN2bnsLr4cZYM84edn3dQe5J8ddJB7q0i5UCmWxDZIHpKXsGJBlJIQq27G5YqwmA8FAq
2sYXbQEfc1RuYXReGhvks5UmVDkaWGNmk+u7bAh/CnJQrqrIEJCwR1FpQ6wcdFuyQpsNjKJu4wOi
XDdx98qsj/Q9a1xHtqnvi8Smj0+K+9x4+r+m7780fSdi1KcW3d+avsuXOPiZlWnwS9/3/V1/9n2x
EP5B8IxG780SBhmRdHD/BGJpuvhDqKbq0O3UBIOgj76v0MmptHV4VaouUXBPvef/cLH0PxC92AI8
PyNKSc77/6bvq/P/fG4oIr22SLW0bEsatJgpWP7aUKxHI8uLpukvaWcwesvUTV73oFuY4m+93G+/
ZKLHTyMCJPeBaa8UgsfIUAvybeA2961Lommixt89pJr053xwm+kFz+8KDDIDmvSaqI5yQKnzHCh2
vsV93O6JNtqBe/rS2XZ/TcOhvzq1bb3rFH6JXP0scDHJ//z9HxOqA9BUCgAlNNZ//cdQjucREc/t
BXRNsu0cPLm1+D6K0tz5k540k5RrNCLStmlJW7dpKvtUdr12oSb9VmNrPDp9e80sSh1ol2HsN0oN
nrO1zmWUr9WubG7kVNLCMBfttJ7xy8wicW33Rxt1wQ5J210mG+1BJlm51PSqXbth3h4Dm8wAS01/
1hkS8dKydRx6DCDTgqxtUoWORsPQJqoBbvWyklvETd6aSAj3iFb/xlUUG017a3yhTGcDzGJCBiMr
Vbx9OtjKvTXmxi5FNLL0PCzan3buf+jOW/+Up22htQLUBufH1n8LkhaB9LkED/WFa2K9oRuIFbIl
qcarpffQeigTczJ3lVGwsoESbNM8fEYY+sMWHuQwp9CPFdqemPbEtW0bY1dn6NZS4sMWRbilUWLe
Q8SM7jSvXLCh9S8O0SKL0jW/enHdMimxukWbt+mRkszaE/bIhRsnYhqo3QNBTqgqrfC+B+YKBJVA
u22M0n8hp0xuRqj+FgNwueKgo2Ke2fGV5LKV2qB1XNFR9zDOdtqDIdmWznhjM1d8HDzy62gMrWrI
kucIYgBu5YPMg2gZDGNNZKJ5h6Z53IV+nTzq9aUwm+LEXPWeSVZ3+LhpnaA/DEMYLP/776H9/eCV
wlAlezljF8uYE5Q/qQHolnjEVsbVJTVfI6hzRxs2HZuOjL/Sb5hmuNiQWmFa575FkR6V/tpyU7hR
/rEucHzrqXlpaqGeAlwKho+vv145RaE+/vf1/E20QJj3JHNCuKBzjuFm2q0+raap9p7IKy+9qLpS
HcKItikms7XpkzzXDJbzL183i0Q+iSTm73NUKqLCRl0n7d8OfSIehrEo/eyyqhQNYgvNIeoFCwX3
xlqjhn4Z6ggWKPqW+4IDaqHiBLWQNB4dlfJqI9Q7eWcMjvdYG8x+1c7gdCaxdDRgVAPlETgPXZbS
zbfZZDypaBmdM6LVN5BFaNShQz//y/abVvjXf4hjTTeR+9AUmq4mv25AKY3A99IkuJjCeIa1DPXN
Z+fvba3kdOUVEHsidS0lHrmqzRWs82DlSqZtm9Aq7oJA91at6q+h0qQLY+BsWOXazXwTCeeNEBO5
N/BlbEFBgZ1TR+/Yj2mNxrfc6OT9nFqN/w7FAa6ihrBft+io9pfJMkha7UBjRzuoQSE2FcTCiyrd
YqJLyCf6Av4Stu2guaS4hGhbcbHYzCDqpYfFjVNAXm28vLPxlkY9KSLxUqtp8hH42VPupNWvVHRF
K9W/KCXjJ5cLKhl9gXaybUwD+RCNO8+Kq6ObpSgSRJ1e/vt2BzH5t+0up8sjXG5iplEp/rrdVasx
U9N0ibC0l7Xb6/hqzO7WNsuvHfyDo98CMu1KG+CLP/yINDt8MxJtBTegeykiqcG4EBYlLJg6Uae0
W2rq7l04KP0imJaFrdMbyvCjQcmNGWHf61b4HGbYxrHI+9fIH4abIkblUJoxZyKiWl+E5k7tyTtR
2CYahspZo5aiYVQMNwxYuxOut2ZlCggLXqrdd/oUUKwXpDYwH8Hjp6Y7xVSLTSp6QdXKYrKQdjt4
SMUaVEV8oZW9wFH/rY16eJVGXj4KeVvqVf9kVyYiHO1fBE3wPf+2axvC4IzAxM3BHWfK35RWEMED
EJS1ca6BOC4LLdaOEI+1o1r1VKa8QEPNaOEbmV6Yb3rbdZWlMi1TKihPNh/v0VwiTcYcAthfH/Np
EVOGMBnnD//4tLZK0LpLeg/vnzu/7JKjrBBrxVe8LzlaKKXTACYkewr28enjla5E1YPy4tMb5xfe
v3JeQT9RXex+4vH9OUL/WIOPLx8cqm9oZRoVrAGhDf/0P30s/efnaj8Szx6IHprW4a9V/LSy0wvv
6zQv8/6lTZ5c8ehrZdtszdpWj9m02LyAK0obA9z0eH5lvhnmzT/fFRyyUXHxucZvtRbhBxEVJ8Vw
j4Gmg2CBQF0151bj1Nc6vbEOldzd1ITwLTvGsY+tifEwrqPNUH8ZlAmHShJSg7c+FONPTIOEf+Ge
rCPyGHsi2Pyof80TgmPDpiV9GTb6ks5o46j5F7eRl7Cipwr419uOZfqk09fdYBw7Q0dYB6XmYThI
jlzwc+poMRm0qbI2dJdEMQLwFnld0i4tGCYgEr/oOvnKQ3/bKVzOPdpRwSSr76xmwm6ibayh/0SS
RAlbECHrltnCVvv7LuU0SlGXirotMT6Fb4zOxiVBUQbe7YNIETARR/cEpfhiBT+KsL20kQzPgaHs
+dnqTWSVN1qrX0lKpPMX4sFQ6xRFm1UPK9koFCoSctUdO9iiobjzDTT7NDk3HL7PIn62E7on5kCy
XUAen2lUgO+FnyMAQ9mXYbIkyyHkw+xlrtA2jaL8lEUFKrbAx4AptK9YFRQcmgfAWxcPF/BRqVEl
wANZ26bT7ErSpaq0xKVUYFsgFO5r5KoLv8InrsX9j9DM73VRQmyx9LvQK8+o5mwMAcndSMET3mK+
LXBybck1UVL3AfGIu8KPjIuyW6dN+12Sx1jGabStNYr0CK2NqyGeozpfEoFrAOrIiYgz4EaRj9cr
VrolKkM7ZuTx6hoBZkNAhvwO7+2x9C3rwBX7GKEkWjV+HGxCuyRkQGM7TMrUsP8eFPFdIlMK1TZn
yYzMghz7qqcp6n6QBXCenh0stYmrcesTjoAJeQZhBaYK5WswGl69Q47A5d0vTjjttvTN3H1DmhRn
9ZQtTVDyAgKZvtAraE9jEzK6wZShRxIYFYl8I5S8BaWdJO5B1usVsoqRZiay156QHnQrUtGJoleG
5aj3PyX9vrh/FGb4w8qaDdzuFppdeJdCXz/RvTuQ006cRlfYm4KyA1a5V0P6J6oA8VIJ7mqu84s2
0k5pEd1D2LWBOmH/SKG/dIO+EPHOVbRjHZuPPb3Ga5cL8nrp6eYVHv/CKlc1M71Rze59I8fKnllY
rUtUPaberLMQrExQEeQgPWfTEnJ0cFyNulWKkTffqgR1rKosLxcNBYtVjVRkMeDLJEydUytiiB+j
aKHq5XWHTXs55ipagFSietPaS5PU0UJ0lOeNkbhBJd6qg3XBF1huEENTevf1BWIw79CR2puG8rVV
vCsnLNBIVfQ4NGRpdU4+7FLdALc4pGszUg/kv4NAkfHU9vJuiY7tObTgfLgviaXUlLUj9gMyRJmt
k1w1kJRnecOlfZBhfDU6n4CHEngSndnlOGK1q2xcWiYFuqYS+jJpYFWGZvVQtMwHaU2eFAm2v5cc
yn2a70bGlwvLyb4w2NqEofMFD3a4wd5BJwUbYK0X39iHkIISYbgzyBYAVE8ocdHR5KTr+k2x2X69
2eL2zKFZiAzuDlAUcsSjk21l5VrGqH2yRtzrjFCpc6fproU2sNSVglRpx37rKoiyrCHoqUAemQ69
mjER5tOWDkwKRcJWHpUAbw/igqdWii1TMWImx4mDPW7NIDz3U1URIYrKCTJehUSvrVRsGkcz5TwZ
MysaQxHexrAoWn2obio1JMUY3wZB0fwACIQsC3NUPkGb3dpxNnCjF5NDH6NT9ExhDN+tvqwsyolx
/eRD5O5xZmLxFVPecwQJt6kvg3mTFSiukYmRPpxb1bobUc761m096vbaGJg01olzLIccWBMe70FF
3tPjct4KmIyyKJQj1svW1o9JDuGkNu8DuHYe58OlXxKaAaWCnJ8yuScilxFoDaaCedFUd0y3mvlM
Su5Jb2hBRanxYOr2Sbr8wmPt7+0WINvgAmiugvFeL2i19zWRG3qGUKI1XjjAsGA0wZeIE+dyKCsM
rDouZ0bVY0SIAU0iFMCRt02gLfWOmq6Gku5WGfKwlPljEal3izwbv6XkNIH0hBrihJNfyfpaFv3F
59QJeGnbkNq1kZKcZyA9yyYx6eP4MfV21KgLEShbFD1QW5R+uMmoOazVwNl3hsYI2jDuNSX2KeBk
nAF0xV/RInoAY6UwNqHvkyjQxJ3aQXmfm1sKEzcy7O9DfChZhlKmdd+aNHrTmgotYtvvKNImS03r
v6oEH0HlRX0ZiK5AL+JPpcnmXFBaXomO5ovXoAM10yerJMlvZCenVopwBkMZPYhi7yenyik3nGDI
BBDfuwAR4+BqX3VTAf6hiu7YAg+7ECkM52haYr6ZH0Zj6l1Vy++PLuCv9fy26f2A18zvyH4npdyo
3NVkZOxykna3cIzCh6BWf86fUXXDmSC15qngeroRCdGwHVmrZFrF6XKcPiO1b1vScF9B9gWrzNT8
S19n1SkGE7gynFL51qLZmT9LjgnR3lzDb3Wlz0gMj5Ntk1CrD/2ULoWMX8iAKX/oiXa0gqr+qgiQ
P7auZCfKLt1ZUf0eTGGTPCuWt5kXZdPj3QS1cx/67cDsrSMJchzL2xJ86+L901pidqr4uy6Vbhmr
JBWrqV0fbMjyG41Syxc3d76a0/eqTXRuXel/HRpUlb3q+ScsYObZi7hkYOkenkcvhi9jFT96iThh
aIrmniHPsWfWvB5cAGltq2m3auOKxbyYKp4MkYvXoSK8kVZieR28XjuYVV1sOrWcmrr247ykCR0q
THz9qfHsfh3Inl6uUnkXwtEVIlA1p1WeU5r0WWGWP2wvgP9oGeG9UxIapg8k28raUgB16Bjop/9F
oHst1bR6JRkecdlo+9dGZs7BIl1uMykMmMHbD/MG0uLihstV8RSb5MlwHIBniArUXbILV5mqly9Z
1sNY4lNzKwBrk2XmXR5hvASC1e7SJijuYgO15rwI8JqF7dvui2IGwFk0RUBasKKjosSIZuzMfHQd
/35e1Gu8O8JuKRsUqg0zxsyOCfvdpTQS0i2sRrzUMVbbaXurNhkcoAXbO80dK1hbfr4D3ajeuRny
hvnTujZZ5o0NktjjM8yKqKVGG/JTpRaAt4Z+oFmQZN878aTgE31pXV9dFfAwT1mc1Red6uD7Aqly
LNEzv4YBOARFKd1Tqyj+BavCxPsx0u8AReOy014TC8ijEF12HkSHLivTfKzRfEWCDZ4dTrWIh41R
D5xdS1ZnutYJevZBvqLve1+VsqG6WkvnbANKPWt5U62SzOaaXBmgoNvdvBRDPhN7hp9f/j9757Hc
OtJt6XfpOW7Am0FP6I0oyrsJQufUKXgkgEzYp78foKrSibp/dEfPe4IAQSOSIhKZe6/1LTFo1s3y
AJ0G3OeoPSzvxw0xiGAD0G+z3AZWKh1r00+T/OyI3fx6QzEeYyGC8HasjPRGr71gUyrH//D4Zy2P
oA7RrH2ANVcGT+ccjyYacTGqD4miePkrTtAXaxadxjVnOX1WgQcuhBHvPeZXubyGbPD+8wXFdxHC
2HMxD03z4v7dRay7PAJxc7CCxyHvsghlBlkJ5na08/i9BJK3/BUUn7DLhHtIUi1hbVBPpy4pgy0/
pvEtHez98jqgN4xV7bnZPeoQpEtcc3eogbFERuSLz/+jeKCUEKfNcC9NLTqNYON2GEbNV6YHp+UR
WaTQV3NK3E81jkkTv8QuJQy8NT3xIoiLRP4/fCZ+FpAWNyZnstnNB6fWf/YalBNOHp16gBteAZo2
F5Srxtqbn6CjZaUu6Tzn5uyRclnYhEAhPwx5Xp5oOumwVdQ1TlzP862lQ6J1/fJ5ubMCmkABtXLR
rPnqdiCR7etV02x6QDbfPqWNdI9Ondtb8Hrjp9szuXGjTzU0xQ5ApTgGuV4/mxT4lrevu6onoq6w
LmUUDlcjT5zV8ja7DuSg42WPrbSsU4IkYbscL+OKRaTq39FGMDsh/fDQD475Mnn2YXmLMJWjTR+N
BuLCxLpzIvAcyzPdzEcES2rsPfZZ89yNjNVfd8DzM2lWv6EWxn+iNdNeD9zsTU/szfKS3YBjxp8S
Fu16E96rEec+wL6GNq4M7qrSUBi0auOukol1M6leA2XHZx+q+EiZZ3oRJTiYxhiIBh+C6b3Smdrj
uLijzQHkzIbuOFSNCSfRLh5bYgK/3hWUOCLCRA9I07EvvkZfYLlDxtNtFqF37iA2AiXNWOMObfZJ
UN3ybtsJuEotE+cY5wKqsBlSIzbFw9e3I9sSJW8lGctD79aJJSlP88+iMdrnnsLoo2f0OWq+vP/6
B+ba2eRC/+FHdbuzrJKfzCDcZ78B3Dp/SM3QjPXyE2ujPrwuPzuSpMCSpnv0UD+Hjkt3ZGTDCQVM
s7WYEqgQ3qaoUHUpiIHEGLgf9HgJoLOc+iLiiKlJaXV71xbepcpcZ+d7dI3rruOq2j4EuiOOqWeh
jdZZrMLd2/f6TE8JWtz4QedfUzU9jKqxLyKQW92vAgRMLVEq0w93RGpuJngHrB4tRid7G/CLO25o
v3x4ENo20kjQ4/e+eBZ+cExI4FsVYW2dBlARTckaMPGUd/EsVtWRDe8lSGi8TWb3qOX2B2UMjGO+
89KaUGNME0dy6ypzF3uco9KpiGztmhYda1afw9qrvjYR+WR4/YJs/qeVJ8ITMUAtu4NDZFxL2mwz
1PHeT8Li9H38349bHrxsrDmg+utmC689Kqfz8rTlBZbjwKn4G8vu90GG8WAtPIfmO8nkrJ3IRD1l
Hdx7G2ZEpxFrM/lyvPBasAXgKG/hjr6UHthXQlhgUWpqAqqiXpL4jXBq/MxekWPeIBSMpO4KIByb
rNWZ61Ydc/6SVFkjlD3QLOAyjQ5e0YcjhPii3eXup6f08agFhjqJBiDxZItq27V5y0VgSLd+d/Xs
1v16wJLYkRHMfCrmzbJHdArFqQPEj8cs79foS+RJ6b+EpvGB4jkQeNmMpABDD43xBfXmjmChbdwW
4zapu7dERuKMTIRkPbxDHlQK26mvhYdSMGrkfvl6OMvk1syA54qM1AoXc/oqrbvn5cNRHa1OGG4L
vZpLjmI6KfsHPBxxJpsn3JVe8myAlF5JqZ5AjA9rBH0kKfcN35Who3FLwa0khtB2y7Hl3nI2SKH5
38QIsDZkJa9jrwFBAIOPiUJUKWu9vDGSfIisr1jFYbvhE0+phvjM3TMde5IZhy2p3cXIQbfC7G7t
NNkULUtL7L1bY46q8/1WIj+z5ElEXHhFCV4pdNvwFGbwsKheEfE1/z6+Xt1pyERYbhckMK/TwUGx
aaujEUKLpWV4mIy23EYMVbRY4HxMdK03rkPJIU1y0lwnT1u7HWDsTjX3rV22+yW/JW3zYW9Kj6CV
kRhEDB/gJZuchkgVaLup6V+AVe08UfsHEQGMZ7FoKyc5gaebY+/INGg62HVDR8CC4w/G7BVEVDcH
khmpOW6N2HJJsw5/9lL+kXoo4P22yWivWbd2V1b7BtFJPpE6DZD1ZUlRXtKS5WxsW/YaOmeU+LUe
uSHikK3K3AmVofUyJYF7CXMCcVvvThN1fJ7MnPlhWvnHlqdeZI+lNZeBvWtqjXU6APlt6iXk9sEa
24dec5Cti/shNN212WXjHi9GsLU6o73VEvIJQN+/KKedziq18nMp7ephGkEnwVdwLw7BArvUgiAz
Ijta04T0dqEILQCJhnUKB4UPZGBuMZuGPS4N6wAMP+pY1P0+iht0oSE6bWbWVQ2gd3yK7D68y5Bp
bq2c6BqyaacHjaxDPMIW2qyWmm0Wp8kJy6VHfaWeVnlvgECeE8pjO7iMqvJ27pys95WK3tYi30sr
Oy+BF8uGlNO7QOoGy1nzxp8HsBgd22+bbLYc9oIISd3TfkZZ8qwHZPcwAQtRnLcvLnIdmQ00GyiI
eHotTzqqYNj1Hw7gid04mHexRSSiJx2W4H56iEn3MbY1M3/O646MwZkX2plGs4edclPMmYvfG+Gi
EZgaE1RWIX6EcRGsSgHBK3b931I7hi63wOLhf11SppcNJScy8LyXQHTDUXKCnpRKr0mZO7t89nku
h8p/9jrCJOkqOC8wZCRVxYEc2MjgNEzmjTla2lb3hrcooydOteauMBKdMxGYdN6G5B/mAEJhas2/
c29tIfcjBhwpsgOKWUVAz4CWwAMrIPHjL8bzEDI5gtR6qvOg/dosN3U0LDkKBe7RKZ+7ohfHfv4k
y6awNGcTllA1B9LpT9O8qaIu3xYlgjlDxxlUTgIPlv60ZIfHIW9h2fhk3X/thf/s8WJQhGt6+Vmq
+pOacwmXPRun0m83lzv0ytsUqVsdon+isa05KTuri+fIRl8dGwjvl823Jv77mI85aJXGML+WPJPQ
QuYWg3tfoR8EY2u5z21EQkI4kXW0BKAsUSgx3oK1U9QA621vOE6EZHhGhUcu8POKyPWo2NB1ozTq
M7abBEBWK1qgJtEx4sXuJgo1tn6POw3QTViJc2/giFIj40U092A1lId7PM00SrkiLhuX2fpK6Am+
tvkraec4TCMPqFLOv4rl42QN51DIcl3X0Nj77W5Isk+9RSvrdNGmHg1wpPM4tQxbWL8pfFAzpBES
3lFeI0oHEOQ2ivvh5NjA/BC6YB0JemB+cwhkmhbRMZNEtQEXJ7PR41QzS7346zZIPqxMbX40+7Qk
OYJwIBtgXlEH1altEB5bIdfimJR31ZoYrXIvKndx2D7hDyBoVHK1WIaDZe9fxyKXHyLCXDqu/C5a
JYJthdrggtg63eazEj8TWXlDrzAAAknChBYjg570aNh7KPXo7rIYM4X9hIKz3ulD6l8H19y1LHM/
6cHAMw0g6uLtnPhvkKvc19oN1gHj0g6Q9qcm4rgVHVxvQiSNigfiptwlQ1x/BIV5SWixPhXYys5+
Z5E6+xg7wfBQyim4LdEYCEvrTikx3Bsrprdk0xLH/GfI/Yiv7trX1bgG4VRuQt81KRAGbr2VZk+b
Ju9iarGmQ5C32BeZG98VfVb4zN4LtYmLiJJyOi9XPOcWxUuPOdgjPMevddhTfX/vOQACLUMPD7E7
7iAblncFTP7Rda27EN4fIFlaNw36aITk1RtgIVyF9Txap7g/F/23gU4MLCZ5Wl9a7yoi8iH2zU1X
RMFT3qV/QEStLsstavFMAQWDSg75Zi0Dx34dSpC3mmd8tPiat+BzUF+YRfI62DhL5+Ne1dFFMGPj
6FpZ89IUzV6I1HkIevHejBEBjplFTalW7sEEarkyJ+epItX71abPf6wgQ23aqJSvwpgAUkclTaH5
Xj8DPuFg28SJXO5kEYEkyI1Yw2nFtdnrxubVc5Gf+kHwo7YN/h8WgstCZHtdJ8yvQQFb9MODuiXR
Q16XjSWrBPHEAA2uJpSIyaLxqbQG8UDhPEVt2LIwYOIhnXy8A2tM/Td4qZXmv1iQ3w5z5gGNFKgK
IjbvonlvTKYCjx520MbGo0qrPiP2yx7v47whngNf13qcRghcY6f4qmW9HvJ0XHWpjsytmsKTNzEC
5S34Tj12TFJP8l9F0+rIZKvqJegyehuJpNhmT9rGtBCd+b7d7Zg3qJXOtfJHFz0GWXeIKkt/Gfzk
JAdCx1I3qp88c8hxj3XNGgUX9WT9VkrN4U2QzQ2ZcUAjJydkf4O6EPs0bF1Sc1d5Co9gRZTjfVMX
4P8MEf4CQVxspURKtCWD4dg3dfXS0OAggzi/2lOK6Guwbt0Ag7Vjmk9JbKknN2FoAEWbjAoWx9DK
a8mncL2xOChLlTfLmZ6AmzkngJ3xJ6iR5/Bf41JXPuRl3l4ss7kstwwP0Z6m13RuvBpLCBBbK5zi
60EbcvvVG/L9zEH90QfU2cIujW67fHivhwoXpk1z2XAs7+j5jnnvzBtIrTdOSh290G2ABqz61mbN
jyxIc3WH9mndIq0gJKPpCURxx3vLmSpyJum2hRZuLYFYpBxpaJshc8+wK603k2LlKh50wMtG/MMH
oKsRcEZfu31Hd+VuBikdMiIj8RQElC3c2v/A/qyxtvarGxpE7RqXsLurMken9TGOP7HdbP0pnt6D
oEMRlccF7her3VS6kGjQR/WoCqxebT0lPwfSPP3Kc39paT1kOJX7COtj7p9EpbYMZPE7AshoV/gx
uXWtHty3Y8q6aHg1gsh6rh09oYHIhcCMdfPZCeu/bi730uGkSeowVRSAuB/dgcF5GO03sDDTviYC
bFfON+tmeOsaA8Wd2f8psfDcgtBaRV2QX0fEAGc/xR9gIZs+OW6RXalaFmu3ieiVJiN1E8q7uvsT
Gy9z4jyNn+yQRgBdkvEQ6b73MBn63IYh59O2pv6p3DsOCSq66n4ImsmvOJi6DeKd4ppHc0p0AGqv
aBL6OGOWvvUJkICqS5/tZHgHMZ+uOD/8T1P697Vv1r96V9CaCYlsn8SB4g9kCZl5K6dyGJZFTonU
yUIQMpE8jZ7rPoVTH21TZgR7zQODHaEd31pD11+T3HjPkwh4+iTVxQY7bLhp9QIi3itS+7lz3f6x
4JwvYTBeEzCo5KX7xpEfET5h0pS2jT7jYWWrTqPtOueqU4+izp+M2lLb1JqgXwo4Eb7JuoYo+Aep
SViFaPIP0VR1rzznLWvsYaVqToyGVvG6JsV7PSrqW2MAFj2ybf8V75e/sskHkJb7ZtHhL8ojhE/j
CrF4n0dkDNU23O4YZodFKelAmYmQMRegWdmV+nx9FVtNZc42NqnLWGEur3SFWTB2JrCgLATOV5re
YzOCSpSidE8ERNLTc4R3UlkbHakeTXsrdy5ppsfvcUS0z5RrP2KD4MAuHVi7AijajIzIP+Xwhz30
9GB7q7pAuxTrsukMTLnty6DNJmNRkAXUyo+mMZrHPKrItJ/rm67fOJ/++yCqaC+VYzz1hpmfA1UY
DyUXzxWjac7Mt7Sep8n7TCuDHBihVi7sD5I4zehomEj+ZZqmezlRmPNFrYASWD5O+IDVmfLzPW0R
LmJ6NN4glaGukAhvT/dLXOw2mFYOqOQUkfaWfnH1UDVWs/OVMNd//QeVmeNHN5/Abg4bP8jkp0zS
HWpkbe/0oDp8MX8ruvVYZ4l11LO8OpOcZB8NQ26szhnIKBq0W0N1++WW43YhDdZUXiQkLuFOZUxY
F85tL4EsPYk/GsfAEMx/fxvJZGAZ4X32SGKnVcZUbE1Ye32rFI2Mup6e5YDwwgAU/R50z2WMq97t
fTJ0Q5B+lm4X53GUs5RIPxMx//emAQGttb/oZNz1KbwRVpxMLZJpOGtivMljI32GROUhi4KWHpcp
GSxZG1w5K0fE34aQ+NGLXwMk+XUKYO9Amyp9zItj00j/BI7TO0W69iitiF+hxLUEYXS6FWWGoZy8
cdIW4vUUYv7BvDPtzLg2V8tiWhIcdA4hKPa9DB5zQ0MAkyR3bYHsAQiwvGWI8gTMlp5l1QItRP+k
XeqQCVYNALZ/xlnUXihe+LdSeQXris55aeJ4D41kApRiVEeaxtVmqqUAJsBzlQOxk5d7zvT+NWFR
9WIO5JqEfbkdwrp6nzuPn0kMVtROe3c7SpLmnIIGAp8mv9hV360U9YWT1o9q71TlTyq8V5Un5n2f
AbHBh59uKom5rPXJRnN6kCTKlafSruULUK5TEhUxyS2cJp0sIe8n9XBPRt8PvQJqwxK+v0diXxBW
nZbrMDaSTSTkXnXNhU8ePkfWgLoIHevPcJ5RagPh0z4O4MQmJOresmpv1XRd98PnwuJCGdtSL8qR
BxlARru5fx9qG90Eq6sBDMOdnnCpAw3iTCJag6rCHVNm6Y0jrUfbo8viJtp0NTXgUz0i7EME/HSX
0/ughS8/i54mUNsUf1KjoatmeMVNT5zWyXSTh9oH1wr6XxwcHJrr0mLAnlwnP9uFGFetFXlHjRze
g/SNOd6iRS42aT2pDjORzo5J8vAEibmlTomFej0gcq75rgp+6Fws9DgqHivYJg1wu43ducE1MS21
r7y4O48iic6FEQHoEfRTzZZeltu9F6KOaN6SAD5A+ZeB4hqWRG9O5PW84RDVt7YRRiUvSWptcx3H
CbSMDjp86rTA8jL6TwZLIT42b8p6BshAUGsZ3VdpZmx56/mWApbxUNSp/sAJ3AyrTNEZtW0WfnaD
tRWpODzlZqslMtu4U2cwrsThPq70bs/1A1lUazZnq1bNuUq4yotmPEYI8PfMOELwNWa+1cu8geEl
mnPjD82ZtfKt5qLJClX/PDSEuWatdWRuUm5K26TMl8YkKOXz1U2+x6pO74bWqc96pl3y2Mxu/SxX
XOHs+ELlq1hlgF/Bx+R7u1DybCQhmSCFdgcMxoB9xqmcUw17beBDpGX7oiLyFJLiVvlWfqvVZM8q
h8Cj+VCRGchpC5P0u3y8rczsKUp076nTlYG8NHglWhd8TP3aDfuB0skDlmoKwG5t7rFpym1lZ1tf
UCfxjIOKya+KiJHorKbcRxpTncKZeWrVh+XS8U2F8+G4bf2QVoz24BXdH3oN/ofYvMds9My1pbDR
RMlH2nYkazvEkqpIDa9qpkeXQ7AuCjs/apotHzOHHyztj4NPVIsLVD+i9FdYNWqX8pFvg6JUo+Iz
ShgALT/Av7PcJcgxwruYDnC7+ykYTkmSYT1nniPwOq+ZyzSfClkxTI8SiZ1nntt4IIC245tIiVB8
xXgyrVL0FDSYvOGVOQtCyrB5aG24QlWU3bOGKDd9SSCxK+BIORQw5tpBdFk2yWDxuqXRbQJ4eY2t
yFqYNxmlXdLMMAAWw2tfIIaq0wioL0hAQoDxgfaafgrjNr/IkMuxXaKAMQaVHUg81E8ZcTOboiB6
k0rVnbLCN83RDqzFO6ZWDAVpy/LVb32YLB/myHCXttEM+/LFTtLOQZCSa8i2unw/gqbiPztmTxCP
t0bASqCrtRVXKeM2rLSCir3NWj0pnrQgE2edam0aId1WLGiCTIOO2BLA4cOjOBM3wUIl0tGQA6A5
KkR74NANguxZZmJbrZmbaGDUWZ3ym2TdNvT5PZwqdUm74CYC2MuSUiAyK2g4a4haPA9ttqrq4kTq
WBdITrSsI7IoS5hdQ17aUsQMHnwICUEefUi4my+t8KpTznQEjagIX6bBKXcvLPJL3C15eUVgsu1I
T7qJ94YuomsU19mzEwO8NvT+UptzN7CQxrWJbO9Y++Wb0cTGFR3LuSTa4WhhY3wmdeZUDnVKQ6aO
yGIlJDX00+THMJ5Uuu99M3zCSN4/mRPZhE32B30sddGgHd2zAi7o7xEOOoQa5YVCCMw+aX3xehqv
uuwttFktLQhdeetSesRMiLFZMXjkB6WChgkGG5c47JWyhjPOoAI8X5MemAOhih4GymcCGo3X685T
rNQ1Ku3iMzB9C/EXgpQmegSWnhN9kIn3sopo4HjOL9KmV24ZVExEHWbxTrCvSz89wTMzLpSp9EtB
q+WCHE+d+kbDs044DmWpd69DWEvWQHIWUfiqqAkf6OBR7mP5Ts35LmmwMdVW8RQqs7234Aw6RUmX
nnlooTf6J+RB9HYkWZxbQ0fcRtf0CMuZklFdWC86YJVdMmqU/zOa16aLXGAYvfyxLwxK9b78I5ny
Z8Jm7VXXJhPLV1ntaGoTFNjTSTZDYnw6/7Hwqks8p0VFk3MaBEWysRkPicNIt6LowexNJ/HcpKpz
HTqdDAYlX10p7OtyKI7xWZcQ4A5OJagZctXME8h3XFaztap6qprILG9G0/lpU9Jai1Z7LeppOIVt
Ta6CHQ13hgNfNsACSOemRURENzl1fHT/g56/sOK7xapUE33SYrMLiB1TCC8PdN8tKh/g3VKzvmIu
vle+GV167FoPinoGjkbt2YP6PknH3mFNS3eWZoG6apMzAufqwXU4mUpNbEyNwDwzIMVVGylOlhRV
D74Rg80LhbnRcvFsTjkn31Tc1ThTtrZNBGTuG89uktSHKMqYMBgzf2esDnTFECM2SUiENVkpuR38
tUmCJjhlJTGZjFPVZ1Fo7nnZaFItmQMdJRcoSMixKSOI+hGxv3HvtSI76CT+rKoodwk7Zx2KACJh
1j749j3on9ht1H06b+piVWvYqTWvhr04pzkaxjnu9ezdgAyzHkej2wIdN06K2QqlbitFxUlKjHLb
aGUVaXmgF01+vF8762YgvD1pLGKp3EAdOo2yIcT9fi/Hwds2VFIx8JQ+9MLYJ9a9fmxdzz9T0vbP
QRSnG5lOJHm7c6hiJsUNeenTo0yf7HncjYzE33dF3zwhDWEhL5VJKjdkRAibV3uMJ+znA1D5HLGG
68vigEr9FFSzCqYkfKmILmO3iEHH9tonnJih/mx1rbqEGdKrrDa1o2ZEDxisvdtBtO7TqDjfE4xi
X+tqOHsTfCpGsQkNnGo+grqb3snP4xccWuluuYlA5MYVExpxSgQrSHrxyRwM+1pZY428dLLX5Ii+
WVJZd33/R98b7d0kI6wMAjVQSwn2wloS9IoHdacfc1anQb3xUZc4NhzU1B66XdbrxMck7R0nGp18
kxwBvOOEJDShtzfmn2oMAJmeDvkiXS23YTc3sJPQPg/LZril6gNxiNbqHMjqQWkO25Obmfpt0Sdq
0/TlS2H2JH+VvvXu1tOhmCz3vnYxDghxFMJy/7CjCF1xmw4PIOJumB0Ehz7RkduKLH2mHRjcJrOc
3Leak9Mwt/bBuD+UBENAP1hTaY1PBeWoBp4JGapoIa0KnNxIhOBkkm1Tz5jKRN7maQ80LoqJx6Kg
cvLIFrJsM3hAN40pP4vtw3ITsVe38bDm3k2+cTNUJZq1rgH36nOuWJp+Qc0stlRK3TX2e/0i9E6/
5LC8VkXKJdEArfg4tO8FIWMPpiflo2CKrEXme+nq+jORCLjktPKvveWY1pFPNRXW3lMa8klMV49W
Hlwoo3Tv00iJqxo7hE0GrNIBmswqEgwZBhokzKgtLcRo/KAw+mj1zfAI/rWnjJ5hAHARLLd90Vwd
Sd4ZxHZrPcnOebZ9xJqjcNUbH4nGWJKKz1b5z00EqIhTnTzrifqiru7aCfsJbRaW7Sp0p7UTD/6P
2SVrph4K7XiOu9fRPOkl4h2qceGTLdFOmwDrvDgfbi0ds1mcyNk5IPIjJtvmZOpGeMp2uWX3N2ne
lQB/2vBTOSna+Mp961LH2wnlkoBB5deATnERJgIsmBXaAyVkYI0TNAuEi68RzclzOfESPavxo6uQ
J4hAi+4ZP5HbZ9j4cuRG1ChpFcCNjB+XjTYCpCSs0juZfVFvJqAJm77yEjA4bMi5kvs6tj6XCm6M
ztLQogh0XPvLZIg81tGdYvQ6ZNrQHlLqr/TTO38burSZLU3bCjptyKsNXJAJMY7VZBSAlWe3VVjQ
1O1URz8rgzRh2BS2laf2ekrqeGxrzt6l93UAHlgTlkgbr44DlkB0Jg/+Dzxowb2iwLWWuV/saQfI
LUOatRYOBWXDOjtzebi2e/Mrn+H/Exf+L8QFyyYa4zeX5v9ALjyrz/h3yP5fT/ibtqAH/wVRAdaW
7hqOadlQAf6mLQBi0EndCBxDh9AInfIfyv5CWzDJnnDR5Bn4EDEpSrDY8f/+X5b3X4ildUt3DDD8
vmE6/0+0BX4F/7KUMkZaM2kB4TKDnGvNXunfvNCiFkksQKhfXEPj9MjobNBP85mSf++6XktYT5cw
vn/t/vsBdr63ipXX7nqZIb4X3nSXxCx/ZCAUQE+Q124fvHTC6XetsG+iscaLTxAfLWGmfi2gg0br
T3ZIqU4zpj/pwiUICeGkgftL9hSuKRQ1mkurek62GUCSwgQf96kX3RYT/Oo+TgHbTG9U3LwVoJbk
UNmovbIeqU3R1rvCQ46N34xSb012etFmCAySnqzq5ZP4RVCK67KrGcKfHpddu5jy7uxPgoE0VLTT
tYqxb7krafO/v4rfXma567dvaXnUchBF6j6Rk7FvEcwzJMyyEQMjXPe27AJVzHe2HT+Rhi3oi/29
gUkmTnpJXON/OkYQOOTd5Z7cDv/etZfm9vLM5a7l6d83l2Pff4bYNp643P4fu//nv7680PfrRknl
HMekGUgLQuuFCesv1Vc331yOfd/xrQn7flzEQoRUwfnR30/5vnt5ynKTjh3guoSa6X96sIGjCE/H
/DK/veLX0eXp1Kb4O8tu4mHCqOOvN/uv9/T995bX+tefWm7G849CM+1u8/3cCoIQerBZ8xaHvrku
K2rUFe4Pqm3LFlADkPJFi7js5rlfntyiPuUR1eTl0NcDy/mO74d8vcby6K8HzXd/3/zt7gz0Hnls
i9Bx2V0e9a+XW25+PfI/3b38id/eZaRCRO0Bwt0VpG4CpGYVRjZ/lOWR9RIBF/QaXGtlUFBfbotZ
+bk8aHn4cnPS4vRE5PL81OXA9ytNBDMDyZ9fOZ83y973Mwm7Jo/u+zm+1rqrdpaZNrF2tSqNuadR
NvyYv3fbsGxOBczR03I/6cS4wBzkCyTkITU3CNzrKJIiiNbIdbbvC8dxjotUMJylgmUib7yx03bM
x8bDlMymtJI3schLv3aNWdXl8G3CxBbd37vLUfzJZ3sOulxuLZvlicvjvm/+9pLLweXu5YHfz1uO
hWaGnSAt410dTT7DMaKtbgRrA3iR2GlhMVIQceXS/qCbqD78eRBfNpYcGNTFMp6781HoCRWT7kbB
oYTx3s84ENsL3UNJdno21reTXT8JlAAbcxHVBsVQnFznhtnIeFw0bP9JzbYcK2cdJ5CvboV9CRZi
YxHLS/2Wgb2xXokGoeXgGe4hbmprv0h1wgi9Tu4ahOBOxhO1tb4gOE5SSuvCp8B17iVgn3U1y74U
a8BV0tfJZrlZIBK1FZ/C7NoUa2A2nejDKlqhviFYU6Xt2p1FsZU5MKo2dbCPgnZHVag/Gu2LY3Wf
aIyMXSGjml58C2BHNqQCB4orhG6Fu8GYHvHird2q1Q80ieQpmDV4UAv/2pN+Y5PE3LKmmSN1E3Am
jktO3rcESFZ+glToH4XQspd0+uzrnHbDfBosmxhf3dfe9zHi8oydVdi0NDiRlk0WI9KlmnVExQbf
NmYlccKAWutK27sNWHmt6jkFRopLa0jNck1a5KaEDGQGXf/1Q1yE1N8/v2VvOVbnxLl7nZ1vck+n
gYUU61sw6zRBTwDyPwLaZa9GTsIfCyjPUK/eaF43nLLKm//DVsWARxsNB9p8O/a5a6hD/is98d6l
7Sl7C5us3oxQyldQxxDc6xOara9dVR+CVpqzqYzIr8Y+RUQAr6JKZ9ETcQLGJdULYfhfm7o92oTX
n9w29U9q7p1Ja7I3mAwbWPYWSuEBSurGi3ZatokH2tZr8kFpJgDrNsZ7me7GR8ocVnxkxfbhx1gZ
abKusEbCET5ofxJYGlmbuljrJPu26+wPiHHZXdLtqce12J8wkeuHsX3b/rSq25rgWnkABocxv0OH
tPW6ZGvCHUe7MXqH0ic3+DbS72Ay1/YfLHk6/EkEujRr4lYx3tFZUC99TBLYVo8/C+tmTmnHXgx0
wD/kEa0kTLUbV7zF47GYfpnmNnXm+JNT0u+c6Ni5a11jjbrqAfKTnt7bz659sJ2jRdcievV+sUIb
nWcn2Ip2i7S/SS/CfYmtfY33Kcb2R3zj2c5uyvgCk7nSD9jYJc1tMtnjPfS7qVUbrPGSr3PGyzHg
2LwtbFQ1PoWj5hPStNb+HCoJ5wgaUvvWDBsQDbxiWF0h2BZo5nQIgTej/1Dm+759xXCHeeyuUn+4
3b45+WePZkiFZB7r74lGqTcQiHaMNfDr/oHsEgXlNXtAydna61C/jboTOA5CmkPsy589SrdS7PX2
VGVHM7spJOGr+P1v44AEGnqwyPieErTM6P/uxmiPF10GLKNW6k96O/pb8+Jrp0E/WH+mLlTAfXs1
LgXefPzqztaNt5ifRQABZN29pGe49P0VEYrxrC7JxqLNTLxOuBMWXarj6B4Ha49bhpKE0/yiPDzl
50iQGLc2koMI0Q7f+OaPdGJKzTDZruREDOm9oGHm7v0Ge+6p8e6y9owGuZs4L4jjw5CbZn+K/2bv
PHdjZdY9f0WMyEEazYem6ezQzvYXZK9Azpmrnx/V79m9ts/aZ25gZAsVmQaqqHqefwhe9OYm4D06
4obN/UZySg62Mb/NXEm/84D++5o2TOI1HUNArC4Kgci/6v0WETHjN3VWN36GswdXqFIZdx8UNOXO
ebIvZ1dDiJuEZu5JVQwJ+cDbqVq7yt7HkpdlLpkbs19xsPaj6I4GzhsjKVy0NMgRA/1zc6QlUNBy
3EHHQ+Aoo1kwrhGvfTAkT9GfnPQwy2Qi180+Qy23BiAE1P2Iv8yAMUl7skhWNtj/opeFaC/qMdPK
Gz/G5xCKO8FWLzXOLWltzIH6/mS0myneYGxO9BoUqJHuunY/zEc0fJVf8Ye5wO/H1dAgVb8e1IcB
LVlzIz+p0lqX3uX8JrLuojcDjN28NeHcmPTA3ezd0Q4NVQEUDdwn6OVy9DCPBA4R+qfW1vFexl8h
IBWibzCKsCY3zdbDgObwuofahHt4cqCsAH7TXIKvrXSK66822yYBQkXKU2eT1l6TAABtPQOc/Flm
K+cZJKrhASQLsSBYWXybMeIA8euTttsM7/iemOCCyPDmmzJDacQt3gg0AriApq2Za7lac5RG2sYh
aZU19/yWl9m6cW61Y7bNd6T/kAYgo2N3q1UbrJol3O+O2JWlGJOstMLr22cGTkirlsfuzdDeqm5n
pV676x7Un77mJfWOS7NQRCB2n9q3dbnlmvwGb4cT8S5TWzlu8Fy+4jiEqpfmHFOyTp6PFooKm51E
r+vQFJO/7IeTKW/Cry66nZ111+2lz0VyuYLmNWFTFt32RKtxacZY9Dl/zW6qQ3inP0ke5Cek3WZr
pVYfmnYH/79DH2MRqEQjOsYpFWjNjTKeJP2mBuZf4YzyPBWbCksW6eikZ9T74Uxk5yhbKfpOkld4
LE1kaO6dV4JFzo/ixTqm+m7c6V79CIwEamJwno8J+XP83V+dxgULAjF+SDwwFKhqAEmM38AdIF8Q
YeUJB7lJ+da5SAY5kIfRPKYXTO07ldKTIbndTLAZxTXQDCuS3Y58ahFO6F3owhrQfZDb/cpAs78G
MgnT9/GpC5+mGcIKqhXwAeJDRyYcL4HuMYh/D9N7j74K40kI9q8Z0b2+vVGDux62jcyMvNF6F2mB
1H6QYS1Uu8Q/mSNR83URHUp5HVWfQ3lSpCPiqNyhhE8haXn48TiK2ytg3A2qRMR2KSur/qf9yVXe
YcuiHzl6cmRAE2oATXB0WIVPoK22wwNIFkVdz60HEBQKXM44e61VXgUq60uBF4fO4jbp1k8oKJmu
eSDCvoo3SNPU6x8GwbHXclqb9/hs7/WzlmxAO67z43SP+Iv24e8w/8XczfJ40yyora78E22P+CV4
Qr9OfrRuh9jjyjFNBez+Ojpr0sagqINn/d7+Cab+Jrj5Vb9iH2Lcxu2KxHINOAwQGm8sM5Inue3K
eGjWo+vvMpd7ugpdhMU3xsOP1S/EX39AFV3vQwCK99ptvlPvJxoFOgDP+rDUmPw1fpW1lUI25NV4
wGRBs1bIp+Js4D+ZAOnh6wJwGVYDedye4OQap4Ri7d/7ltejKx9t7Hjbgkn3wcOsDGsVjG6IF/3K
Qrqk3wSDtydKm4VoRLrFR7Mt7yIPmossb4PmgeES/gD+jF7QBn7XAdVWF64CaiM1OSb8OA4arrzK
+stZVe4CUvRQYFNe9zqiQh8+2JTT5AU79CLw9Pghv2D2Cmek+QyoBtmhOBu77Cw/B4fkBrHKEAAZ
qM/4tm9XEAm3GMJm2+hsv+MBxzrlNYPrhyr2l8VVewmXluNbsy/IjSNkTLfNZRnh53V0bhar35XF
bX+VqWGEiRg9PStPKjaqj+pLcwvUYtPfGyf8KPr75Gi62pqXfdMhCMJNc42TdmpuEYrZ+9sPCWWb
03yqbrWNTUR9JzELQueG6o2eRtIwi5l0/UQAG6jXZqaDMOWPbEHKf8VI54Qa73u7N3p+OKpDB//w
0XyOp+x2xAJkZW/pfZzUQ35C+GXeEIx1E1fy0jUGUatuFd/4LuaT63xd3KQbbCrd+L7dL3JHT8lt
+SS9RQ/juvuMn5xV/IS00u/qZfDKvbFCpx9z9ffgFWKGsXaecJszAV/Ga6ZZu6rXyoavxistGa8O
dxg+IpIrdBCD1YJmABt4Pz8QTg/dcp/cSqheWSeQ5Wtr7bv51rnPXThk72A50JcJb8zand87V3XB
57q0UOhiQrh7l7Rd4UKLN98zftU22NIp2adHXoeX+Kk9Db9Bs2z7U/UJOrog8vUm/37LbqOHyfN/
wx7/me1k7gRtjHE0jt2NI7nI+dF+PnY3uepuug+SG2ezcEEV8FpRqaLVk/wrx/PaRXNoelaApK6e
nK/ug5yb7iXH6pzt7E/9uX6fbmkIaSD1z/o9/oGb/S1WhONjckyO6jMJl/vqrD8nHsDjlbxVb5i6
ZMc4wVcJdH+bbho3XxMrNE7WznThRb4tL91OAtG/NG9wBWnhqg+d4k2EVe9yJdkZNf07PomH6hfv
avGMDvd+Psab5nk+BrQx7St+YcUNX6fkl3jv21cMIUD28XWhFq1HgP48qXXbAk47aL4Lp7SUV37u
Up+jX6iJta+sozJFMAWVI/JtEbcGHy8+WNwmaQXUd/yav+JHBGDjBHPzlYJchrzS4crJK1yk5Gfp
iyyTQjNqbEbsP6m6+b15CHbjfuSBTLfjz/odwaNmpW143/OngS75j8BcIdb0It3NG2UT7Aq+SLGy
a5CzwFT7DdbAPthHeyCk+H5VG5jEB1CPN5jFe9ZD9muia9fg0fYTxacqWGWwPJzxPnmF8Ww6m/A8
Pchb624+ddM5uamPdCkMklXNSn6Hhef1O//+V3QeuNVYrsFSJM1CV/kAYew8v46iARSthE/vlg+R
vmqei1/BirvPLze+OnasMBgngIEmmmd9DTcmDcFLu8/XI2zMlf3Z3lUH5ytLkQ90hwfIG/Ynpfo9
fDNO/R14f656PgWx2zz0LSh3l+feP1qv8nN9l5T41Wyz89I/+FC+qg8uMS7XEXpQv/rpNL/yQey/
Zh4joJt8aYxp2OgiDDcNzRLy5iBGVtNh8r76HT08xpoP2q29BmJJWwEyyKvvaEv5TH7M2c0wbZvn
9I4mL70bbrivpNNdUtOgzlbKHcRCaihdIFf5kPc4d5gnx7NJrUFWZmHpYQ29G2luwJvcyVv5tgBj
soa98YrU53oiXrUKacZegt0XbD3P2MKk9Xfj2Tz1KxwQ3PiO6x4rT6GRREl/w2jsFWhj8GX9nN9J
3xk/lXfjzubbTdr5Nn8tj+a+PYaN6zyASRwsD9EqPmnqPd1B4jC8tM/jTqN5rveDW6+lo/KIpfyW
HipH3t7ba+OBPsXwy15+fXDoj8V23nW/etqJXbZr3MpVdvEmfozOJNOP+WZ42NSqq7yqvAIwuWF9
PPfUzDN11n8htsgD1H9p0TqPPPll+pw+y/v6KXkALnfKaQWxwLgLn6xHsEDA9Pb+AWP1W/sse2Cp
3r/itfQwHnuqs7Zb/kyUKoZVVLvmi/qZ3qNeHperId1VDYAOV3qT050GT5ouFHpmqzc7RI+H6tL4
WFts6BcfMOPyoq1DeHfPeOEcb8CekkDB5O4ZRV9kGEnpD/vxKTjoe1KLebxBJmq2fiFrgZHYOTEn
nuLcrq2nFnbEOjiYvEc1NbZ4cF65iC80BTFfj/tNt4RDk56OlalaGmMjxkciCict7PliUP6ZXJY1
+BDYqkmsgOQByNGC0DIlZQlRiZKYAMFH1W2Iz4xCCEKh2/PPRESirrOiFEwDgmkD/pciCiWux5bT
Azr/JUlX5TFBC2sfBgPZzaHcayVQ6rax9sqwiNhFx0b6QGAuVGaEA9PewxUw2k2AuQ42tXq5/Ega
doqVFDtZDu5UYvJbGNEMgJcJQxdTlsx9sJAjYasWB1FqGq3ezRpSpzj3HZp4ieor+DgtAaDFJGUp
Jq0c8RUYaC7TptjnoQky2CaCaT8HyMV6c6ARIcnRxZ5hW63yheE3x+STJq26r4GfbCKTiIOyLBqH
EJZnCBS9nZIvpTWJvuBnHAM1XZcjkmrFCIo/IhCBwsgNaiJ0g5YrJqpFRkCOZQtKWoRRkF9G2xEm
KaZfNLiVdEeMdlcHdUrDyTVpgVavjOJ17C3L7ZIJeuLCBW2tJT0iit1oEtKIdDgMIqQrYrwiritK
lkjWDVWFMVKQbWON8LeYTEv+Tq0JlF+XlVIXIc0cbALIJIRUlKE+tIgdHfplImbFRC4JXPUDIzAR
BxWTUpLAqImi6fvnFnw5NhSEaS+xWhV2OOO1iOkQmtIOuzZMZS2NiOcSGZ7+VTJgU12WiRXfZsV2
YrcEIU8MDPPpA4Ykge7mVyI3v+TRdsmt0gAkiHlJMt8ZkPVHpVXVA9C7tEVdCxgaBNppIc9XijZu
Y+wfM38/dAEenJ1GS6QTFS+XrM3YkNkTpcR2jlAKknU8j/eFbObYSFVEGbOqs3pS7d1dV9XKpgdj
e5hVvLwqourESM0X5KW6/WVOrHAg86yjgJj9HwvFfpd5UcQ50smRz9BmMg8GDb666A+gVEb8uDGM
kNyYKIvFYoJhLXV7mVxnr2urxifiClxUbHZdfjmK1tX1vFje/rOzOeRnaP3tpqgsze3lCLOzSTZu
IocsKIqS6DLIRDb9UTe5vdRBBEyLg6T3quco43uRGhAfHX1/XSdKOLoubRA4q5XYQTOrRvbEKjEB
HcVD0xvkKYuyV+GYsb3Yieh1Oy+EDF795Xxo3LDl5VDXpZd5sYPYVWwaWwmfYVG8Hu+ypVh43f26
z+Xw3zcfDSi+dd0/fttFnHCwcKcbamLa18Nct/t+ZX/M//XKrqeuDLgFqhOTeV7umzjkH1f/x6+7
FMWe/vUe/3GmS1FscPmBTsc408QN8vI4xJX8x3sizmxhYvjPw/vjzNff+e3HiHP9tyu4nmL+mFv9
mTTde7MkNfKl8Z8XRRgx+bbs2+zfNiEHQFzr22EUkbS6bi5K123EYYvKZAR23ea6+m/Lvp9GHOLb
YS/bWNr80JJv23TL77NFAjbAvnhbNfGhXT7kiCQxWdZ+mwUqSnKR9vmfNRd7aLH5pSi2L4g1oaLU
bf92CLGFmFwPcznL9Wr+437fLuw/HkZsdz2TON512bhkwQSg5v9jj/4f2CNVwU3lf8Ie3RR5+5l/
/gk/+meff8GPwBipmonliKJgdvCn2YtigkxSFAvsj4OkvMyZclK+YIx0MEuy7MiyatqGAcUAGfp/
4Ee6/r80UzccCwsYwzBNkEn/53//mwdK823+T08UVVP+m4OHCTBK418zbNXW7cU15Q/4UTkXSBH5
qMubU3MG2ogfbFLkuxxI9ipDGnlGn2oTpwSyOwC48Ng+7IaMhTaaiEnA98Yg+NjJOaPkmY95l/9G
cJoOcmu8q3b7oBPBd8lpNu7UG4S+UI+xWgf+dmW9NEZxzgbjzglVFLj5TMlPUMu/5jn1CiuePSUK
p1VSa+9IgP/I1RztrqzFmHSSz6EjrXPsiROJRFvqd+Dk0chRUn0kkq5rqwFupZbcV/P8IhnZqzZh
PVL8DobCG6Z6i90kamAoAm3QfYVNnI6dG/hIwbIbcqUmIqVwqNIUTGdkTT/HRVSSu+eSbA52M/Fn
7CGWtOt0CPrPcZaTc9YWXufAIm7mGpc7FcZhD4y1g9VJOBbpuHkgfRE5CIB39jHv02KD32C26teK
2jCQtIttMTqOGzmdl+kNmcO0ADlV+is+RuZBDhHzCJ2WzCZyrQY2qyt97LoTnmRlYJgbZLMiL0CA
Zt0RIFeNAqsddboPU/gqo3FX5eSQoHivWz0g+6k5j1IU5SjPyPctbr+44mHtMCfAhs3yseEdAANm
0OnQU7gczYg7SPqpdGa3WkwnNpFDujNckFi+jWRy3LxDX1dXJko/aHrLB9UphlNZAYy1UR9ajFSy
tC7oyNcd6f/oZxoBhsV18ANB9gdz1vWNGmcoOeoY5tm9isXxPIfQ/qa7aggJZtjp7zjBk2PMCNfo
wB9a3IKmnmPMCD5YZc5YFxL7OkTdMigMBsSYXiBq3e/ThFwtdDx/lxrV8mDHW0mretJ1wxrMNJTf
XEaYCNOMbWRlG8OEtzE7XwoGclszsT5wpc9duFMG9lwtoZrbsGIEDJD7M2uJMklYpEhyE6OdAX3M
LGdzM2onTUX9CQ8L8ijxsEK7OYJ9+9sBMLsPs+4N3NTs1SPxENvQUDxHQgUk3RKvCo5oVDTFj0Qi
wRrnyNqbYZFvdc2A6ytbkAJC9eygUrIO6z5/CMMXP3RgHlZADdrIGLiecC3FaEF3DSb1hP7jkehn
4yKCG5Pq/mFU2zxE3FOu76xFXCpQSptemhtm1G9LgbYLuSRRSIrUerKf7OLV0TJSMXgnZxHdlhq1
jzVaNZ9Z7f9sacAADChEeSYV4Ah95GmELjUZv6x8hLFLJqONybbQW+9WYzTwqsNBYPyK4tKiYbRR
CEH3Tlmi3w6tC3wMMhyrGikpMIRvFcpaewvmzX09EMPv4BfXPdQhPbO9OmJ472PJ7s151q27Jc5M
fK/E2nUrV3UDSkL+iEC8Fxhkoxq4oQV2UT/6yR3PMWxRlWMy3LdtsUdpi2fbEjCXsCqaYNrAooD3
stN8U13lcqEek2ggQ6ZusDQYd0ZHqnM2GWKasoY1Z5QhWN0TZIjV8K10wlu5IFuP6k/vArUkspgw
NtVRBF7b+bx2FlnmNC68qW2Cjazn47Z04PZ2/oCFGxmTIn0LCnzphpzEddX5wErAPC5k1GbaIzSm
pSRIFRkIuqpLn7aWPSRpCHEzustRObyDRoi/tt+06yqYznE33YTPUYRfpzKtlZg01gibBUrSthqa
YiOb0C7QTUEzqPN3tT65AzgK4NudkdZ3YawmqCTB30TkEPmlPFpGp+nM6DQqGJimDjJYg1GnWyeQ
j9dFYosGCgZj3ss+l3XLjn/Mq2FYr6cZEEhso20DV3w4iJIyaPezZP7UEgz3Qk3ZqksYQVkiDMYC
nBKzYpLUZgamQ//d9pgpIjnQjNupce4UHSpjmxTgS0eDumAPwV0zN3sT9BbSpYPjViGJbRrqNYJI
qmurlnQbIucpz6jRRcCVXGfBlNmtCqZMFMWkKYEmzdwGZKr/q7ss+qzXrqhYobSIkufhULrSOFtn
hc/oYAVEb5eWMJ7rBy0CEIVG3iZQ56eCAIyWQAWfjXkXNlG6m/TuThYGOsukNAL1oAfhvkPYF18y
JTlUxpH3KjmEhnlvBsFr62fnZgywmFVGAtgBqrqITGqWDF6oLoNsVycqI77lyRlgvOo2eBxNpPdc
saxZwgwAj5Asap9xJlhCQms7aVDAyKKdqebBZhwJ8DIGQRSuOmJx/LuYJsOTbIzOYwsVhiXCNS7q
Sxe8qnVLoAsxCk3Ki50qsLPqD6c3/Z1FRhigAKqbbWggQEZIQEwcBFCRo2q4YFFUWprHOihar9JA
7Eh1CmfOlBFcdfiAJ5m1KnV4NKYAOV5701qSJAf9bBnjoy5nPbKNh9C0sNYxQ0StFIQMExOPZcTb
ZIiMm4wIElC2bCOnyi7LSWtlA8IWmR4A7fOhP1/eAE0mat7qfYRWFiG6a7dblL4tU4MOtM6gdqh9
thkWJEvgL2sQGplLuC3iLtVRWWINUuEeSUDwOpktNC2vs5dSvNgsGfJDD6P/ICZzOzVrcL49L1OB
V4ReBS36ELgf6YM5ligEYIm2PI1oQbSJieZHhmcp6luejKl4HUCBNodA14hoy+pvdQIShpEk3lU+
ZMwpCr9CqPjSGNrkG5aBy7i88gITeZ3Nkj7PdmLNaI31fBEazS7DOjEAtKak+GcLsVsNM1Hvm5A0
AJS665H6HJAL9D0i68t5rkqjszjM5RTLGlES+11OI+a7rHu2h4r39F+biJI4zGW766mu24hlBaAi
fZJswCax9fFt5X+cFSu+HfNyqX9c1mWBuGd//Iw/iuIowFxneiBjMp4QbSout/N66D82/+sv+fv6
v276t4u2sgVBg8ybntIxrzTsX0Y9Do/FhH3hBnEWtODmeidW+JMC0UoUsyBKiBctm4t5I3umklDl
Q+PRIny3CWY0CCE3EXn8e7Ep6eIBcAKfrSAWCIV6WGtji6gb8gyoC6ogIF2xq5gXEyXM+13t45Sg
9Eq9K5EYR5GCVLxeHfNh+RGLm33ZADaS+Yx6et87iEqY2UZgUCdkTcFd8SFaA5W/s0B8i3C9CH9f
0bQjnH5wOv+uFSnC/GLrb7sUQwobcoF6LRFVMal7gqmipCawJHWUK1cCvnvJFWSFM5HPIG2AEru/
GLgQgIHVzFJR/GPpYGtvUNh1z2yIek4IOCEgUL2byhKVCpuA3ISU7tu+jEGg2Y7kjYn6HGFHHKgm
46Cl3opJu5RiOsMrw0dtU53SrxwdSifWaPuQSkn0cgHhdTuReVBG9dD2JLvsksx1EXj+ci+09ifO
NNleHFColIqSTzAeUce9GQ0/58G5rzIfdbnlJ/mJ+YgrXILu5xLnEcvEbaDttfbsd70+dfli9lMB
HuBfd7HMLPrniU2wOrMzdCENYEIi90BP6Q3mueaVs7MwTJZN9AVkDDv1rRwVw5PrtJkxBqcNlKWx
2k62hZiE9jDW8ZYuAfBO1LOyOB13AuqrdhUI6UgJChRIsBUSV4mSHyJuiYbwCccX1+WbEdwK9W7W
8pbem3a+bLggs8XzFLN51/2ItQlJ8IJs6YSezuyKs4iUDS6/HOxCDxAppXnhJSjZDvHYCZXPZpA9
JQNVNRltPtx0+Bnu0oXpIvIKg6D/NNPvMoQ1fH0SzXKo66woRbb2K+1xPSfuvjbCxKGWEFeOZawK
GWX5Fdnkwiu5ZeLJiNc6kHvNNRhe+AT3xa8R68RkWtrW66xYe3mhl4f9t1mx8fXGXPf9dqg2R8J0
aG9ElRPvmrgYMZsVC67/Oi9Kl4VzBDRRhkpyeV4BZISdPBt/pOUYa1KTxRWMoqpdiqJ+i6uh5/df
FTARJ7pecrBkW0b6iZLTPYkMnNCTDSVfArW5fFgJm4DIgDv/gRtwuXXCPgHmF4ayJza/FP3lrkWu
T0aF7tPSMIg3VZSuk+uyac6w54NSXiqkKP+9DRK/ve0VPvmi6Ij+qSherr6cxzsDq56iTTc95aaY
5o05Ohmd4yX5ZupfRC25EB3uJ+6Se3GzUZDND6J0vffXZVbRMTIPDAlgJa2AWCFOeZ297itK18d4
XXE93rd9o/y5S6SGNoxbIxrOzgprxEyWeVHzuONJexTzl4ufS0BSZCvltTjW9R0UD8+ZPwMcDAFY
LzdelUGHimLYdXRlxGv696LY+9JUjcXU7OwSFP7SeYuXyZVOIEpi2SWJuzQyYtnflEf/5+3EbgMy
0Uqd7y9Xv7QlvXhBr9XPF8rtl5dZLHXUvJu96w6idNlKFL/Pi50uR/1jq+8n+L6XpNQRUgBPyizH
rmjwxWdElMS+f1t23USsvXBXRPE6Ec/jOitKYr//eNRSpBiuu4gNv53qb8u+HfXbmVC4waZJ9uou
7BijL117IglaX83bq4C0KM22Bi57WB71tzXXZeg4ULPEfCUID5ctRXMrDn7d9I81oujrqEArJIkv
bzQqaiQhrhXlj/lLUdSrP5aKebH9n9UT/6sxwrogmRVCenSOqx+Y+5iqrN+nc2IyeGo3Rl4627Yi
+OYMz8mYa6BXO/mZ5gRs81haZ+LCKMrMXfWMQtRerzTcihRzes/1fGdWmvSsKr5z36tFtVb9/jGJ
UTgtalD5cpyEe0wTR9k0HvIRTzxF8wnqNWl5mqcohwqCNmemZ6fZigg3Eidxw6lBUKDPgLNaROv6
0dxIoo37/oMvzcmcA8deBlVzhpadyNyIz6v40F4nuA/yib3OJ+KTe/0aX9f8bZn4dIvDXs7wt20u
ZxgS52Q2qL+GDP2WLt0ysUXdvc47S79vJHROWEx8N5f5YWmrLgv/uv7b7qaxGEOaVgmycGnUxO6Z
beXxndgSObRmo47VWayYxAjq78UoSOHgpcUPBeUqVymACjUTXlFDi5AzQixuPIQ/rPzUSSUPungZ
Yt3CI/YtyVJ9g5bAjoCddRhkVEEYRx16u9Vf0Li9V2rzZI9g3/MeIxk0rWxJg4CTGe9GZzz4o/yj
VH3DXZpnD2H/dDcAJ3Ab1DdwKcO3d87nBg8jfIqkQGrWVdOBDzBwfcjilrgmccZtK3XH+sMMQmOj
BvQMK8luOQW6uHKw8wdsqdIJK7NoBp41hMWMqFezw4BHdhUjOSp8Z1Gt5Zcg54dbKWwNSfJfzK57
D8IRXHKaqbgRqOuROBtRvp4oGIHwVWUvEXgfjJBjmVSMRTyo96dFcpQoBfrDhAyzYuPjJYdsYurh
N88N7rSVHgwzcGFg/3rjp16uFz8lxbnTJZL5c99uzVL6neHL5i1aFV4J2SLCmDE1dfhgBOaqsrDu
+zD+DKcetDDyEQQHvKbwXzuzOttZvEZLqXJTk7vapxj/fWlO3t52Ewl8p5I3RmxsrNo3vTTLf042
8FepL1dFOI4bBskICSf5fVXIzh3jvh+WE0oHZA1sAJWgicGPuHi36Hu0pEt3wfg0OQ5zOuG12QRR
5efYI9mQRRysOxi2ETnHBa5CgHOXQhuT4t7cZCPujUOR0P0kiYC8ebZRSkyksM/Le1uCmUHYQtHr
tdYS8ZRy7XHAfeFoTJW+tvJ8XVfNszP72tqyAsfTbecxHtvJBXwSndGxewvDeJtko/RUYFUOnFl5
kgoYMJbq6CsaqBixJP8mxx920wXQKEptcKcwkpH9MWYv7xXD7QZ9azvV54SC07qcExVEkY42ByJR
J0tphq0p5e+dfYuIE8KRKbRjUhIEyhXrOZuUT0afjCr1VNnkTb8bMbzh544EnXPCTB2q1pnSf5kD
TEZUTHGtl8xTpQ0bzQIru7T+oba0esSb1mPupjmklSnNT3UXbENd6SB0t9BM9mQXAcuX0bs+BuMm
IcBadfUuu9NbcF+pSa7CUep3iHY/MwcDkVQx0bMlzdPkP61FHXjS5K+4HPPHuk/iQ24ULSw2NEjV
SMEojFg5+RZXr4ejM0f245AqsIFoO329BKcWnMY6b3aDwXcF69RVh+7Xdup+BVaU3ydD8tNGSCBq
7NKLayhUeWveTqiqq+bwqHby12zm6g0tRUIEoRsQMNXfk3HqMAGl+a+r6i1dvCoip7ZcqUZarIn3
xsTLlnTh59yCeXS0lO5nGnu1r78VG7UYkJI1mw9zIJUQT2/BYE2YMaqohqofuCBDr8PHd+X0ntw8
TOWPvDLCcyxnyOaXOW6fQG+xGZBcFPjqk2XDYVXM4V21TF4SYsRTFAW80tYPHMJMIEZoByPzSChR
gzaCoCI0LetpCvRsrTRqgbjTiOsqkppOQ4uhQlSpYxnuxpJLTMuscsvS+YmH4G/ItdvSn2a0SfOz
VSVHwrGjZ1n7xGSsqaSvTsTXsF/BnOT1k2rp0cYHgEjpDs12qothbHUtOas2TLM6uuXzZ6JmtjIr
ax/wHL2peizkWv2B02zZF69DDlNHtxHXHRAUblJupKSkxyHusZzldOtgelGN/hWTM2mTThNK6jT+
dDDvM6zMBrTzPE2aC+CvECBsvYWSV1Fr0fHTuGjjpTcK+VD5r/NM+ii1PC1rXnT6O7idWfCTZvVo
11A+9dg/IzfsFbUfb+yubTBqK491ugTJZYmbgGyaDQ5Or8vxVh8lH6daqEzRxHcpCypgSGM9nejP
rKq+/q0XurmrgHqio4b8aglEHttURvA6cdo537d1jcnu0OX7SmdEaKo6qukKtTwoFGeVqtOwbXmo
UzUMN37ZViubJPOmJGkTOWW9izpYD3GXEV+Jempgh8J2SmB3Uxe4tOIIRlJ2RN/Pdt5LhByBiZEK
CuTgtxS0P3BQQfxAO/cDwt9agTefXqsbNAkSN4TEliPVc6PN6GDigoIgQZIccdk8aNNn1ZTSbarO
vC7QVeDDd5gfxP2epByijZBKx1jfphWNJU3DysrgufR9FiH13RztwDJWHfH+V9rHo+lkEA5lXtR8
wnVJo7FSFan0NCt5IOK8brMi2srcsXWiOfFWS8KPGLmy2C4U2Bpk7Nq6gLcRqDeq1N/PbXx0apq3
zje/GDFvm4pgrRPdkBSHCBKbCMonfI0kP7hRTbV0u8q+9WUpQiAE+H/XK2SrzPFsREa4LVOEx/Ri
3kHXdo4HpSQXPFIdj7L0nCrc3YAw/crxTd3Vole5Aaaefvo+WX1p7gD0xvSxo6DbRdNLL5sl9lHn
Kk2ig2qY53GCFAuNIkSbjuDRolc9nRyYim5lO14zLdmbsfsgu00F9TlQoWcS5q4KtB/lOZnC9hz4
dY0Ln7q1w2HfpdyhnMaldsb4qCD7g7S6V5enYWychyAKhn2tr4oomz1UmyN6A/1qQJ1w7TvDLpan
Q0JGOYWaFgfG/WRGPc04Iu58oQ5q5rTukNIf79H6ztEpd8s2Gz0fm551P0ePnQoyfcpMetMVutFT
7izqR03gqRKo6aaqnn3l3prT22TAstr60Jw5ge7YE9pSK08L59GTzXEJ/BgGuShw1fgILq8tCOou
gjbaq7JbJkddepuGBOtTDZywmkq120fN+4x1RFVr89OIQEzUVNwGXLXgTqJ+x7drm6uQHQfbeJ9A
aoxZicNfik7cCI1YG7N0F/XDC7gr8MR5tW8xI3RNC0JeqO19q8LFzg67vYM9moEi6VaOwsWA5D7s
8Mam31Q6wVpTyvkh1jZEhtNQgqAUyLeW5I+3/lBtHFSFPRWDiFU9fRJpg1VkhD/LHJaRZvke+Vru
RKRswn1hQTUqov5uzkAIa4+gJGA6RYa0Rjkbvz/g3kFS08Es5wNfJTLBXUUVjKaVnzVvPeiLNQom
77bR753OUhCbtNeOE/5G3f0dpImMUXsfnOq8fcBBBxqG0Ru7MbC/wix5MjL89wDEwBnB5WTTpCPd
JMV4DK3XjPEP6Wi7wPm8ND2ljE6ZcWNhFYey5jbqGDtM0hHV4OE0LLmqSTI3TUG/JWjpitGaotgc
PkR9c7RQrNtbfkDWPmxR1aRRrvATWE+KRdZ36F1sj5M0uwfoHCNF3b3Yk/0bc2+EPjNTc50eEkY4
3fTAAJK6Cl3TbqctrpsoIwBfSLpyH0n3uAhUWH7wLbbVeq+iDcbgFDJfMJr/l73zWI4dSbP0q4zN
HjmAQziw6E0EQjEE5SWZ3MB4FaRDAw7g6ecDK6uqu8baenrfGxqTTF6KiHD/xTnfOQkyOi40F/QM
Cv8kelceqmOBOHhvvJdaUKhXAeE1Kct0hezbc53nlNNB+idO9G9q8UPAkfPZbB/yyQz2hdI/lsH5
HZURAeNIgNIM+ZByrn0BRBDY/DEzVuBtVoXeADGtcoP5pKPoZkKB38TNSa67wpR955IO+lBmTQsF
wIBZkJrpTtnrCcThZ3f6YZjIDqQOoqoqDks3YwOIYp73gaYIz80DVDGodL15nDLlPKolRPTCIjQ5
Bsaa29neOjdub305IyVJWoMEAAxjdbknsLS+9TTQlm+Wtxx3tgOmXXTA5rLZ/1BKsCAk1WJbe37D
s9//lnhAGKgApghmsIR4bjkHZ8QZPNhgUpOoI03V05eiXHYxa8kw88Tr3Fg/Jam8wFQymgUZFfva
tRVW6OxA2/DeVOTMD2gOCtODQZFric2M69Na4DqU7WEaUBIEcjfx89+t3Gy4jfKuzB4G014rdC/Z
+qX6LJUkyosBkBs0cDlmVBaD5Y5nPADeZoxPxcCzUIt+uQWFep4G/wcxF/qdVJS3psU+Q54rqAbD
A2RoobaR9XGyeX4Vzu0LUFq08q1D2cOC1Nr1sYc3vRRhUtqYQ/tOE7ODLilq4qNVZq91T45l12s3
VISXTwtiJzJ0v5XZTGYKZNKomtXO9Jmil9by5iVtszOnYp/4PJaem/HMqbowbudlF01DsveoB9q5
qkMfYRoolruZGNvRsG/a1rgo7KI+APvDv7VmRIzVVovCOsQymI/ekm2IkMNo5w24yhwKHTFNADCh
kIWyxaY/xo+C+2ZvSM0epuDKzdF8We4GEnCCWMXaLIuI95UbEZcG2QdLUIdBs4NBOSQy32mmnwW3
/12r56PO656Xfg3UpGf4XPiX3GySTUpC85uiXcpiVvkVqrSt22K7iZCwLSMeGt/sFQYaXGsta7Gp
1emGKJoxVDHqMerge6KxvKmg+eAkK3Ik73LGiamKiDZxjsJ20QT8JYu38Ry65NHvDirl1FRqPs5d
9qg84ItJMJ14UVe7LCIxLOvlfRmpaO9PNt5/D3Ng3Y6Pmao4GxBvJdJhc9KiTjMDnJZ057zgeAZC
DOX0j0vXuksCm6SyuXg1M3zZgktrtS4cAonjufNJBGurp0l3r376lDj9a9ZX5XaIc7AmPn7bzDvx
aLQr6DrKtkaAlVc6/hLmmAvBmja8oCXO6YqwQD8JXpO6S3bsvR8tEXsHFGXlQWJMc60sD4eWlAlr
IffXEgo5HVQ/glmEIAR2N8vkN6kH47Yx5uBQp/mvVHvf2d8f1h/xlHnDh8uUaxN5xbd20kzD5v7o
9vEhUBloHZhIIVwOEXX7UQaXNNjHLgkredO759/EaOV3UYRfkCviSdCC4HHO6r0TK6ojiP7uwkNa
u+OevgJTb5fcBmhvG3ca8WwPCxq8duAaGL4tYngHGC9uFX+9+35pb+aUrhuBSjIFKcEWDkW5D1r7
OfPXHawnoSb06wxividLr913lr161UkiKm0r3skhK84+qbT/oy0GbN3P/4W22PdtoIL/5+9i3f8H
axj+Kj71Z/vr32uL//Y1f0mLpfsH2ELbtjzPNe3A9MQ/yIZ8SvoSx5EHupBPuP9QFtvBH77NB4jc
dFxp2hZf9Hewof+H49AGmfx74K2Faf93lMWO/BdhsUNkrmeh8TQtP/D58cz/KCzOMyZW1hI0xzGv
vNBH3LJYeFt9wg31mu2XKoYUscPrhAHZ6rAyRm+n06Y8WqOeQgUCnDMRCIpr0dBkVJdzRsZaZQ3I
BXPZnN0MYdoeZWS/q7s+Po9lwgVQjZs6x8miK9ETFdJuWXxfho68UyP+8D0i7Xu397ad5w1oS3HF
2yCWQ6tJPkFB+odOrinUszqltdhiPnPPDMvLBJu8u/grurz6hahlOdCf0sryK4K5wmJbdu/O5N6q
ml/LsjftUHw4RuuHkTMcpqnpw3nGlB4k8pUpDO78JLr5NoQhtm9QF9ZJaNQyX1uiNRXCPUSA0J4r
Xm9m3GIhH9x+izAAsgrEnHJxDgBSm2trudFu9oONr6aTP5jLUZp9s0c+/CDi+MOjt3n2U5jwuX8h
zAoQ2zIDeZpfBsYVG4O0DTrolkORlPCtk+F2mxp4K5Rwfy6AJvyyCpj/uc9ai3q3trDPUSz/TOs9
mQw2rCu2tpyfrWP9Wkqpt5msb1YhrLVOYOdNqLtQM7dPl34MhJTEBqCkHIVipSy85ylVkUetFfT1
XilFgBpXg2f+zjVTR7t2YWJk/XMd19BNaH14nEX/qgQlzzJRh7tLfE48fOh+/NM1kDZw73BAo5Bt
R/Ho5oyMgyBPOGcx5KZjtdnfJ7mg7NAadUj+e0a/W4D9GU0IElalrquyUzneSxRh0ZUdNW/XkmlZ
c2IGWfPTWhnxbjPLMPdoPN1MPSR8I8/m8iTGC6f2GoolxGMJK2C2JTH2w5XZIwgGBm5jSumeRqa/
xZ23nfSqkM/LcTPH3SnHiirAuFC+XFzze1urh7rJ7yaW+hz4dBEZNfAaA/UReNEJW+Otxr5b5afC
tklYyT8adyTpuaqeB5jt0i+L15zhwATHuAezZSdJGOVmGyppHAcT+SLSb8bT9/HQ3E92tItk5m3y
iN+c9gd4HSSADsVurSzAbKx2NqRg1EwXYpDh7MdiJgkKqhY5T/TfxA5vEN82DJumY6W1s2cSdRzq
NtgGhp5OJESEsargeUx2ebDLghFyg9m/JoU5zeIXUl4gh/TMYAi4/535TwSYnGn7m10VWPeRY+C/
ixjBt9K7zv7z0Hb63mvVRZneQS41Ld3cP5F7TPYE4xSCB17tmp5Up7+hoUSKiCn0isfIx+/tu31z
33nBMZuf59lmPjpZPVgsH9TLVdIM7oo82lZTmx76Avm2GaAE7VR2IUhG7mIbYCky9ZKfv4H+RQ3V
5Rw1eTump/p7W7jRg3sj8qy/C2zjJjl09vV6tpGriyiTHi2MrLdZ40tCZvGkUom5Gj/iKKkIhlkg
lr7rWMBZeNrCyKMudQzd7TTz/WYupou9IK4W/cpM6Od4l9gl4520dg6qYtRnzZxOY/HkN0jjVYow
O5879hC2BgnbL3snMe+DcQn2kLp1M2CYS5PnKmkoJ5OSojoBKNkraprIOvQLlrs5sX7I9M6gVr3T
z7Qgx3HGGFIyT6fzCxg+NAwPg1nfxvlR2Nm5Ly2ErHbi0VpGoR+ZP7J0JP5ZuK+LKJ8Z2qSbUThY
cJkjnT2nlOdsGq1T6REu4SvsrzVKrgI++7kWi9prfoCv0Jiv+BgCQfMd1e9PAlHpiOa9PU+vmQXf
1qNWYwDgH+y470HApY+EGkyHwKrGsIp87g3ZemchALPVQxxK9dquB7+wpuFsWrBhqgLVuSK08bhU
6dkhSw2CWBZsebbkF7coAH7MCdCB8VDl2iX9SE8cOpyjc5Cuku4SFngkxo2yu99Axtc4pwWwz9wY
Z3ZO7iEexYPB2JYGADpRbpTGNikadU4KlBXYJK2t4cmMeMfl1mdWidi1utrTbFJpIXviT0HByTwy
aYL8Ikv7LRgWZnaODM7z2NRHO/CuVWbiWCnnbIdw3wvTnq3S10/Rrj/K13vN8juRmbz7+g/V64nh
TPu3nxKDLRKwAYMJijK11OJunNm2/fVuk3onwtfdgJzx2LNfKpO1mDEkx9lCFN864nGyEYaQQj0m
JB17siPueH2vFCj5HQMMRp+5ZkiD8lu5iDSrmRWNyN7Hgo9SIDPTxFbaCvy25uw8kL6R7+ZguRZr
VHLMnPBksaUcBjkdtLFcmwnUz/8UoP8/BShloImv7D+vQN9+df3/ek3bOC3T/2Bx++sr/16Hyj+k
cG2qPPOvevMfdagv/vBc2yH4NYDivRaB/yhEHfMPz161fr6Eee178t8VovIPMo4hZ0ovMFckdvDf
KUQFXG4qzaqY46o8/fy3/+06VLySQtSV0rKomK1/IWwj0tJFCQj2pI21aBPVL0WHvBU6ve9k3561
TWpxUWMZwKvyyVZdnWbjkhPicBs5Ch0Pozp3bBkznVuyLdPQKHSZHm86He9rT36mWXQ/TGa5q7wJ
IEwcB9u8qaMDkZLzRsfRNfXO9bx4wDbvhE151MYgeAaSbnaRXt70J3VmvUNnIcNhOfpDrRFI1Edt
IkpvqzVwmHSjsbfJe2tOhGRVJ8cxCFKZjZ5ljf5kcqgujq/3mVfGWysCsxEXy0UvrMRkDtoiae7V
yEVkBayJLX+TUDFparUTNo7kUEYlbA2rYU9DCW6J5yFR2JLyYUTnOF4LExsOlgH4g7NHAEBHOdUx
1+XaIUG67utgN9lEqLtWog4OElVMCAZgojSnjBAwgwbX3xND1Y4cZHPJQlkMn+28kitpo+6zAEZE
Ieg+KYtIj9KkktTXVnMfyPWa9BpC1ixjgplX9E0YN9jgmyHdI4ckmDupIQgQF5OQz/Bij/6T8rtt
VxXVaXJ7bG9utyoLNyj8a/FS9/DvGAi+YMdcXTjku+tH12Hsrb09c9GNB4G1JFumSt8WkWLYgxFq
GmddB/ekf1zHIfhmyvrTKZk616wvCUvf9zkRskbvn9bP2gXXcc9IG23Eh84CEr5LeoxeBePGtJwb
AF1KC6/v9kwiz/Y0Weyt0DwYCUkGMIt03OMstMc7nGx02+Z4FaP5nlZdjm5G+LA2rGqfgCApG5PC
VrAqK0hbZVrrWIdsXOrQRidHreH1h8zp9hWHMfM1MXLRkbHVuwo/WCOhRREm/I6SoO3Lcy9lyxMu
rsKGqVFYW4veNgKK/CziQ4Hae+tPP3oVvxC9XO9Z1EMvi/OraPFFRqb9VFvikkfuoyiQELCA2Tb6
AxcFwTCrkws5AzwYYkXSRR8NG4FwPkDaSid/N6gWMmIX7NPW8tgC0Kl1cMBUkSZ7XVqH3GQhFpfN
XTfWYPl0cLDnYQ4bkqypyIifGWKChYbhTRSENsZRhVcKYxEnAS+ziYQKQMFEk0SXqDUeR+E2IdXn
fWKz9+vag9WNOmSXTU+pKoZe0l8tp8955+AFWwIQm521aWp5Y/JI3lRK9HHf62/Ji0NaUNo++UoY
h4qUsY1ZLz8poMASVeKn6zc3hFP7oDR5LTqdOgwFgzncHcMGor4mmaJP3rX7ELGzPwZTarDz6exd
H8ljAj4uzd+z7AkcyuqTrMNRIgmxLffGaBFCMxDbdn4rrenXbIzykIxEd3vTaWA2tZcwYImhmPfE
XlRwdseHeU6YI1cuvjsfk2E7QE3UA0bZoDl4UfyIG3kfmNFjN95HosOYGCDScoubLCuXA4AlgahF
jQhFNtuR5F5SG5kyB+4QbBBQHE1IivPibi2AbdOgQmnKcI7NT3NZH6AYjb8lnL2MSJUbE46yrAMP
55cj9LP2xyBMJD2kgxJTv5waEYgLOwtEvXb0NDVB9I1Z5F1TPKukqXZ9Wn7OQ0LsIBHoVMoev0yV
/KprBNOBtu9TTfVS2PLejqPxbkr0KxMQdZc4r5HHXpFB52bU/inNE/9xxGiS16xmp5GoBB/bLjlz
VU0tnLg7XfcX5bu/vOx3anivxcIgXc0BlKdc/GKnzI7P1AhD5nljuOaLJFBup7sfcWrrm+2icakK
09yABt9jBEVMLr/7pRdv1Ux4W0CaUNLbWzvDJegTyug31XKAucLct3DiR7Id5dBeYZ3DNIbbfEja
VB0iFzYja97NaATGxmnMS86Qs8zt81QP7jkJ0m2bON9UDRPRTuqGsKUTm7n0LmIr6VeFYIXfA+On
clepBfwTt7Vpy+HaqPhbYx47v7nXwKmnuva3RlauHNVsj4ZFPCpAdbgDUIbUSt91yIZC9PUuS8XO
CIBuimkX65FunBCeHaHmdPEWox7wfkz/AbMGpPMtefDhBXI8qt9B0b9nvpMjI2oeu7kGHnacFiQq
fj7fF+bNKTxvpQkNYV8PYeIQtdv2th+mKPrRercH26vBDAcg19MiPjduZD4UKD0y1+a5kzLPzZot
zW5+kEa8wqDs09hyrWnVPNh55z+wWtkqFqqeI8t3xF3J2UuMdaefnoae1XgB8eWSevW1O5a2Z6zK
GvhC3niTzsANOZpnxwye046VfTUa+YMxmLxh+UXmDkT1uju6mdxZ/fC8yOab6wQvecQTJc7fcPL6
m8nXb4HF09Kamr2uh5kVZQMbzbMPKjagstnBqUnr5Th2J87VZj8b3V26NPc+6KPH3D/XK0uuke0t
0HCTq8WH0iz5/1pau3kMHhfbmB8jqDh3zrz8HGaiqtKp8fe81D7qVj8N/WycOsJWN4RabVXNE5Oa
A91OhO16mbHekihEDMqO5++9y6oFE0ONpx+iaqXrGhnIr8p1hn0zVb+aYYYk2sx+aKVYM/Cm7TEh
W0iFoH8T74gjIflTTfYL6SL5fnScp5gCJC2ycTME2Nxp4zbBUMEOUkjR5/7StSvemOsobY05ZHKw
5VIYr3J8T6FVRQScMROcN56Kj+6k1L3Z+sQfi/ijIfNwn7IZPZojm5FqSb6NCBK3sxIfSZQe9BJw
wWcMhIhG9Nq83olGvVi5fHOHac8/DBC10mZ0tFFJ4TQsxZGQswFSJQ9oZQEAnNJP11j0e2vGP6rE
Kg+tD0RU2GcPKy0vIP5iq2VzY4sAYNoQStLFLoK9yT6ItQVSElJw7IpXtZpwPK/4zHo2VgWgfNnE
A3Ml8HSGwVhg7l/ZqS1h1SRxWPVRKJfmNMdBf4knNrCsGL41AROrJePk6rSR0/zZ/CvMQq7V5MDx
ZktbfzejxkZ+CQZQwjud0im7W+b+pNLkMbVqRpq1+1mPKK+sdnlMjXqTuvHWW+L3eTUk+82H1xov
edY7oZ1EEfJFxkAR+/0jm49r58D0TIrlsUjdgU1Z5j5GvvVbKYLXHY/pq7X4p5byadtqmZ3WHQvR
bRPt+Fu+PlFbAXmWx/lEtVJcfIaB6JDlISUgdK86PN6s/uqdH7vVNs3Hed/MCGfa9hpHsoBA/D3L
mc4Qg1kfWFAVufhuGBN+awHzzBDm9y4WH46ovFNnpPcFt+jZIjs8pLNtNsY9nu58S7Nd74y5fIqa
5t6SHeupIXvKlltTJY+Rwxit91JKyoKmtAx8tu5LS2NfqRepYcp1zuNMYmBowjGcG9Pet535VJEl
e+upfWRCiR743GOaeEhXrId75jQHwrKAJj+5prZQ0LWP0nYvvlpT6hZkJCMhVsgCuV4iJt6OQXJA
4C52OE0j4C6vHnarY/lP5TRvlLzUdh1wCnusLAJOuoehnFFkWAZUxio51Y7dvOQ9sMqSBIYrmAWY
hGRJ8urm7y2R2dZ8DaHHE3vm4dskLSaRJVO51CcHeenhzxPwl4aIvDb5ZMenfpl0GGViAHb1mzOG
xWEzqA90EYyB7iJ7eG3Nbm+AJ7osjriNMeGZDr/zRi8Vyu+6Pc2jPYZTgBm3c1uAkZyr0sLxXhuL
v+/w6G96Q+b3WQTLlDqp+WjqyWXtVA/HJWLfahtxsvNUA/8u0q9OKg+LLK+zzLJN1Sv9HtXZjxF6
QZTlGF+S8RdMMdxOjkcApXIfTJqNiztwoqRZOKnYJz/es07x+imef1Xk4A/X6ffOHs+mz3M05wWw
AiXwwV4M5fKtjCrdJ7p5m935l2jypy4z2aqu6a3DJC7ddY0NK5vyWlqQYquuA9ORMezuiPCUZvI9
ho3G/hW4ZdeefG/m3ntoAct3Q/1JF/XojfOrNtq9STJiKMRZFc1Hb+j+EJcWHIEleFJo0Vy8Ahus
6omZOSHrf7zoT14dPLlT/On78FkDxJRui1zNRF0Sf0bY+YMWhZMDdJT2Rjr6KnJgHZE1hMFY3WF7
ujMLeUpVwnhx9A7EETLc9I5elHwPrG/TsuwWurdxqv+sO8L5vOCbIxlFdrtgCl6iOfhB9UmsKWeI
ExErQNC4dQ2cPGy9YpNxtUAppDco0ZFx/MnoYYnFuUzq15RcxBo87uJ3D4Rikj5eyCc3Q7GQLIBL
2fgjM8mhsWZbEuzpqUf4MAVBdeqxRnw3ejYhKvkcqggYKuHm964H61u3D9mCz7mtjpnWW3fs78qI
ExrlVuGSxFvGt8pFn4zJEYuBCkBQrrl6XgMsUjxWpvVqN+2xcCyMq7n7PSeCsaqui+Ez5W/yl8Cx
r1nd3s/SeBAIuTvvTywICDarS+xHW9kZYd06u6VG0/PephAnWaG+JKV5HDJOZetEgCiK78y5n1rn
o6nqF7MT17iJbgPYFsOgKGTUPOUfLgLeDQTA74MKLtS/Al3b5G8sZ/gxNUgXKXFy/BQ1Q9i8QVrU
UQigDGso7bysvJGIslNd8iNwp8cimpgIZLR9Qj6wMQztenxJU7FtFEOD9aEpWQi4gdqr9hgwCa4U
7ahonrMqzkMLPaCcZLARvt7WBkaFCntoYB8Tu976rnjzl4HVD2e75kZa/+aG9l/ayoELkbxE9XXU
9ac0DzDakVWN3ppALcNlDh4GoV/jsd7W3bgLogwcfLllDPKNsuKV6UVBGUX3bCTRA679fZwBrHFG
x31+qtF2nAHnDTvkqWwmVI54yEhPtqaeYuJyRb5jXlIXbVkF96EfOTTqhApgoY+qlNj4PEzoYk4x
uv7M62oaZYNUTEa83P0DQ0fCJGLzfhqYAHBxZZuuVldPG89pJfZGkrZHI3Ieyh54Oh0gQvqin3b5
HJ3LeCIxAcFmGahdWzW/Ko8fIGLnAj1ov0CAu+8a+RaocTxWdBGJpxfYJh2o9ywYSIpfiMaMgBpF
RzHUtK/kj7SUdQjqCBSqkLdY/sVGLM/kijIutm8uUqy9vHn+lTSftVYVNPMJQusGCrj93dCnrqWM
yzS3BTAPCAQNuuwZjc9Ei0aeRXoETPC9TkcfN05N2GhggQ5Vep8E3UMdIwrrjerN88jakMjEcFB8
bw09v5jpfeMTSRUgcd9GvfsCWejK1fcw2pmx8Ux5kLPx4o3G/WDrV9Exgqk6plVmHeyNVNxLt+Be
rJYPQtjYQNqJs+/9mVfbcOR5uRetiWZaBWC2SWhPife7pTHYlkgke79m6bikyZ2RY3SMwAdXDb7Z
gueda3UD0fPiw64qiuj6BzoqVmGtF2YAEpF6yV0GpGuLd/OzimBF6j4sFnnJA1HdyFPvX8o0P60m
6SRp+3PBxDN0zeQuXg4mCikWidDCGXEXGy+PQ9JNz9jXg8MUO/Ttlv6psq7eFtIgbwfbPNFDJhEm
gb9Tub7YeiTJQIqzcGk5qukZQlFIuQW/vOw/LJ8crZ7CRheIQ5ibn1yL/VPs9uc5YcBGNOd7zFy/
aVHW6tzclwEJMIQ7WUer1bcK5Sj9KMPJdGEv13i/1cgLdJAE26AVeff6nH5BPxeFgQ6xbdEdQR7C
9E1XogtpI/GFXiRq43EoRIleSeS7RND4KVceJpsIdSEiurvFPXKnkvDnCwYCY0eXQHEWZFy2WvbF
KXfd4zx5d22C+qtRkmzkCLw/qNidsubxaRp+VjbLfQA0azIQpn/fvjaDgx4wNnUYON2uEgN1gZou
Pb4/1NAd8QLtg5yqg8UodqMnOJ2NgVa++eFGjAIzL/u5TJ7c5jR0IKlYXEXuLyUtcMbFujv0ZXYe
a/O5DbqjabD/dwi76QkmtVPjFvngvKJAotNGclvT5VALggNDvcdWNM4ekCz/SLtgtdiMlxS6ymJF
+1y060vUVmEryRatanjecW6cSkGUfLlbRsk/XHRswYtbYTK+LLP+sajsl8GoGA7MxkdpCJuVrInV
HkVS0CC4i03jimzZjox6n5osoNEMbzqE2gdXjUipDm3Uv1Yd+dFm7O3qICM5mkAyR4BPLRWT0RJU
zNDtEt0GPw0TSvvCRMrLYrja7rgcGKgeo1EdI0nfYaQF3qJ2Ku9QlRKjRIyBtBQp5ZLiFyHfNgEB
sIhTE10Kix1O2/yA3iF2EU/ltWV6DAr2M2RgsaTp2BklWeGiqeseoDhYxzRjrZWTBWVWZOvohECo
r/eA7BI0ownICSLDuOOFQkdIrwPSjNnn1xuVEI48O0C00EDzBPz6YB+k2G5sXuodZ+bdEKfD3mZg
dfri6MaDdWMg4yKWVt0dMcFgsFySor6wD1/majuOsb1/uYj/hoGw8dOCHmppNsCws6edD4yT4c4u
41GjcGNVDZvFHh3erO/pnqLGn08r+LkqPHA8oOusJs12Xd6egQrRinx992SF2tROFHqoJwqsF3Ts
X9/364f5eu8rDO1fPkYVGk5ZLUiD50EcVVNtdCCjULeLvxXQ7jaMoQlB8MRfb5KStpXNypu9+rK/
2B7JF0Ti61355Tv8woh8AUjSnvunFO6l+TIXd6haxirNYEzxC/ZpAgpjjUlEhgdfquSP+PVm4FWz
08L8/OeHhEvGd4PfHYEZI7V/fqJmo/63r/r6WDYTejH3HO3//IQmCSxkp7uSZjne4rY70EpWd/98
gxYNXf7Xf4Pv2jWtqLZZwKvA71h8KzEYBzkYd2UH7KiPRY7ts3mWRaSuVUw9PBrcppoBNhSKs5Kl
efKddFOYIyjBwbJCc1R22PYoggbEo0l+grVF+YBUpCppVrIAKWqtcuPATfCocK1u9DyYT0XU3tKa
GinjLt1MYhHcpzq9yAx5uVoY8oKWinbJ6P1aBEH0dTme6AlcaPzpoe19tauZShnTs4ibfquobplC
Ikl2/BfNyzC0DKaKc6q+zRlGM2dmZ8+T8pw59o9UcLGArCAcfM5erAj3rFGToGjJZMcZfTfH03oJ
xCl9pha4kIYHpwi6s7kkO6uagdKX5X7xG9IjJjs79oyGtrWM7xbWxluOOfx94yAYw5AGoXLzWJrz
cFdF45+NAdJl6lDsMA+CCEx69SN9or1N3FqeAC7SLmHV4pBEct4djGzgTUURJ+Lv9L7FQ21Y6R4F
UsDSZjuUjg6hJPxsRHXfkRjmCJgytCr2fCgkc0/lvuYW3kp8OL+U4T23NNVFU5+LYi5ONh7k0XCi
rVNkV9sW3/IGOwRyHJX7QA2GluVJCk5qnF66Wd5l+csoiLSLbX0fDc5T0CJUCrKbmc5h3VSvDOPp
9wklp5Usv81Y2ewFksM4jB+JCh7Wb1uTXrjpFQlqHvy2JM1+lhXyBSb4LOLm96gxdyqyk41hqmfX
kW+OwQZnZChbJOZ7OXCyVkv7U7f2e89v6GYMRvCWb+xBdH8mMzNsUpna/lINKXFhMfE8zty9rb/d
1mHccEVhtByCpf+UY/wQGBTnlctPmXAMUU/0I0kcPp0bqRWm+1JH1D8LL4+iLspDVJvfmn46jGKh
S0yHn53uKa/oc7+kvpkgUM5BntC/iGyKdiAoyZIp/BMuz0Mq2h2IHG75BpecTtWvHCsXG5OxCvFa
Z2nVbpO45bZEnDUDBtrY1vxSi+CHF7vLGaRPfbXQ0G7RnvT3xuzhIdANdV9PhpKRtEwcDu7AmN43
pLu1c388NknqPZRMMSuXxAKTXUZR4SVSbT9sSyLPNyWbvfVPx6LI/mxytCK28XFTgPQwnLOEkIP7
bng6jHvv2RrAu3iVQxJTucnG3thGgpl3ZDHwjVDLeaQJrI9HW6UwpZMWP0/VXa3Zfxtb8xNGjh2W
lf3nWOG8cyJ+5wbGFgyVH3k7Y5srdrFo40Ov0To4UfviwUiMWYhS2Nj3cVnXe62bds+8Bgh95l4s
hnVHNNLmXdFn32d4IqA+H1Ov+40ZhoycBTyMQkEEXENjPFuKbc4iwuRRhIQUE3Bhfyy1z8MT+NDR
gwsqq6dosH/itEBYHzFzrTqEVD250A7vrJ9KU4zzed79FJ25qXzn1Ut5kUbpyMuxem2ldR/MIyGF
+aiR7RmHonmlySLBjt09pmfH2zqafLWAYKIup6VUyn1ho+7wJGX4G2hJ52YbTBvxGGV5Bmt/pHRO
07D50xyWJsT0wq2a8pD47dmV1ZtpuDcnxbnNGCFLlrdubE7C0fe9BUa09/jOwne2eUoMmXat4+gl
L1nirhrRdi1TWd75hnOIYwKfegNNe5qttTvdViBg/a2pNmJNijwyzX43EjveE0HozOdcWuRZex9g
T7adW4KDDfIQn+BTE+BhwyeKoPK9tIdfoloe6+ZB4uCcnf/L3pk1t8lEW/sXcQqaBppbzbI8Ox6S
G8p2EuaZZvr150E5VW/ipJL67r+LqGQlDhKCHvZe61mUAceAa3H5C8AMNILr4GW54BuS+nTsbw0Z
Hm0kaWNbUpzQ8i5NvY0xJa8I9w++W+54a/NGu9Ti/MG8nQIqMSwWsJJPBOiVVUOijHGfp9ll1b8Z
mM0A8XTH2TGPU53Itdug7pYWzUNHbe1WwxnUOL4qVGK1R6iWbRyIrLimTnXneu6tnXV3BT6conA3
ZWbfnI87dSQUmilYXhcKTOOV91FLtqJAlWDNLLmliSc2dr1gxQJpwSROOy2zRy8aiVPKQpyCxfTN
8Lt9qQRRKNRUcMlSZHOwlSX6vvW4l3rTI7SoKa78Irh3rXRjT0Ozz+WrTx0XAaHzXjFuLXGgbVM/
JnWyb5vo5BTGte33F3HEqDj6t4pqkt1RKAo7dK90YV/bbLowJu9Lp9R3lb2ZJd5jemefCrQPbZJs
zAIPVlrSdW/MA4MrQv+GCitZkTC9vlDGZbOoEraRBJ4z0BpF/ZqE+T1iipvGx3RSyRmwTJBt+tyD
n1JNl5EZXpi+/OSY8rlCpOjmfADWlsd4WrhCvBc0JhjxqLxXSCkq2jDIZiO6Z2iUwFYmDoLlnHbn
orzUWfWIrRZ+y73pdO9myBpHpOuO+MOM+4SJdp91/Y3JZGBFtGwg2VYlZWJrpi6pKitf1xbd9gb9
aDLRE6sSsW9MoganUlwpOJ6Tia9nNpfuVXAqg26DK3CrvSljl0gvxSShra4+J7p/btPOXIs4vrGj
pkJ/RfZPV3xVigpSKvULTNpt27VvNfCivC6eioxlgY4fa7f/LD2Cl/pivGOtgRPaQ5Hi1eQuZ0P6
GnX2zqc7gSOcRkPRvDl8n4EaBTcDHj6Qayqz0oOayMgzurukJHZy3Aizxj9WjfZNFljZmpmm2LBv
m9cOt1JpbyAsIxPBjrUtBhRywEWJtYmrxX+3QZhk0vDq6Eta6WtXowgImChoi9k7t6uvoDwuiKtF
nB0npAQN9G9F+LnFMWdOUOE6Vj5SMVMiITlReb11DPgcXnRMRvk69ClxQdMnxHyvFM1Q+g393vDR
NKBoe1/u76AMkQEjFqfERtYHPqf1iERYAjDrIwSnsUsXbrCnSwcD1ko1bo7ZGORQmOlD6HXOTQvd
CFWw8V7Cr1w7xlPBqGm2NTkyOesWp5HPSAMOskB9CqUbtjEl4/Ny3+u+Cpf6VBca0CaA8TA13xQ9
SXN9zZAJRsxKu3fiH2pKzNZb24QkIg4bOLhcPsXWRcizFo3jI+uwjuiB54NB8kb8mOLt3oVliphZ
3ZppEp80nZIF81vOMx2ZkgZpSepz7L6YEX2BMBivpjR46sz+5LYq3Vp1ewp0BAChqMilQjwpxHxX
JPPei1MyMPP0VLIdoqpAK6QjM9izE1RN3qvdxriKPXLSxgR8b0uSUToeihxQHx1+8COhC09BYeNT
9rAvDee5nuPhWLfkdCYW/Ukvfq7FfKNZRO5JdscnLNI7lkBoFCbvBeHNAVYhws0kaoilhfBd2vS4
9bS1zKLeZvp6oriKxnlkyHC/jJQrtnPJuMKXK3eFEd3XdUg0U1DiOUp2bhnelFH7Ima8acNoE26G
MKn1bSqhcIYtSMKcfX0BT5eMVioGHh1XmkGnqmVXUbbOtRX03t5W4yOXAqlC9a1whuGI7OfO8JLH
wVyCinBNr+OCiawOum0yDuUGeVi9YbFGmmLBJ2eIOhZohwII5uu2JYGo4l5ZTXXKIs8zEEy5JGoP
SVEfqvA4z7i8QjaEZm3Tnh9ol1qdHKgTuLf+hDCkdOKrjLrVnp6zue+t9N6p7LcqTJNL0zn66cK8
q+60NZ/GKLSPtMw6c+Yr6cCQgrVY4UgnxS1UsB4rPKIVwtO5StBKUc2rdM46MkLx74+PHWWhQRT3
HSzwuhfumh7+U9eW+cZ2Xvzq3e08Qn0JFl+ZIkYOPd8XWArYJBgkp4XDfZDeqTI8zdREPCK1WSCW
J1dnwy6bje/NPNNSigdkrvPor0uBTd7R34Wfu5ssmPYyMR+l8SVL3W+mhNwEO/5kFyhn7D6+nK1w
3vqhcFi+29t4KK7FnD1Jh8u68OERUGxL4M/kCnOU4cIJ0FV4gN503VsjMOeJIK6o63ZBZMVb6tGg
DtKaVGYbx4SegOfZzCF8a6xtkmOrSU+OKKJO0Bfm0t+7o1SHsvD2anyiPEON0DW8HViZt0LQlsmr
4GEYvRdLjE+UIx51IZjgar/ZG7l7PRaaWvT01WqoyGaaJU1D1ybM3Hid6wDKpHGcK1PvU6UHsl5D
Z8McymWatbeJi5sNYjbgpbTfdYVzxOiKZVElrzOhQELnL9BJuPj1lzbyd0XX0JevgpoF1XBFQ/xq
GukcmHXo3tGb9ezimwu5BaU0XQ+tx4QAXrENoepA8blRMdC+fO7RSDNl45cUN3CaWWhR6nTsHZTj
fT+IFGC39TZMWDzTDOxumByY+0Lsr4+azBskwSz2cC8XO9uIVjBjbhOHnL/C7u/8Qjz03tc2AUTg
k8DIav2t6vSLm2B/bPKrzFniZ/gzI1mC1ZOB/w3myzPJNxfEtRZCEhwbHtLY3Xb+TC29NQ/s+gzq
ftuBjVgzbt0yh56tV1FuE7srG3vjA8vcdCS6EXJQF2m59XVobVTsvskJk1yaJ+62jy2MiWZ3HIeC
oXlyX/SbKkV0SGu6SZQYtWeRqTdllHs6tlywdKKALW06PCqnvoqEGxP6TsQPeKuNUz/GQVtjG5wf
XIEvEJZ2zIIPCkonKrkBVNFixtHgnW21F11HZw33lE2SHP2thzkMBDfrjUPewcYK4ldXifjYi/6m
NRy68zicN/jSSRaNx2kzS2fvF713bzikIrvmZWLYwzaivIKcEpNl2ZCGMErkitmBZk6wLaehPzjG
QVS9vktD3plIehR6PT3cENyEOX49q4//fwrJP5yCloWo/nyqfuR8/GYV3GVlE3/9RaL9f7/zfxJt
Zf4PVj8k1bZjObj//hNoe6iwhev4PwJIbO8np6BFBomNdQ+ZuGsSQkI8yf85BYX8H4dMEx+OPjsN
4frO/5NAe0kY+Vmejf7bkajEHYeyE5pwPuvPCSThMJoomej8kLu0FO+a+MZIyoSKQn3TYRLZuCjz
9jG2/Es8VEyMgpjbsiYXrLplGopOQutro0OVohA5rT2nKYgmp8GZhRG1rYIeoNVftU5NyhtLgYXV
qTY/ne/bH2/25xwVzsXPH4HNkiQ8BUgfQWKcYIGu/uePwMoBvSjQ473JV4V/Kt6lRi5WRkDtohDQ
tedaIHvyvnqlkf3j2NZipPzp/P04uK8cBPNS8pV8OHhjJ72FWaTbw3DAkkjSUcaQ1UzoboQ1rHQQ
3lRuZazSGu6EHev13z/7H4/P1+afVfautD/I62drTKtJym6P9PrWlsPSNaaLiEhzlXshAREpqrZh
Y8ZIJRVpBT/8G79k2vx87q0P18/589t8esnlLeikfvj8Y9/pNHM4+Y7D6Jw0/X3YYOKzJ8damZK2
nW13WH9U/N70KlsPE1icHN6XuSU2oV3ZVWP845T8+R3hwlluLst3PpyRbkQ1ZVddR02Unp2VjNEW
XUh9+Y8Tz8354Yt3BLeLpxTuChvD769XXctKmYoK6tpxRu9LYAd0rNFNnqpggI3VsbkNi+B6btmu
i9466MEYbr0GHkvm1eKysmW0z0bXPSWxVPu/v7flnP96TTrCYnwQOIy5JOVyhn5KFXJY89kRQsh9
W38FrIGJ04jepe2vpin4FEuyQ9yl5//3g/5+2h0h0Anj+LCkxaj160GDKE0GZZd6jyHKwZblZ6T/
gjn++1H+dNYFthRfeRQHHHv5+58+mqlakVhkHe7bEEniDOAQKbLboj5Gfv33Q/3pLP58qA9fsCvN
sA6dTO9h8vtohPtNqJOvFQo4YBpswicbJSwEl78f1f7gl+GGctjEKKw7ygXv8nFAnqLUVXg5u73w
TBZA5Nwc/Nw8dTEhORjE5Kon5zWZ9FVVDZ86TyZgx/qDcqWPoMtLgQQRbTMkxt4YXHFIMxpZIbnn
vcu4qzRihmlML2tnpBWqAbQFRvyd2te8NwJxFUyI+Yom/N5aJDpN6W2jSnbUqZNgNxHxJS3hsLuz
tPFF1k58+McnX07oh8sWip5nWnjnPQSaHy5b1YauKDtu3Ex06c4a4zuEivYKviOIdzS4nUlbe+iN
rdf7n9pMonGS0+3AsgmlHrFDbvGQtVTcTYOIGpZ61IxKmtx0doDOQybpuVhE3wNPbPBcI0m6Vt58
qPDF1DUm9FnYl46QQJzb9zjHKhiqwTwEL5MLOlIk+tIQyfPfPzJ6gz99ZuauZbBy+PPhMyd+5qaz
k1Hzq2n+aj2fhjr5BgUZ1dXwOCcIJmetyHV2HPbrE6fDcL5PfnttdvGumhPjMiy/UtgwSCn6LGIX
5VllfY6C2drGdknYuWPtXI2a0+7cXWhn3iefwBkfFqGhosd8pO8zeMyTRq3Fmqr+vutzYi0CZPQg
TE65jz5GG/ydTGhC9YoMpOqx05cWtRRZsKRWtnclOtRVhbOW4ymZl80X0S4r0j0ucG7dhRWr6/6U
Io9bl7mOMX08mKbDijt7aBIkC75rVGu30NuuZ0NT4mdMC3wWkr3Z7FX2phQD86iMn1g1KwutVTfS
Vgsf7SS+1V5/08DVy2IsYmoa3iccE2wjCwoPIfKLGVurl0LcvsUb4YIcQ99ICQlH/2B0N+EQnzCc
5LuxeqxjOB6TzGzkoNmFNGtyPeaONoHTkCLWG/dWiRCr9N+jxnkvPapZ8pNLpYGIJeeLWGiPs3zx
FhmuAZYlhxsBQ8RmL6H4T5peP7qh6jeJg8O5zPHVM16xm2iIVIumf1xVvw9cynFYtTIUS9/1FnPf
z2Pk2IaOdgbuIw3xBTHHXvUpm6t4/BSMUBHCyFwHWVH8Y/z/41FpuMHDcLxlIvj1qH7D1QEJjWmX
mGh7uNNl9l03bJxn45FIq+fUd1/+cff8vvZSsDQUYlXL9xF0f5hy2tDvCyPTrL1kT7uKCtg0Jg8N
+KJt8+p4tJ5982R2sKoqZ779+8F/v3HB/sPUw/znmzapgL9+3FBj/B/6ko/rlS8V/p9kEsZRzqmx
qzpxgaXZM74ag5f/4zRb9m8jBgcmlZB1rm3bnOpfD5ybgYGHmPMstYcVQfdbO89RQIXTeEzxkubs
GRbt5YJvm69bBk+S1rJXt3+C1mr96938PuvzbhSkEagmlsfU9eu7SWNjthDBtnA2WAWZy7ARVikl
nhbnjqJ1lw2tdd16+OVCWd6kAZY5BOnbPBo+la4o9k5mbv7+zYg/fTWsh3GgW45Ni+zDZVHXpZzj
3mv3gg7XGtXVtiLJcdfH/VMVTt/7ltpVW1NpxEUdMu9lz7ld3k9eYF62mQUa1QpXh1Z2F5EyyEDU
llx60QntPrFBuvTJSsRVh5bjmqVIvx+RB5ICdVXP0fdIBuOWgILgH6f5vKz5dWpUpE56y47Q9tmr
fViLhNKAkRzZLYik2d+jEQv1teUFOQBdzaRswWDqFwpxb8t8RbhGephbVBWZs9z4Obu11nRfxczS
xYWWsk5hgFYkjLh+629nhBnekGU70ynMTRoG9hFNGHbDEjmsG82bUU4MYf6lT9n24JR84FAeQ7IH
N9giDiHnqIyj/B+rL6I0P64G+Mi+RTSmBy2HHfSvVxaoSB/fFg2cPm3XXRQdqIbQPTCmw1xbl31X
03mJ5DGCf0i1thhBKn+HSQZ2kQV/r6VxYHlOtzEYXZy7Ao2ALSkV9nBih6R8yUcaAcmymV1wpF32
ZqjhEeWcusgKq93qYVn/uMjEqoaqs7NUXkVlr90+vVAhGKoqaKEqxtPr3OZgZlN8rFnQ2nRcWgDK
7te/X9PnVd9vF8BPZ+PDfTZ02SBDshH26K2gTWZTsxazRYuT2NxNlaJzYVyo1gsy2LXAUvqiFWvP
cx77pLv5+3tx/jTSswBnkmYUsryPQx/MNjlMiAkojUHdGpBmnaRIn3XgE+huTah/ew8LHc3hJoTq
R8LXTT6W6Y3nV0dfZgd4tc1lUALbcSpYnG0xnTw/h9uDBhe7H2scKuo0e9I3Z+kwx3X52lkaDmSI
JSSoXbXhZHziv/3UKA2ZkP4PirkSEodK0S+o+HtWQKgOPHHTgQbZObn7klf0g5XfTQhOgnGfokib
bPMYCYYoZascpanyd6O/QOXMZ1sGr5ZXPro6YW6nKO119bPuWtphUXwZ1zgsmhDocpJd/OPc/n7R
uyZWZMka2DUpafx60S87gwWA0e4x6r2GQVdujJmmWTmzpv/7kf4wSLpsNXDkSwLZvQVG8PMioaU+
j1DfapEfFt+Tql7nAAIZOm/ps6Kgpbdb5CQmykJ++vuB/7DkpRYGjwAAuHQxpX4Yy+og1BUqUYbn
wtli7ad0r0Z5TLv2XdiYVGaF80robuUWqUsJdYFHTuzk4dri7M9AhHvqqyQNck+EoQtMvEm2+EPw
lET/GHb/cKG7MBBcz7ZZXLCx/fUcdWFciyAxW5I7w4Xdcirb5LU3s9vRcNZ5HH9vvfJfxazzouXD
nU7FT/jKEpTmoIH9elC/N9qR0ne7t3p9bQKBY+zfeF68mV1vMTp0a4FsfmdgA6DKcC8CBERt0W+Q
WQTQ9eTtaDdkR0Vdv2sCFpqkJn6KreEEweUfS6Df92t8kQ5Tp8f3Is2Pyy8giMBfe8akQUEzNyvP
ZRykQ++aabxGHP/97xfOH69YtkjKtyi3Uen79cS4fpKGuR5b5KFXQyeupOSoonCvGZztFQ7yau3P
Y7Yx/nXB/r4jVyQ0s5iWyxcilfz1wElLWIklKxCMc/c8TPIOti76JmCRYKUbMpGLtRWy/0zHCPDi
gpRMHCIn4VluhyDE0pe3LshyeA4qvZhnCFZ/PzHW70UR3qDH5tHkZiZH9cMlg1DSmSNEQ3thyFdG
FRxlskt2adVesW/8FsWsjnupdi6+GxQ4D5UMYaNhw/MaLP6MYt/tiVP493cl//R9sULmm2J3CwDk
w7vqwj4QdmE2+0mHyc7MIfnA4jkSD4YNbGLx2i7yJ8KezV3Ym6ivwupYCYqIOlH57ZTv0czGD1Aa
vukkGh60Fd7BY22vw+LkG/Z8qlV0PTPSXNZ+rTfELxT7mIXmdcG84CfWVaegIsV+5F/NFdNEQVQb
Yzuascj1kWnUV0XFDiEeqfAc2657Jaz5BdB1eTRomj+JOvw61/E27a1oD8l9vMospjW42tUlgKi2
Zg3w9xP2h/OlfNd1GYxhpXgfQSmRoeLJoR2970MUejPyZi3nfjsUGiyAdj7Fkb5zjeZ7MvyziP2H
tZbPrOP5Jg0wOlwfBjoU45T7UdPTIs08+NlaHmIjCPYisJHHlLj1hqa56Ht86FlAfdO2a+cimux/
DCh/OAPspRygiUs34reZoSK5tKsUds00nm4aCdW4Tk1yPAdsLl5kvY6qQGxeFpeJFO0/Ltc/FNJB
5NhUc9nEeNTyP9zlYgYTVmoO3oFiXekw2gtVviVVGF5CwRfb2PALUhHnY9KHu2rpK//96//DKHNm
+Ehc+pZ0/A/DGyulovPR3+0zjZmrIkQ2WCeqXXR3BKI05j8/MVuhP+wlWVOavu/5HkTMj3tJlcpS
h7PFMfvcfyuFR/xx1bm3I0UbNILNQ0Za+gbDvP/JcBTyPx18tb0oOnljUO/DkfyhxHgtEjPa6nxC
AhbH0Tod7PBWCzzlVi1XYanxoHgRlBmPzCIVtOtqapwV6+T00khH76mlxNSaQfUgouy5nXq69m2T
vKJTgzTWZnctYGq6CDAxuNvZ9hZj/Fjg1tnGFW70XIz2M1rZN/SLiwBpLLjTtboKreU/klbwmnoG
cBYEoKZ5TzXHIJeDZaQ3OE+xD4Ka8ldwFYA0WJWlNG4ds2/uZvyFKz3YdzQ26sfuu10qTDtj7z4r
+0nPVvIN9826GcSq0fEnjx3EXTk4xtXQBD3OqYI9NyxaH6I0YmkUlKdIx7czAMintoBywtLTf0GE
A5TPg+XcCSlvCj97YiWjjw3K9utRmOAPtXXRdf4XNkHpVWWNyaWaUQgzQxZPI5J0swn1Jsdgv/Ot
bvocsW7Dwz6+SiAijB1I9LvZiFepmUFln3T5kMTeu4iq+d1MrbtCZZ+7PDawJsgYN6+Or/TYfa2m
dlgTu5DNkC1LnIxAGNnvZYgHkU7Q2c/Ibo5R5aILykd3GxNm4WX4D7A+sarX2XOHIH1vLT+dX/Ii
XBRzQFgHDrD4mpk9vu7KsruYKJOcX7JU5Vx0SuyzIh4uk+WhNGX/49n5tQDyXNs3wR5uzS5JMW9T
enQvz8/+exjyEFvrQE1OOVW+m0BDrmAoxlfBMMVXoRypdYZTvYC8yxPgZXj8vtGVJ5gOX9Aus3uZ
g+6CbAGNPoFnxIpBpsLOu0r7cL4xygYBFBKxMqhvzq/Q+ZtugCrIg5oJICR5qSsC5/a/h7qgbc9a
5drLW3w2LbohtO/pocUIwxq3ko9jakeHzsv35D7Nq24ICLhI2VJd+H39NPEN7CJyd4iTcYIH6E47
ayqsZyMqy1ML3co2WCabVWXcd5Vl3I9lfddnADHLpDBurSV0wY+7PfAAe+OgU/wURgTXRC1RX+cf
c5b4V9BKNrodjw05K8Zq9NLhlmVCM0yZsagX9W2bgpZJToIsLwIffAfN25gd+0VRYtUIb8kVSu5k
2SdLHFC/HSfQfPPkUn53++hkm3F/CtApEczh+U/ZlGT7qkQMhrCF1KekNdaF7HLWVuBf3XF+miR2
xSTs56vCCOYnkZLwKS0fsVnTPOVfsuVF2UbZkVx6bgbgBTXbl8cw8KcHYnhWKK3rx3qCI9WmwBSr
2UbsVi7YWrbEN24b2zfnZyxdFwP0ylNtvLOGjjVSMtnNpVfP3o5wmC92ppwLb/FGnW1RqPNWsgvK
6x4PO2K5rtnD3NrkfJbHpUaJFEl5q8gJ+10CsvnBzAsCMPtbUJ34tWc+tt8HECoiJMPmqFCnpRy4
jzVqFGuorgiwQfhVtbtWnHAVpti0dHDX9b3+Eo7yBUD2yZqL4sYdhH0NBgFbiVBkxjdgDNqBlBi3
ir5Gbj6thAzhxpZmvStDZ8kqBYyYFF3+MOf6blKj+zlPVLEF6zQeDcASL8745DjQGe1Ybu3KoHBc
JD0Y3Fp91tFFLSb3C/3fcUfOdHdojTB9cVwa7cvrrs0qN6sQZ/Yg9KHZlu2jK4nJFI2YDhqJVNXM
yVMxxV8YSLIvBdDTrEofElE2t8pK3aco2dlhnD+NetB3toqvoumpkrX1STV+eQNd9zHUTfDoxHN6
nXTG+/mnTMbxVdGi4stxdW+GwuDboPZ6xySz8kI3ePCXhwmNM3WhWZ4yWqAgzkRzsAvdYdvxyX0V
1vS45J1s4riy6beV02MmCQUh//htHHB212XSPiD0WVz18X3T9u1DtzxYS5rxiEx7HYakCZQwex6a
wh8uULvRo1p+THSXPMRgbdzB/OLnDf5mNXqHwfVfRrvA2z643IsCwa9BsJsVpgAQvvFFD4feGDST
j5K3AQ6GW+UQVYGikbYcETZjqvaq7mhTDDD2GfDcS8cg98nBSAZrJJxuQlVPN+dnxEtA10qztTMb
yW4abfp5I3xi9LTRjZs9+XUYQpl1fEpjoTiZvW3B/6Rig/B43riGKy5c3MgYJP354E+5d8K0uUmr
6NqbvPIUWml1IpvI3JKt5u+HKVnr1Cl2tGjbOxEDn7VH6Z1qoapT7kquUm8Ghb5MdqXkb6NkYKMP
dOL6/IA6+MlKfXNvoqe9lH4NhcQSRxkEr3PcwQrq8m2Cq9vo393AYs6hzsYHOPnwenQWNTt21P6m
9MZtDDmIzJgw3DgFctCizLEzzoeGbcTKkUQ8LUIpu/oap+l9muL6xDREanb8zZiaPSFIK0whclu0
knfBuq8f8cWSyDaLmeZrkFy2UfvcAQoJRPMVX6pkHmcDsx47+bmP3XvTQGBG+euO5fymGJGkeClK
wql34GGwhjRyeQm05llM3e08LF3l6gYj1jLr0lkKJEoSCG1e+qxEcCBD6V2IaC/R7ZENHfQ+w5rx
HZ7pNUS6r3M3jqjysOqHAYtWD05Ag3p1NDvcmh0dJhGW/dbTKNkNPAFshpILq5yf8PnfojifN1ZW
HQHD4PPK7npM/rjhYgC8RwKP8PGM1s4u5n0bG9upF0TFuQRN0XL0pm/sOO8qm/7q5DXIlitJBTKf
bE4bS1aHj0UozHw001O/YP/cCpUd1CM3ce4Tac5rDeeNmMlgkaRSrw0IiWlj9a6sDGU3QIzVvDgs
fDwOE94W0vmsfYtDb43raykyemvw19ye6iZLtNoive3W+P6PXUtkte0SFFgYN/E4vsY4q52SgCyz
mfhAtvWlqMxrSiX9Wql9YQogP+w9/Xb+Gg0xsOBeAC3g+mJOWiIG5gyjQ6OAQdXAO8xkgyKkJBPQ
vjUbg1QEJ0vWvZWsM/EiiKibWoQ/PezDbZpnoI7SpN3WUX094N3YmaPV7GhVISg2erwXpbjGjR7R
cCe5s+0FVFmXIUF63wxyxTelsr8Tx2dCeihhwcz+ddrPd2YLJY4cEDAirruVgny7tOhQUwaw0ij8
k9we1eGqjw2iBT2aFu4MGgCt9BgtgV12uK+H8lKgRu9mPF5O4VxQCfxeUEoOCyTkOv+mkuS73ZYp
BBlklJqVxcrrm11KYuhW9u2T29tfaqtCYEBik3Mvb2KDZnTo94x12MvJkiEVRRic4MpEwOAY6yrp
Tr7CotNWG3PQ2VVPKOos3FdUHNjzaifdNa4Trmp8gDbReRsrGdSqhktlJ7jgEnN8cSwDA+qAnaTq
8S3Q+VyRhnbSJfNS1XvHXMTNPsCPZYcmmtJavxdMgEk1xXfd1Nz0CcB1TdwRzrIK5O4wjafzszY2
gbX4+khy9xXlHAmxKsSFONrlKfbY5lJnhAaAHVJh2lJTdPILDMK16TVbP/aLTWlSM1ZJgbMlbE5K
h7g+BMQUzBSU4M8v6sSuT1UXXtrjoPb0buqTZWCBGyqz3ph+Wp8E+xssX0Ml9trUV95ywFpO1WnJ
Gj3BbHe4SxVG0obCeCnV+vzeo3xEoOsl77QG4lMSjvHJZe++KuJWb/qGVB7OswluI21PDi4n5H2L
7KMZZ6Sy6rpMIQuEcPDbIH/rieTceiHQl7zX5UkvJyFNaC74Bdx/orf1KSKk5FBODtxDcO2jGI65
Aq09MmeSG5mYF5gw4FC7ED4UgfYT8TirYQBMY3uiPZ0f6AvuvFb4qI2d7djm8bHpHLx8dZ6RvRjR
/68bBYTMMZ4bIxh27fLT+SW24Jdx4SVbaFAnbOvFac6j4qTG+YtyWCzZGmEZhahqq10k/WUw43VO
lrNct225IdSqOPH2iuMccM93uX0Ehod+x8xOXdhkp3R5Zg3Rfnai7pAWOHX6oNzxU3BxfiDuqdvJ
wsKxQyig2Tje6vx6kvkMleeng5MgzxbegVyV8ES+XHQ6P/MjHCCxyy4IRnsrl6zGqt97TS0x1zZA
pap23P340Yj87MQlRVKb7cwoKdjlkY6cGXFyOj9MqIdPY/mclWH+42XVEZZZuAnoihkD466Tdste
I0AAqLVx0dTpm8XGdEszQ13Yus8Yx/trO/XHi8hrrzCfLnmH9NDMgY4n8xpuLr3JOixvFt84ruw4
PVjs4LZigCE+Z8YmVqa6Ih2Mh7FKMW+b1a42KsFNniLYaL1mF0bfZmUFuF3BImVp06ybgnCWJRA1
cNhc2+piMnz8AanC8UnvwajZq2ap+T5oPJkWXrr1ZPpfJ9HtSH6C8YK9ccBKtW58K5rXLYj+ix+5
wOencyzL9sRNXFy4ObXwlR8aKOHP8cHnV/XyC05tJVs7oFRhTNZ2hvFyOL9uR+QWsVLmt01X44FB
9MI/Pz+c//vzM3OwJZ74VP342x/H+fF4/tXSsArcACS5/Xjx/EvV+e3+999V4PQ3MNVhYk44ic6/
OJ7f/Pnf/HgnaNSfHTFjmVne0n//MCIQczuO8hnbRcyae/nb1HAgF4xM02EFcUmMwOyXZ9ny7L8f
z8/Or334d0g5sp3WxeP59fPDEDYYFP/7XS9snV29mKCW/3OOM2ClefnWLsQeVwXEEPie3Jx//O9h
TthIlzMsVQg7PGVM1xfSH50NOVEXpcVaPKoJmsSnTOBRWV/2piER/4OhrGan3aVdku/H3Ao21egp
rCr0AsdkkmvEcd+xMZHlQKjbOs7ddyYiCOYMzvu0iY44yGasV9q+7Sar3WVBMV65ip14RZM7zynO
NK1v7WUF7XcJxhXp8C0zR3M/Ex63ctVM/R7MOt3e2HxTbF1uIkod7LMfco98vj7aNAzkEFZmj4wC
G1OZZOxx0+xbO3bXjSPuEKwg+yQycxNEwTMGctTI7mzszNn74gOCAgRajvVbMIbZRTDVeusJi91/
0D1msPoMDeoAD1lMvkCMK21290Q2PRQA7lYFGWJsrW7hRe5iHwNeS0wF1kuxt63uEj9bt1YETRAv
pza2G+Dql+PKHmgCx6W/aXqI+b1HLguIs7f4Yejru1hiVKhsm/VTeGuX461Iyu+d/F/2zqO7cS67
2v/Fc/RCDgMPLJJgpkhJVSrVBKsiLsJFThe/3g9Y79eqrnb7s+eecIEJlBiAe87Z+9nORkrckJw/
fwyDEW1FR+HhW8C/WvuQzjVVRcoUYUJhQWFHs4geCx2xhhVSR1EKYMwoS/8krept6h97Hd5fVo/b
JvbJ8fP84OoN5VdCo8Qm8+vvVdy/aF2NpRJw3yohlDJOxReZhppsPD7ZRZbY22ugx81G1hBtSyIs
4ZlQ8rA2guFMvIaJLSYyoPh+wANSP8WwMB6qJDpp6FNInQaDV6JGsvRTEHTVJgtSUkH6MlnrtSzW
fZIYnJ4vafW9tONp01ICh4YTxw+ZU+arOQGRPOh4yoK4IbKAPIoFgQ57F55+22S0tYzsomlNvGuj
+Qcax+zi2VV5sBv/KAeYbcoZxpuF8CyR1asGWefo2f3ErKNntWPX5TlPqp0z2PiRM7hQUn6ETJEe
gceh64wGxoCYPTezTfp36aXRrjWrL1S3w5oZTrmNPYwlAA30niVfoTGWr3oCHYsJtjSMG2brClKE
IT0KwpLanRYYkCy6A9yRvFDQqG3CmOghZS57jIYbOqaAlQlrA6QGR7dxPwym3xKEgv0zR+Kir8lo
xfGEoB5fSmHvpVtUJzIxOBPJinUwkZVWhL57ppOIKkq8edDRV/lsgTZPCf3t6A+1PsosW/oNlKQY
dfrof5pIJT34X7Oybx7raJtGJBDOjnnpYzoMLaCxXaYDizJQfwwOqXatEBPRfoMMXacNtmhfA9gi
9mfyPYdVawP2EQnr/Z4BLmXFajaSVxg5WZgUPWCuksIJazimuRgHal7noYZfi+5HUq09AlVoYxVE
Alb91THzBiwVPRn6XPu+bzFztyPfGnxbqiDXEyYT6ZWMhTN9sVW7rrOKsFHucv3LogGrMJKmGu8O
dR0d/Xz+WTBKBmv4ppXVz36c7AO+P/zkBPFtJYxSF2RmGAOG42fE84OpM4nRFd9EEoVT4dQbltxQ
ppPAO4sRZ1ZuJfgYC+ScTsNMmr7fCZ2TD+PKdDh12lFoN5PaNSXM47RLsK+ZI8iCUt04AiKEGXqc
3fXUH5IM0DXmInCNs3T3sDAB3/nGUVK7x25dHo2BBZilmx+B4Eeh1AMLlEvvsATSgp0aomPdpzAh
glQ8d5P1PXLOZXUB2KhTd2MXZR2RXmeygM+itACyEPltNJKf9vIrGq0a0+lkPHpxQxEXDJIZpbd1
LYUsk4XyuV4uQN4Jm9Zc0XmHzgvsrVY3pzaosvOvC5NjY2cFP6NasMBiCLHR8cQm1Jv0UrdeLU5l
gUwF1zK+UXfjMQKkOUjijzNm/bFFOH+koMQ87TO/kKACShR0IB9AnvAet625dZoYtCOdFTOR6BE0
QF7EgMNv8nauKrSwSchejTAZT8UX24DHVFlVwphcmOuP7VC4IbknjIUn/HvCF1iCgU+UJkdrgAY0
hoJxZ+v9F1XMgoRRsA2dXGlR0ELbNswNt258CNWbqjfjFXSeZKXjpz0mVlZCroD8ksTtt1EO30x9
guLKYqfQiZ+EN2WwTlQ/StPaK9faqky59EL9h6nRqhMqZ5yBTno14Bim1DIPPdJN3IkW6ppmhgMc
2yEgwFdCic8iYqgRjwReMsvR+Lph9JB9uYvpeoUorxr10kYcZYnkcTaMm99oNjrwBAO0OyauyAmO
z+wGoASzbdCY26Izl9wufpmk9G0tDo+PNW+fEo8sU8ewIgHpATcUcaSZ4YVt+oGWN+ajIOwL6zGY
/QBlLdQAaO2w3qvxQogjHEtEFhsQAdRYPniDINdIk+ynq2iPHTEQpdn5jxkrwJjs3VtjVd+SDLNv
YA/ZecraT1mdJltF8yUsyWIAtVZtWCfH66REGAeVxA/rzDgLmyqkhNI/lmN29BimA7u0jXUc23M4
NgOBLJO5UXTqVw7q58c24ORiDU/GHKOfS0EmV4slZqiW/PA3LB3yaWCAtE6zwl55RVEQj6kNYWkj
YCPL9jShEd8PcfZ9NGKC0A2XPMkgY8CTW1/zHDQHFBGOsfS6YNPN0abzoOYyUNvTlwGK0DfZsYVL
MnRVtCdhaEYVNX3VnMA61l0anKYgiMMcTSVqLJNh2xTAJkP3d6EVAPs8xyveR+m1tqlhI2U+GkEJ
2EDry/R605MJkznj1V3spIPgaIsZ0XEnc4dzq7lClh8aSz5XOfS+NDavaBSKZ7TxWeiTQrU2+rem
j6oXkBf9eRLJGz+3+qXze5b1jiiglv00h1R+SvqhPuqVNq305SrKOLnuoEBBDCunvcjpMdReHI7T
aPwE8XT0qw60/rSG6Ol9kgpSBSJAuiQetaoqp0ei1pY0Dai4Gq0kJ0pTeHs1ISDGOD9avM0PTmrL
fV6whFTsaBtoeahq8dmZhn2e+sMNKGZ8YWZ66aZKviQACGhBGcjR8p/E3QGg7Js4tCX5at0jUUHF
qR6/0pBoz1mKTavLkVaKIjikEgKY01uAn5Jpry84RdXo2De0fjimDLMIYoq3ElEPsy2WneCPc46R
I0MSipcijhIg2i6HdpYpDl/cg25+S/x+4wAARoUXY/ZPIgrcqPtsWuXFNWV5cQzahRFhZXunnfdY
2cFtY1bK1BxqlXCvQ0rmvbLcPUPb3dCNT47tdBeVNuQHmaCxqhIKQwz3IIkcb492T2wtXQ9Oec0a
diw+NaaYWCElzPaMYEcMyFev0619kFrnyaKNYE3Wxh37Zgv8ajjkzJserFZQxPv2SU7xD6x1NEQ9
b9xk6exu8mLc5tDs9qTPFyGRJIBaehf/f2xzwiW6lH7CZO+sMvSI7HtgjpI+En4AJd1wbknikBYR
SQ+rd2qHZkFHRGMEhtBEbdzEtlb62MI8bvJoj5RnP8MgXud+jqyKI8XYuKFFq2rtlHq1bzIHGnqk
PoracI4WjgUQaUiZxSRxcPtETkxtUj0budy0Li3lEnXLtnJlCtQB+l2M3vExoD3+YNatWnsM3gy9
3XNEmpB+gFxtm0E8+fjGdWTVrRP8MOxo2A8WneHWAumkEhZ9Y1oRUuVzegG0F8Y+p1Fd2trGBJhv
ZJoKZV9DaqBcPs6Us8hdI4YETvIZPInc237wOR6j4dw4G0Ok4hoDOwvzHuQ2g3bJ4sKjo1JR3VHR
NjsdsbY11cVpVAeE0xR+aQueVjgkAyTJFhEminN32kdZg/uz9RQhIpB/xuyaprV3aWp3hfhk+qC3
qyhttFdjYirjNbdU1VGoWdM3xVrxRIYHxB3dO/mEvi4hqeWWDybaNfZrRGTvRksi7bM7fo+8wn01
0m+VktEGJpYigQeMagN7zETCzEk9E2cBOWxl2MUHeHLtOeoy42kYX6qM/HVYp9pZpH52kR1HElr5
2wzByU2KnvZQnrjnIb84MHZvsY9qmpA0jOuy7W6gBKKfKm+8i5YAeBgcxKsuFPjEh0mTV7QXBgdW
gydn3ETLRWvHHTCg2Xtg2RhcAv3G2OtEOOMuJl1oB07hpRJdemJEoZ4aiAnarFFr9CnjJwfoTDv7
t/sFbbtdSg5GVVoM7wBHI0L1khVrd8xAsXqZo3Q6cz4YnuxBBzcuPo+0ielaD0xoFtKypwXtee4j
SV2gkTkT6LytVnErrQxipEdmdz32zNjn3CJIA+2zX5HawYoBpmkTNVeCiHsnDNAubuzCUhvP1aHU
CFL6LNGCxPPnY0GjeJOYugXmg56nrg2Mc8DbO7UjQIhG4y1DNzIypKzTyT/hHZ2AeCDeTqrxR1KP
NTOjmZSjqpgODgVrmSTteoDBvCUvw1j3xGeEBqjxERxtHlfPBVb6GrUUpqWTyvF/WIUIG6eKHkzy
ENZzJIJVB+fjlPjFNRNWshMMGOiA4rK3qk8M3zmK2EUSTik8A3dJRLJK1a2Yj6ShCWpvA/YB8ppi
GGQ4X9GiantHVP52MpIDegPiq5YLrRnJYpp4Y6oykTepyg0sX+Nl4Bd/SIeWrKJeHw4q8d+KKP6h
Yd68kiCJVLKo9oipSpBu1siSsSCIKpNyrUYyicvGZHJcu/FedoQpN7KOt97c1zungjQSuXTulILU
rollxp8we3bCLo1aMGmsDuvE/wS2/pwD+oWQMTbHyUsqhiLFJ4yxHV+JINkI8DXKJgpGqXw8wChO
tqnh1+vUlTdz7puLHJLpMYrKo1KEOippOWHBUWhbjJkOB5zAUsJbXxUYHA6Sebsh7QRGg5+yFEpH
76GiIwF/4ktg/qxhIr8G5Yiuz83fSg1/6GRP6Rt99QpyBLFFtrunsHY5emP4G4VVIxkg4knI8UUa
aXMGEjU7Mtn2buc++BxH91hg6A5ss25IdqRKvRTg+ddRYC5AXOjOTue7YZJ1/R6YOdKVQK8vJA9K
74ffQ4cSdUTIn6NebFfa+74jvkFvESuYiJBlUSzpWh11h49OoEfwhtQGmB65NESix/N310aFWzIc
p3ok3MlsVQ04p1sxn0D4jhmki8sqjNK8wbDgIVmnKsq6DFEOIjz6WpBd6FfAB2z6Yp0lxpc62rQG
wU84PXY2uV7bvDIngH/lrrJVidBA9KsKnek2Byg0wLxbTxWidzJCRj9m+lltXbu0f446PBbwuXT6
nSixrhoZGoeo1nYEb2+ynMaVOdH/caP+3EjtbZLTt9ikFyJ7QkYLgrzgutjGviSIGpRucK60rDkZ
ZUe8OsoMBpoMUWviSQuLaCTO98tPF+zgBKTGmj6lJVAmsg7rTnK8t+t149Y1p3qPeIogJTKR5VSi
iGEai2nXWTjk3chEcklLhrUE+jqCJLqSaa4sU4BZqfhU9xqdWnr8FKnoeSoQnaiALsQWqUN1R7Er
7xg7oWG0aMe1FsoKdBQ+16DbaUFiPpBSbm1J1JFMQ/LuUDrdd/rh+ta3gNphlB43I0O2HCo1YzJ3
q2KLtpaGtYZVENhBYT0krn6UDmkDk9VHTzXNJTUxr+1xLxy1oYMSU3RPdUZ+S5/FyCF6zX7uii+e
aedEqDLvI9XBWNeicnb9UtdrNNaGLrF2CnvvSktwLTi0wvHcprTRa1aO0nsVGuzBVlbFttbFtK4r
mIUymryQo+GRD2vC19BQm0AbehwK44D9bsG36tBnFCLxxvTp9WBKXAnRWicou/NejvIaeKTsFAXB
p03bNBfPY83pdtOJgzAA1ygLHvOEPkhCby1Ja+dhAlfJCqrhy2ohlhHt3oKWvQbstWL4GW/irgm2
sy6RU0wPfl0C5ZN1c+m9+cVgUrZ0pLyDYeYS8nOpqKl548ZKUf67WkTL03ips7k7cIQjNsfNMN2M
X/rRNFZpCte5tWjviY0dBWJj1izf4tL4KnLwep1dfG8p2rdTVUQrrfxRZK0gps3wQ89Jv4/O0uoy
43yXYrl3/AXuhIswtP3oq2kWj1F679vSyFYmc7JWYP7t+VYHmu7ujUI4q4kIEHBcUAzjroLa6aQs
ZLEWrohohZeeyh/MeSmyJMsXUjI4bw80i3wtpbFQTWer+0wPY5WyEHn1xr3qGu8AZtVYGU7Kp+PX
TEUFzGcM/Idgtr40XqpDnhaED1duh5Df2JjJ0O/rIoUX33AoYR15K6KfhteUN912FGoInxzaKk23
bswv0yNQgZ5jQEGNQDXANhKTNYRIMthn+fjW5U1yjDt1qwoPvGNdnXKcBavULZkQkglAJwEZ1gjs
FEIZwXg5zSCV2d8igxaNnXV8yqT5lt44PLjOlD+QvG1Bjda+5hiJdTytIS1HzgeD8o+Txb9nTz5M
y4L4bRnZzTpm5AgCU+wsD0kXHdp4bdeRtfUYtoDkPcTSh7usjHLva26+TWn7hYP9pivNP9ZTF2Bg
Bbzv2ZeSJoulccTRtFtsODAlzIBvgNnyQ86bV8uLxgPGvnJbzbq7Khk/TbbLQN8CLuuKiuO+3QXH
+wX5xN8remv0/pI6pHmREN5VXAFR2ifRWF9ZU+rf8sa+EXYlLkKR5mSIhFSkMeX8ClKeltAQkn7N
77m3+YBbcimawN3Rb0leCSC8zCPAsJwmWFot47EufumQs7JgytODWch9nbX5ISZea19Mzs0qSFoF
0mc+zFnNeG/FKUMQz0EQGhmALNf6xn+N8obF+QiafMqI85KBNrEOsD6kXrGTffvFJK/wpaIltGVc
hsJjsOoLwLsXFlVqP+kSKQEx1QVrJAVUcD8EDXjnqSOLOqNMq0TLEWkktiGjYQq27Mp4RpHUYYoD
uQBM7qaI2rB2MJiTNHWAbEnpHqeHGqDBCclcuAjZN8UU+7dWlMNKmyo9VCr47CFcW+lujHF8wnuA
datf5WW3AylnHScVOw8BtViX0n7LwCLQaCDQqrGoaeZSPwezwXnQq7YyZhajMuhrtMa8sxtk27YM
KHXwl/MZR0+XPMrdkEwHc2MTkPQAIZ0OjSiis9SnnT7ZwSFnLb0fclzmbgWt1TPzixhybTfFIX8H
dbmWPqnSK9DbKHEJsAyKFP+EGRv5VjKnZAQ1tfC+bEpl7ZyWEPjBWKZry5irfVd0Y+hj8Vr7egS9
jbqtntxPOb+VKxz+hqWC2BcoqB5lpV2kaiBWu1l7CeIY9EEl8vPI71JYk3FwJHns9RQBQkALJ7KL
6Ox+1eZOQnZIxcczdHAqi5yjVaETELMc+H3IdCz1yVcoO9Pcc+64JIqlol5X1zJOHy2Tpu9sQ5/S
0uHIh+nxFeo4kBPnt6uy/kxXvl41deM+Ry7DCdGYz2XBGiUaER+BbXQWztbXIq2Ka+K1m6Gs7Tef
RssKKxB/Ev6OTVFL66M+7LrhR1d19ktt6d3VT7uXokU/RT1MpAq08Y9OLojpcIcfZUl/z1HBA6EK
Aq4VpXAyq9Oguda+Nafs7Jv2dg4mgnDmrECDCAguc0tx6C3CoYJeeReRoSmJ4nJJFuzXsVHne41R
epSYL20SPAk58yXSqc5VSTgDBmmFZFFal67h/BGlACMHAPQrAYigpJX3WC8XSpeggdtmutrTaNIf
0O0PM6rxBzF+xCcXLDUuWI0xv6rKmnbtVP2UVVav/NSrgdXrCIrAk13HwIgvja5Lxg1PRUTlS+vG
Ozr0OYk2sAEMWCJdmXohNlrce2tKayBxbUOuCqivZK5Y94NxtVIWtejgShgKHUWdOWr4eOPss+EY
j7iTte1CZAvNBpEbh/vPnjE7rMjLbp+UY7zuEiJvZzNzcVCJdmfjdXrO5Pyz4vud+EPxYge9taup
o4lW9U+zPuiP48Thh2wpNKvziP8xycqzbBZhi+33jFbn6CibiinLnJwwNGYX0zjFDcNtePMSAUlw
6/K4fBzdsjlkA986HEPt0Xcj/TzYRXsx23yv1+Wz5Wi0n3Hm7P2mYUHTOSvTY8VlBLH1YVLBE81+
UI/kONpYBB5UGUfPaIQ/2qNPpGtWZ8ca4PnNbPnBl1aQrD0roUNGN+8cpCXNPxOD7iRMeWJGS41V
DTsZGAB40868ldPdFOys6z53T5Mbt5de188Gx4x125fmJl/OIlpO69aNE5R3aJtGBlhOPpf0Bfvu
KSZa4haIQ+tuMVvl3zLaUyt30ttrO1zLLs9POeYCCs/M+IQwEQO30TBIZ8zwSr04EIla2f6blXYl
0x9OigbtH1aHhKIqAmzpWfZfQOIjXXQr+yCN9jMVgX40G84JQWJtdOzg3qjKY4eenE+Fg1OWD+IK
OvOl9Fnr2YagQ7Jc+AyoQG70t5Tz9xUbxM0Aze3CCDnYaYuKKDWS46ACb9XV+I1aZ3ygZB351nIR
d9TbZPGNu7zvt8OQGaAMnfQpQhjn6vXG47i4ktYwH10aGDvlxiMtGXkYF3BvRXbexyah7RrLNjrx
qRc4GGsa0HZWfM4jFiLAOhLg/725bZmOfmS2jUzvRmcP3vejKRHcye5Q+V71UfZL9QxdoBl2Grah
sx3rHyIGmj9Lq+YU6AFd7+n0Da3OXiPfujAVumUjiyG/i9RGQYlal728kI2esH6iRCdtUT/r9PpJ
n+qfOwTKvK9F8ipq2ju1j19sBOpvG8qioiXWi0XoIIfqXGWkxkhUmcyhCPkxUie6NtL94sduuRXu
8Gxq8WMjENz2WTFtIxdgeBbxMo2d3xzl+0fm9CWTYFISnTqPdkUO+Gew1XAbcZeM+A4+uQ2NzyxL
bgZuQwYlBFnxm8TlEe1x/4Vua7rfe3wKbrTJSnpT94vUMbyLHdv6GRrTOl4T0Dd9yu26ObpEh6yM
rNA/dQ3hRIMU/tEakff1rfC2uTbIc5UQUVNB9vwg+HLT7M0+IqYC8u4sJdUce2QLxgas7aD6qhgR
qcTQT4IsKqg7gXMwrbmnkHPRd7aM6i1pffORCn1oaeGwGnDqlef5DZqKcXpSyi2PWhf9mGgHPSVR
Oi/RCc0quPerCjSmRSUsZje0r9ymlSdf/fQ8bZrWloWyE6iMsYJw15MgtbgOktT64MyjWCXmYB3a
aLA+1Ib+11W34nwHLU6Bbhz6nV4iC8+LicxxYJjAUuLPqreSD3n1FFRB+XEwo/hptEY0F2l6C0ah
PQI+2FYieqGro06tFQjkeYF3y4pIfDTus4h+qg7EG6wCfJ8vZDWeusDxaKdk6iUjM1DDZHZsckQY
lDnWcfSwRMVBQyA0GYtLQF51wJs5bJuGnkOAmg2wQE8qXk8J7SDCLhZ5+ew007aVBJwkxKtfHIUP
siA0HKx9M2wGwIIh010UlU5bXsxS/qTV4G9rk2yowBytPStyfhIsNh4mEgdpZGscZljprvRumsM+
oJZlba3OLgv+Fck8A+s7zdgFht09DjMlb5XF5kfF7IHE9v6JP+ynapqAHJDW3vSZGHcFMrSHpsui
E7LvbsNUkwFr1LiPGYpiHzb30EfHIWbBK9v+Jx8nDcKY5EWV9FZYSMJ10GRZVypd+0pZ2WP5cY5S
c6ZNN5XZxn5Vjsxe6lhrXli/kaqr5WLrVKyPxoIae5y7+eJMNMo65b324Ec/ILGlxPWkujHaMS4z
MQN95qVnLBzEB3bqc+N2BlEFXGiDwbAHDyT9C64yJts1dTBs/WQ+8lnlB9R6xlPkHJK+z25VG1nH
SE4c0wzKGtezXmbjuQs089X4lrf9xZ+C+KPQzPgRosjr5Aak3YLox98mxse+acdH6c8nHLBRcAB5
k9oPM32DsFAsUWeMr4yJCz1s66a9Ew2OejZzVrbabuVUiXntbUJNA7SXpNhYr+ikBCK7Z7LXCORw
of2X1tCcRVs8ejaZYBQMiIDEQI9nTpujEWuHtuKTB5ry6s5Gv7MHD4SiN7xRWRh7jGPWkZZdvJsm
Q4bBhGemyQlaCtCB0jjJbHeiVBXexowjwtvxzuE2az4KuuIrht1fctsUH+b+6nZCbjD+j5u57X8M
VfekCJlaT3Y5niFVHIbScoDHxR/ioNaPvewAiyuCeTlP+NvRJIzlbrj8P6Lp/49oCjfvN2vqPwFN
/6Mhpqz4R6Dp/Sl/8UwNPfgbdh88qv7i+rcWp+z4o+3+/d9oJdp/g/4HFcAz8OnrLp5vpqed+Pd/
szyIpsAIUYbaeJsxnP6daGoZf8Oz6OsBfBvDwd3/vwGaGu6fsBwdGqdnkezmw2cEpWH94aSVtde2
U+aOJ9/K+01Sd/PhfjFN2XwwEnM+mPNUkt2KSJt+T0N3tOUCudNfW8tVpiCvRecyR+6yAFjIKOii
kuBxuG85jPtaKQ4EY6ASXXSc9637xbhcvd8GmwUh6v1GrYZZGJhirzNpQPChXqiN43kVGAswvDDi
5pNuzieTOU2Y+lZxeL8w2pZUk/t1OQdsDrZ8tRdxaL/IP5vlTxBeh9jVvUtenZojAYHj5toOEs4l
y4VZc1hfzVPD9fdNMw/QPDBkiNsiQ6W53D0M8/jXI1NZqJnGaKrW6IPoAJpprf96x0gZqneZHW9S
3x0YQi/v4q+7x1oeMWFMejgS6HBwVFQeOncgPufvV/NcEOoA9J2mAfo6kH+HYs4cDiXLZjwCNP91
6/06ML/u4E+1zdCu6HVI3kgLyuU/f78w3OXfjw3oKWjUePsdlNB0USvg98ZUErBFjJIH/0/f4PZD
C+MQyFqQGb6kKy0PeH/U2JgfndHSwNP3HWN+er2KL4a1BHPdt+4RW/ctTlSNzrHuH+5GBBEZG8tK
ZcjR8yVCvnDIuoo36f7A+3VkDLyRv931vvff9kkI+vKsJccrvyd6LS/0/urVr7v/fuN9H79e6b75
/sj7C0vGz4rvWqZlZJzlvvFrS7MXF66TS2t137zffb+ocev5ts6CcnnG+wUk4L+uOjUwpgLu6f3O
99vfH+sQPXko6dloRnmYCp93vo0bLn9t329+v/CW78qv++83/pfXf9vVfZOhIaQLx3p5f8p969d+
/tzFb6/7T5tp8N2SY7n/8xV+21PuKoiyg+nRb1n+mf/mlf5nr/z+R//2f/+27/f771v3i9/u/m3z
flfiEiUIw5AWOEQw0+eX//71vm/9y9t+/S7+vDvJrWL3x43akkl2/+kQ1NJj5fr7D+i+VZEuidZv
RiX+gObQ3Zoc0t6f8/7oP3Z7v8Odbwg2nb3P4uyQk3x+uG8ZSwzg+9U/bittpmzEY/KUf9q8P/R+
133rfnHf0X2X71cdHFmkiCz7kPfd3TehKLLn//7V7w+8X9xfxrHFi4boNbzfRDyBO3y6bw5Ejuqb
tJ2NrT7i/s316gAItToockNAmfZ5fbjfeL/wcxMpwK+77o+639olI0MJYulbAHbME2289sPxftes
p+78fN/UnViWj7/txnQxdU4VaUEyi0ssUstrd5pFAsuxaVCUZrDt1yrH5qo1VH3u9DVp7Ddc23SG
gYwVQpoEufZfs9xOVyhsps2Qf1ejznxEiI3UWknITAFYzU+OZGyg+5sgTTMd7uWB0d83ax5YzXIK
ehgzsnYiHI6b3/7KX/+Gsn1ckkkDS2I5pb2bHu5X/+Vt7/aMXw9Zzgz35/7LqwFOds6iywPfd/0/
2I3lO/3WJkPi/qzf/CW/Nu+33nfzy5bybt34r/4SqSfkdqpy+/tf005lWJnqiXUxZzI4yvIQyEke
7lvd8ge/3/bnY97vfn/M+21V7bosRf5xF3/s1hya//eq77v4373M/a99f5X33dxvg+D0xsSkOKiA
9QJdvWaZgbS/tu633a9yBr8aqa7C+yPutw+iJeTzt837Xen9vHp/zh97vF9djKA5oVq8wq9H3p/E
qOuv1/51//v1X/sUtrbGZEVsmgG5FWT8xTErBz/xZ8FU+ChmeSpHcJbGAjzBtE4Zji8IQAnTxcxo
sW2ijJgji+EGlnykytXXjOTita8Q6nJ+7jauQGAQO1mwbST9yIAJ/9AZ26BCs55l/mfLjomZTJgm
fXY1f4/NWu5HvzZXJQnMK9t7QmYHVkQnmUNr62/pPNjrgRUGxN+L78bzNUY631aTf8gwA8PGrV90
T7O3omw/5Yn2LZXo8ZTRBxu4cpd41P1Vas7gFF+JJGZ8mATBxhm9lZPhOyamss8ZKg+gYB7cTm3a
WnzLlpweNSLVIFZ65UREVdhZKCuc0sNETkzh2YwS6usCl86KEYYfIxzCgt0TJYJ4ILIVAmeWfVE5
imoHat8xYUW+9smrzU0dHGc2XYihOukK6zVrd9i93vMwlumefLqAyRzW3zrYLKOvjd2pbDWMyZOL
gH7txnn28GXA870WfSn4JHUjtIlbPSXj/KnMky9eN1sbY3zT2+c+rlCyOqu43pUSY3HlLcc5lEpM
Icj6UUAfs8XH7viIB5C9Og/eEvx6s918V7s9316sOJCVl4QOv/xcIjmFTgx0nxQni+madTOt7/ky
J5URtpQcsYqfCfUkOxevRP3mONG07v2I7JpbLONDalbHtJp+VtIoDojaCYqrMAc5Y9WFRtdGEF0V
AWBovPd4WgGFqOZcqOwwdhxUa90qQpsGCpMwzBTSRBVZB99SoxRMnEz/pEhMDlz6E06w2Io8820Q
t6gh7K+CN7eqsaqsgYJujUjfQpDwNtAuc4JQUubZYZ/wb7kzxvARDZMwkVX21XzDJfmsTz1mRkQd
SBO1H5rYRWTUhqRxfiyDuSQ4uYEaLopVO1tXcvMgPGNsqMgso8O26hxSTSDdrYZKzLi2m2LV+WP9
QPcoFEXe7uvFuEsvUqyZdntrUQ9rLUm8dRTFm9GR9c4Kujcatj+ZbtIQrFHxyOxxAF69Uap1Hh3j
KICjZkF0qazOPaIbWqkgT1ZT9R0pTxSOQR7mkojFGtvlqoO5E7TVz6K2r04fGWFV8XXYiAaDCg2S
ahtk1zodhhVY6HyFZh6IpcjlypJVwJybOMaWOE3eOCobZEUGOiXkQ8NsIFcfcY0YLvuJULmmTORJ
ckbK1GwI5+JUiaTy/gxVCbEWujoXZXul7V69gcreJcRCdZ4XSn4fbSYbAG7YX2hK9qz2H6o2p41s
iHEd+Qx4sSRfA9M+1KUyjmaaRviFKdbs2Pg2OU2+wYeKfytW1XUq3L2aApwh5K2vK99aTQDRbhW/
KlLpsMA3qHFWjpFAZEv4JEgRwO2v/A/44DiHNwTwVn3UhZ4VG1v0ii9mP9WnOu2eGeTBTJgPEpKZ
/aCaShEz5lCQsYSus7g96z5gFeGQcA5QcaT8Y7aomL05HwTWpxB9z24Ys3I/gW0d+tZY4dNtNxUi
+Dn9T/bObDluXEvXr9Kxrw/rcATJiO5zkfMgyRpsuewbhly2Oc8zn/58QLqcKu2q2r37uh1hCgCZ
SSYHEFjrH4YXuwHhj89PuGp58Nel1hBOg5bcYaTqaMG+d0DImCky19yoH7S+BTnbWfZNUEt11Pkz
OMOVIDZNf1pla83DDFQ0fEE8AIcNSXq1dg3U8JxyNx4d/FYRfN5A4uJ6Q9dHqyH7WMKzs8a+XEHt
bjaWDZd29CECDh2wF1yoVkuBAp1uTL923ZDDlxsPFRcXDXq4sUPwrSij23hYDiKZnoKivm8D4pAe
2IRMq90dtPt6wyANaHDZvS9NAtVRAFJdxTkBxj0h14HvcuwfC8CNW7pCUvUJUi+IdKCZS6cbRVm6
63LHw1odKU+Y5LsuMPtdmS97oNPbup7uAkv8mqOWt8YMGsVmH2PTcvm0mQvzsSbNwtOXgD7pq9Xo
6wXSzXiB+sGuHMluw1OTgmjhOTHr/UROcKXPBY7Jefgh5jHd99aLURoTAZQJ1kDtlisCT09ohqEn
NETeeu6iI+q07srQxE0aGu9hFjBE8Qfc0D77sDb3FdZNvsx450HmAebOn6wgR42qScO1VpBmhbO9
F37nPGXVehg889y/A26mnUceMJ40C2kgQLoeyax6rvoVbnZnEyELWFieh7bxA64xxiaueCZHlAVX
Ra2Zx8m5R53jrp7SBh4B9x6kIG8VtikKpR8bRlFgC9d6QHfXdelnJgglafh25SNmuMMDmvtD4BJt
p1az7xpSdoykjw35sd6c2/sUaMSc2Im0bNrQ24GXgf0Bn51sFA/epg9dfT3WyHjYMX7Ly75cQL70
g2QKuvYeetXzIuYSbI3/PJv6srWzOl1lfbbu5uCl6bEWN4sC0HVOfAsHtryBre0iyURQPCwOATMB
7KHMJzTUsPMMYqjZ7tkUkb4Ci4Ph4eQbuy6q0y1ZwBrOqvmp9siu+A0IFzxc0IWqdO8wAy9gCl9+
IqKWH5eBEVEv4p3miA/TMONEn3/AId1edV5xwDDChX+Cb2/kLzfYJ3bM1tv3sDkhGFmLufat6C7F
qGE7zGD8sEnE8sqDULUgsGgVybvmUe/M6c7rwPQnsI8xStghkjvu6EhwIh9ehj5G0sueNrEI7i2X
VAATPMwIUv1Up12xbYhXjCgKHjBYByuSxM9BjnAv3gl3gN++2MO0i2DjnHToWdwZ/got2GaHgtVd
2WjZ3kb/rBTzTSDPdGUMd8igMVmq6PkQHTGqDt6XhzYD0kVfKwNO2WwzUGhjcMadbuPHUFakODVf
W5tDte+T4r1HgKinPz6J0MeQzRhviwTuZYDa8dbGEq+PdLENrcqEAF8+tYwc6lo0G5wx7n2LfGk4
WOsMD7J3mCE9m40OyAHv5R48qYWckJsAKiAXiOr3U58aN2zEZbMeJqge6yUHCm0OX6qRXekJvvR6
ikye456aIahvDDN6tKds4B7t8DWMvqY45Y3paTan79mIqlPtauaqwNWyLUaYCnbqruDGoBInWtLr
362ZDgSQEHBY1/7g+RGCmQCnggEHC8TUjRUgYKx9iwQ/lQIYDcjH4FgzhNab8qZComGLHm97ADWU
uaDBXM069hG2i31647JHciHwQfFAazcge/Rj7eIEgXvtgT4OJ2g/uBVFAmti+K0HGG+nEERjjxMX
ZfEugcTAyKc/15EQxHnFua7ItM7x0UdjNyRh7gAq7/ylYDyPOwhov8pEPR2/CwvGZLU2YZWWYC1b
Q3adGcQ1QQYy7weERkYplL7mjAebJfTeM2NDEj/al221n0NbMHHJHye78KCbVLehpT+aY96jh1c8
OX3/NWxhW+rQUCs3+jVLfOgGIBVuNLve6ngsH5D52C71RNcMS+Osuw5CMKdZkvM82/i1iSMf74Na
bHGmueE9yHBLeJxuJNf60vdXMQOFysbnl4Scva9rkHROWxFAABMZ6p8BwnzWnAFzELTkDITwc98D
B9blwaZwwkMPNnCjm2A8dKBCSKgky1YfzHeJaO6zkJdxZGlHlUarkuHOib82MGFRRhQfAbOts/hU
aYy3p5RY95J8mxcot93QSDSwA43RWbhHhxJjX5uICV6xDNG01egFEHdhlW7q0eDhw/4dkCwjkwfD
HMt1Eph3WsV3lGB34NMgoZgAFFoNCXQ3IyPSADFm1aM9FHd9iM7GskX37xbDRn1XhNnHCHGTfdGA
p+2Z/5jEKz6gAmibgOl4vBgdQGcFr024YwI/16bRSz/H7/WwFJsiGL+bnXHj+qTPjHn4LsIPhOPT
3djO38d8sp6dqO7XqVbJgSXcptHAVgSAWH8rNomB8EmIf7DWhjdVJ+0p4DUCGb3N/fGLP6PySORo
FzuWfTIgrLQpiv7NEh5xRbYOxOhfnLKdV4D6HLjoR4HLy971+2+VV81Yb24jPf5tMFMEyGxB0MaP
bdLzPYy47muTBz4CDtPZQxIMVet4YwheCpWLf7yWb0owpmT3bx233dsN4HofMk8bhA9ekz5DTD2M
hvfBbrHEHZgkryx3ft8ENVe1/2CgOoO/4VCtXD29G/T2hl4aUkZH6A5h7swsn0vbfImwItVKF+DO
AFbAw2E5jZc76OOQyjsjOoDPMfeNzyXTjAeyxtq9LnEUFUID93VwtjUfVJtqGmHdNVOW3l7aDDes
Vgu0Aphfv38qlDynvJmiXSXb1IoBjG23uACpu2FjRctTWz/hITTej8a47yDRr5ioRkgepahEiiTh
QMIPGmbamNgzik3qHjGOocO/NoaUz1NFiEC6koYPnVzgMfqA/Z1X5OXZDUfnXi0IRy7Q0xdGohKR
otrg09T7pY945H+29RhZrZDhNBGJAzLmOQEJYRY9N2Pl1vc8FCZdfocPbG4i/iAXhGYr7J4RaFHV
tous+wRC0LsRdrpqura3wv4YM/xF0pJPelpt3mfVtMBoaEv8H37/SssMzGMbIsSkNnm1wkIkn+HL
tcUBUwCQvyyQTmbHakUQgeb3O2vD5LTaqCa1Mk714uyIGf1B9uSgKArsHORaGCUPxAphe8z3nWFg
lF1P36e4BtNiWLc6SpE30+QgaC4X3sJzVXbC2V3bsnko9kEL+iTVtUSDuBBYNzBtT6mTOvexXKiN
e5xGFxzNtwBe23VReBEXNQsFqj1QeS71BqWSXVNm9rpS66PKMRkZTfdJ671bfPqQYamhHtS9fe/7
qfYOGZ5QVsCZ/VgwtfoE73Y5YSPEHrIQJ9upwMfzut0EavqQLToiZ/KzLlTGc5jH93mV93dwKTeX
O2qp4hC0Wrfys7x9VzL6erA1L3xAmuOpCsLprDZTCyj5SIF5RXVQVbWt4RUd/qWjvlWfUm3mbCKN
XqbwgaZp7euhf58Vln8fphywZSEyGTT+vWo33XxAZhKBu8QDwag2C/r5WLlmBISSTzILvNdjwCvx
wv1XzjFUi9BHUq4q3fuqiHByjrxFcrnce7XC6JL2qFdIwaiqWhGCRLurwZpaSdqhNepH3Q45FWs9
xDMjt8G5uW4b1Wji+WkLOMmsk503oz2y4IgCmN2REII53YL7LqTrNXB8yyf61tZ1/NDLhd213ZGY
UrGKJlgx/4siKDqIbv8KRQAEGxnx//v//vMvfFHPL0X70v7jP76pbzt+/a9/GJeP/IAR+PiYMvNy
MdaQPlWm9In4HUagm7/oDsNs4SEtYWPz9xNGYGOmKv+5wvQJNeDvc4URiF98FLQND0yC8CA6Gv8W
jkDXpeL3KycGnR1YutTFFg6cFlx3/6j7jyu4B099EmcjCI5Wkuk3o93rN243TqfFI2CqxwI93wpi
Y18PZ5Rc65NNCB+bGpnX6V0vgrkU4+Qm4uyo2iC01idVQvi1Pl2rJcSvoWucg1pZBJ/jwK7A9pHL
NjIi5qpkyVLT94D268O1+bpOtTFgYx59Xd3BB9hXVnpuwEktDAxrxhhEg8AakrqJPw15Ce2XVzsk
seMicw6pjqipJYgMeipVonAGhVKcSspouwiGzo2vZ+R/9PdFOE0Hg6A54LjonJkxIFkhvg9dX+9d
Y4jsmyZvD17fEKzIHZ1XEIsW/u5q9rKPRq4THLImkhM65/tYoa+gzlGAAXjnaXtjApQAs7o6sb+K
cdEfqlNlfV7aECz0Mr1j6pcQjQOcli39bdaK7mS0wakSuJxAfphOaoE6Q7EqvBzVMRvFpACekOs7
GBGYSUMElgWWVihDqaKj99Uh4zeXEIAh1jNNux6GOhYFmlAlteA46MX08cGX2ILaBFtwXai2rqw3
05h1hyKpgwPglBXx1fKUSD55mdVHby2AxdNzk55Drn4hs6m57UktdGvcGGUyHBiYNrDKqnC7dJm2
W4boafLj6VQCzzwtEImMZjoJ9AtPIFUu2BUm+yuzriDRLla2nZY4Bk44pHvPb290Kc0V59ZudK3y
ML0LkUg9+TVRSctIBphw8M6tErycjqcS4UUJqIkwlopdBKl8/WRXJrBrxE23RRDbp9FwoCrWxhcf
BSgFXAnKATKFXJh9rh90b4CBTQ0tDW/n9REcikwiOJIgP6lFEP9eQnBwOBrZY7DYH915JsTPUxUv
EWy32hDeEW2CzO936K3Hh8LlzvSTfusHRAcTYK4kAABgjGA5gZTY1kbTkSqPvKTBxNv/7sNTWONA
kSFEsxin6rI1KNCZF5Xc0m6/Te2nABpVq1uHIbERA9T7B7sP7J3huvoWMMBvWmvN3KLNtCkNl8hu
0o2nWhjjCbLfTEi9QDCqgqqfB2giRBLcI2aAhOt6CMvLSXFSo9qh4/345rcXI/iJMHCjfRc0yJUz
DL/AiRTo5wI+kik9RwGN1GMaOIyT+wKmIbwOa4AjG2tfmwFzYi1H42WBGd15/npsEemsIx852Roy
VzDrxXYJMA7ONGD+0YD9oegjZxP01XuB6hq3mCtAPZLF0MQMGNWPiM/j1IBYVVMiDW0G+M93o34C
z7qcIHAxixZHglHVaXGB/wiVYIeWZa49VP3lTU6+eLIhrEg9zWAOmm3QWwax/ojA2+CMBxcRggaq
5sm2URPNCnqKTlaxNEQrJQ9f0P7vTrBvu5PZEMXXpvBLOHODloO/bLNOxAc4Z4cUUd5N68TIzgyt
s++yCXi9RrJdLmLL/FFSbd5o4OMikt/U0+9JIFhNEAlsFHKL2wEwJdZICMAFji64J4ZiVVsGOHHD
HrZeg3bi5ZCg2R7qoduoPkg1ub7VrWzNQI4rezH6aUSJkUXqIaxPlgl3zWVdAJ04uFJhYkE54fIw
XIp27eK9IAbwt0B4cHv77BfA/lMLlfrUv5/n0Dz2psRNTf5obzrgT8ggIPCIjvpdVNFDmHo/nwiy
bmLLu/eNCtd6dWalQqJtEjBdQtgS4QdhPiy5to1LpL66PEIELEPqX/W/qn8rIv082SK59MsMpDvU
QxjWuU1cHHSj0hCXHB801JLGiAGXXVW3MS5TpJjgmZIfSdcMCQibI30AoyQON83k1hsnaXBXFeNe
kBo5aXqDuoQsWYlBdErr4LURFUHgEQCUTB1HOt20qhLP/loD2kecq6rWs9wVSth0e671bU4tg/Rh
np3HiGAAbO2eB84JefFOCWpfoMAoqgVqgb+XzDbZBoJuswlLeFWi81fRjHQgqY9gHWZ2ebQQ6Tkv
epafSaLm535EdLTUoGLnHeBWgYbXqpjpPKa6T47AgpGilB1KF0jAGwA2K/dPuk4PG3IX7ew0fyxa
Qh2dVW5rz3soxgZViMxE/Q84HDZ75dHFeME35btAtc2iMjd+xiwiH+nnWzx99obuHN1CRzahHnxy
JTzx+8Cv3hXZ6B5jgeTuBPsNfd4F0ANT3DlBByGwg03Sypyi5YRbDzqHB7YJiS5UgtmKZKQ5nJH/
XtXob/rIqEzENURYatJBmuuTN/qPK6WqEQOhPRZeJ9tf590yokjZP06z7Intuy4eiCbVdpQTOLcy
smybrOYRUIuCaNXOqopnQrTlKZbDHmwifywKWfKqnOwv6RzEwsFAqrWFDzaehGGefWsmMNQoP0ll
Y/ovtO9SaL6rtjEekxKfjskdXswI5cdeuoFmw8c4LF9Qa672KCMQ0td6JHJmfT/ZxpZJ9RPpPGNv
QAzftLN7ioNqG0zjc+ZEBsILTMvT8eOcondAjvAG9axhVaFM6KFVBVKO/oWg2KFx6o/5IN6nwZQi
g9yCeo/mL3C+tm3F48HDSPA/vu2QQ92D+8QFjRBIVsXN2on959yIb7qRHJiwrF01W9+heNyV8+Ic
+8DcQvYu4RDFy3Pjhx3+HMPOWpJAwtKRZ45Rxcye3W7K73CwyK0ZYbmYvLiTQGZHtfKuTfUbPS6H
XRxGn92SfNWS+FuL8ROz3JTgRpEfEndB0HnSCzliPGSQYHaZi0xTSZqibEv5HnipSqwktKp2jl2J
oELHvO8wpZ15T5AV0ZUZiVco43n1LohJfjqdfPv4vFqWQcAqmpC2xsB2x3AVBcx0aLGhJAQz2Wgo
mWSJKlL2u4kUzXPLOwkq7ndhk/5BxwsurCV2Q4a8QJPgDLcIoiD496wm8dUY+Bv73XtDaol3/RDu
Q6jpXTEYm2RhkAGCXWzJSpJq7BBub3nojBDnhSOyNDmzdtCzsZ5/nlrr13kejYchyqN1Bbd/8rDP
NDOUfafPtVNGZ9Npjv4cj/RpbUnqwH0H/6w44o7I6fWDF6+EVNWhOu+65InLHD1Q617kffKYxrnU
HshIrOcujPoZMQxH77YYyMODJGE3JbeTVAsKGDiQWHEqgKDhB7MG+cVNAPe+QNy985IjsLVdYQ+A
QwoB9WuyN9Hixqg5Fp+GUoMEgoATh4A2XWPgjQGuJSdrtrG14TNpLhs0hf48Oj5BSvE4YptysEvv
UzrnPZMY+66IfETOb4VJht62UuSNJ9D6vag3RY/0ZDUbK90iCGwsPkIe463mc6TD+z58SEV8jkRX
runpnBW6nSZqW9EHmwwzrEf9sDBtRJKxvEcEIl2XKUY59sjmE8rzGyduP7v8J47bobm1dSpUpJbE
/QDErkIdNrnpnIwhaVth6qAlZGGt5YAk7sNMTGnjSqX3xkS7wPG/gqukI7ThVtkEmvZiAN2g6XiC
luNhCgTC4Bi/EIUfV1mOrraGiV7nQpet+gljQj9dB4azz2ZAFHrgzpsoDO5D3DYSVNXGfHgqc+er
poGtNfjheuvtrCzZhn75MZyKL2EE+XsZ0Q2rF42UBxeGxEj0BZMCSMdD/8nQ7eyL0YmXocboi+ny
zjP6XxvfYA6FisG6Q4QUQrK7MXygH8CAjJKBtgJZVQrQNcvp2iAh5TavDaZYSN8EaOiRgbgu1EbX
aqE+WcqhpWp8s/p/2JbHDejBKp7mCNkWRkehnNVY8o1rYBbFbFnW1SL+WVJVmOy/r4ZDKHYmmpZN
UDSndGGwp0qdQHILlvyqScWtljNnUM1qkcutrpte21RJiJbR21+uvn5NUjo/djY/4fmWX3asvlzX
nPA4R0jiyaO6bvhqB9fvGRDiZ7hoC5T41afVqpKR8x71kSPQBRx3q/ojUWGmP4o+ELTxJm2Q3MvU
bFs1qsV1m2tbOcvZ/bX+Zhtkz7AV17pPmYQCXzd7832pmjC8+SzgIngHP4+r6CtULS5b/umR9b4F
os0rph8bqY9mnk6Gd0yAkDTWsi1H995A82NXGAy0h5bwx3Uh5KhLVet5rldjQLolVmOtoZJhlOv6
S/3P19k/v0VtjwJ0voYixlzW3oA05V2dCx1chw73Tk2FsyJJx3equNhonIFP0JBrI2PhSPyvKl0X
sUQhX6s6AKSMzvRwbVKlAlsc8EDTuIYY9/oD6vN/1sYTA0T6+vXXbTBse6iqctnpmmWconxg0RTf
NJEjkFxp3v5/Q5j/nRAmumxQg/46gonIWdm8fC1fxzAvn/nJhCJOaWPK7TuWMCzTIxj5M4QJSQor
XyhNjulgZsiefjChbOMX3bAIJ9qWTrzS1IlutmWvSFIyhEkWEKCj41guTKt/J4TJYbyJYHrgWFwf
ez/PtEhKvTWw1fOowhZ60c6ZfCjUJGeUj6Ca86jSpU09bYl68kZV/vN1k3xAG/Woym+5fp/aXC2Q
dcfCRD7w4ejfd2lvL1uguw/RgHuCGsgj00MHhhopTPEQrUHVqEb8aoEaKqsvGzU8qMtaNaut1KD/
uumrr7tuc12tSkB2wR3146ehjxgWqs5NLt7sdbQTJhXX1ar0ZpvLkbWaC7bCJ+l53QbD8I+67Ng1
evhKdvWtfFMU8s2kqzfBqN4KqlUtXPVautZT+fZR1YX3jCFfOOrTqimTryMDQV35Tvy54fXD1y0v
m8vdvtrBn61+0xYWvFJb3q0StdbLl+31m1TJ4p3sypcz7Aw6N/XGVkW1SGTjtWqq970tX/2qsZfD
gcVv3culvF7FNxdVVQt1/b0QsUFAv9WqEzjYrBtbEiXkTYcOC37YSNltk0hyGdRNiPoQWi5GpV82
VG3qI5fPqVvadDQLFK1xp+7TWbWp1blhnGsrSveqlo2AJ/oYhblXn1VF3C/uRe+OWPhwMNebX1Uv
XyoPEF2CydDuRpsgBhldgceALKpFTHjp2GcvRZwgrhQCIYVGSJg6lQvlraCqmPwy7NWASpBja09u
ib0VAFCK3dzh01OHRyNCtB581bRKZUBRLfp26lfIdDTk4/v44Hoz2vqsjH9uoad4uhZonzUyMB3I
EHWCmgna0D/rRGZQMBPFJ1NF2uVC8U9UVRFHDBmHV1UyDR8XhJDBcXBG8IJZV7jFHCZHPkyBJufp
XhwNCFK5B0UFUJSIUHEVXxWtGHASAZJ2nupNqgLBkQwEI77FdM2TIS8yw8PRye9BTGFE4ei36ocR
e2YXqgg1I8wYwucjik9Bsi5M18zfaS4ZwSQRh8SGEbC9Hj46ze7GlPq5Qt67CO3BUpThWFVVCyRV
f1TTvL4lEeLtHB9CVQdeFFbBYsMX0uXpyXMwbcvcPqizoHg8qqT2pvdw5CZsUxIZkYcCQExuAbQa
YWC5nUaXQJktA4FYjVN0nI5pb1o4GKGYLtwn4n4ofWurOWkRwL8clyGZVVHCHVoyVF6rg1LXxIbX
3QeteVBN6gpdr1WwQ1OAgAqkHsbDWf5ctQVKz6oKfrA+zVJvrQlwOWx1c5XHAbgTecuRIHn2pxoi
rI33bV0O+0WG1NU6VbLRJEfpLjtwxUmeKBqtLKHWA/1CUzFUwh9bw+q/et3YEAmLSExYqUYIrpFF
VS+W5MlAa3WHCUJ10gYLLydVDBIZz5ONXov6I+pmN1cGV4oyJidGjtsUyyoEr7wid81n/fBXKBKw
NuVCla5Vb/Er8NzRd9XU9+Enb8DMNCp7bglX5lu8DHV7K1xueyPtTqopClFbigUJktT7WNkZ/f3P
H+sVdi9zBnBL1GmY4IEitKhVm+svvPxMtFK561CLPFUd/nZ6fkMKvj5df6Wqqt9b2RUZRahTkye9
TzOCofiiImkro+rq57oqqu5cyWtlXQH0Hc0DAtvQWid0F3szSbev7ld1d2DF5W8sMadMouVQ+/IE
y8fY77V9HlnG/tpk2/kduQIHZSFC5okMmV8X4QKY3sWeca2uSinTi7U+3CdQEE+jHFXbMn6nqole
ojih6o5hA+BahmR7IUApjpRa6F5ecdvUwy6LEZTCbczfVGaHJYO858WEvBseLsDA8gG3O5nXU21B
MctQFrKtvYNbqVyILMVVpdQNcpNoI1uLQ5RNhr0nFPdPquSCz4eLnDbTsXGfjHFG47BAt66sl5ZE
Q05uhPdee0I6tGWijVuZr0/5NsSCgsdIZQvlDX6p23UH0t7HJiIi0i6qhkdNXf5GXki1WGaPxnrG
3sxEOgf8NCJNSB2RIbHkVe0wuEM8iUl+V8a88Th96uZWpWu1awShbazUtp4Rr9x5MU5qEYbGR4cs
pWRJQxZT5HK5cGU67dqmqqXKMqii2lCtvlZVm5VIH+xZnFXN5g2dkgrhqy9F1frqey5FjzSS6Oj3
xDzghdDWN4qDpehVZouVmd4+lKYYNj2Y5o1tYBk1aMgclY6voxmepxuz4j7L5FASSVwGRkZBr2HL
xktRra8RYwEOjv1OBmStkHmwUYZDGsWCV0XVqBaVXK1Kmi65dXQ+P+pqQ1UdHqye9On1k6pVVYEa
88tTE9mNCh1GhiayribV12+KAmLq6A4XoxygoHMq9/Fqvq7m19eJuKq+moj/9epcPkCXLdVGr2bj
qn6ds79a/ebrkmtswUERa9/1FQ7uv8cgXh3lZcPLLlzJQQoDfE6blJd+OcmXXjvy0lP1wETQKww6
2KiyTS36nyVVXTxemWpjVbp+VlX7pY5OmYMNL1vZocuLVRV1Ryz4vciv0mz5ulXFS+v1e6674o2I
7yG6Amu1Vu3vuntVum786huv3/XmEN985LrdFNNTePFBJTYN+diqhUpx/lnVmnPw+9BbcFVjY1O+
xq6AAFVCO4fUpzN/VTUdJyKSPX9ED7ypqg3/sq0soxQQBRZFajs0CflCVbx+7rKXP13fo1++rgXW
J5cjlr3S9dhVqVWdlCpet1E/DQYN3debzVXVMUJHwlb8arQOI8BWdQav+eFRw49y7RojugmpeFJZ
8yEjyFyqQV4+DLdRmOP9IUdpCjHhqiGfql8Xl8amMAJsa6FMvt3IkqO6y1eqL1F19fFLo6rrMx5H
BlLyowfqFOA6Ekijjk/i2PinjmAwJBwHEHgDtsfDr31rOzLWVVcumuyWBjpXvfYgLo1YBZPWmOv2
MIC3R42i0S8IEiXL0auxpIKQmFHE70f8DqsoQy/Jhfv2yV90+6RKUZ07l5IdY+/AVP8ACY+uUY6f
fDWqwkuigk1hNgg5hbG+1s6oSWOHqoZ4k4QbQahjyKVS3qF8iatGoWHBPZitvSpd49GM/GaX6SG5
mTjyTvrUzfuhxwh7koveLqtjjJS8SronctaiSjkevEnCmKHRC/3UyYWCAbQNGVjSqF/ATfWnQc6D
rgvVJhghbCwDPuuIAsFKA2O5LVtLO5ntEgFGEA7UoeTXpYGwk6vXsSffxGrRLiBDyvKjThdMFyHP
hCPHVerEqJJaqBWZFHvB2LVYx7kYwbrIhZlFh3bxdoHqGxWcIlHgKYWouhRVq14g+mcnaEdKGRhf
EI6HVsvvDZv58HZjhbxSH1NrVIl0coUt3QmtHBgsPxf5z9Kbtrg2AMVLr7yiqIeL8IzAkleyZUYQ
rLRdV6jSJE+VP4H3V6AydX1V6bpQkDN1zVWbqpJDlPMBOQG4ItKGpX+IFnTl0stsQa5Vm6gPq+3i
0L3rgOBhkMkrVyFPGBsWWGX+XtXUKzJSk71Wvn1rRWq/bopEor0KdJSHX22UWeSu4m4bEUffQx8N
2sMknUE8F6CEb7qgfkqDdB7pJcC1QDFgY7nlZrCq/kYt+noEBNp7oEemlpeCwYhcLfpcUsht29sM
EtSlep56mHm5XPuw3NCnbQWhCHqKN58yq96MeBxfsBoKtXGt9otMZV/rqnRFdqhqFejZ4X+Dtf+d
YK0JIJRA6V9Ha29f2vblt6hvv3XdH2CnPz75I2Yr/F98E3iohwyVgPtEyPRHyNa1fgFvISzYThZs
A7a4hmzNXzwiqa4nPOGgeGWx6kfIlmiuKSPAEiiKp4NNoPd3SOz9BUzavqn/RwH7toyLrv2vfyCC
9Rpyanue4UodLMdwQL7qPvpZ1W8vj3ERsrHxf3xrFlpaadVBb8Y7XNJJYNhk0HH8gaEKjd6Dif/q
JP04gn+1RxPsK0hXYZkEsf+4x6ywC5sUe3UYsQG2BsZf1QdTgHSFtjwGWA78/e6k9tYrTK36gewI
YK2N/L3tyYj1qx8YYsaxNFVaAV/d2RnEec2dn9H0fRH18vxv78oDt2sjRib4daaE977a1eBmmFM1
S3WAWPM9zdLvUo0A1JSXhl/+fk9vwuzyR7EnB7aVyz3wT1etE9HSRs5UEQEZ/a3vodjUoveJRDm8
+r/flcE9//YEerxfbOL6sFQNQ57gV78qrHD4KSN+lSV9dhDge/bqBuK2OE865FMMdgcIJEcD0gtI
gRofJPfOCmt0f4vbvz8U8Nn/fCQm7rBcTdDW3pvz6w65p3X+CODSx9k0hXzXz49zOD0b2vw8VdNj
i5N5AJHh73erfuGbW8gjcyMEWQ1BzuPNGdAM7NBdo+QW0tJjondHZs9QrMbHupsewfeQ/wxvkmJ5
Trw6WJVa/NLYDRAaKUNBTnKFLP37RKTv/yeHZVvkelzXFuLtoyuasmc8AQ+jszEFDTPnIFz21lkj
0Gav+9rrt31T05AE2VoX3bors4eZ2OKq6ocnD/gvBki7UYQo8/3sBf/kAf/Ty+S4Jt2Tq+t0L3+8
YRZk1jGLyjFY7uvmUA0mlFSG1UBbeMBtngi3W7tm96kyy/pf9C0G+a9/vkVe7Vuuf3Wzeh5melqf
VYSErXejnqByEKYYDEz4CjbTM07xnIoEWJoQX+L4Q9GgX/73v/5P+hu67Ouvf9O9QYRGZ6/gCJbI
TAFfwGedkpdF+pYmdAl/vzNTl6SFN7/Yh7PgcV9iPGma7pubswQM6eUlMBpMwnZu7Z5FmWLJAtdw
1geUSOp8X2MVn8UfeoBfaIQAoAQ488gE4gD1HUqiPp89PiN9V/2Ae8fS/NM0+jtAM88VPoN+OtyF
OpKrVv9YJrvJKT9OdHB+nLwAdAetM0zPS7bzCxi1IV45eU4wiO+R2/cy4Ad7GBblvpytJ3ItiLui
/dJ6GIAsaGhzg6YpGzkdFGKrvyuWpgYJhE/L6KA/A9FdPlDTMD7a2PUMplhHsPcy9CFWkQX5X/eL
WzeKcbGxMS6r55exne7j2l5roQXWeTqWPsdYYMyAjvt956KYokcFiik5ADwRpce8Dg+YIeHxiLRs
rR/s9mvaJy+Zq5+RjIcc5ENeSLtVNQ5b00++Az79Dijmu7yfTJ9b2Cj4DXGB1277mye7Ynlm9BT1
9shsd9UIUXECsw1QYqUP0XcRxXvTdW9JSOKjzO8yJnGAY/geb7mt47SbhvOpOo9OTOeoASunNRV4
gTl/IaT/bCPTiy/I/Dz6xErGeX40Yo+L3b+MmpSDWfqNmRB2lDYxgct9MHY+GijGhJuLy2UppwIs
M6HagA5Mnv7ASb6PKRHbUnvvdCFnEvVeKBQ7v8FTyA1vTQsxbXvO8e4AjAvz8jeYU3gq8FPBbqOn
s+jPhADvEv8biDULfZ3xORp5T5gLmgU+/WLln+oIxfgS1BPEeXI13vIwWTin8BL2veHR95dDnjvn
KMU50PFbf/uQtiVvlworJ4dTgJrwpoi/1sN0xj3qRe6ClOJjNMobLe53cn+4DnxuEwKmWvZiLfrZ
kWeKwc/dVIk7N9WftRFGmq19T8v0xUjylwF0GoaAzzXh0dUQrbwyfLBKc0Q8BBQnRG5b77inQkyU
g7B/QOOAL7ek9pjP/Wm3QY5Q+81Q6OUKGfwzKj31BszW88IRrQvYZXUVYylTJy9JGmlr3o7vRDh8
86R0jSkdvRvhz/s6vSu/5cbWuHdcwrldIU48Vzfq6N2U3zcZw6N87yY1oL/4xcTVd6nrlzHnGZnt
G79zAfMZ4FJtPE2lDI68lUf5ciYPeqcRAgCrCL7S4NrEjCz2dh2uMX99thqwfi26JkckNz8YcdHc
2BPH1mcRFHiZtUm/i6CpCK8HSO6WFhrNVvJO3Y61E37//+ydSXPjyJal/0pZ75ENOAAHYFbdC5Lg
oHmWQhuYpJAwzzN+fX+OyHwZGe91vqp9mWUwKU4AQR/uPffccxI1cZeccYBuwYspwlunQ5QtcDj0
upQgWfg1yunJy5gr5ZHlFl2L8clEUImaM2txjUj0TkMcOywDiIhe9NYNxBFwcpmcGG3M8z1pOcrI
atka1FYf9YrFzxCqQgvuXkYrdjc/GeqH2pah/hGg3RI7t/oCkN47/d0Wbegvp6zQtNT5jK4JfQdZ
cKdJ37TaOtZx9woEO8zMgYHhYoTpm6shQ6fr00H2bFneSAg8URTcjLVmIhnNC7z+ENYjk8wZnly1
ZnYapwV1m0tuciiDowTsQ7tGM69aZb3jzjiOdBcV0g70ZzeOZe2XZjrXm1jbpegI6D3XxqO8dRh1
ymmDPzWO2BVmjJwJbi6k5mG8t5vpkrpjuZsn8SQzNbskPj1qxZRdP6PNzEyfFPOiMcBMKPd4PuDJ
rqwDjOEvFzu0L1KNC1O57uBj3ezi8kotElEaPSLpNOuT0yn7x0ptk+UUUF/isFLXHphbOLVJbT9r
mrsVXXtZz1q7caMi34aVdR/hHo/LbuX5WZU84uFAbbFA393LuHCZgQ6hxrzKIq6VHOcnPcMqeh2Q
a/ACwflLbQeUIr5QSj3ClzzXWeK6DkOnudO/14F+nyDpNOjG7Rh453Of7LNxQCZeUrn+8RPN3XPv
5QfkYM7Wwd+jrblzSaU1/GJjBlSRFG+GgceWkVGAaucUtVWcxGyGdTQNpV/O/WcfwKqwS3lfF958
GoPkZHjIXMWYeSCKWkkE2IKWMl3zWPdckbCN926dI7iuObuGBiTZt/SwLGChhpd2u7YT9VYmtdjp
I2PeDLVDLbGAn6ceRSeh+a6TMykrZEmqSdICYIZnzsj0sTXmoRV0uyHMzE2fLLg+l5hvzlgyLsbE
8MTFE4ADanPhneKiwLWqq5GHcGiTipmEjSwviwqRCHcgbHfnz9rtrgQlqM3MnrkJhk8sNwu87blI
AzLuFY4g2x7J/L1pc7CBxbxOzJp6+uDbKRTq9bcrMzUPl+6rsJ7apr9GoRtaeI5OlumJN6TG3F2K
ZSH6U/VONFh24Wg6wkY23njjlbDQgSuc8WhZdLmvMZElpg8vsUmSvMSjG0rSdGt22yqjzFLaFLbs
iPwC86GdhW8mngXEsgHMmm3/ibPQhAAkPGS+VGLhc9LJp2JiCkRBf78U461Qa7ktrxYdFwm7ZYqG
o/ni4P27WZcgu8/jTWLkfoQ3Ue9gSsLeVrX20+S4n5ki6Zmu/uiMDvp6BRor5gLho4w91EJG7vGr
ZFAipoua9GBvVVSCKn5z1PRwm4GQ1PX9RegKe9eFxQO0khgx8q7fyQT4HUeoBbd3artLeNE6wmCG
Exj0zOVdUU/2BZ7w0aa4p3dquIdAy9petpd4r37M+XhrOO74noSIbqT4WIWzfA39Xger7rTxISmt
iwFo6kjyHe+SMX5x2wE/OS9BEcG1z9M4Cw5mSckSzaQaV5/LsJ50lNriatvhub2jmZyGmaj8iD1I
kkudpIdCQxnEePJguiPj4G3FlD3GbKU7Pd4701Kf5hrTcjo0D3q91D4DGrI4kpw4BiCrUjeajtdl
TXMcxrdlKk9NRL99iyzQCFPSeV1zcothPxap3/XOwW1RQsN3qdlmJsp1kiXTppN/agraEcvrVHbx
wdbcY4X9IhrZhR9laL3Hs/tkoBFw6vAopIsKDnDe3+gGhhu2Q++KaMNzK6/Pa8yk9700KIt3M92G
nosBed1910Z51Re4RE2i28dm7B2mKj+3PYS5TDu9UyJudv7kjiH6ZypkaOgG3aQ6cHYV0OURldD8
kZ7Z0YT6ZTsf3cT2ofeYSnVIOmE9dQ06fRE4oKox6mEYd+ATTrw1TNaLpWnLBoIOIVWICExCkWtb
m7hB9pL5P3vWcUDIcjOV0cFBA3Hr1TbeRRVtjxjkVPtBQPwekeXC/41xOWPv17SML889OLDsNnqM
QxElp13flSM5n40bX6Lbx2hqoK3O9UVktFQOw54daULoqMV5wGuu0xGhGLtE7aPorJ3RpY7fOgh6
6MPwDY+jboufDGZhA8VS0812SBTjri6Ko+NW+s5xIBGN1NtbPcWfd6RWgBTzYewxddOCYNuwwyCV
E8wUrum001DrwUfe8w0teB9arOU9Liokeo4uu+7Q2XXs2zL6MjG2Yw5mSICx0xVmSZJpxdtOotgW
TKF1WlBawfO1OrKceYegKO5ETafLgnx67IbmERoxWo2wWict3IWT0hiQuEAH4WMW1Pkeca33rNYC
iPA5qh4ifS2zTjWrvKBzTq+jGJTsJkFRF4cHC2dFt5MPlHjjPdmb3AfxcCnn9tFzlVBXTndgFEfl
zkF5URfEBgtQsTsp68uCMN3ozS1i7KRMKqR0DTFQ/fDObdIHRFGMp0LQH+DOhOkaYbId4103V9mb
2jB/oEu084blNo2Jf5KS4cNcx6Ddeh5scTbjR0gIze+U0luzQa7yvNRq9ndBnCV1MjN0UXSkqjbI
HWK3p8JWPGtx5oL1ZbTPWYcNaEA2kwy4ZTb5eDN5st3qjnfQjIkzNfmBRm2TEuNt12uymO5DWZQ3
rEnPpRteraFul5BmugIpkzZOnoRL8JaG3R3dIaX47Ga+Nz5vb151UJEykqNPRYY8mKjCrSz04RDr
iO7E2jebtYNFMMA0MqR31LSP6p8n+NJpk3wteLkTxCeFH2bBNd4c7sYreKgaS3eX1z1maukbBM+v
EGfNnVFTU9V2JvWvi8j1LRLTveqESqwp2g5Wz+cTXbg9+V0eaH4Q5UxcfHQ0o/YzGpA2iUq2eoW1
9OoqRChy7frYeQza5B3t0Sc6DLVtaKZvwuL6jwsymTl5miY9JUKPJpESuqP3lVasgotbZjfOMF0t
jn2fu/LKAzmEjMOy1PmDW1+VgZpi9vJks0/D0ML2AtWt7dzX97ZKQ8YpxYGvqI8UpjJUBNtlJ9vy
3ByKC5SO8n1Yu5MfxMW32UJdlvySJnQjDcj1SFdCl9TUVFdWw0+QdjMVUnXFrZOwzhUkX/i+z9AQ
gq23sKGqtJQmxVeBBocV85taiE6qERr2+HM33nJOSRYrZ5qYm5zfWp1278qKOkq4HQyyhYEihTB1
JD/McieptEA0m/WNQHM1zrxjWrFTG/lwR9/iuMkj4xia4505zudxQ3AMI3KN7EnQ9nkcf2keNllJ
P9ylNXFPnoU4O5b4yPRkprjrLkI8rb8B6pKBbxbLMUKkYzOodRVBRHILlR/r0fxsyfmtz5W8YhPP
vht4xsYxsc9bs2QzW46To13pNqGW1AGr4bW9GQjb79aTEG2581RqW0i8jAimuE4sTypZpavhvLcf
nYQOaK2c4V2KC1kzJ1p7vq214oIG1fMs7a4FMMRsLGfazDvTgleoj1b4hx0O72P5iMwS6pdztsMF
4aowoxsPSM8U8lj27ms12EhpG9MFDolsGU78ZqoUHR+2VA+eV/htPXm6I1BgVeKrIgeoSNik8Kj4
6iQyfiXv1FJEaQevP4E8q3y33CwtAz6N5VWQg6UYiDrlxi2G1BIIBuPRhB1Ts68xcdpx5R/VgtEX
1QsMiRTPLdQADVqXzYZByuVZVWbdrL0g0CAIJtejzrsx6/sVTa5DxlFjv2quBDwTpJdIdJ6rfVnQ
5NotxWeDi8+a1A8lIXtvUK1wSu8CTQ92AKygu6DE6zt0fUIMz+/IhBnBvCM0Yz8P6VpF2FDN2kWh
Y/Axv+O5rPy+GPP4855XPyba3p3Oir59TScSELXQVs9FPHxv6uFOLSXqV42W/ihL+23KorfE+EiK
dBu2iDVmWcEyo13PprjUPRR2lpivrSCIoWX2hNN0ZzsPaR991BQzC1CVBvNQdvVT0LNkLOqaDMEt
bYgvCruQmsKUWRSrTuIPD5jpaPz2CrjsW0E2KdRG8iiYHbUEqBgtK/WnnJ1rrQ2YHTo2QTfxLQL8
rTVjeaq19muqsrvaK/fLOO28iOk/EahvEM09TTWsTFXAoBOa9qdWnCU6oNdQvMyS7hwrI+9QgI8d
Rl+zBaohR846arUTpZ6DQZDoqKG93sSNAqc2cV72m1qPWxpeo6PM5BW0Nqx6agpMFCx8OU43DtIJ
/gosRA+ZPVebQLgtFt0MPKgFCkbK6elmgGOhVwpqqCoS6JWBrmmDs6egHnnW/EA8TC9/K5r+asgw
dAU7kbbKrRmVYsoPrYZjXgs4N63wWXKIPZNuWTe4HNHcm+mngQuT3SWCr8lXnJrxHfDQr5sRm2Wl
ymwQ+OVG/tINxuU6H7rA4idEsJXOb6A1zd3JXH63Fwys03rmyGm3D6ddaLvPphRHFzloqN5q+rXO
gxkM5IYq1Q4Qu0SZln7z5GsoydnmKcu2ggGt0nv2+6EOv2TIwo0LoN8rRXDppqdm7O8yBA3nSpi+
BvgPm8MKEVRATlBF1DYo7JpphQoqyyZWhoICfNfl2Eiq/ZGCy2bFSHONXZc+/E1hX4wa2WoSsRqg
5J9CMcSetULIuIv4QeyMIVkvgoUU5C6PMGuNqyPpqUbvIq2KbKF0c9Mh2qBRCvUwvm9l7R2S02hG
yOymKIQaJMi6Wd5Gkmiy6AbksbBmhM1m1yyvQ/KIl3kLq4UlJrOz70UzGFdr7lnQShsnuDJmLZeo
c/LHppsvsDpnlwp6RBu63ICD47w5Rk7EcBWa1pU15V8rSqNpfOkmi3d1BUte6q57sOGt2BFbWwE0
uW52hIopSrUMW5vU2LOF5ycJ4ensfHciF91VBclhMMygSdxPNyXlbXKNnTIyEVNnxaoq0OhG+Ujj
4wPsRIyMNt5NmUAmUkvJrGoBlUcNKTKKZ2uSXz3SpZ6LYkgJihCb0VdS3eQzW0iygCgt5Uu7dNeV
RuodIJOAb4LNgsr2Zoa0O5Pkna85M8JfQM5qb0slYXTnyM+61aAGAlYvCpoSSkwYzzaHiPEalGFD
sTqHGdzvGnRBtZaARNgJe1afvzWwft1ZWev2l+tcxgGVHLVartdobv2ihF6ojdC0S5JabkBmc0/9
6GbHh1pIAocixi+5vmvd6t2jwHjI6ktj1r8FNuF2RREgCLNXJ65c5PHMAMiB/nR1baRFdI0Icol2
4laN+im9q1PEHTQXfRVGyKEt5m9aQKxSOfHV4t2ODr3teOR1WFOQh3ZS4LRw2bKXspQ24kh7OXzg
BBfo6aS7OFYHzfw9MJ1nzUI5nPT8QIMSi5s30znr5S9VjS1QRf95w9dCMX62i2yfozUc1R+IW9CV
Yl9joXjS9Oob+pvOdnbIdeElXrRWWJ2K1IFBL5NhR5fB+ShicTnpQ3+PuesjPnMbLbenY4ogdqV5
8Fmmu8qLNN8BvtvGOkq3/VzZSGlqzVO77JfJPoOV4sJLMxFMpd33Gs78eQ720E+IK+tDfUVP9rjR
sqHap2Jw97J3Tb8Ke3tb11m7zwzChqSfrtvY1KHGIks2RPT6uVTm6N4djmEyPjQ9ujY5UgYj4Tbp
0Vsx4oQcuI82Qvt23iKpW2mvXekpjDRMjkvlen6lp8+IkFoqqUsvjGAUB8suborRxa/StfU7WeNp
9Gefydp2Yi92fUqGZBOKyTlbbwKDe/23kpb5M8aC/P3GLp2zLpkJ/3VPA+goTGc/zNUtpDKJjAM3
MuvlGfLyRDlhiZIgyix2VuAoL0MfLvDajrKLDFxsmwi8WEasNDjmdSCErHaYz4sdLqDtvs2yj1bX
BAo6+rcC7ZB9lsS4bUcFvT+qcXm9idPgm9fMni/MGoKaG/18sz6WVEQeyBm/x6hzzFk5n7ia1lmX
j9bZeu+XP82oNw8hrVhxWRfnFp0ZPl59IKlFop/9eVON9JoYXoVaQh0A4dRTDP+taAgMKsTHh/5o
ailCN1E91vnGYRUwYxSuzft8pItkRK1oMqfJ16P4Iu9mcbbeoAhpnjWtmlcA/v6fTyRoAPhZCqJh
qHbQ9Qa4X/y416cp9qSLesYZFTapC4vZGtc3Hiod7AL6XZsa+l1ZJ+E+LZSEfiBPUVE4F6mIH1H5
qi+srsOMEtGWowb1TzUT3ZUoaOSTXt3rsrng6elKGn20NdMsOXk4ZwJEFnDzXa9Av6cxb238xm7j
SK98mUSx73moUHfozO4tIgIWndlrKf66HQNK/QnQXt+MHGP9C3qs4YPwoyHm4fXX95xOOM7V3YKs
/t1sWQ7QODjF+phDGtZhi3ljaddTqpe3S30FKDbvnSX+Zulldh3vJlJDaQIBDaD7dOpYbERc57an
hXaz3rWL6Du6nYI++9YkBTDMs/XeoH6Fnx7TZbsfQuvFHaEjIqre70bhfNN0uhknL63PrcIJz3Ok
BlRnz6Bu1nsTglwAZwvm4+zgTosuSyizr4RCu5+qTqD1ofVGVzo9672q6TA1z6rMZ9HLToI6gwCT
RMLrlRO8TQdGuSi7ih3fuppvPZzFqTZx487zB9sR0vPOEtzP4lCOzb2tdZugKeeja5m+ULMYtyZ5
1tEIdeit5KLOUaHNu8B3tQIV32m4sGeDR0SIUgMtVthsoo/dpOe2Uuk2G+zVY5Ya5cBAnNj4c2eE
P9ifbdxoQHeVtR1j3UBw6jZX/W1DihngdlU/WnWQ0A87xAhHHUyrRnA+TBFprUQkN7SpGodsElfo
cvmUEsURQ4HKSSFmmu05r5UEdGjPpgK5J0kj2T7JXbRRu+g8zeieUN4hoOCaThBRfNQ1x54PfzJO
Mf/oWdewyyUk5C4Ghaj7063mA0VM21WxzFFE2/XeeoM76u9/xnYl9igis3P2p9mp5kOmyJeRtDiI
IoOu99bHUE8aw2A5gR4rMb0JeBxbbDRoKmjCInA7X2g23VW4N88GlzV22KLn4aaK4pcsqjHXnppd
VMEoNcLuUaTobdkT2kOzjiIVkm0DSOdFELtIqJkTDRZBdVF5qPmGMjxZpDxFlsD7rvT3wLUOiXPe
JvoxKqdXr66e6Hx5TiciRmOGfU1cSuYrEnS9CeHD2XzEm4D6XKz06LXoWi/AMFpNA/ewXtF+BicY
2u81QXnXZP2BPp/K/zJpS4sNmzk7uvYpmoX0DQcaGS5TtDdXuzLF+ANhlJfEzt9b6b6TmGxsw0EH
pg/fpzp4my00w532rgihxyorGlDTfahFJ/UFdDEeiMtcpsQUmYclJdZLZoLb3q0IjITz0OF2Aciy
RaMXHRs6bZKJtU3JW5vOVRax2jXyFZXcb83ChzQ0e7kT2xyeylCbgRoNO38OqxDhlsh9EF74bjrd
u1kY4F63cSonpGCI4OCzCmTTm5dRSy8WFHRrfD90Qb1X5s0eeS6S2bkTF3kZv7AKXaZ61Jw0Q1lZ
19VB9P0NonsIKU79fFxQVc4bzfLNIWjBh9ngljLeUovDDPp2KlCPIpptLhYJAk4p6isRA1qtCuWx
tH5XlPq5+hqRSgSy5GFw0KuBkEhEna31usDrxDYpjwjN3Ro6naYO6dOK6CVe+KWgoGlNqHQQFjdH
OEkENNql+TaxxycEHTHo1SucyIAhuoAE0tzaJDpCI2+xEtTvW6e5SSFomzJ9iz39HrI8VvEhObOb
d9sYSUd3ABfAN5SoESpBT8E3i7M3oVSNj1btnf0938b6RaHTwmKUrABaEw34AruLX/hF7bKEVt8C
X5mlfSywRQJw0SPfQBxxokbiVPk7kR42OnXGdoa99Qp3QSve9SLfeFFi+y1RNwBFbCCMRGawXsoQ
mBGecGaOp1CQzhLyKFi4vZoSSZV5dQMJyLcrG8bI/CVNBkGfEBPqzhEnNcwyQHvKRBr7tv4mXfGm
OmK32qigg2y/sFwT8idox2sXEhrL318UQxG6/sKPUxcFDqnhII8K//FXXl4owhnjxuzY5MZTD52o
SUlZ1SnFk3tpOOfLeAy9Br+J3t39/bHFvzi2gesrB8XzGlIsPNmfCV+tNdg5UH92rFTFOw/IvziQ
ET3ZwAyasK9KMd9J2CLzZDy5jjh540jDZPxFWfQu8MKZVBytDngtc99d4kmD+wuQz9+fpfwnUpin
G7pj4xCLxqtJ0fCvZ1k0U4FrccqwwQueQi0Jotu244ZlmGRyVvBagShRJXtvE3rwqqCM1WP6pcgc
MfrUm7ygOtJn7r4kI4Zr8GaqXM7NYH86WOuiI/WWARUyJvaWICgLk+gVt1KC25uVghjqKm9XcGBX
o4H8ksxYQ00hSeHK0yBN+KIQLHcOjju4RmAdkWbVIWHDDZfpHHdtDmZGAntlSnFTk10imkQfgo2O
pT3czXn0GRfj9TdPZncqYQPneZPNeJc17bC1pmehQMZY4muD4QIkD6SvsRs35/tsin7Q1X9o/t78
GHY/04uNX9141Rw1bEOYtnQcXf4TYbWa4lJzgT6OsUzpUNAtH44q2a/imzRqJbNaxYrKqxMYzYAK
+5zvkkyKK2Ow9uiPlWwHIMquowQckY46h00+HttBO2RKa3QewXOWPHPysygEP2m84c4KKABXRnmx
tF6+H/TlK1/QvLNhpexlPe9XsDlEkmprhtg2RG9hq0GEM8CrY346VVAsYkCyZGTtb8hRdDgqGzMn
6hIAomYijpUD+gbMUDbAbZIt1E+6mzGiMJUaeI7Tuv7iLGTE1LSRqawgCi1Ios6sPE3gvGadQ1So
no8ybtZ6a699ZsmI2Jez04yu8pOi+8jR2geuz3NBpEBb/hgfIr146wVwY27qCMp1lLxwLivCQd8m
pqNKIzGt2oX+SKAHXgXiYwHNpQKBRUAuOAx8a9vr7lasvdLKK8tJT1GlfZaC4VPg7bErA/ubMRDu
BVhQdklKgqXDK2vDFiJLWdJqOR60XGDjlNQVto7sx1pSnao3YSYz7ZMQStPMfrJ5kgrBWViO79YY
4R9c7AOrvzQr51QpkgD6tAwBDxe5RnsNc+a5OtX6FJbRpzZOd31aDtezVNY/+P7GmOA8mQHWK1Nd
UePqmrOsbB//fmkw/sWOYthCGjqdALZnqx6AnxewsIdjYmltejTVV1a7AUIPIzGc913rzgsnIWml
7QNGTrwJSlW8UwWzUjHpLEWjqrvs3/B3/5nxjQ41mwTNr8wi1tZfTqmbJQKTsREfMzv8hgriDeHz
SUHf2TjDRZxPgWKclePwpKhXuZu9BXr9bLr2v7k2/2JxN9GS4eqYjgUl8lfqeR/3QyCLMj520YT/
T8+sQm8iaSuUS+EzwxT/aEjVhsX+kA31lxDKeavwDan4Y/AptkhNFsjgug/0Hz4IK5rRkoZjF+N5
9/e/o/dPNHnP0llzYMh7hmFav/JwCbAtyuBjdJzSJNhpVNFhVuz0oU22biBUMZu0fsmk49v8bOeF
fh4JGssd3Wp8wRsBqC8wuBr9PnYxBlxiZysUGoWaKEuvFaOiN6MY2ULMK3vvCbMMCA/6mJM8FqW2
qQavPY3p9Jgjq4DQKaxYkeNYEqTWztNs78kjFxL4wDT3Wpo1/oqJh5icEGssR0FHNEif5w8jwFr2
XCELgQJj0ftVH0d7psW2g1n5KHOxl7l3JWnkvfSGBQEb6hYaItGhVcmzpGHamIheb4VhLPvY054b
jOJ2MfRdRrD+MmeQdTXzqDDHlSpagKm5nvYQUcDV2SMiEd0MkgV5KYp7L4IbFZr5vMuxfPF0+6bo
wy8b17yDNI9Y8DbHsnUBtMsp2deywXFswQrOQ9Y4m2n1kimrVT5307GJ489ujMsf0cf//stm86Ob
5gOaQYM4ZffLn//3ocz57z/Ve/7xmrX/5s+/LuMPOJTlV/e3rzp8lldv+Wf764v+8skc/fez2711
b3/5w1+bmm77T4oqn22fdX90AalX/lef/F08/99I8XuGSQTzj54AdYDf36i+wf/5X7u47Zr4o/uP
8us/0LTq8/eYNehzPUGly//j/b/3RzlIUOmeVCx2+oFgONDs8keDlPObAZXJc3Tzj1anPzStTBfh
KssDFTd/dFYRcv2haeX+psIswZPSdgQ6+v+dBil1+L9EtwS3tm6ZLNJEt2if/hK7zUaRGhGcuaPm
CbD9Tc4QpJ4bhnsd7zsDEq5uJRRk3V1gfNptBB/+vsdzVF++C41kHEPzeMIELU+OI+YvdFrF1139
YljEYvHNT5f5XwQ/Ym1n+jkWV2dLqwqpEpdHeMYva3dpSwm5M+RsJ/0MTww65fPqhmYlJHetl9mr
LvB+8sMFeqZz1HL9znGpWCxXszsca617FyC9gyWOS6774Zhi9xagpwyGCDoMLrYZR1xY0KbsAUa9
azSP22repBNk/OCaj6kL7HXg9oRFdaM+bpaYL6vHeEXajLQjlB/qNQNcJrZxKtDw+23vOHrBVl/I
7zlUF1IdMC9cFEDVQ+ol6iNRkj+oM3CrkUQbEpONAIDb+3r1QYHnHydVW8VOnZM6wfWEUQcpdRvY
Ld+qE1c6qGE9Ywkrd0HFa1k8AwrzgPRbdb/mfjsG2wB0S+Cz1IapTxfctXpNlEu/sQ9oze7U0xY+
mCGgRK1eGvJYQtGOZgu3u7bS6YTwPIrr/Gt6X73bir2jngevssUHQX0GGPGujirSkZDIRmCIaoON
HFg/d2PuXaqPE8l5P7RHyxz26hXsDxAGkDFRFrTqsGOnfwkXhzb4ZaZ1bbfnVknHentMCz6AY6zn
xcFrA3bg719VHa/VJlwIjENH034xHNVTlklzMv+fjrb+3lLTF1jBrl+Az7FwMyRtOqjLo767Orj6
DpaW+HWR7tV9dQkDdZ/nWtx6PChJ6YPOqc1m8WTp6NM0ESq0GXu2CPVDbqIVgygLJQDA03AzlDeJ
eAhkvtPx5NM7WF7Bhpo21MOA6JOThvjKin+c9dWVclPjg2olw76naNX3xbl6nG6/zTCgMr28xhxD
fW6bojsM6ADPev0IwX1I85sCYEadlRToNP7+VmhK25pyH4KSfoyfFcEZvRVcP/WxfmXxzfi01Io7
sKjuXsf8K+ft6gzU27Bhl943w6TyIIPjoEJ/BKo2yVC+5ZS3PGluLYlOPgrXXXUh0CDRzWj3NkxU
DPv0btKCBy8ER8Vq6TVtaS+AOuHN5k2QZ09jJZNdbMNacW2Ix+Bts3NZN8Z2gUxG1Lx1InHZU1CH
h9cbkHYOY4dmjHDdh7R4Eaq8p8VBvU0Tl9YvffworJCoooDSGTJhNCO6yQzTR5uAcdb75tjdIrxF
Utr6PdKQcWpes4j93l33P3vov9lDHcdjbf7/76HQlovPjy7+6Luft84fb/tj6zR+Y3fUDekQp697
559bp/mbI2yAKtNRXaLsrz/3FgNZg0lKU0XVpkVK8kdvsf4bOyryaqZtO4aAYPjf2Tpd59e903XY
hwQFILqMbV1fA/yf2vFg7EkPuvtwbDKg4S4It31I9SfGLDGCt761u+6lox+nMe9cHagUCdIO84/J
Y5DKloGOQV+ste4WouIznrLXeuc+uIObUgusgvOh/pr67GJwLcqTsGLikjhaj090eiDbngweBDlL
qeF7/AlAvslKC/8cpQFJWwtOIo+x1ycQJpYrI9JuK1h328p03tqJBhFP3DIdoCmE46WlAXw6N7qP
83iHWFBIEVFZqhucZIOl+jhSOTCgARXKEgCjgemRDqdkK2Lr1pvvhsx7aEabRpfiYcVTG3kl7eS9
H73rVkaXYxNcTB2KO3pzlRrLsK06ZMd7dBHBmpuXJaoecOK9wy/nW5s1hxnNgFaHSZ4HzhOr9k3v
pF9Dw8lLG9pVCWUsBHCfSi6zg7+CrOzzxjao/HKd0pBzDp3mxSr9itjezMUhCFo/wQe081ZnCYS4
rKvBS16yITiEBph0urRYVhbfzTrxm8Y9xTqXLWhRjTJ5SxIoDW4v8MOOgN3JsMaS86Wg02QjJb+q
lVISYkmN8nqr15wDhWpSmSQ76mzWAJ4A7tKlmOyeYEO8Bk73ETS8D6viCtiZxqkxP6eEb0PsF60i
3zFSMKLfyOXVwOg+sWhRSiNIo1QcTrKW8RZn59vFwXyoMoFO+GCMVFxE2tfT1r5b1TOk+VY1PaCq
MrnPSS9mzK0nd4fE420bIuyBAOA2x/xTUjxOcf062SPiDNBqWou4DwoRVHGK4SYeovS5tjuzksph
InxE6Gyi8w6s0yuLr9Zc6IlJimMZh1exqiXy79C5rQ2JUXlMl85zA8n/3MvCjyAD5usa7yFxKMLH
IdadmDllWMBHChOgn3Ub5cmytzoXjMKZb7TB+BDNh5HG2p1og52ReRE8TNjXbCu1J4OtHZxZi57u
G8eJjxT+RhfQwISotgM3OQ2Bc4qGYrtOlgAiJUTIAe9Pw9ou+lflDPqOAs5tPjBnGt17qKfwOV6y
qzTm9zW4QLp9O8QgPMIIb+uuiPfpTK+RRZCVwNPo3GofJlhBz0FFQJR9TAOwV1Wg84/fs0eZdxPe
ISoG/xKqmygRU3RRVukz7zNAkiPO7xSrySgoglmI8QfUSBZaagng0lMWEVXntn01zekXpVGTGg1X
pRHlM1YuEZawcHSYCfqzoVQnA0pbg6EVO4smt5Eh4gxltc0RVt2EBZwR3H9fDIKLXVfKgWHaetum
pQgDqL7RTgjH4uudMcU0Jt3W1YnSYASbDIfYfHA86lhDlR5DyJtL+p4iXpi6OQEU17rnLHQj/LIa
nJCIgJf4gfrh3kiNGxcPke3aAdQMSIxEeYNnUH6qLdqVozw470wn9WlsgIXlJu/g7+2GtdGlES14
KZpoPvb8hI7lPIjGpCQCa5lncLr0YhwV8JPeZZL1lGJBvA0jGFL2mPmqQOakHFc6IIustYeonS9c
Vs9UAjaN1U1RsQLlrQs9Mh8bfDPzd42FbJt09SmvWFgKB4kpTNoz0drQTGqYuzqFED2S+yYz7iCf
0OuMBeExbxNsbKuRGlgzD1tPqDnbg0TPMU2ZCYslaOabKL0v+knSLQykXRvRxBQQn5dpFRxKSzv/
f+ydx3LjzJptX+W+AE4g4TElQYJejqWSNEGUysC7TPin7wWdv6P/Ptd09B33RFEqlVQiCSI/s/fa
HqVq2MXm45obiKjT2JktD8hPXhV68V3uonuYR/OSjhkxW32tglb1NCdEDZCGXXEY5FeTJ2Jjl941
js56Sg6An5ovmkX8QadZW2+hlifjJtCz/I9Zl9E20ap6PyT27UsHN1g2IY4xoqUBFQMLUu+bvpoY
PIHXil3OVS8lI7ke/rle9irw3ZrbWzmS8xX3u5gBajhSM2/JYtwNotLxW3k1Qk3/Ecnk3jIftJKX
Qouqi9FEP+FwApFhqZk02a++Kl7MkVcrt9/Gjt5rcfNlXzfSDwkY/2wIumQ6at8HDt+tYya89Qqq
O81A6GBxuaz3klgZT7PMsyBmCsuA/0WX/a+pn75JB82n13XcLJz40c1/fV3lk3/o8gTtmRwQUoUj
k1SuhhlpsVs/YIrZeyVD47yy5LE1PcA464FlE4a1ZZPLK6ohphtUW9FV4c/O7PTTHJoHzI8/3L76
k1hlmC1IfVouAwIzfuka78XSJHQ8NsqwtAx7lw7WMVL612QIMKmesJL3W1aJUWhPtF/c7dH6HbWY
qHUCxm/L6F7HUd9Gmc4dGEHltk0i5mj2juKIc2rRf4M/ePWWOGX8PT8h8iC9o2rf035x8ZFyGGki
51Y+sUV1nXUnPUjJ4VTcNOXzuCraaMTwP7BKMNCir2bJnk5W6KGdaXT9t21hSPOi6YO0+xjFMrs/
qAqWZQ2oJi/2+J6AXgiktNUmEi1apKkjdN3hZuPjhfJXOxtBJ9VeqOpAOKceSOJHNJhaW3Rt3a5v
uPmMrnZXZMpuJBaWTdQbT0Mvty3ZmvtlvUE6q32QuCm8PqZebIsBkRAqzTij8Ucmsh17wT05GWOa
aBdH5g1TN2J52Pmluy6M1uOQN49JlpUkE5rPgCxvJk2EpFkNuOm1+zJ3b1O+5KepJlupYrgvbesJ
6G6QsgTd+z0nJb4uG5EY9Rtlg2Y3L9rIY0n8q6kEMt260NFz6NVFrZguLbmtpUvaGFdXKZJbDHGb
F/3t68pBeF4zG5RbT5sBiWkOUSAkkvUccWRPOPkuX0h0l5p6GIfoe5qVh8KyUQvf2FTmXEi4rOzJ
7YIpiR6NZUyCLiMNI9EjHH8N+Xodq7+0+u2NglAu2/kyOf/oetveDUOyS3r8yO6G7PfXsqZUyjXK
LAclHD3kCv3EVjNk+05Yzzzl1YEhVHcmNf6vD+1cd2c5DkgPWOVSMu2cifglk1xAr2vEgQr8PWkd
TokYj6gioI7ieDxJgjjQiBTfCx1lgabWn/ZsJ+4PVL9kkDYNO+RIgt6MFR/++bmuEAJWA6E0Bmm0
pwQ5EnLVKehN/cXz4OYS5aNOoirxd7n7blWhpL0gj8mCjWavlLRm1ah8ffr1oV+/sJqfFElL1ify
ir9otA4Ry1tnHhdo1QZKGCQxOCbs/Zeoz/ekjyAC5YyGhAZlqEea4p7FK6Mk0NmTsm5iVd2QYGlv
klWJY32JcrJVn1MaSDqtDv3UF6f6Sy84lcU3ew1Za7++0AJ2J2gLRceXfG9ZtUBzv0tXbRBryph3
EkqYVPkbgh/zc1Ld5rzTd9UqLnJWmZHr4L7usXtITF4U7WiRyM0gItrQwy/JobeKlXykSwhspoND
Ey6ZQUf2b2eqIlzoKKuVP/ysazlcElcfLstTkTi3pkU+Tk6mfeJ/+eYkH40Xo19ESpUCej0W+HwQ
j3PBeKsmCyCchjJy/WO+SrOA9vz5+ixtiEvqVwGXAEucrbS4L4Dz159InrFX2ZeLzOWc1agTJzRh
lQbqoeVixTPgvLEKVft6lZWRg8ZSQEcFj/T33z83vqRnaNC+ZH6wgt2S9DAkavoqVptdguRFxP+D
BH/V+TGEwfDrn8uRJTJlDujRyVvCujQuAJm1s8zASsZ2tf36zBjTVXpDkNF28oYmGLxCO399UOs/
/uenY/NqpmTFOHXnsn5gG1KX3XjGfCN2Bht8dp7OcC51hMeA9aYgr9Lx4kQJqTsGKqZZxjdM2PZZ
eD4CyLIiJXX9E8opN7A6jU3Y+ndf/6RvI9Cry0lAsCN4iW8CqGWfnQrZhCsbHCBKv7JYvkZjNvxG
0HtuJl2+5ySnBKhWndsYofTHAjOcx3Z0rnjeL9lCFb5Y40vaKe3WwaqoRuZWrTkW59btxV1TlR8Y
tUOS2fqpvSQ3kziEnTtSm0FzNO5FmomLWiZCv4cCb6AoG2JQvTjosPV9NGTEu5ObP+U2yVYyn97L
3oWa3fv2DrmXyaLapjzH0W32PNuJ69z/Nl/4PwyPxTrJ/vvsmG7dckyP8TEXC4P1f0HXFL5mLFYt
+0NXqio0ot3aq6arwN2svHsvqWpMnbZkmNH4p5xe/z//v7XG6aLTc039Xybt/mwZs981/UG50zcb
laV0KSZp9sw0/0Wxb6hV0ukkp0gs/0wk+U+LnL+rBtax+P/20F1HOAY6Et3/V4EGxT9WtqXqD8VM
n7g2jKr371MxC6LO5u1iESGaED329Yj/Z/b1X8y+UE4JQHT/9+HX7ff4v06/pfo9/3329de3/fvw
y2RvhCXQtyzTtH0oev8x/LL/YePKttAiGTAe+cJ/JKGQmwJWj+X2v4y+1oUSP431CQMrSzBU+++M
voThMkX7T5cU+0gkP6yDPSIM16uar/9t9kXvV5Um0q2DIv6cZk27Lh0q4djHYJpJOW5VzHwZKTMT
iDK5a9JhbZyW5UmVXdDnUXtf63XmZXqQMd29IIJotikjXRYphdpMHh1qVgBkUlODAbN3Pqxyis5R
qt8kqbx7MSMexGpxFLrKj8wCSB58Q2Aiz77CIleXFuKwsk+xdQ/l3gKdEZjGDAc8RZfT/ohE9im9
OntSqx/GUu6tIl3qUssckktL+6JRkheKSbtSfrNlTKMB4dGsEPrWI3Hw3c0birvXLFfidFUop1gd
Y/oNTddfWflruySnKk2m+Q/YGSgX277teYs3E7WzhmJ+ZZq1sDbCeCofBjYB976yfmpj9tGa7LJr
En0fIRMEWDXw+xcD1lrsI/2cn9wcWZ5upNn2KsliqRGJXDHjpoHSGdN4qmaeM9X4vOtYO0qrugPU
cCkz8nJnmywQrHYJAB2UoYzHb3Mvy0M1hviHuCWOq+DPYchIlV4Fc0pTW9f6CZj4W9ywU1O0W7j5
4Im4d/Tv86YcUdxjLzqhvNIqAA8w2vdlTzxDmwoftTz9eTZE9y+ZKnq9humnvc0EYy5NEs+XzAIr
JtEBFU8iZCh87kXM+KRVxoeVMrrXzWrbz9mhG6l3+5Y6Q3Vdv8Vgua0ztJjuVO7dhk6wiPJzYTrv
KNmrEKFlTfbdc62vluQSQJeSA07jGN1lqZMLvX7H6KDuySKQHB4V88bP+Ltyor/ubPXYdfNBN3g6
pI9rRU1MRgbWCYt81bWJFyU5zgQgBqaJ+XqCXrD0GDETTnl7KXZe5pqbZXblS4ccmOLhKhbXuXh5
xyRV1HtrNsZgtqN4YwqGuHk+nox82mmTW4XzwNM7lN8YAz37Ujr7bKZ/S/PT7MHINQf6pWXkrdFw
0aXCvOAhS3dmdMgXSEM9VppkeTUmLjVpFSHX8LQ3CoN130bvFg+jBobrGJ7FSr3NmLWEsV/iwWm3
cwUuwnJFyhnP0efSfGFfxuaZ5m/V8lDDTzwXbUqR0BU3NFQTwBF3M050XblPTm+L+hbI7PjpOG9N
JtgRa99tar31RV1OVq/xojpamMnMYxbMk5QvyVuvMu1kjgst4xw7Rwtqx6406jDJjPq1dfO9Gysn
nNKxOkz1Ov9tmVPWQr7EXAoXL2J9w8R8LwiafDIitPFSDKFTdk+c8ox9YUARfsmh6hKeei0KlrKJ
Q/dJvigOKQ3v7wRMJs9DlPRm6LcO4yEunnJHRMS0xRC2IPlsLtpajgyJB6uDyf1cyhSGhwOvxj+Y
NCdIjT5EZz9JkxtJKosXWghk/1Iw53iEKoZMzavUi8emzp0lamp3KKBRz/UenF8RIHn57dSRz4pd
52Kx+WedMdJ2YKUPI7fZLtN4L2KEi8hMhk1UJGrLAIzb4trMiqEKG6t5mlyMiVM1+tuhLD7TIXG2
KGV+1XFOTmPc3jG+E0ptFyAtdF7eTI46duOiD1yVkyZZTdrehgWnif5g/Ym9Ot1HI6+zB7cMZelp
WcMuSVEtLnOnMOi7Sb733OGlKAhwZpm37AZJGHhRe6+aM3KJemJ5yqvdOGq/cz3/FhPTEAhtOJrl
0G0SpWhdXBhT9W+vrg5NVNlnAx64l6Sf2lQicEoKpjSNcXQU3Gajzj+lIkR5RIk3pGagE9PBBc2A
1kYYtJVG/kDmKtvOdUzDsrEO7N7b5+lETpdb7uhl/e0UeyXPEBOIhYEjY1g/zG2BR9TBczdSSGcH
+tnqwzANxTixZ8Eww2wv4vLu9dWCQmC++Oa6Vql32rFCGs49zmJG4Lb9NRf+zYO0h34gygKYHtG+
r2jHa6Z2gFGUCsY0/p3Boe379aaa/oqT4Ro3LZMHTR8QKNY75c0shzTkQIxv+41iANMNFpvWeJWL
axUezjq+5bq5IPzDs+GkHqxJDa89QZ3hUjnvqtGdSyuUsS/KmOGGGem3KW1Dk3n1TpY0coj/ILQQ
9o5JfMDyZ3TtozGjI6sK7RDL5il3rebBHbT0UhUxo1NEkdSlXeAv7tPUI4Ef+eLFY4FQCpk/SdW4
m4xTRQO8EUI9ip6Gbr75ZtaebTfN91Xq/Zo08xRrRnSd0bnhnDX+LEZmXyA72njnVldm2sLbUgRT
LDm3po63Z2VYiOdT6LKt159VPb3rsU9M+mKvl8GhTJgwTRnC4QFfurWeW71X7f1M3ax56nYaqe27
ueVe5540DVQG7JpbgsuYIZiOMS755LRnerf+uKkcXib5Y9DZgQ05sd0k1+j459t838sJt22dPvsY
VU9xf+1B2ISUZjzgNPmmWpnsy67st7EO0v7rzbgwmx2azmDGFe3A2UyB7cW7JreWgzVglM/WdJ1J
vBdG7IdO4d8Ap8ygCF8Npbnb0dcVmJySwTG3Gp0fy1WMRTad2Mboy0E40U92TTp52GwszNGLNtW4
ynQs9+DzfIJAxKRiDulzt/q0zf6FlisE3IeXeEw7HKD2j8Xw7hxDA8yb1U3tjSm5IbjnPIvwqy4f
BmzdmCNa+r+dp8QfDmZLiPkG9pTwEae/sekHAcw0I+06A4WQfDfNjguDu22Oh0aBINtbniQzZRaf
ZZR/ry3fuESUhetRhkeaePl0wmxLgcTSyQ0mTnNXFEXg6kZYmU6EssfC89hVQYSkB2scubsZRB69
3VXZBG+oT+6+pW7mzIZv9GceGE/uNo/o3LDYzkHRWN8bjdZq1GomFZ5tHyfvAd+KvNbC3s8Jg4Ek
2SpuctQmjN24MewS3+jBux0FpklLakEy62fOQvwk2NKRRjn1RZsdXtB+XBvV1tyh1R6PHIqSzWsK
/kgZEX7o2X+eve4nY/cXp4mGR8FwS6rMey6rF8ZyWLuMVJ1zkY7nsWGS39uXmrO55Gx8rhaTpyjv
/IPUC6yTcJr0zIeT4aaPjdXiu8oX7qgx2xAJLs2JcLZ6pn/JW/NXFlXLS15f5knpLz25WCoe7l8f
Rph18zRnt9FVw92aKgxgczwcohipjqMbyz5eIj1sJEifFOSU7fCTOqupnjSNg762jKB2bME9MOWJ
wMJ+jJoO2Gqtc2jb0Z0jEd1zFOn7eEjaXcJg8q7HhnvMLZS0XoYgpVo692hGhn3t2uXdIUl43XsR
AQE/6plamRDe0r7r9mzfozzf67hDnv75V7hKuMh15C9gE+yks+55zJsDvMJwqBPWDWpsjZAZxgzD
qDf2fdJN34TG21cUUYa3l4eQTNZPeybGIxl5cY0OQWn7Ew2yHRiTUV0rHUBa3DjpzS+Nk7QRtLjL
JVendBkJIZ1y5svM3vuYHPAB306lHz23XnYar9vm0nqJ94wgFMWyM3wrCsZMtSlBjDWCQZb1xPTp
wUUHvSU48tSMkjC1WMQHZTt03mN3N4kt8lulXp0JVazMj04FIHHsIwhYfRMFUZW+FvEsD5aBT6HU
WkS4uKP241iAlKrFdyzNiKXHNiwMOoCor9+cPCp2mslRkgzGgZQtuRAjHMsJM1Ib1v65Kttw4tQC
/1d9w1s9hbmDUqlJ4M84YUna0EZQLhwqafQ3Go6nKu73pUCJ3vosTXsOuw3iG90CtJg1vUuOoWft
GcyCXhjcezlhKB9T6W6Xrm5DPCx7CW3t1Bris+BGEZRWh0HIBPhZONYZ/T154ixbgCQigId16/GM
CHs7L0v2lgKig6UEAYwba7uDl4GIi1BBIIMd/DcsMfo0/Mo+lLOUT9QiKKa5mD18X7Z5R5Suzi7z
5aBbK5RBay4Sr1tV+u1Du2CMT+xPivOO8DJf56XuT7k/fqq8MZ+43Zxly0AqN0YTa25XbXwRywvd
FMgXDGlYqA6DhqKqdOgrmfSXCcsAFhUtloz8Rc+M0LDno7fmwTOgozk2vd/YOu66TjdZqskIVNsc
PI1hMtS7iZT0w2Tw1p3YvyREeFhvsW1dzThV4eA4kAiVPIp4JjOUKi6wq+zFTsSb1/CKlHnu7IaS
aaIXI+sa4mu1TJSLQ/ES1cNFk9GH59CspJN6GapIorPvfsWcu2yXvG1XsqwcXOPNYwO+zRvs5cuE
aEolCT6Twf2YEWoEA378YzfEy8624kdGyH3gF+tOu8sdhAR0ETppxci+2GAxgFaE5GT9JV3INBo1
90iYdxHH5nNLbcIxaGwI7aKWjaHPxPWefBJwfWnUIHvDt5/8ct2RpPWCLUnhGdMhc6zh4PIbB2gi
hm2EaYcJb6VvthP7HUl2BFxL192N/oj8rY++5Su4YMjlcVpslw5q9M9yyvhS0lBRavN9WLww0k1Y
Tr4rDhF4n7Hxm7MfNxdHlN3DWFvv5MBiq0iMm1XX7iGv4wcCLrSjUt010mFcOs7MeBaY17bz3fJh
XJwH6IYsYEX9g/LgJ1PwfAOgNsGVQdT7cnCX5qy76h6jdQQLBYR3tEAiFDkigdjG6LpY2qtd2Vo4
8ubaTC23C9YRnPgllkAL3+42a8UuywU3SVUYgRYrACYNZDqRl8BmCLIEkte5V8BQV7WkOaTdT8ft
u7OV4BVpvRP7EMoGw0luldFjPgQZePRT7g99u3jHfuyngEkqqR8RJbXXagTBU+Xl3RVWzzXhPDpy
RcJ+TwDEaK4ZYGw49oK5Ih6UYTNrDe/R3v8mLNI+KLB+V1nzuWhTTuQ314nBOzZIWOhyviOo7DPi
4kpfv9vtT09a6zqzrw4wdwNngd6hNfxyelWFtXIk6Lh+69DIWAsCqHjR341KAPP28dDYI7tmKMQ1
8hCqRiuyMCFY6jGGCYpEtXiviaCHR7mFTIhpKQ4M73nulXOwdLfeFdJDlJugUdAT9hR1BKRlUd2m
s6izl1ieJsSRrYWuUEGy4lZOFSZ0xoQxfjLJyBjZVIvU0y0UnDkC66hTCKWslbjmbSGebkRxhjSu
r5xcfwYkJGBW/KfWxEKd6fiiFG9uEMyMqEbmVJNXoVT1zR0bcWKHdOullGjLXBav4aInAjzld6xz
2M67KRSCCZrsKgqG5bdlgP5OnfSD5LRzpVV+SDnyY+hqBQaWg/0pq6MPrHXdxqswZZkFzYStPO4a
i/VzoA8Hbi+RN8Fe05NPS5QCfSUYgV6jRPPqqdiZEGGXjtKQ1m9XlzF2sP7BdvuXTtbkA07ZQVAK
oVlS3a4U9uMy4a/P8hXZ02avqaKX6SkN0C/n0cnOS4Dd7sfiruuJh4roCRAwEvqNA1dj0X4mHWMp
FX/gSIm3PnU+pM46EGMT73xzeXQraJSDifFkoHt1DIfmgI0wyFp0DBnjrN1Ks6gmG+MbxrAtPtYm
MEmxGSdNg6MHyi6hZTZ0RjEzxNDKYU9frhgk5murLCq6z/bC/igtv391cVmL7AnmccRhFi7x3Ad2
FxQWz/NXK+EpRGIFFWPSfuukPu3RqPm7MZ5OyfI0GoxttBqIj8KBNa+mNnabWBlbkA9uLUOLNMZm
rfsBqnEVtdGZ9szeRx1vX/YjX/oYfUFyUzKqKV2SEWod11TM0b9T7Sg2cJmGo+qsz0wbaO9H/WQl
9MiVgVjZK49u8ULWw5uckxrGIS1x1RbMwowgXkeV84DBZNLjGG288+J3OeDmcQCaVbQA6qz2Pnus
6BACP0Zzy7GdIGSqEd/jkI8eChqn61DPVRhH8c+x6FliqOLFguV2NrLsqXPGSz8kxkWqVcxL471j
SrJsqomhiw9X97k00+99O/AoaTUK1ZwVG7lz7cDImGs07r1gaxs1kAhLAa29mV7SxduNXCMq86tL
PFcb6Qn7/D8bjC+byn+xwRAGCTb/rw0Gbh4Z/2fXy1/f89f6wtP/gSeaXBV6NmGBxGAl9ZftxbP/
4ei4N3QXia7jir/lAq1m13+3uej/wG5mOb5te66wPeO/s68wCKj4133FKhLmp+mO4Dy2nVXL+7d9
hW/UlRfVXnHgmv1dZ3BkVrPd0v7xbec0UcVtej//lpbtRTcRkSQJZ18y9KdiEVd4cYQGFcMu9hSi
PCgp2yJCZkUWfXwY8WpuUc3tIomDRiifvnIUT16v3byRGV1cm+hcPfOPnHXuPmS4LE570h3NP2d0
6vuC2SLDbOumgQ4IFLNHEIRC7qExQhNL2puZZ2pXlEWzG+2u3C1qTnZm791K420U2bazi2yrVoYX
uL7HRtNqmPDUu46prkyTvL3UuM3wnUzLMkwWY2Qei6FEgpcbv7g3xngJzACHZqJTksjcuFW19SEk
7yinXgRfdfZzpv8Am/wYFTT5ShGC55fHmeYFIUyPtLX2HoZOwepF/O+KaucRhrKl6hZhig4iyJLk
ZSiHpzbCoQIIDIFC6v30Sz0w7CnZQRQoqW0Za0BkWfgt7ecsZzRmN4R6DONlyc91tSxHa6RxIFcC
Jv9q3m3grxM1YFFC9mNA+PCT5sy/rYJlNm4VnARhTt9hVEuYMjNgxAcYqmjGo9lXHD8bYy6eckfH
Jd0e21IsAc/Vo14vr14Cw5Sb3MkBV70VcT3sJNPFzahD0OM03/YyYQ7uQFopiRTHgDdtJsP7VQ7p
TebaH4OlUaedaj0LTSMJ4UH99I3oUFTV9yr2uB6cMO5tSsN43Gpd8zDzsLB1PFKjfY9KCwgJAGXE
5IGTG+jUPIUOanICdBFPi7bCMUvveeysdw03oiVrxnsXo+t/4aCmSOu/o+y5zGy60TF6OBFNtUPD
viuVdbG00dq1KDGjWYbajGewmBnjJhaXQv5smM0vpFShZaVgmMpkYwJjr+vy1FWUZUQRxMFsGPGZ
ecuOACc/6EhR33skFWKJjzn71YsdCRwn80/T/j33kYE2SQcsDCtbxBbQlYhnHQ4oSG3RXRVjayxX
vGUYwlwbVnF7o4eKXVa2sac3RulSz89ZkpX7FDPotafutPK5fylYcnV5e+DGUj6N7V+ypHS6T7Dk
D1pG461Ayc2xHR2RM70tXYF4dLaNzQQrrE0Y8GWadaanuA6DSUevlYHNmCRYXLQsZoyivk5hvHuJ
AaS/pzTgxWwRaoSqx0Kqr8zcOVJ3zFnJMUmgfsPW+8Bis2J78671KNAxHyUA6lWuf1Ra7B/nWXzL
JpN23UVEaoLI5fS7ZIxZV6czQAdnCcWwvCeDD619kBd41PNeRWBptHHedpb1UOee3Lor5NCf+kMU
sW6JuEvtUVk/IV/WD+KXNjc+bPDYDoQxOeBnOE9rpIL+nDu4/NcH3UyPXpWNbE+HAZ1Tix6vjQ6a
AykQPUw4CgHzvMeRYCCl21o56deVMJc70ksuo+QTtwKcyql9mWYvf3B0lmmJX5wkcLcnVwwtXzNV
kGX5eexsbUO52e4d9y3XfHGzm57CLtubfmpfpB3/VEwbw6g2XkeZwngdeWKTnk1iG/cIYkYqFNNi
GOep0duX0D2JdfEIfmnZ+7GiCCajeS96195bmtWfiyaYJFrZZfppLWV6t9EHL0Jm4DcHBv+iI/pm
ctodK213q0r3nwxIZ9F4PHHebbX8rLlYLsDilcuvyEXU1gqHsn/wrxkzDb7boDtZXbl0Ztt80BNu
ls5rZ5luUHKjGdpVY2/k+6lL5HMdiyN1FVCypgCqODoFKlT3jHC02GpNQlKKFAcVV99MsjL3s++G
pjPV53pWRytJPzhAWUMt0XOKKNYQ7vSkt12QLDBfIelI4uTYvi3LSsuAsfraVdUP8hmv2WSND8Lj
QPH86GcJxHmnS/hBqKmvIvnUskohXl2AitnS3npCfDNU9gpCh3ygKsX1aWG9ICQ89HW01KXePMBI
2hrOUB1HuYah2uJgI5ChgauMnbI9f4+L+wzvu9j3EZQprQV4kybvmmcYj3PmEYmsW3t/aPsNftYS
X9f0nrh9fRNu/DrMgOp8RooxWK2gAXu5tYWXBp2hPdsLezsZ6w/Cb4nBgdztO2p8sxgT3JBEPQ+1
XZ2mjl9VJJHYmC4KSOHJ5UiDsnyrNf3Ra8vpTLJ8DgOdlKiGQII6W9BJpsP0ljTiyoGmDkjLiQVH
FV6zk5xzS4CYjtTZ6XlGDBrCfGFH7w2VekhqCGLw+0uV+2EV1bcisyFH9OkRRMCuNzv5bq/DvaQS
KI5nXr9qpuqNVfIQxfPNYIO+6+yhD5Rdf3LWON8X1/o2o5vqYEsWiDWR8/kMZ0DD43n8ni/Fz8GM
/FOSRu5aox8Wb9k7Y+ATk8DYuLRDqbu/VA0/kPy0tywx/I1oGPL6REuPJ6djoAIkmKbVArUUK2uL
CXw5N6v3TRueEVXiWCz8By9p2GT7Uxb6oi1PHodxUfb5zcusK54W/8St2qASmW86UQL0glK767yh
t/PcvWcua1oLyWsoa8IhdG82eWIRLFoklzIecvHZLom2dXO2RD0d+A49qR+UjkxOfYZdMu+Oc2ZD
kJRj6NRaGHFVHSUGf7aRRXpziuLQDmixsZk0NceJ4blE86X4AJz3cuVb53XzrvtFfzPWDzOodY8W
UET7CVhfMBh5s7N50zZlg4TcoskxJBpFPYJcQHZ8t5dIRba1b0zbpSmLsBDZR64hsl6cej2XCoaN
qE+2EE0x/uSJPGWOw4KJFm3U6cF5DMn3WL72yR/VfSDwQmfvky/AXvAeu4b/nHVnPwEPTeJNGdY1
hYSRiHgnMR1tx7noDkzb8gerDGcC+o4AQyjkJhNCMKWIrqtbP2T4FeaJCF+438Jqlq10O3nOa/dH
EuNjFcn6GgO0QUf+wgL6HMXgZy3DwZISc2m6eiPYgRa/KYeIW45bK9BzNke55MlYMsGhuRjfpVGR
mWPSz5qa1u+7jrcKc38pQWB1jX1s6vQEgX34w2YuEC7L0ip5Q5IjWLgj9GmGhRqrJiUH4qZG9TUA
LV8QJqQWdTYoiGbfG41E9qh+ZuzCD2ZjE+HR2/uxnA/p6KKGscdrMd484cxnPSq9p/WSaSCfPE3D
89hq5a5dchloTmfsWFC0uyiaUbSiRrf6FG2rAZVpHorn3mScy+CSazaOr5NLqW9MUTiibNn2wtXC
Oa9RSnvuvpmr6hFmfpB76kl3O/VYGrJ+6PCMLwILRLmYd8/s74TjIqiYmYosAK9YM7sTeZsmslWf
0fRXfIJwpbnt+N1CBrXoTXrH5RJoPgH95ufJWRGeKTAbsFv6zkryXQMl/cF3Pthkuhi1jeLglgwC
EjW9xXVzmUvj3Ta5E3QjsUDZAFU176Aq6YSiaDOH9NAvCG2jyto1DUfBpJcn4U0Pdbn6L2b3YyAG
WDRlHjJBf4i7IoAUbWxs2ZtbHwo2pYtWZrsq9Z8Bsf9wyMjSkojYmTm6ak31m1DMQ9u+tsL/dCWu
gaoPe8M45qP3GY31b1YsbGfffa9HIAKHbaDdeJW+zWr7x5DaeBe6cIrNY2r7V2rTB2ZYxyhytkPU
kakzHmSC386F4sOY4WpSRPQMojwTl/Cs2M6NYZd621ZTobbIfaeRjuGQDTChGqozeNLsEDe67wdi
Yatq2s+mipiwu+6n3S+BF3eXSTUv/ENgu0Oyb4zmySudOyctrub090DhTdiR+h4pcy9ZF8ETjc5w
2EKjYxRGmEmM0UZcm6Cx29f1HxkkannY+Ke5PnXZ+Nxa0cUr7TSoLPHCWO+sYK9gmF7pgS0nremf
i9l5qmeGraP7p2fZFcepzWB93zRJsSG7bjvo/b5hfNMu1t6TzUtXx99H+RSTE8EVe+/iRzvT95rw
dv/G3nntuI5l2faLWKA3rxQpUd6FfyHCHXrv+fU9qMxC1a2LRvd9v0hASemEUUjU5l5rzTkmULZ9
pai/unppFIb4yy+slMaTcGeNC4OOf9f6qSYkKH1B5+Utv5eCGutKcxwMrvHCFDiFeq/pzZJQkK8H
IWS2O+qGLQ4lzk8FZJLpu9kASDevxOUDctStjCjowSEPZ29EEbngFgVxkK+mMvIA9GE0K7aBMrZ2
JRaYtFVro9HAmuXomNH8+y6wtpqg7/PEemFw4La59D42zdtQN4cRhbdUfSLKegbq2CQ3w5fkEzG9
60kbvwWSqWbzQzWMVz8MgSBnT1jZb3nSfDTqeBLYXZNXdQjrcqPC1yqb4kuZxAvCqaNes2HpatvU
GRrKxnTPR/NJh2O3EQL5zQgSoksUkuK6LUN/9OFuxxaHDb1rFppiI/EAWgXBJmcq3KdeeC5rLq6z
D0QqY5gm1HmKzG1LRZauAkGI2d/CsQLax6chbtd+fRHk7NL4nCmAOFe1uKBVDVwbzWids53GntIo
yIF8dOMDBHL6qtAIGBFufbl8IOUL6ogdMCVQ9Qmu9OQIiMYtafeJVXBrMtB5ZTuSoDE9mXN2MJpo
pyfdOm7ltdbh5mKyrs7lWaymM0OuDOWJ4LXEa1QGZiTKMD0CmSZoB1oDrz1DEUFHyjdoOWeOssua
6L1LxCs2MwPttsNQDKi0etOF7q1J+j2L0IKt/BUVdY8chVAZJuPzeOIvPahcpUegk6KUfYDMOQmT
edLU6jcZn2opu1Qi2kFQ+8H83IqIJbFcsb+zyf38wV+Hik66WHrwLBjNNjJix8qsXdFxpvXIk8cK
OikNc5Frappll3o0yctQsesm5spXp3cyUR5LZp6q6yZt3htBvOlmCHLR0ZdYQK37LoLIFXVwwUWz
n4biS1TQAKBxqPvmyZQ3YZKe0amvRcMHnka5lWVbE+pqAeyBghGtdvNH0vyr3vkfIvmX5vhhtNUL
s6ztzNStIB+nTvWfNhQDzn/zuc/UZ1FqfqxW+ApaAjGMAgaY6BSWdYgJFNOH7wAzmAheCs6R5QVa
/E7eyWdrsnkL1VPWQiDOwjcm6zlqClTp9QYZHdkFwRFt0b7sB/IyB1AVM/4be8qaa8HYj+yAPzLs
UNuoxNd8pD+VaMsOmGmaIb21rQmcGz6jYJFPIOzyEssdExrWNBLu+lOXwNRO3zsh/sx5T3wruXdF
6MaWeJjUgkmilW86AdmGSI2udXcWDAbGguQI5ehaZb4T9PGiJzWe03DTKJUnttMmprBQAEPIln+P
4xCbsrQJ5OkITvsY6qOrdUTuYPGbeYozHjRKIllYlkXP6NERJATLjUKzh5pqnGg0nsFXkGwgYd3T
ogEASvQSVSAzy7RDNtyFP7UcrKtePUOyVinbVUdLR3QK7JaqtPckxF7kcUBbZ3XNsqYF3Ia5Uhh/
sjR+KcM63gQwA+wkRgnjD9cpr1ndEuGp5rJp+1l5nGp5V4nKupCMl7nkrJ7KbJNH4pqmOsJEHYv5
tYwrPA4KZJoyf2+UYm3ENUXbfJkxictoEIdJvA0WTSelWkd6/WqNBaOguqLxlVOZMmWC8l7a6hRB
tBhgSwoeHTnis0iaW/z+YkyLcCyHdiO0zYdU6FfYinMunfIoPSNH2uqCuJHa4Zz3wjnTiPOUGldK
KI3GytGSZ5WklVwv95PRHzoldjD2rOImf7Om+SnOpDvNddOupmM5C4RC+nJt44tnWhFTEhWay9jd
yZaNXuXjmKEMVHWvZTHR4YLJerGhneMA/lBkAyRy+wZrdoTDG4zqTVOGS23kb2F2FqJ8H6tccan+
RGzbUAe9hYjcKW8SRNwCAnzDOaKI+rrC4h2H9Ru2+KfSDmt1E7BG9KNxpPV4mqPlY180LxAA3Tpq
mHIHRzbA7LSQbhBWmPf6lYAMfML8rFycDiFdihwdD3Yr4SrrRAoWPzVG1lh5nPjGEHhsnHhXUmaz
mvorUtEGfvenkQ1cN4qTzIUrW9MrXMJrz1/XcaGQ8v0o964pVr8B6QT2JEvI1+bXusqPozK76QzQ
VOkvuo4osBKYrOsgUeKQod44Hpb3q+qK917vXyy5/cia9MTkZ1Om6aYrXDUqb3IZM8MR6anpU33M
p59UDf5EMcmcRLVAZ2QEVquJYyndzU8ohdU5xthEIMuyRySJjUSwnK+eqKJ0lfihVvHPgWAQUOdf
JbndmXHMxGzEvCkUBbO8+4y1HtItEU4ginC2IpRpvETNU0+K1g2dbPCFqB7QQs3rnGxHpyYLggcC
2JdrGirRqtK6I3kZomvlsCEo0O+x+tFow5nKlQ0TBnbTmK4pfGcLXVRDSlfSz291DxKAPNMNkyji
0PIzBtr3FgWoPbaEbCvZT9JMu7H7DcC3sYC/pL2uOkoqyJyy6WZQLD4bEn3TqkObKzAGrX36CqgD
yeOiqneMwHJUaJidSi5QC5OnaPojCaLzLtUo0JOxWhlRb+5UDVkMZtUjXWd2dcXkDhUzfMyoblGw
x4rZHymm+Sdtc3pgrew11ty7neCLh5n1U5fYGWk5vFIltC6tCqETFiC8rJlk54oSfp0QOGJbms8s
dMoDVrVpSwVgM9BESkDl3IJAaJr7WMhEC5lB6GpN4HU4xlBlBE9UBAwvyS6omrjedj0tc5I0V0Yd
QhtHR3uUQ4QxUqUSzW5dsOXKm0FVLvqgnpu6YP6sCC+VlWq8jcET0/mL6ucvvobeGDYetIexQwDX
kiAbl8m4SdMCna8ssW/O8d6TOy4ZVojYoDaBuDcvXZJajjgZrzKj83WUj9ua61at6m+aoLD9odSL
2Mvh7gwEV61umiDiVCxjYCNdDyQB8nMWYOtFJkcdIOeFnZXQ/XoTHzheAFqZ05o2e3uy/dKwiPSp
trXfK89F+s2Q4bMeTir5FvgOnuuyI68+Mr3c4C0kEUuUBWGlsqJNyUbBCHuwDPQZaLrEVWBRjOfL
7BOxJwyKADxxEX+GJXiHKeu2mkR0amuU6hYsOrYFpAhKisw+EIC5k8N0iKfO4N0gUstqTKKfY4br
A9vTICohKTSwtEL0b93IqaQkKmlGek/QTA+rVFv8Xr1O+mKR3NMu/Y372StTi1RqnadX6wRyp/ol
rMc/mWlyuXvNioIKoJhRoT8LsfpShDIMT024N8uZXNeMRVqTTE3icZjOFqbskg4AA1enuYF0FJ3y
Gl+qDLcb4z4ceDvrQodKNRyJV0vrSxwrT6NUvMCQDNRLjUzFKPNzmZsAWDlltZ4safSS75Nk/szq
Rjczoo7CyibrcDGQbeci/cVu6yzJpp1k8QpqoMAJmHopBy2wBYRQnazuUXB9cYk7isOE+F6kwlXr
AWJLsygzZbbg3xIRi+plNssvAi1RmgmVQ2OZ0yKIN4nf3KivEeq26UtnLK3DkhAUK7ScQFJ+0pJ5
GNlkmPkFxY3YJGheauIuyQxHDAUEygryNHWV8QHOLHk7MnQgmXIzoFfs1f7dR0obApefy2Sr6tpW
DyTivnT6cYK05ZKt2Zwxp2HBTzEw9OQWCMcw/lBWMbrqiC1McicpmOyjzENDkOTvktVvzXlwBlG6
DXH0IyJOCqbqHsTKl1xPx9hP2Gvl47c4al4Cx1khmq1DxkR36FkcuPpY9bdQvCq9CsadK2/TklCo
8kmmJS3YLQ27NWdj2Ab0Zcm8M6kuqiQmJQQ1nq+QHi0LX0Yg7kBV3LQauDuSE8KTTgy5XnW6hfas
j79hWF8jun6DeWOG4hCHvRaFOuJygdViTJ/krDtLPh6SOLwWXbrXFlb+0IpbOsw9VSLRTvSrc1cO
iLYlyQRiJaMQHW77nP8AJPUA1+yokpyFOVxbJEsXunys+vQzYH+/Un3tOiTDZuyrdSAC8iD0YNSH
31RP3jW/fcPUdm4FMHNhlt6hBiR6/DPlv0FMQyNn36i2tNMNbW9k0lGwdOJLBFtRUHKPU3eqJcvi
D5m8tB4/pYWHBleM+GI4YiWMnpXem/cmCleqURIoR6lliTP7mJSTbh6Xk/MYwCTHWoLtW5TGTVaW
v0JU77BFrOt5EYaF16g13q3eevb1dDNrOJ2RZwIqGNiM1I07CtnFBBZsZ3X7ElSMFGOUbs9BNp5j
o0fpWIeePpP51Y3FL1bYrTTmlz6fXAhsTGUXWVGLzYauosKUIoro9jbEnyHh2D1urBoD0b/uCsvd
/3jsP+7+x7c9vuOvH4DSMJkURk+ZyVZUv0dxIa3BrWJ+r3qD/Kss31lFn5MeR8Cdrsy3PPaB5qdm
vpOXm8fRv27+F48R5kbYgE9bxBiiZNEXFrspnHUHWQARLXle7szZL/66edy1DKPdGvNzjQKv3ceB
XOxSseAHmKMROFqYybaIVIQgC1OhLlmerjpm5qLX5bDMDJ+cvuUQm/3ZV01YtmbEomxlY7Z73ACS
++cROOkCMo+npFa7ATO+NYlbWFSuPM2/Dol3yXG+c78kV5SGHS7ssk5WbOEQjgVFvSOW+u+bx2OP
u49/MExM9CyX//znZjmCMJUSDIMCD9dVQQ7z8mAJYXDsWyaaUbljglbuWlXmwiYOKAySsNoxTq1Q
h3P0r5vHYwiGoct2X8hEL2Tm/aRQ77Z6XZDtYCZYOWjHGUr0NTO+AZqRTGwAwnbx2sAS8hJrohSl
+ZYi2OvNhl6VPPwmrTlQpXJjUvekTUGwoDRNjmXhuphZJhUt9x3ijWvMbZK/hS6Ex7GcdrVKGEct
srhO/SmpR+zjmkFkCJ+fUSsdKeAiSLVsY/B8Ffsp3fUUAUiripOBnWklNz2E48Ii/lbfCingIaPa
KaOp7qxumE7mON/MeEh2Msni+7AIduJUfdVxWHlIXhNqa5R2cMAQ3XanVq0sVlR9z5QB/X9tuIXW
bw2AC6uxkfg1MspTIeHNLLIsXgdMLtmTGlyqTKE5FVPm6FmT0fmQxa0wiFdlIM+g1+qjVKAamQt9
W8pzsWUfbj+jWUyPYtCjb26VUy8rymlqAz79yggdUz/PSvnHyJLI5VvwV5DfmuXqEaqvvuHEvkTt
aG4NSfFJGCJIr1TIPhw/JIs2ilnKv43cZse8YP8+M3zBf9Ia/D82R59uwcSrSk6b04cYMgar+RxG
ADAEk+ZnoZnz8wxNDSiI3dfIdE26i3EvklGt864syasrBd+gmyRZfgoNIzuJwhPTpfGoIYqE4IOv
RKfdls/SuO4lKEHU58YRqDzkRpX3PcpvclAZtLKq6aB7GNP/KLQI0LbBOassWEvyTAJOXbYO1iSb
rWo2Yz+hlKAPkLlSSbkZZtNJIkFuIrH+AOcyPzF7EpjOsb2RRDIyfMPsNqMe8K50I9GuJfnjuGug
ePXyG9c70aNN98QGxBWXN5GJEkoTBioZMzm+Ksw5s5JKV9zHY3/98+NfNNLmnbEreGH2c+TlJZ6X
bMheFcv86fT5UGQVe9e4uKuLsF6tTxBJd7HgP+OIhur0iUXkF5Lc05QFxySbUFRUexyTT1GL9rJV
pZdCAcsjWOWHIQ+0b2a6stV8G+a+22cpkfCCeNBadooS8rmCAYyHRYgsg11J/FWTs8+LyfkOF2ug
UtfQmGDKib22Koz+VS1kD51n46SiXNotBDwrJMFP99mnGoJ1qwKwa0UUAroxcSerUv9EpDYeVPOK
VY150jBdsJKVNLR2lLf4pvAVm632MvjD0ZySd7zQbFMpPAFzXKQM6YwEQN5jtM22ZLRcX6sAQcSN
SkRjec6MY8sYtUeBb8EQqpPoXka+k3a0rXqjIrA+R5RK8/t7qNiEGZn40ZXlJgPFBTFGWRxye3Ph
Efmz8kejtoP4Su6vFow3P2Lln8aCTl/QrHT2DpJ+QQBvrCwtWgtyMe6HZDZX+LzeOl25qfNtDjlt
wjq4dIKcHoAv4e0c/ZWMVrvsi70QYU8qycLN2pGFUKW7giO86oVXv2TyKoc5s92k8Gpt/vR9Pk5J
X99MSXWH+AawjRX/yWoxL8dG/jzVmSNMyqGqJOJSNP0KVWtbtvG3Kl2GnvidyGRmUZjtR47iIyn0
aT0ZlH7d+JvjMN3WTEguwhgaTtkxUhNleY+DGKBV6c2BnzgadR4akPg8z6LqZAMvQzptRk0+iDE7
ykbedgzCxlzCUUh2wVAg9JcQGNsKRY4SoaVUihlphjivwmg4FlBY2MVBwCYIKM2SyqVBQaxDVv0a
gfplGIBfOmaVYqfQk4yt+4RO0ws1yD11rkn7KvjsQ0l+7cDaKlqzywwj2EbdqDhTIrxKwgmjPnNc
FChqXf0gLWWZ7ndFGf4BqUDhL5IrV6cXi81ZT4gPfju0YkIk2YYv4gGhgBZCMmhrrsAhBJRlK9ko
hJuQHEubIipcvUbvXY90IqKp+YzNlk59CTJ/4eMFFhPy4Mds9HxvgDqj5IOsHOhKcR5pJ9jyZHoG
NgaPaje/4W18RjH11avxb9z9KCp2xV6efITpgce6q14yXqwMdoucy8j1qPiZB4zPZhlhQLMm3NF+
264/RS3v1hXt5VZXZ0yJFuHY7XiWwhH8sM7wscLH7JA6px20z1BQ5rVGRcnbfS4DSSNNUvqtwvms
R5m8zfXadOMRXBsTersOLRE3uMhnu6VXqMtsm2l6hMjSmWh2Av4IX3VCpbSQAakdz6cZnYzgVoi4
1TWl9HQFuV4Su5jP1MbkWkLzLeMoDoR0fhLmeMuKFO4CKT9pRRttAlG6hxp7ZjnLR3KR/H5ldBVs
J5X9W5r/jkICRCjGhGexstHS1Y+xhkSn8A9khJ3UoET5ZqV0xppaZXaG9ouoKNeQ649uErFDlvWV
tiy2alMCxUb2iBbe0sSPbIVJhUtc842ZtUdnyDwFxkJ5bktxG4clUu2pyzyrZONiagT7FWlBAO84
7BSl+7MkJ2VD3vOzSQDT5UPnT/FL2p1DtfkJxv6pQnvARg2DywDNvMY81MX+hS6LuSawme5zO61Y
bdRNz97Y9gPpqxbGJSV3qRYq/begA4z/xxjcUSbGTrR+xBZNZt9hCk0S8duvBP4EsrzUXDVxTaJx
JF9lR9mDh5LwlnWVbxP+slW9EEonU/L3QvCbNwbyOpPoAgZj8p58KLB0I/MmXA7mMTRF8zgtUbMD
tAVx9lXU+FHiiZoBsLxVBE80SCEITLz5uGRIYgBoRrI6zdMGtiUt1zjoCQjr0w2ZVOZOBNLqViQ7
pl0n7NTG1wGBIuXqiQHP1xicasdoefaJEMVID4JsNxSvo6BF+78eWR6e66UKCJ/gmcyrXMSs4SMO
25OIyKUqKJsRQ231+tddNCebWpUGb/IHdU2RzXBx2fxNAROLJNw/joACIzTQYncCwLcjOx0J5+Nw
rmk4E4WOYSKXXvKZ9MDH448bULjFOs67N+61njiEaDTEdN8ESCPC5QirmqPDct1O9FP5COZbsZzz
fdmQsREJtWXnPrY16IB6xaKil67cTeRwa8yFjXH+IA4oZ9ki0JLFHRSXEbu8QYeSv35fLzeV4A9E
qAqvj4cSwpdXKEuASbWEjW6HJou2lQCyvZEtzwyaNWrmZv+46QcoBmOpgSywOqhrjeAYtc7qteRl
DgDg7JQ2iEO2H62qHl/kBCqbdxw9oIAMK+cL4jgbnHYOyj2pklgyArYYHUsg53X2hX1N4NKVeKRw
nHA3M1wklNIGVaY6+PSbPXJH3H01UgGyUnE3iCjxomCM9kpQRDzH+JuylfMBFekef5S5ykcGFzGs
vFQaaZgsBK9Snco9vYVy34odio6S3GxAGWwlloDHvhQrh+6CReexq/byOJgbwjEPbczuqMuCep9r
jbySMK+yumAlsx8PGnHucErRBI+snMrdqF0zx4dgTOE+MYnjVR+/kDwfg1THYlSKfb+8CMHIwKBr
omMVEPleAx98PHdMSOP+cdRGXFu7mE1UM9Vngvqia70EzUr1NxD3eWsx803lqN4UvbFtC0wdYjXs
Q1Ul+rlkPwOl7NxmPIFIHN9kRvBOZdaHMm9MPOQ9mIiu/yC5nMWq0sDUBmznJln/5IVez0OXHhlr
l45J8hU6oUDQUEqZdJP0kTw9PwCwNwxkazOHJ/knWqtX9eYP7PUmq9pEof6h9M1LnCGEFkh5zUok
lz3kRyz7S0pmHP+VAvP/gU7/kx0C8AmBOP890Gn78xkW/85ywnC/fMffZghJkv4hqgr/YXoTdX3J
1fvbDMG25h/Ue5KmypZu/jvLyfoH8jFLNHAfkgQiSxDO/4kxlwgH0SyM2YpGppIhKv8v3gjA5wv5
7N/wYFwTgGbyvCxTIfPv/8pvo0SvQO36+kma4t5LcvBHpF7Rr53l1C6JfOQjEDIletyUUduv9SBE
GGA0u1SKGuRYy+HjJm6QRTUxCuJuaX88bgCnNlgsuHncJc5mAIWYhut0kCOPsCqK+OWmY+e8ixT5
77t/PSbkqEZ9VoUEdDVD3hSc5XLzOJKbkQfV2ixXPnZFdrZ1uStjg2ba49CvZFQsvWGs1OJ1JkPH
DkGdu9VyKQBu5ekFngYVla7VVqfRIg6MUB6U5ybX1MZg/marS6tFt4Jh3ZrZESAGKx4YB8miJ6C0
HYtlros24sBtMyVfVq5Tcf2fgaYwrEENy81F0Mg4xanX7VTB4NIfVOVtCoi+EAyeUxCbz91kkXZK
+DmSmq0iz4yiG1RGmmaWu3Emw9Z+HDZ1w6FMH2enSJAEuWZ5j+cpwCjYPY6iqDDIsVqT0zjvHjfS
XIUbcYjOY98UXlRPXkDnbpeQ/bB0Z6vAjzAf99gq9H6No9NsP+MI0iTKM7FtjC2c41WJjG8bBIPN
6zNu1QBjYhZVDsq0XStUZJI3Ub6TBkVdsT8yF2xkvvvXTaAlxb/dnciu2jn5EF9HU+pAhdLGe9xg
9yz/OiJ99+/HZFPWAaAyMFs6kI9n/rgxHg3J5UaYQYSOmUrLu087hv88nzYmPSNINrLgpfcZkCaA
D5izbEbiVXVVDhJmYkbdz7J2N5LV+FOLDvN1lHMFqd7imvS8XlhLDOTsdO1vwpWwygBaT59t61XC
vZLxkXQ3jqxuYymr7KVHLISnG7+MeMa4Yg/N2tf3RFkk0rHilH9L/kgOo5jXAh+tS1imglIw2fYM
YiiymvmsjEzffwptbTIOR1JWJ50zTThTHandhVBNV3CCQauJXBRtLpLe1G/nL/EZSzPzLxUt0o1B
o9Hblg0ZAZPgHoMLs1hG30SBC7UzJwdDPdDao0elElb4G1/o7aKek5HdI5kIGbPa+T2/K/Faf9E7
xr7Ly8b4RaMKVpllOWQEpsMmhtID3Cu0POZdwK0pKgZwkfALglNpfZU/mYtKoT/3T9FVfxHgOwRu
e2jv2A54JdAz4+LpNmpFypmbyMdp0fLY0b64lkztbzxevmOicD+TLTD8vXDKRqYedvnOPJwBcUrb
oqfd6yC5j9UV3pJ5RUmo7hrdHvvNBCyDGolh2G+nA+f+Jr7EoPSj6ZRsi2o1f4vMLVtG5Tavbivb
fBvMb/GTFBgLyUfqNqcxZH+6GjFAyjukNN1NGff5RX5WXjM6+BpriI3GLA6c5gojB8FDefd387av
XTF3lSXGdQ0rJLmVpofOkUFLhIYJi7nopnf9QEXavuZfxnP+Aj7/DMpMH1yj21v1uxXZhocoB8SR
1a1mKOHYcg264aRTfhsydslncxMd02klXqbKgaaHntp8Ug7CG6wC/hhOW/VT/R2fGAjhy9mV25YZ
1KqPqPbQQzvpT9EA/LBjfxN/w3EQ4YsRnnqUFVYKT33Bu0FXiuyaa1Lc+0P1Ml7kD8Z99RsjIeyy
nGxEZJe04WyKqxTJGYwcJqAuJ5SWrmUGsSlnwr6F3KKvgo9670ZbEZ3UE6IRokGNFTkETGlpiEhu
e1VDZ/5j7ZBqkp2zNhvXWCU7/Y/1TSGxb37VH2WnfUY/1pV1Z2pc/Q5OBxAIO9T52Ud21tvQ1MRi
X14apCbtSnqlr1StrB0NP6ZtGInUc+75W6IPc7a7gKkZB9nNp/yZFW6ReibnQ7YuIzf8qZr1QoR3
fvojSoH+iLJJf1UPWAEZs/VHy2G2lDkYqhKSRG3/DRc8SfJHwIVIKXEiOfVTdWxnajXWDMRFnvkH
ctT0Is5uTj+kfWuUd9YOfyLa1B71H5WZm3HTQpeDmobNVv6c5lWxo/3EpQek9tNY8GTd+h1JILrF
nzbY6CDLbPQHNyl0eM2bT0Q7a+mr+LVYQpFxepO+ZsvYs0TVq/htetYOQcDIyB42gatuBxoVqKRX
2nP0DrCB8KgNq+XwAe153paXuEVWatf+hvcyhCXin0RxWz5B5PE3eeulF4E88OX9HQSXt57PXv40
hg6/UAbCz8Tt0L0AKkbwIy49RLL51iZ/B+R4YqcQT457jeClxMu50LHuSLv0CZ0ubAl0AcEnTZwQ
D0PthoWtMG2JvcR39Ssf72t2jL/giFvfwa3FOH42yNmYlV8Tv40McRnl3vhW9M9xBYtrY90ZGoM0
48f45QqJ/CQcDOGjmXK2BeuiORApcW/f/KNFY2m6JJPdB07wMpDZVLxoOl1AovcIK1DXRbZppZcJ
zpx4bcazIf7BcdAhcAohUHAyu76K883N0l/yzwB5YfGSr+Mb9F9EJ/zZxn2++/2H3PwuEmU+vdjF
ZGOt8BEC+gDOmZQAfNsXfoYaWDbJJ+g5WSyMcFkygtamLwz/p7F4Z5zU/wjp7GKCxJ+IS+0P/GWs
nDbzq9HlD2P9FzfszXbhd0DHwn5Ca3EN0rdEPWLq5OlCfzsO25X/Vu/w98FGrPZitcbhAIRtDL57
/UBzJ8m2OQ3Abo36Uc68WVzLhUt4UlHTGHVx7vXDhqfHLLmZnCjbSsUxwYuEyNxGVwsHgXLTfqal
MVKFs4w5anM1khFryj55BxK+i2/6fvLUk3Kez/6zueOMhmC1F94MUKEsMRD3bRyzcF8YQ9p1g1jM
CaV1rpxKEhTS2JWInoqAV9xlpDwa8O+Vf0vd4alYozNaI7VPt4icI+b+6APbUzJilzrS5J/2TKXX
L5T2vIPajxR+q+Halz3iKKAuFQWS5pVZs/1CZxuAAIv2+s0i2LfZU5VXSPnR4wGnQYQmoHbFeOLF
8QYYBz1smTSq+Gku1p12lHqvVx0zPRJPwteT7R6kV4xD5L4lAp4xu7yxED0vP4om0jlErszu1ra2
+JIrp34WLmq1gTSecumFq2KiPLTj3yi5yvGKQ0xJ+bRpsRDIe1B1A5a2zkn0DWpH2rVVhZBtbyUv
xuDJMtIPUnzs6Ft9LY/Wewaj48qj2D/9fbgfcSiz01iZr1Xp8JRuMjWzPR3GjfmlvuJjOaS3qXHo
Zlar9g85uvUJLyMGxg3kl34jO9ZGcfOP9ips+uvsBhdB2nVbgPV75b3yrgCF8t/6YzwxQTLPJT9j
dsO96uX4fJywA91zzJzkTUQa9FSDJMDPsOc1ohE7IZEmLO/eFyC6AFJ68A7TYYsWpU9elAvjghqg
qkwnwxnoF2/EL+tdfO0QNQ9u/YyLml7fOsVMfZ/27JV4FsCOYNVvYBsRXZjuKLv1VXxV9+l1eh1e
62def35Z1O1LTMR2feLCQbd9VWybp+GJBgxnbOnAJmpxCaWnfGe8SM/zbzi6SuRl+ZFZ9I4yYCgd
IqdF2Q2+u0v5SUJHw6WVxiznkCMiyPdtg4n+rdsGd+HJ+OHEqTfSs9i+Lii0F0nZ0EMW2xVFhC6+
mjC42JTwTD6XQfgLPkJUBVXr1dhh8BUXG21Fz8RQ1ijJYWZhzT7UK05SEQoLgt38A/ACMXb+uoFr
5nXiuuhcMblFutuBycTInWG+oS29Vj5TYCWKLX0CkjgXP1yngY1O2Vp5qRl3bIofZueb9tS1W0yZ
sv9MVVWd22fxiyRT680EUkZiBpkv9MdWTXNE9u7P6wxqUnPpb/Wtlo8SYMabUmysZJu8R4PNmNLc
V5cJAoy1ru7JN388RLXhzC/AJBakQC531UUmmRVLIoYrvp8IHRGG8K4z7eaMfpwvLZgmSF5+U9tt
atAVR4KJEsiOP6Zm5Z+Ss//KM+pQzs6EYgXnvtj0ObzhNWWT9Udje764qlalekV+Ukd3o/waM6/7
qfJ1MbyljK8Vp8PovmY3IZ2HLa95hjL3MMy0RpnlLmMIzJV2rcyqQ1mG72JppioD7vGy2yKeMHeP
GyPMLUiEMaVl/eErab/rQ4sxcdf9ffR47HETqPyrJUJOs000cCnwFjx7+kppQUvWSDoBOyYVu33K
ZbyBJRXfcjRI499HmSDwvIi3QBYB/XSTEJYxWmKE8Wj5wlFToMX8t9+tlth0NX1gH6l5RowNJxHe
qjroXTlnp6g1mOqEgjqzW36hbFIe06o/gRBpNpmE2L3H0qbOk9P4AB2tvOKy/zhUSkr8aeFFyRed
5bYliug1+C1+I5mG8ko8UqIRiJ2somDVQlmsN1mwYvaKyKuDB81v5ZOcL1XK8ItPbl97irrtDXIi
7PyLFCPzQMUTtzZzOyoJ1RbfNa4UK2TIBYby2GHwSTF57EXUBSshRmi34Yeq+qk79jZpxHf9rhwn
iUbcHiAX/WUao7LhZr/563QR3Ja9KJED/A72n6+MAf0DRLVj919EnceO40izhZ+IAL3Z0stLpZLK
bIhyTS96+/T309zFDwwaPeoutUQmMyNOHPMhf9AgrTu+/TEDDbQFpw9JNbwsiTv46sdwaD7pOuMJ
g0UEvC52jqUJZ9quSVx6axBOfcBTOEuf+rX/xrow/sMCmwutflSBMfkytnM6sZt2oXmMJ+U/nM7O
NKl18aJ9m652gb4HdTBPXrQjGOb8/fAfGwoPqXDqfb+HTL7yFP4ToPy+5+Hyl/jSZ0bd92FcAMG5
dBAjj9kvRTGd3qQ70Uf3V302MfRFEpGIKgikHRcPKQf9Dj8Wg30AzFq2fG+vGB0wQMNXCLRR28No
4/y7IJdl4Ew9fIBYuFDFJj63u+7tBUGw/Qi1S7+NDxOUyOMiARXhBGtDR4RFK/5OcAexUsPv9NRn
4bzjX2OSh/LZqrwF3RJtEs7KL43bvUd+HZEuhlgYyRa5PGQyLfbkx3tWZY3F3neWPHuq8S3hck5c
asH7mR1cloN0H70aDjSyjb5ZCVU7RND3vc5Pt0rYDkyi7SEgKZZb8Mu7Ngo+ls4jRMWJWdk3NGLh
2ideyc+HvPAivGAImB/UmgkP5/sL/bOyA0eRdhIbyxXxnWqPEnoXt5q8jMB4NAG28SLi/YDiAerU
bx0Wby35FM9EDuwebOa1BQf5DQWV5KrbeKd68QU+DfL4KWheoNHWKXGVgDA2L+mTowQIJdlsrYO4
QaM+h8MtO2mVa7w1W8bm0HdP1WdyZRCgVO7yazjKJRo90rDiG2HhuFBwXyxv/GauiPtw8rZMtJZ6
6sm/GD/UdFSCQ4fP98AhFcfx6Cpv2nB+4240geXXpwhA6EMmAe+G0LQ80L0MzyIwTD/V2rdoBHL2
4MoXlI30QnF+qUsPuwVue125uDI1mD6F0L9hoTzyUJXAu+y+82dI8urLAPzEwVk6AGaCdHnOlK5P
WcqXcaAdKM1/s+oowkGDa0jv/kPxR3uqB/XmCZbhWfyckhJJ7k6Q/kEMwAig+97Ff2jRxz19JFaa
0+e6j8YvmD6wIVLOCQJpUbU2DjxTmiEUicOX9l0i0ERlYa+gk5lvyF4UX586sTdfvM+bGslJgIRY
lMI5wUXMRTaPKS1GfiM42NvjQ0kwLAsGpqKii3R1/pYg5uwYKz3xls7pPp+r6NP8A0XAuePKwshz
jBAcACBu+HABFRDeab61bxZJgqkF2UVO86msrvbdLZcSHkvm46WbvQ9/bHHJRw0HPXerglptN567
IwR5A9noWy2HGfa1Rz4X4MRGvxAUDMqVnadPJN1AGXrsgGMt2htqRYEU2cYT/0hU7/AA9Acu2nRA
IbZyfONkj0fOvw78q/DRNZSfjBEhUpaBAOwTp9vpYNFMG273HZk+YhmsDAe7vK/uEGQno8eL0l7f
yk/sUrVjmeN46UqSUxSXIn/FBvDxFlcOw/6xDYio7OYnzPIc3GXHOeLsBRwi4kbw5SumYQw5XzCB
ezYOgA7gBA0Y6n59G8/VFpvT6+L23E6IvRdgLWfu8Wd02t/8wkMSK1dD4wg9rApzZ79cgjLZWoxa
dBtXnBsuBxfoomXYwGi+lRcIE82hnu6gXpxEkXZOLEoFjyOn/TY84wiCxrAMy1uUGTYampN+Xs6V
haM1DvMOwVAUC5VNgo6vEAJvP9/ugr6D+9hMm+X23CmwELhy55+JcW/Mz8zLk2/PDkvWF5FoSAjQ
VWVsNwjwB3beXXXLD9PZ+FTdwcI+3xX/ZjUceORwtPgeNDdXfDEJl2RLHosJEpr6Mw6llBHoAqhi
DNy0qBc3lfD33/XmxqieeBnZBMwPVxSdZ8q8XeHQDW88qE9d7WuSgxM8m49loNUglCksK1y4PYnm
UyWgboF4FwBhmX8ctebkpEsgFO96tuOEYhdlYUE1MSRaTbt/nV7kv57bfOVx07Etx5Fw9MHuMsGV
ZT/ConXy+AdVFdW5bXG+8qDINpt9coReR+/PpHrgsbYfX0mJTS/tbcdifF8+pwNPGhs27PcM0wNk
HNKhyG7k5aCUKDbthtH6wkyX5VRt6FC5VgKaAtmfDG8NeWoFMtcCFXXmc6NX6G/57Fxv9dpNIc8F
hsAFPP2d8qnNnvHANcGr102DJYEZNLNvlqeB1fiberTHPsM/VP85buTSq754Rhsu8CTx5SYGHAeY
TX19fmd2lsYD62Q52iwxnETLUPvG2wTwkxsejYekDmPjnGNagR9pR1fJsY0jLcSYiABwB9ZoIXuM
058LBWMfy++LC9ZMmDbZw3Tg2GgbL6VPjhwdw+wj2689efp9ZNeihpJ3xI/x3E1/Une1TLK26S6P
4o1DEVAQ877xtyI/dFMFmZ9qZ26K8qbe4kt8U381yv/juBvhwL7BskbYa8ehhYEH2K8r/WTneNfN
zlhtUKXzjKocsLWNXqyxIRuIt4oHMwOK46enP2ovjGB6hkNEP3Pxsf9rT9L3MnoAk+v3zKWgnLv0
rxoyojtU6cmFSBhdOjaSJxyd0y1Wm6x2/emlu+nb8it/ET39s0F9mUAyt9v/AP1h2khvWBD8s1p8
4R3Jx6TaVx4bYf6pq5BwjtD8YvtVWZY3Dkmk2uKVCxsNz2e3+6MWHzHgoovDAaw+CF8c6fkWfv7W
PNTvEurVfxhiLa2/mre+n3BKf0ZrgtgQpQmZessg/sFL6hNYFYEsBzCd8kjP/2kYTNyo9mQ0TrXb
DO50m7z4XvIEUOBNHHwYJYWIUsrdgwSwfwk7sGUjJxdR9HjgwOCYkKXk7byX/7HrijBNVkc4xTtW
WX99/KoeYVEkk8ysBBu/gQupVdEfygl2cJ1UbHCgbLsy/Jj+4G5ts3PzgmWx1/7wIfH06fo9YGmN
eBqX1220USndAri6Mm37p3lvjqo379Kg8B/wzlYbHY2AfMAZ/nEsW8T3vco3Si9tl9OUbIu9dNLW
8wLLHozcUVyK8xf2qFYJZcknghzPx1l7lhmRtIvNfVLT9/g9Jh6YXXMLvq1vHk7EiuMbi0X+lXuX
62cjfr8TlHXi6e1u89uSuTxQLpfv97N4XffttbuxKWbgJ+A3ryllgidv1I/123pbu2DBQNYpPzmX
NPWEsUiy/HDQUP5He+UzatxE35k/VCdC4mBP2mab5AUfkfRVu9QAOtcc5SpsDZbbXn6FW168jeHw
h1MtTdkpP+Dn8661drUpVrvcP3aq4UFApN3DmQJf5b5l3mLLm9qzDvEZmgOWzx4eUA8qcM3L7rKP
WNeu9kR/hJb/OFu7OZxfpncpMPdoVmuaJRjGz8oBvwWq+MxOfO4G6S8yhZRHdZGgLvtG+T1e2SO7
575hF99Si+Yabhu6XtonMGcTIi7dGDsf1WTttQ2GDDZJLOleC+BrMQ54FUnYmV2yXAD1FdPFosYE
4R0caJcL1nMeZjmluakK37wOg/3YmRjqPlDP2zlqtRGinCufVscMB2O7KLeajTUHiwJt2A6UyHKI
zSgFIt53P9K23faf0+vY+drkyu+YY7ncdCpmXL81msMTXR+F6QuqJukTfs2mutHx7RgIbGgsjBup
9NahOCK1L0QHnG/lGcnt7kMEaWXTj0Oc3lg7wlcUTu/zv2ccR2ULh+adqL/hp7+jnrKmsCAI2Bke
0LBs7W7uxG+AK2301Ddh20pB8jLfp9bTeh/oovrNqJD4VKD5mI/UYtgrW331EbnJKQMAwE1uuFfj
1ZV4uCJ3jPGI3JwdeU++AYw9Y/7UEkfcg/ss12XdK54RmNfmPQZRYgRFMQ5rrwSMASZ5UfPPkW+U
bqb3dLrieWoteGeCF7ryHiT9J+wEMK/+5T/pru1gcMD8AitgU3IXIHK2kRDtlvDbO8Y/5c7QI4q9
Mg40RmxSmJ6V9SARYMuycPDwbMxbNwR158MSTGiDC1QtCNj4PBzQLnScEPmtiN8bOUKMVgPzp7Yl
J35HHIN71goyLT+vf4ojDOz7FwlLKXJpqWoj2k5avOWEBlZ/glLV2fyZ2pC/TF+AYalBdsyBXRtG
PdOM+Hfx4RL6zBbPzRFCZmzD1/LrbcnDQ6nMQRIfiPH1q6/hrn33+2y0y9KNv0Sg5Pa5/RKivNjl
v/7DnJ8HFbM+Pei23Q7LOcih/5RXfJFeu+3kkIvoLJ/qvxkHH1JTScphP3GGJNRMnydt3OQvkXDG
NmdonjNO0ipb8byuR94xGbbze/QUCdsMJIk0YbPOhkCItmS9o+nTVIQENkM6vGyLEZ9abLXs9Hlm
3aRvqLkPM5SsgKEl1pSYQU1wis1g7d6hkzW4cRcOY6LWnofgEQfys45gJgrjeXDQEjYvBFRDDONf
td6VccvUFLeyanZJVOFYgBJqflEcR0edxFCUhptpS0HAvJDGzx15AH4eHyXYmuCyWz6si6YFaXHX
wvYqWf5iUsDY2Q+GLM8jy0VX99WDnpOIILo50+DixIBjsgClmX6GNC7Y9vAsHolEoPk6xJ8y+xjV
vSdDRw65e1TA+SV9erc9P8Fq2uUFiTn4J1YVpc9x5g2H5JRphw61BqxValBMXpw4YMs+8nWpjLN3
quWy3j8wjFmrkBrN+jJupeI87vlvrHss9XKfO5ZnfoAEGFhW03oBM5WXeR8fGZ/2r1gumYhwrWB8
pYdnoGh9tOj6AEyytyY/8khPFd/AE/6mH/ODQ07W3OeBNIYWxcYncm+Ob064UnfZXMcrAtW/8oLZ
7bwxfirdbrw88RcZU5w9rGw90N5RJkM85ITlScp9Zv3EgmAJ1rfuY/FZtM+9mptP2fvqNq3PNJl5
GRRmAtV/OEAVB03crTI9vK0o06pDSVbwHUbqSWA7kplMEfqSNRPCXy8jilZxK/ownjTWtWAnN0Td
19xEeefBAsR/OvksMLs817eqCg0hZLjAxEHCRb/CzW0jZedluluZF1XUzmwUFBt8FH/4zsF5Ah14
x2UsyFpXve6wHB4bzRZCoCPWApUdtlw3cNkldZ/U3atxxjpEO8lbjkf1jieP373hm1DjPI5d3U2G
0J2B2+5TQOMcWAqfKmqxa3xfrxLBL8pnavo9H5AxBKOs0AQnLz2iCrKnuWP1nFQZ+iZO/BUhNYSU
5FM/6l63zblSmdO+p5ANslvz/Kzp11w4pGXxnxIuEH6XMwNzBkbT4OuGC2RJuaEy9FX3DE+xJHIi
jzHW+8CY8iadCVI/Na/FC4c65hxIi1wsQH8ZGGX0o9gobBg4YJoSkg2gnrLtdNJ77LKc4i96E9+I
QiM1kzyRj0eQbWV39UB1lC/A7v4T/L/eVnjl4P29az8fXkQGUX9Lr3wd1Y0kjymHskk2iDiB3Pje
ySE+zQci3RCbAyo9J3RoHFk01HbFa/vKozm/ssjY8OTG167Ku8nGfZoHW9qQbKTI+7H6EIEw7uTZ
9n0wzR60z2JmJusQOsy4u/57KLs290wwIWZlHNFce8qdMuyWEKVJgQNUTpC1p7G9TC4ucVW+zdAx
1QcJyY+xGWq4mt6gBuvMLAM9j1eSnpqz+m0Y38wfZjkwB6d4eFb+VhCU0mPPKBylAwdLu2wZfXH1
jP/mcZnmYr2SG8yjbeWj/Uuv5ff8cB5/DIQvvD0r5nkTtl2CxpCtzknful3714osEY5029hnt1q1
zRdTfH47ZfxvsgS01diMAOHZYkQjvHJ3+I4YAK+UYW/yjvCsg36CJuSIO/OF2eGMvc8vbGXcXJl3
OwaDQtQv2U7fjV/LTy7xDNrZP+Ycm/7Yznbf2HjuTdM9Ho6S4ikUabn3uMTvI6pqkF3jYARww68i
ta3KoDMgD1cZXMqNkpldTzdrL9/pG01FRJgfSiUmOgxPPHKPeU6h9Hybuxrf9Ut9K0obKcyG3UHE
jwWrvr1VQT8NkehIHo9B4zYKNbB6jv+kl4V5849ZOORa+PzoH9mzdQUs4cpv/Hujz3cHszp0byQN
3RgpCm51FT70l/kjxv19I5Pa4Mg/qPbTX+Tgd4A77SbEG5RZAbPFm7EEbBndtd0m6Gvf4iubgi4+
iWgaZmbDs0k5mocpZM5QYw6OjxMG/n56loLpJz/3DN+E8yDarPj6pnyoDHnSa6G69c38Rn6pAf7s
hleGJytuoliCBGZqL6+8R39pL+K3ustP6M7k1oHsTYUHH2W+r59toMTPUWsH0AAuemXIrNla5MF+
k99lt7wmnyy7+CoCNjvmiZFPvbjl/uuLtjoHYQgJUKEG+zMmu781gEIOtOQTnzG9qmx41+y2XuEG
YNA0sINX+IttUE6jrWy+LX7G2v8ruKDWvghiwsfcAe4Cs9FrGbmMlRncwpvyir/lqvvJhewgKuSZ
gxcigA2F5AZgueuP5Uk/Ci63NPusebB2qd++1Bdro51ztznPgfqN2y2RT9BCdnKonU3L69/TNx7d
ZIuV2aU4Ti7TRYjRYurBewGWp+y8uNLmEaSjI/sClA4jhIcHzAIw/6KwedTPLzG89Z/jUefbMr79
fUK2OGjvmVKubrITMODhOtOuJ/bjpobFC+kie+1fA8kf+DpEG5ASQJHZv2AxJCfg+jZoNvQOiG4s
X4g3oA4MEY3telHkjX6ixMybV2sr7kq2T46eZs+6rLfFrUpd40v/5rUBS9A/tggWivSRQaehsn9r
D7IrUbGlVERuI58JqsuY1CzoF+HTocO2+YZqHCh0to0D7IyRCktEfG0v8D4FRm501NjpZF9U77VC
gIgzrp4kB3jTWpot/jR73gmyrKk4T3+L+3TFO4D3STHy7ph3qjuCwTENfS1fUUsAvDzsarAFkG2I
mNf+IGzz12EDi0r/b8pP1/gi7xNSfDZU6jVbHx+RE5MGMQnNN0bY2FY8DtIHuO7fTFW1j++P/ZMi
Frt4VEXLxjo1X8mGR2sFT32HE8LcBgu4wSYZnOMe+pxXW6cIRix8uHv7jvkV6gE47Ozb83vDdBd0
ahvfYXQIe/0CKkD4ZvTJSfea51vzArHsMmwBDz6aN1IoqKMLv/5ix8Y0BgGMwvJRTs9E9BHIE9aQ
2kBDAwh3KDSl5hDj6XuhyjbO0uLMuKBTHreX5bW7audp1wZFvklVx6CyvbcBG8xpUH1hZ70W8UY/
ihBIOJmBP9YfAV2LCylml2HrA3mN1DQHmIWql1gTxQyWwHLZCd7J0p7vzLrbe3a3cA+B1Avib1s3
rFhMyi8vdoftexEdHolrUNeCGPOqhUyJHASbLFfLsd6zVxqGnhsZE7hk615zbo8ZNQdtTeMgtKxk
KmWv/O2/6FTTMciO1md0bSm10aW3m750EzHEeYR6Mpp2j/pIZJv+o//kuMdzqbiIe8PAqClkjJ6+
01MN70gD58XTGVyJJ4Nit3Ty84TKKKyuWfggB82mgzO+hDMnXamcyvijgcOisLhU+qkpxPaon0Lr
8ZIWl0kJowTbGOhJzvjXMP97o4bAOYQyowLGchuwlVv8M+eeHAFzkBP6XI2F6ZVVONVeIzlzHgwY
1GLcRaun4hdht4SyjSGrrK1Al5m7Al4xa0K6CiHqUO36wCk+eS/c9xZeZ2sZPV3fGh+l5NXB9J0+
yNQBBdB3mo4lybOhJvlVxTYOa0F8pDW+s1dyWCPTwHbsuoT93xygiuIJGp+zBe21e8uhqMZhUpEM
iojdTVT8TUJMXFFnQaNi58NQv4LEZ9C0OdLPsk3QaTjp+ixh6W7ALWNixbyEs6qBKJMBmk/3uT8Z
G5Ox6Rgi2y7nPec0Y2k/ZsPB/H95iVdXmbcNJAh9Kw8+FQkfuCzepQjKaG0LeJFn4wZFn8ShwjCC
2lp+Xv5G9vITdvQlCfLzhbTaND/J5aGsQ0zlpRkHAHcV7sK0mcbzY8GhySmZQZIeS1zBeFCK70Xf
qiZksftiAtc8QsoS6jJqIYoEldsLGELJTtkte2ZKTiHBgjaBrNO8t7DZhVS3ODLKodHVdRfaXfGu
vlhn6EkkEeGH3TOwrkKBpDTmUbVPnlGsbrp5r81wOO5szKm+GW/693j+b7A/PKf9/5vz//e/+GBC
filxK/3fHyRm/ERHWvhw/ACqbXx4SLeZAoSsm/9eWyJd9Y3eOJMKYG1MU/TKAWAs63gSagFQTl+j
fpvG0wCUwu+MGkb9tEjapmn3+GzQK/730n9/KOOO7XY90PZ/r0nrgz/GrW74/x+zWgwNmsYKkLYB
GWRy54lz+iuRwgMI93ytff7S5FDt//tl6ZAe/Pe7//3Bf3/v/3/EVIenRWQ69i6yUWaP/71tYSrs
eM/f/vdXsYSlMcnkfIunTnuKx81c042rC0SVIQoVPqxEMlTQTl3lR3EfLHCA5Kzv8fwjrFR/eOkt
H5ZDGy+XOSKcMza5a1WpaCf9kZ6KIvmylPJFUYUvWRx7Xy1UMhIYb5B1v0mFzGt5XofoND9mJUgq
LHPq4j0SsOzBAH/2C/h0eTzOAXnesV9mFU0eCIKFSZ9WQItdlEx0DUGipSEC1sEFH8mDkh0FkoLL
sZo2Y0p9iuKEo0/n3NSHlMFVN8xhqTPZTqevSqzknRpBi8LRajFVj7uyyR5cI00c/U4y0RiTel1M
57KXpZ2lMX1AMfFrisziTcWvUW8vmFSZ7fKJKoTw55WCY8BOCZfCQBFiCqMiZWSZwu/UYFt0JBR4
ywCtsZs4CPMOsHkS501RJe9jJhPVwBGDkCRiPDBYdY2KEouaNMNas6CP0JADQ/luIF5aGJlrKSSv
Vc0g042EuOo4MIjQmUkYon+X/HVlXl4nk+jIq/GbldoXFlO5W6RahNsnim0DZsJswn3BsW1DVDLW
M4z2RkWSXIlARInEpxqJrjA96FhPGATzODfB8vg150fmTcRszOkLKQ59B1usHWkDsiV2Z3WdXK15
/vhTdJkm97QdHy9RhScR1uAXrBJw3VS0ZW8kFTlK5QoS1xXksWvf8xJqD2FLugSbRIVzHJfc67Cb
tKW0WL20HN4jMak3dflPzGA+oHmnaZqLyV5zbWsxCxgRPaQSmEOLEvmYEVMy9M+9pnh8pQ1qC+mY
1ZglTJUJaWHt6chz4xNHiT6QI/3bSohRlwtAKVOCeSzizplCr835RiQPUXriFYktBiamRRWFaIYp
ennUNoYyeNU4z2G/rLC5cYESSmaKik56NCvRkyYJHBJDHVmGHJmzmWVm8Q/70XZXmwuSeTARMyU+
NHvwfERTIsLTUBnyFNSuxidbYP1PLePfDFV58Cg423J8622ZJds/o0UaYdyv5rI1VoWnJKMaULMO
73vOghoErekZELWqLiAg1dkM5OJLw5Tek9vs3UhlCrkIrrNRX8WclmAUHuDKI1NVEdwwzjjaMsW6
DiqWz0qda27LVpbVpYYVE0z+6RyxkNxoBIzA5tttakxOJWyH/ce/SciHvZSzc6uy4lpDQ0Welmmg
4322HShpsiieg2itcqeBdFvJKjxDLNznvhCD1Yk0DtRqLCpEtfpO5wKMDehhiRofPTAoeIxLaWjK
UPzXNtsPKYVK2VH1Per8MsVfaTdvJRXelwjJgC02DlWNuEaVMUSaT5htjoxI0/g9qRgpVwYplpWc
B4vSDU6KLXogD+rDJw6ZxwSmajySI/3TrmpKA5y/tet6V/PzXDOa6pkhzvkC+XlgBSdPFaoAiFUx
+EwtgUzERbwYKlF+lUwLk88/oiF+zDP3utJIMRGW3IOW/d1V9PbbKMGYQl6Uk6kCOQrq/aFLnNX/
UYAWBi6ZCNm2fMDB1dqXuRTUjxy4UVaYVRpgwQQ6+4UqbCeKCBkzANvozH6bj+knJheZh4huhwG1
AStyZWo9MiCdY2QJESyRdGkulkQmGzLUXaUwJiZBBA6VpODl3VSt/xCWk4xbsazjb4R1O21Pqzxt
4x6Q38EMSRY0KBnS1SexBvmNkZweUiwfRXl4J8DzRhy6Vw34VvazSBtvgE8k5BIcy5oGVGNov2qI
gMUcsJ1uzpjqmvdlf5OF6EWIYuYUjUD+sV2gYN4lGvVFZjEkt/YRW2Rlvos5MGVUYlGpo1CQsqUP
Ed97gl7crPkpV9CHz95Moo1oUA5P+nehl39LT8C5Nk+EKIpg8OSe6Ibs5hHUElkuExf5m4Q3M1Rz
whTJsFDplwYS4GQ51sleGy5p3SW4mlh3lRw0kGZwCh4zmHLdDFHEXF2yyJ5MP4coSv3JCpkemb4p
TH+M4Rs+xA6Hi3S6i8PLgoVhV708P+I2MhIWVaILgbJENs6ZGuukuKeWkvgJFhdkFzOjacl2YIwD
xwPTb7iFPY9iUS29bw0U0w8GHyO+yVCgRQczIcFZkzjyx1E74WYAuVlTK88irGKQErI4ugJrgnIJ
H4x5JrMLDFVe8atbITasE5YzJaYTaVmAMRqL5pfPXFrGGuy/GGRkLgHMpwfpDpzeHQ6ZT5iahA8I
EdxTS+xLZAlwV4SafLgWcLlesRwTFrAvORIZQvTaWyECGpTmfu2FFXdG2BPV1PUwlxDk12OGmrre
RlpceBXyfFyykPZlMSh/rUUDWatYW0R0YfgApEzQaGEgnkxQFmIT1FBZ2tw32osi1YKXaCJDQgzg
nUwF9eh0er+RE9Y2GDwlhrWgQCyYYQpwsWGONMs42o3e1UGMg4Ft6NpxmcGMq621YHPzGJjvp4aK
HUXFvWkRyuRC1aGW1rIwZdAuzYWfRhDkMcV8k0zQZYH17fUAalW2pDSJws0qOtONzJIhJy6lTa+W
V/mR3YUGF9iZDTkeugkcnmZEfMjuECN6eXQZuiUOk7I13rpck++lelwUAlXwkAuFAQBzEXMUWz3G
si1D19rEa8/UpvdlMH+iorxiE7Eey2HsdlOMKy/zAFknDVqTY5jmFk39WIJCtZa5tx7llxaRnT2K
TPGr7DyTW7BV1uG2sAJZrJQ1VHf11AUoW4FemTRmWLk5JbUXPC6iYnHuYAyhvuNiFVgCJLbMiGh8
UzAsRSR0e22kXyXX7lXbSO5ci9484bNEPIY70r+42kh4QC2pwSOHupB0L6thbHCtcKUUUoMsNYHZ
YPtXIrR3lRhFejfhZNz3XpHOgFjC41hjvaK3K4Ixhgd1KfuWIAmngc/v9lrc4qWFc5KQfCyzmYT6
9HSDXtC0X1Qie4hYZF4nW2vQGKM3tvB/RJJrXVUssBXusg1h9rhVTGdCY1Oyw5OAgFLOwQQWPyFv
yJDSAbHiswUS2sLDN1TqRo7p1DrGk7RsDJIt7TarXCI/LF+sGdIXSYY3CWGnZeboMeNVTUfIKEr/
tIlQb7Hnr8VnaNDLjvqOC1bfopLc1GZvzb16XWUd3a1k1yWStJXiJFjvSZaqPgrwNbSkbZ0yzCGe
1JGlVdtPicYwBcskyYArhBMKkQmg9HMnN/Q55zouEdwuSEk7DWMAHLXNuiS0YzXgXU2H2eKUmJj9
dI0uOdYCG3Ia7oqiZJuiKM8QEWYZ268GQn3zzFfHSEzx8F7wHqh9n75LxmYxmp06q/FLnRGUg2l9
10JVNBVV99Wm/zSsetqXlrVbLNoVS6uDcf58aAe5xoEKqbAnGCQxPZaUPtp4SyTt2hc4Gw98Vi5T
BpuQAHgKyPx1ic1vUkG0UFkUy+8e/Qvuu/G+VNnKHvhJabmArxwXVAMnJUlik2j1B6aDETVd917K
KXMNsTqmUaNBAp4JDiIIjBgZ3L17rgJOqDQlBGs2ylUkWK5Ox1Ncg+1JQRObom9Wo2P1VE7NY91P
GvHCU0nqQfwd5SA7Ub5oHsWY/+jrBRc86Vgm+FsJuIorPs4SUI5rQLWBrpfN32ouosVEpU+rLqif
zF5yQTeW0QgOlvA4OaOWXUdAjJjas0Mh0mgL7n0lYkUzxeUq6yTP0ppdI5YeAfMf5OtitF0IQS6B
HeE6D1OoA3xbFuHcIi14FRmaTWn3Uc5Z5yTKBG9yyo1Ag5if7/RRpoWWx52ucH70CRZxxqPkdwvc
OTFWMG5J4adpRNCkKVSNNsXQavwRCQYhfu7BN730DRroCUlZIi2xp2uIQ6cxhaa4xJkfYR4MiTy/
4m6W4tjFrJa7QciglntjgfmQVDIxoosGzydsKaXt2ODXc5aMBryr83Nx2QrwJsgsr4AlifikS4XC
XK4ehxY+A9OGJ9l66UjmLvxkGZ6IG1xBHh44TnWJ2y+ZfRU2/VHLWHlJ+guYwk0giI8EQCFUIm6g
ILVgIPPwmQ8PEttV06OaJ2m1F/fRwrRW1EpYkMCNC2RpTb/odENbSbtMIgOxbLln8RBaeQZ0kEiF
X8YEZ2k87DJuS9ObJgmqQ8oUtFrrqZft7oi75538jO84qY+HhYvvGjaFSjpxqiXPJK/LOEp03i3F
TKRkQKGNeVR0sNdYiA9ESlEsSyxO6lIIOd2BdV66Zmwx37W+zXZoQaOynSSMZ9wtD3xxvNc6GjZh
6tCwjw1m+KQUKXkeYK1cugN+o1ixwxI0yPGbYY+PSg+1ZOH6is/7HsEnVbAVkiOreBN1TLwSAefM
/qlTLHE8LBZcmcpGCIpeY9YnMneZMY3CCGajEtLmaHlbHOYnztfhi9Ym33gab9ulz3eW2bE6TJWx
Thuj8oHSatJWxIvC0HpFbTspxibJXqoCGkOc9D+EJPxTWsCBpqfpsZirzyq5UQba/sfE1a0BZ/x4
gLBDUFccCBXNBR5JaLmXuQ05BRBAtwo8XfiIeqNPh6QiyMfSpieUgcZbhhSXytHgEaIEYXWVH5uh
hV83qOuDblt1JgU2Of6gZjDAcWkhPmoVFvbt2P5b2Ho1K1n25YB7aLa0OiRG2EeTpUWuGkXTscuT
cBzXwyrK+e5hwvubVyLDh75z6zaCOxilnpZFl7yFfE2s0k55jnc0DFFttezuemEwghNdfXpbY1x5
MQS5j6oCmWvsMMKPYAJxP5NQFVZYMTMj94dW7pTHgFCqhzu9LKzrUvAVDV3DclcKfGoxqcGMq4ZZ
1XEcxKz6aa1ELN+SyKULfoOaUYut/LM210ROpf9j7zyWHMeyLfsrZTl+KIMWg5yQAEFNumC4mMBc
QmuNr38LiMyKrOxqK+t5D4JB5XQ6CVxxzt5rO/OoD8uIZQkr4/AsQ5nEPEDaBcKOQkZhWIzlto7h
2EiC9yBWOEQm+sL8YYmUPCW6sunmlDW8FYISHlgW3lExmRBb9G4myt8MlJ/BVEJRz9jdEY0ocQak
sOhVYVU1Cu01OVlrmZk7emixoTWtRyhGnIQ6B6pBs7BnD3+RGWwwZxkfUxiiCUH43kKk28h6/4KD
quFLrKojfCeBxCQIFkU2bIQyos8hNMHdqL+b/j0Wh4KaFNS31nKMXn4VG5op/dw9Gp+Nnp1Lotev
BOESAEjUovrs5XhLsWDtxQadBxnGb41IUSiCGRDlkR3KPcsqElGcuiyfOeUoMHlg9RRRfamUtl9J
CsJTUc9kZO7iu6L3D1NFT6PRIZ3mSAFqSNQWxKukjz8DSMjXCam+nNMqy+d9rMYWTmINV/T+UcA4
YfaUQIZEOnpTaD5oFQ2RnubVSPHLV0LpbOSSncNls+sOqWZcDNnDpIjvZiEF7+xtPjUi0lJJf8ws
jaqmUn8yv72kOrUXrfFZZV3ysq22lDO1wR82fhm+qKKKLmvX9kyooYqZt24pqzE0HFMULmOGb5/c
nxAYoKv5LGIMWA2V0m+YumhNqPne6BOIUFL37slk4sooxXOP1cnoVR6u6w6WcSJtSFObNS3SW+JZ
t2yK8K8ky2BF88kbzuGQvJhS3bsTfNVjOcAcI8BTsvVQzBHklG9dr8Ji4izP4S86I1C9g2URZhmx
bsmnKtt0kndioIuI+LTUlU/cHGIo6bGwSvaG6SAg9cQUp7XPTF7hXTw0IG9N68EkGcDxJg/Vf1nf
zCyz9ZGotCEvsaXmyoPaMP5lklrZiU9GkyAKLhpVucD+5JlJyjxHjWdg7MsGsYI60umbtFL3VZ7p
WwPlgZIYresJLEJNnJyKlzEKpSJ+BFZJYpjjk2er1wWMKGaj7oi0BCHvF+s4i6ytwtpi7+fqR5gK
1iWMiuskYursZWXYgEwFrWXieEkzFvKq7ugRqeFg5chXpGdpZXB933uEJykD/5odYYm2F8SsUdN1
8J6UjLzeSUGk39HPCKK3qsiNq0k5ml3DuNI744eF+C7F6ofnRR0drRC+M7V1e93U2bkJF6OtPn0K
b05eoZXoC2VyLZQYUNT9demx7J6r9rmY5hvfgDDbB76x7b2Z1zuA0zPokWok0mLaYHFgCCiKPQEN
wigzYkjUr/ypkpGyDqCx2vbF94UfUW5oRImySw6K7Fkep3Qra/HB84h2H3vsh0o7iyybhkxffPxC
z0CaQxTbKvW1EkxQDH5KncMPtE392kJOq+qRbtLUY+rQK3gFdVszWQng7yS8PGI21bYWZvT2J8oR
AzPcOpKsZBvJouGUMp+qMIgfejsnkaXaiwV8PjKj4jXSB2KIhLNc6Ufm2mvPN/uj8LT9ICokmUP4
20c152A609qz54Fd8dar4MgIqBmyI0EeH36E9D3tGfwbbFlMJERN6R3zs15+JD65EaFkIi/OZ/LO
f74ajNVd38yGKk1L94Ol5dFlebpfGuZIo3reRHT9aLPxJ1JzedJ88etmWuowEZbbP68uP/4fH//1
41NX8b5+3TZMOoy9Kwn9N78ywCMBNXsBdC/XlosFyl3NJO1fN5dry33Lo7+e/Lf7/nZzeZ4Hbabo
PiTQhkSa6c7C9vbigr9mnP/En1eXe5fbkzLwkJBC+5AtYlDmd7JccHThuP11W5i8P2+TzkLtsLbD
ZyOdIK5OwtoCxiavVUqZe+KOJ/5KodmpXrpKCgij3kBQ4MKyTTtQdYEYaPsJFrdtmSxplptNOf3x
QDw/xdAhu3JQbX/9wPK05aZAUcjV++Cw3BVqqronjBonWyvGxNQqcHuW5y2PLBd5WtG6ZdN5H4UK
xm0YpNyc38bycCNr2i6XP0ZV1hAMWx3uVh2tQAhF7MDCAcrWTCsySpr5XsJcXBZ0f9WoeWgiGjRd
NVZrPSc8bLmQhwZBRJBXE/rGCYUI1Bkjbz4HAa1FZmpUPyMJiCQTuFrRMQvqmnYhkR0xsLFtOFOc
ohkUlS0H+HxzuS9Ne6TbrQEOtAJXm0sd9oblkc7PpMnxyDBMeqryv34uIWiX773V9x5wNLLB51dY
XrvwhZk8InSksII5/fX7fv6W5WV/Pmd5aGjopEh9hiv0X28q/tc7W569PPCX1/6/PvzrFQozql2r
rXe/nvuX35mTaBLG1SGRWADDzGL4M1NACgRQ2oFvPfQqwkVZwmdnjM0xpvQMTgp6RmeSkpMKIaXL
N8JtSc0uPboCebCD9J7tiMmrjkLb01WK6eOTItEFnRM1CQmO6FbKHJQXiBXSwIS3rhK/dTVI911J
I75KWOpXrFzYcWrssiEVCLpOTYyepeyx87QyZYAAA4Oos2rXo/ch6JQC6qai8GY9sgDLz3HPkGaV
ItJZkZzYJvbswu9KzEo067usQvhpshdRB6AGNQyPLP3qfIKvqwINFGsBu43Ha0uJzsYuj7pIzx8b
nQZCSRQuSh+wLlTJbBbd9Lsb/IpkRfm7cpAeZCO7sLyt10MiIkQIo23CFLztCLSBlgqDR2JfJpKx
DcwRP1feXhMpZzILvfY8SDSWWjqYkkKbrp3V4Am5ql0+jDZpHgPGNbTE2lQQ8YNBkrAq7QT3Y0Qo
aRZCdc3pLXrRJfCmZJ1OFhIaqfnU/Jigx6g0bNmSDnnQt8hPiZEn+nzvmxhARMN6ipFVNvRBiNeC
9Oq3KHoIGCLC+q0lgGdTZfW7aGziJGloNGp09OP4SuA0mmitQEMd4Nf1Fsxx6B1U7dXQlDc5bjHP
1hTT1FHaajra8SBHGJBfuhi5oZGUT7gMUjLv4JxUje+vSpM6qRSTZhlJ9QSQg/FBUPNhVxrsHXx6
sCS8VwejF870CaqueSxF1sUSO9Mmg2ECMHpNM/jcx9KxV0wN/VgbOY2Zn4SGQLRe8y6CrL5n5Vy3
5e0IHMIUR2RSEqMWZGCGMSb2sm8jCQ+J12Mc90vhFGTU0JjOYAoRUb7RE/nsQxlRxA6qbk05oEQC
AxdZXmex9Cw2ypceE6vmY67gR0+UAzhhgumaCvpDp1fDldqjDAbZiTUUYLpmWFsDHk1JMWQvqOKI
ayqOd5LJLiizhIPhPcRqp901ifytybj4w+RGYgAKMj1Dt6u+dLUILqWZnoKt4BPXJk5ytFXjWder
Nx80A+eNXy84JqlW1ybHxKe0iVNEjGpKKk00V1izKhktbSSwdWaINm0s2clj48PvquBHTnnL86zC
Jip7U/aA2zzquhsv9fZiHJIIl97kmchf8gkJZD9R6sy1m5Q3xyS10MARmmqraY+tTtW2nRKY26bw
TnVA0ImqZowjOXkYAwZzTFhD3b2USfUqFryDtEAEm3p3RS5d62Bg68fn3QlOp7EUVNrxU4p1gSgD
fAJyTQlPCCTUNOiwYpL77EjznoMQUfWUiTB1QP2voSqvm8A75ZNOrZfzA3qE8MF2DUWFuMugIK/8
9qCisOsx9tQVSCWG843SQ+MrhNRHU5uW76lO2aCGkGgrOvA9FX2bRGkP8Utcb4xJ7R/SpkJlGCGU
4bNFwNwEwpk1PQA/CdHtmB0aI/SvRsuc7NMWUtXQ3wyK9GqSiIgaJkN/Kce3UQ1bt47nuJjA0M5d
4H00lNBa4iLPhDX0h6HlfZVtdA2bAnwgSQ8buiac3UPXIYsZV1ZHZQqOveEA/91oEyjuwmj6xzbv
aVv2j2Vdi2hLgy9ZIbu3pFiwaTQ0v4MkS6zheVG6xGhciIlGs2NZ62oGpNdpA+8kkh2hu/AWZVuu
icCrWkof6lCXbgajkjY+SljyHw+Z3zeg81CTIuRwJwE4cR9hqoAGlMYojfVaS3eyAlhIE4ILZNEe
jdZMQqB7t/GArO8aktrLCV0YzaobyWuYmrq7vq6ntWxS+xgLYlU90Vf3hCd9RJBSKbRln0MEkrCv
SDguOvGHIJY1nzo8fUGDlFk240HUTIxtrbHpopYSfq5Q4FGMGQOaYbYoh4ehkdGDqyHVYsGe5GI6
NIhrEs1PT7PIjCPXyLvwGBdT6lRpeqROShjxIkAPIWZHEJ7H0qjctkH/3w9TvB8rvmhrqsGVh8Bp
is6jjDC8GDEakGQYLjF1+31f0FghUQZoBtF6ggKoXxzIREDwCi//JdFppot6dGonAX30iNVCl7Ew
iZWy9jWk8GM3HtsqSvblZuzTO3KrGFMz6w1sMMX8BouvXv2ITTFEM1M86DS1simEIqozM6eC8anP
p6ou08KJ02PVcwJRs2O1Nw3vnliee3EsgObw10c43iURS7aZYkEug0eSuTQJqS75k+hy0hIhAhRQ
Xg6gtw7cjjYzNqj5vuWBiZzZTWmoj3nd+OSYa89hAtkwInpn384Em36+kPoYM4Wf3QIhCPZBWln7
UR2eAwFQRZ0p415itYe8hItK0HxHS5ETROigSF3OpF1pkbg0Vw8JLHSHOZhHNNgclOwjzTqXXFJl
uWu+kP91bbn58y3OP1CHIY05Z7mja2SWc8P8zs1eehTiBMiP0Yu2ibccXeRTOjQzXzxzWT5OFJzG
uNmbsslVGumEz+iZYkuWAICkstwMJmJavSg+2n/JQue5LOmXC9XkUJDni+UmWHYq6GzYbLWp2n3s
vfpqC2J7eVNKXffEC471XTAf4bHKfNBE8bTS55xCbd5ElDLokny+WK797T6y8Jg3dQxGlRxRnFyi
jYSCJa2vtKgvY4In2pYNXTZ/l78u6nmN2oaavxbpOK/VkmbnVprJrAsi1Y999iyZ6A51AythvogM
DSnTcjucoaxTSTXGSpStLnQxunqjK1C8QGZNq/uuMaWdbkAsMueLKUHIKzRlsu7J8YJUBSx23xa4
zqpcOwVGzgChy/J+bHNlv1yrREHeF72eU8ygFOvPjNgSWjhrMY0tB7eW97Bc09nq2rqKhCsIj2Rz
S/umNqU9OvYu0L2dVkIzkWNEvz4h2zLlSnXcBco9bZF8n0lm6QaRCZStfpl61nns9dI1bYOSrzAX
bc8XsOwYtbIvZEnZ1wrE+5Y5FAw86gNDZqic0cmwLi0DXP/ME0s8aAoFgtKCbt1Yq+RkdOxl6GNe
C88LXYloUUrcbHkdska/+3kfs1y08zWp9xDTTwqFoT8xuQbBhQRpUhBZOPJZJ2FfEpjQoHoVFkLc
KEThzAX11V3eTJI70B/dT/PF8vkvNxVKiklKMYeP2wegN38HrNz+uLAGGComWoH1ZBHVZiRsiORA
QVTau3mL4qVkwWvNIOFfB+Byc4zwlOfj5NltbT4oSv9SFHjqumnWSkZTVG8CcXhXsMcz7hu7figO
/5OqXR2ojTCcZWCEk7WjuAN802fmpWYNfDJ2CaGIHQN3mPg6fQZsICLKhA7yaniOjvVYvguP+YHW
lIhIFaX2vBaEuRyxIF7jaDKOwW16AS/2OVzoWHi34DFF6+EaI4TTdfoNRHE+KQeXsicdxAJfEq0A
EnZVAmpYuNMsp8a6aZ6zGTgGgmTDoD49wJOuekCvm1Z0oToG3Va8ny7NR87NEdkggWcOgUslPcAX
mdNXIlbUbp75VTq9OORf1Uq8x4xGkzDFDY7wRj+G7xK7GOypFj80IWfAbywc8E41kcPKuRpcHCGy
SnDAB2IYYDUFoNFH6eUOgJUTXgmZ1FfYjBFaPApUSoUNtvNoBk2Zx/HDv8pH1GmACxz8sRAJElqv
nwXTGQl3D/qndpYfhFdl7z1Qj2etV2PHUmDvkrt2ZM3AsCK/RE/jxfsc8IY/9TCwG9c/SuFOxcDf
rnsGbZ2N5EYtCXxeg+vvj8Bnp4JN9yp/5jjAAT/RnaBrdEwO0TuOy4JgEUdSNwRrqHCUEvQWGHsB
PLTCihhFAwUKFTViUq6sxBg3kMRbd0fUFu7w7pcr7f7LajbNiFT+OOLzNksmw61abi3jQUjcv+Da
rz9Z5//I2vSah1lT//6bbEJnZ104+nm2+/z9N4QnoiaynNAME2mqpGk6j3+83YdIZ37/Tfqfohz6
KFEkjJrivhCQrDjxt3DIt/F7u/fvoZwm6BY2oncNDXtMXcqKxtE8TR8cIaxr0eglM9tl1G1iAT2W
TeSTzZzUyHcDc+dlV5idfQFD1VYEV7AIqDVZN7gykr9niCYoA39M39D9NukmfYHCccIDui1+dHfR
ffpY/GioOKxlu/qKyFgyn5M3FYOL252TPXM/OkyRAxZj/VZxRzoSrnHHYIbWgPQL5lmGgBW+fQVj
0+gSCazanB1rMG8oSycVd1TzwziBYR6oZh/1zrHazVfVfeqP6REcb/CNMQFDg/GNA4pgD/3ALs0G
mPYSvSOGFAmUQ1q86h9oLDyWfOlYbWAV8whnNbwGAVk/UrIdhlnvqN1xyDa0H+8Rm5VPSCzMc745
Y5TAq0ttOOHz2yOJejFCFtnb5B2t/ka4U35AwdxYjv81vROs5ihu+JjMnEb52STo89juxG3gqmd8
oWQMF2vsUw7W++YODCCC5/QphyyC6wVlk4PcGXMk56mBG+A9ctbhLtPAta44w8bLjAB4VMT1F2Cy
0HBYHdjNOrS3wCyBfdLBDjAQHtrZeHHApwBO3ZFI9gTkw0rnSIkcuvhMb+CwRcZ3Hm1WGbZQbiEy
7PgT/Y1ylT7Jly+3wxtbcN4qE7ir7cuX8WC9sK90WbltWJtvBRxD9gxaOL9orygJUYg6+8g1nf9y
5Iv/6cDXZVFSdUO3LFn99wMfkH2Nokvuz7LZnfEsER7NGMPhdTOsZ3lWmJIAYmev2GZQNmE0uuFI
qmfi96xV/i9vhiCE/+MslFQVxbOokn3w97NQi5pBr6yuP4cytUL+ETIaZM7IRwSiDYcN84eNz44s
a/ZV/qVoLj4NXGyWN/wj4WV5O/8/7+K/5l2QHvSXb85+a97+8ZU1YTOe39Kv339DPhRmeVj/e+TF
8kN/RF6Yxj9VS1cU4itEXdZ++zPvwpL+qYm6pnO3qVvkrTLOZnnVBL//psrzQ9yvSrqhcgAYv/3j
j8QLRf+npRuGyY/o8vKK/y+JF5op/W20Z2UuG4rFiG+plLlYsv37QR/qoRolUh0A/rrVuWURBTRD
z2o0Mc+jWiGdS1Wy1kM2kWwPVSwTek1xRjQ3ahx+6kPxPZWNMGuOS8SUeA18EMF9aF3Hukv3NPgs
tpRIKAV2QqhUjqZcw/oNW0h6PlmZkfaDnB9T+vCV3ngYSu1IBDfABs2Y7vt6QsKcMsBTifCuWjsi
xgDCmpZJs9FLWGBVNdJFnojhUGrE08lznxclCy7WN518HJJYdLIqcaU+erJGuP+x6cPwTQqWsZpa
OgRtvwmI0RmzQgQWhaYd6yj5YY7+dBCVHcloBMbRCmxk2IxIgJ57fS+0zM5jllVXsr/Wo6ZYeNSm
Xeox/dD1BS2gMHqTJbrvk3aml9TKtclMD9gKwEYPPac2zsFi2EBjK6qexAF7EimfWCaUQHSVgk5j
qyns4+GaTCQqmQizz8tFo8s71EWjE4vIOIAEWYncb8aW6SGmdgW+ICK6MWJahcSKfTcU7lU0uWeN
31dXxeRqUn8oKlgg4cj+T5o8h4ztHN09eQB0Rwu4GS1aASgwI0GWhNyPX1U/7kRL6Z2kZilgJrmr
58NFnVvFCXx7ZDbDtUo6YxX1wnrocpogncDOPcLNHqNDpipg7SfqO6FPmQi4T1HUj2k/AyIHYD8Z
jcaQ7f8m0DEXKn1OcoB1YSsjV5kCGInWbppTQ1E1nezKFBFsM5l8g6yOtSh9CgP/YiZBZ+cEHA2C
8SzCRSKGXb0TejARLLjngp2nXHWZwTszzFdPC3oA2gJgnqQAT2+ETpmz9EzxuOwVqweloxcJdlCh
PsU50hu0SnaG2acZQriBbQOjaNCTnxf8adoYJA9dmFBYYUNcEyZb+MXFl7MXerCEWRAcqsmERggm
fd3eK7ZpaYZbM6QxqhAph2mzza95x0LAqJEEa1B3alxCJH9hChWle0OvMH1MzcWEgkgKe3giH29T
+4qElYK+QiNQGDNG/0yrbifEMWAYJTffY5ZXdLOOaaHXkKup9yHY8pnHbaWUd5gYoi/dDE6ZJ72r
QY7iz2NJLuDiuZQVntYS/RCFvdGeREgTDfXNdauTUikOiEV1a5+RDUUXOXKGlrpR10gfZkoEmUDX
WYw1SpZDshUsC8Gd0DKTW3jLJ0ARJJrV61zNpXXvJR0mGqjoYTfFztRQ0VOjahOPunY0pbjBNxhA
3AWHMPqEAAfop6xu3xPdME3yh1bFj3nbCDA1wYlPlUjxqjCfInJ5+Tq9eB2o5s6MAhBN5cSSR8pg
NbH6Hov8KvZAtTIFLH4egk2OKWbk8055NAwXkSk9Q6dEkCuFKTD5EAVdyvceC5dAp/ddjP2tyzOK
oxUWYKHmT9RDWOkEL+iyAuJR6t9lJf8hU8hCRtZs2ZsjqlTxn+rCMBs6y/rM/vqsgFghvzRAZaxq
cKT6GL0vXaZ0HZjvVfBiqPqw+dJTGOW9/JmhBKJDt1KvTZNdkqEgTq8un0dzInXB7LD4TnG+QalS
rLw8GFZdnbF9opugZZTyxSz5Lv3+gcJeiSrCTks24yXbV9MbQBa3A8UnNi2tErwnSND48OL3Kil3
foEMQW76b7oPoU1C/UeTAEFF3oX8rRooe7EcIuKO3Vg5R4OGmdtaBrKPFMJdzk41CiRkJ94Dsdbf
JJ7yU+pILUMCATnl1TWbJlfoy2tiPQYmO7VAm54sVUAynHjI9+VtyfE21u1ZL+pbmJSv2RBe68RD
i64LPkUY2pbFRHSAZ7avKerGfQHFwtTkkfIDMr6OIoZjykAuDDpeAzGXajCJdtbtG0C2KTurtio+
s6+g969JkAx7eRTPeqNxIg/KIUrNk0y4T5CiBVZRS0aBJgOz77AgFrjsDJFiuW4qT7KXvCaJF5Kn
M34Wobgr+vFlLKhvl53y7McFAOkyfBpE6RwEreZKz4XYxwD+fRJyVGzZaYgOvwwNMHB6/RSCXfZa
r2eniRegFFEmKvX0MGXdN4pb8oKjteJ5d5okIsuVkX3J3/kUEKXZWwSsNFF+sWrfIJNiorASwLc0
n2XSfo+5Qc+Kc93aDAEwKbSkF9E6mw3Gb11GIywQCtIV1ScSRoIwo6hyyMplAGydUEb42IXmWxiG
p06iOC55aNwZW25CVT/IPTOrFzVfqlYdzCqi3WUIm8HyL76298o5Wi9j5I6w/R0CYdr2WQUuQTY9
gHbiAZ0aj3F+FHEKOGrkTYbfYa29qe1crwjVW0mUMhEDtZNanbyrUxpZ1nMkqvejX6qkPIPp7EaS
0oXwgaHHrHn1Wi8B4jNvoME+ZNZ0G40cGADO8XrUL1ZvvmlC90MX8aop6pfJDLSRE7ir1Abp/aCa
HLGNK4JdxGNlC7K0S4ilJ19VemUZke/a6MkI2U2S0eA7WWnE+Ljll9TrijNvD5qTQgK4wcSBSOBo
KPgrEaSgLZnH8L4dbyonho05gPTjT07VaScEPXOxClqHr3hMZZYypeFaVU8aBXQOVksH+tvs/Lvs
q1eSnVWyuW3DDlmnLj7XnkbYEQpOv1A/yuHOKxXdnnT8t23KhiBkFeXXWnBoDYp9k24ci3byVxrh
PcFlnFS2Fr4Ipklh6IqkrzZlKi2wbcFQVaTAKULax2prrIMyfZet5NJoygkx5LvcaK9+/WPoUNOG
kptBAkbZD7fafPTiLc3wW4cJz2ln2qtusOEHaC42m5j1xxSnJ6NC0NBXb9OI+7Ucrlai3kulf6IG
+SmX+q4Gnio3FDXJq2i14kka2eDqHGJiiWCiFLYcjZtCnAIXR0jn0mnJMMGb71n73QQQ2fKafVHa
V6DLkvxj8PZj/IEayg1idPqSbzzXGX09X/vEbAWi0DO+Qoh4fSeQW9OBH4yo/ySa9UJ92aN9yidG
O6moCm3ba4JPFzu7jkljrAXPeA2z4pAp9BpZIJz8QqNDE1vmmk8pp0oqXwJszzVLPw7Ytdy9T2CC
aerdGZX/7nfNTY+EvTmvK8VS2UOkVLBVSBzWIbkEZcDOGnILfxNaOkwrUySrhEIKu5wRPBfASQnB
JkyfhSKGsdaiUMQUaW7zbrQloK8eJqahnw60th9owIMG9sVbI829jZShZUjFx3asdqWp7+J+hkYM
T1MKyYzFqbc1ceeCM5NpSFKPm3QN3G1juVT/4bJZPUGescW3yk4AMI7O+tYUEQxA5fQC6SmpBGTc
HdRCS4Wh0LmNKr9acXOKfOHdCMx7jSQ2dISg1vu5ODsh5ZhB9gVGoTo3t1P8IMcEgyi69ihVpDX3
JL94HaGtdSS5TcLXT4N6m6lg3mMGOjWEDxaiKNSxWEE9i3pgUBQ6otp3OWRCciDmSUaMCOMTdET6
ZQ+KYrmqmS0BKvgSUP/wsOkL5R+PLLfDsgxss8U2tTx7uVgekPnsYXnOr/brYnnk101DJlpFGsPt
3+7/y69fnry8sb89J46jgyK3mUubr5Gc5XnMsLgmlquM+3hLf/2qUpO2ptIHLNZJBsrbh9yAMLy8
8HIhWSKsofkv/HVBS+2vN1tML/sS96/njZS/zLd0+R3Ls9R/f+rP+9S9yDqVbTKl+1qlS9HOF1Pa
4rILZ8iLJ1LYWe5cnrNcaBXdFeobRBPrj3kwwXj+95//dbOLKYi2DUKjMmEdAUDyz18k5XrslnxC
iwhv0dcFJd0Iae4dLPcZ3RCv+wStdTyE3qam5/QzMWIJiwjSge7OcrUV/GsGjiRt3bIPjsKpVs/M
VpN2Yj8RRTfMDzooiJXnMFPvAVAML/2d8kAh6kIcOuC4AysX2uy31M2IuH2anliRAqDPP9CT4TFa
s5Leh48SdG5sdeYRT2VEx4Fd0Bog0Fd0sc6wACcg10Nh3CWP5lUZptUHdUqCBKrxiCU2XdNZF1cd
LKh+035x/rJXgW8nQyp5RXtGYpwOG2AbvvUMPKkjpq5ODMUeMAxXm4+MmB6AKiOGQzvvXqFLUggN
mFps5b0+eXCo1rWrPDGU4D7YkISFJGjl/Sge4wPeQyK2QC3in6PGT94fbkmmtFPiYm6SHhHaBTRg
cNSojk7pjLSKa3Ixr4ALw3IVu027EXHO+Gxmg0u6z+/9ZpPfzzw64DtIXo8Z/gcc6DtZfoYmPKAz
MUeo7icuJWNlghr7wj896fQkeJlu2LHv0fehm7oU92thS9meLSteSmhcVbxnHCWED1WLQnRBzrKu
JduAWX2tPhLUrT4O95F4E96uCLQaz562GrT/Q/KQvjJAJ9dwJW3zdULyX3lH0OEKBTH+bdOmi7SS
WeSu6GS8WZtnw7qA6gH/4UFNhF+JWaa1YR42Irkd4PlklGYg8tZsMW2cKdEb9JAtodbP6qVwPtiY
+kfr1PT2+JxhQ32llX8EZqrdPQE9vQApPlI8HagAI/pRFZvt4Srx1le4hdXWtK8Yl7h7pWJv5W8k
bmOtXr1PcwfZ30b2C87R3EHzdfVreNJ3+mf2zv8kOH1VTzh/38MbdkXvU2g3zZOKETpaeVffoeGz
YvnFB6BsoZOnrwHW2D2ZVLr9JV6zJxAWV2bFnPCJneDgHWczaoev3suHdTOv5hUF2SyydAZ15/l7
Cy+hDA7yShGJVDJjgz48Wbm0USiW+05+I0rjtRHWGzG2Ffs1P1/8+2cNUTGNv/XBgP1xIU0vIQlK
2+pA1ilZeysqsibsqvWwpv/qgmjDSX+jmn7+Uu7vw24nrL8acKfvBUS83I4uIRStNYD19vYY2WDN
pcNEiORqXovcDYGbYFiwU86lbE01p+5BYcaQPkvhi6CJy0hQY4E7YEWsyK1HiHcg26B0ibUb+KTy
U2IPJIFtoOs2FJNeUSf9eS8FjY2/B7jRwZHI7sl8EBEtKJENHWnl7ycg9zdeN7qUbvmF14djmbAU
pGRZbw/r4kd9ZIciY+h2qbNQ6yGokYPt4xQdhw3p7BsMJSFxLdUFranCEDJezNMA8ZyYry0CtHWw
+VKJpoBlB1Y4hALt/DxSvuK1a60T9qgrY7Srp4/Yrbb0JR6p+TB/EyZATE66TqHq2SOkiJNwxu8j
rGjnUbWbT2e+TI6yA2Zyn0gN4gO/dhIP9ze6l/S8skuRnTx/Z1Dj2PvpQdxrH7SsBjJGpjvMfd62
BTesb4dyF56Dqw//1Vjnp2Hlv1IkoTfxRONgRYfsNXTiPRrCcM8+J79jwcQnl7sIDbv0boMWyXhH
JBs74mnaBcFhk5PGBZ7u/JoXV/mu/c5AKIyXStiQHFlu4YDr6F4sPrXcWpdv9Tm8p/2KjRGuXPUq
f8Z0jqQfrHQpZZWdE7rUJydbKmCwwtAlIGc6whO11LfuU5sDj04lpjaik1avGNShNn+H4iVSVu/0
FHV6l1CntXIT34iFeYJZDvnYFmZ/VbbDsEolqlkFF8DTxAwUdvqVu5WwZm2FOeEr03YTZFca5eYq
dIDWnjhYcpdPxfH3CCbHW/Dc3vVuZ1z4dKYDwNp1PGcumLYxrdgbyRmcrw3KR16fIx0Pl9q95CeJ
rwhi6HPc2RkARcw6q3TPWYgfAaTVdOQcCR0xu1e2UOduko1WQjWPDbqp+4h6DUB49P7YxdHgu/AT
Br76/gsv0Ar8PTEdyjuTJVNguR4OOLEYHDB056+AKOB1+A6fQen6dwQaJZvhfWSlim6PtBymP+zt
83dPqSZ/S/cToS2gasRPBUwJB8op2HRbdT72ChpY7Q/CSrz5aw9Z4kXyPYXL5PGVuEygTHdLsu3l
nrcofsHkXfXzH31i6Bm8XRhsOd92Ed2zHdmWvg2NeAvfdvnn92TH0tQ5+M6mvg3inLSE9dqJz+g+
195ddoWffSPZNFC3yP74JEgZ6PM11IxBd5MPEZ63+TWpF43FLnkAvAO0twj2WIADvcX2icc4XkeC
C9u3v6VfzAwMI08gGmZCDr4hmpAXjnOmN+9/2TuP5da1NM2+S8+RAW8GPSFhCBqRFCk7QcjCe4+n
7wVlZWdFDbqj5hVx41xRhgQ2tvnt+vb1RnSoAd4xrZJv81cH8k0BcsMZ5TKFWtZK7XFAuZyk3OC0
QYoDrSM6SGFcfco/1CuxnWfWlwHQUd4GxOdIiyY32rUX7RzvfZWDyKU4FgWrPf/u9dpDO3UDzoMa
HHjEyNOKyJZdFz/+0XqoZ21Fiv+hotqM2rToblFBwBx4SO843p/di/jEQv2JbPQIwr1yqN8RSdqy
ebJnUMVPV+encRih24YbNzz0H6sMK8vgNfwI3oUDXcKH0AWcyQhuB5cjdl+2F4j6ROWzi/wRHkio
TkRAkLV2/jYmm83JngyXjrLs+QIrhIacDQ22JMseeDjtE+QchhD85/oQYfpzv4mNNChryRuIGqFT
Ya7F9g6749oLsukoZPigPHphr0Opz0W3KaHRf0vxyoFKxS1Og7DS9zGHlvKdigsMnrXuIt/N+UUd
sgPaD7aA1EJm68ERVrOMEB0qOf3NML1qvNF3AnOWQgjRD3m0euJr6iEhrfsIHWr745n6VtgdbNEj
GwyN0LJAWKO36cBDBqLEI1eoHNj07805chPrUu0Mxwtcoll24FKSuGWWPyp2TE2KM14n1AHOYf2J
CFz+VQv3Jgu307eCNykr1kmg3EvcU2YooMNnhBepr6hqyh06iZYSvQXmco7SA43ZFINQh7HrjI+M
ukfsPRT9JBqSlrtaZY7oU4nNcUWYajJuhDi14EjuWIU74QnFl3xv5i3QckrtZMorzbX+NzgFO2tA
m4VIAuVNe7YdaYcswjkh9b5TPtnbOE8wpCWg/GxtLP+eJ5dfabtsLBdzpX6izbeeCIz5GKosvDM7
T0QX1b7/ATT+RLM5ndAVGwdcbwRLSAKxeTy2qq091vTlsW9roPWxIJ2v5TAEpGNW6ag2tSXNG1ZF
E2dB1pilzXGFpgkWd4dKJCi8bXNbql3lqj/qj1DtAO7+jJ5iYka8VWfWufGSOp0vIsTnEzGRQfxw
PcuG6Momf5SA41Am2jkEiRt4bZKXNkSgNxMh6JDWOvaKLTrEMbsYKx42H3UqVCZh78iQMMhFEAki
WV/4MqtVnvaTeiaksmTUErvCY5A8hEgNntJ34zVAbFN9mAaX4Ru+aRX853iw91EE1qeOyjV7nAlV
6TPa2VnA8UDTDMUVTBfCj+Lo1yrtBgzclrqgVHBY/n36DK44cVnPM4QI7qXe3NVxp4VHjWqGrX6a
96Iz9Ci+HMv0Mh1oCUMUFbmVep9nNOP8COoxiZ28sN9jcStIjohZhGoUgIoNei2cz6/UdfUPzWV+
AlU1yq5YPg7ofsFWTG2CKuJTG+8gEPRcgY6R5iv6SWlvs/AcTG9mvC0hHmMzQIB978QNFuFLR4QZ
E5w2yHYrU69Ea4LlGkhn1g4GxuyF/RkDdTlQvcKc184EGg1UFlYRNPRcbDR86lOwjh5TqXzKbkJ6
J6mzn2vgOT4yU5wE4yVzEfYpkU3ACaMmu7Kl3VDtmvyqR/sJdmFwzxIwCrhw28KeSLrB8Gc3Q198
1aspP9eaYzGjP8DNlEsvnTFnVsE/pOzBK/2YP0gJ0x2PInAyu5bh1aqbQonJynsEHCUS3Aq1p2Ar
Vo7K0JxJ0oYghQz2ti1iDQoEhxSU8M7ID3UIHtee+l/8BIgJ5o1YCE3mhBopKyBHBwx31Ah+20Vi
ixWsUTewHISC4SlN9PgaNiz98zr90LAB/VJYHumYNLe1ryp6TPzC2EmuTrFKcpwB52OEcY5oNpme
+RoiqhsdCUejzA0/I6WtnNZE2AWPeQpFAodEAO8hDltsRP5LMhoxsbV5AMsn1iBSXzraMJzLdXpB
LAeZJ2jyA43d6QH5H0P9MI1LQ5W6uOfIlmQ4CJ/ju0ps67Oi+wxf5odTSda2PzI4QZTz+p14QQ+D
5NcRGBe7V8ij2hP5Rh8dNgJtGok7Ki7HNKljyCpqvJuxl4Unze1yF413HWreSyM5efQdULz1w5FE
/V7px9Odi2bPocZbqfYhsRCOIgwm9rolu06Aae8cD5xPm+7MukEakxS2e0b2Cvu1Jh7uYnd0N6Dh
7OhI0D+EH+lHd3yv/HLzXn0ryMx9UTGm01O57b4rlR0cUTyk5T5iNqb5xEN4MbBpmKLPhAXaTXPB
l93Fp/yawN4kxk5kFvfuQ7gh1T7ddAbpQ7GH86Q7yRdmF2J4HGPG8V7Bm7dpVKmfTL/5HF7YSwsb
bS7mnsQknhqvRUHcIZtEFhkrlX+Lc35K99zQprtpuzV4ALPRXQ9eou6fieCy3eDppWjQFNVufJy+
+2aLSRPLA/rCO/ruNYIRzOraydv3iVlZwVp0LZm4h+lMdH0wM9t1QIlK8IpqOdWPzWNKPvcCwXg8
rQfJdGNt8Ul47l79xDZWXnuPBQc74Az2wWTPOhY3Fi8rMnPJlRMvYE+f2IM2MubTuEOpmiS4Lx0B
tDHL5h+q97/ppKD2B0mzwKYXFGknl1jUr/gkXVnufEqO03Dp6MD6pjIp/4mv+dU4lJ7hYN7pp7/r
CYdz8iU6yxGJtNVtxsivEDs8B/25SN4WY9+i7zXie9N/iCaHmTyUhBAwi9eEaf+kYFBZL8krPrnh
IsSn7eQfAkzCZ+oE+ZdR2f1VdrB02CALZIxtnkMxXZha3RlPVXrBvNS33RsQNTreFPcs+jxxw2vO
xEr+1NSW2F3V7bBoGRzao+Ot9EXgKG5bbFGC1WT0swDHhd5t01073ShJetffWnTwSPCx/1HgecJo
0qz7jwER1pGfptHFaR8UUFk2YBdPsqlFLX3cDDFFNv7c6Oc4/wVw88KHd6NrMaM5juu1LCTpnLXW
NHTEu+CW1KdxVGvImoQIoD6OqHu66EU00QZrVlUugBDFN53Yh34Bbdb+MIH8wOMeZKgOW7YsVHgW
f7DTj+bYyJvqDphE+Frl0JVtTuHC4NDmcEEreVa3AZGX2g6PKIK91F8QQI7jPToEL83TyIGJ0wk7
jYZocxNdt7Cebo3xQsU0tOCPaQ90gXDiJnftcraB3sAmR7rO5rCv6U74CH4RdrOO9IdJFYTaTRrf
RnqJdZuVWOr32LINKMbDsRpexw/OMz7mPfc0bKHu7aX6zZHq04g34bOpwm/VklTdpu/Z7V4ihXJs
r1gj/TuqcX25leXDCmVGorXcUXFBmLHDjiU60P7M7SaiXm1D59oCCvFHOXjWI7b5IXfwMMmL2j0x
THmVcnV5kGL6ED7Mo4+s0CwfKItMliOlIrKLM8HxXNywBfJ3efbuBtkwZipSEKtDhxG27tOoNBMH
WYMdPwkMaxfRnNOcenxXlA8Cc2jyBRIa7UlciDU7ybFNWyZ3bjxVgTOqF/BB1Qsx3wpwChsPdqjZ
HvJnsztPzSNP/SSSAO4P6cCtnq0GSyD7LDkIamJwSVhRN3zIjaM4vxKhK3R6KY5BQWPRJ/8RkbEo
wVn/96AEB5CxtOs/WcZ1ag/6aofq8QVAzw7xszuNvmb0neX2IBz4jJ6Ivxf8Fmdm/RexEUv1ph0a
LCYiLIHNhnbEx1/jIxADdgEwZDZW2jlRUXs0ggN9fgreFe3+b8TpMOGhJL9g8eItEbCs9ojXUVNP
umdTPwUd4fNt99K98L814rbTXqzHuniEV32g115/64UdjtcD8x7NldQb6D1xupeB7WepHMwwdo0z
noZZfIgj+DA0CAtuwJ6yEzsqH0P4Gq+NxRyxq2P+QsrfJe5Kk6NvFT0Gp/vEuaTEkRKe/owc3hrQ
lQ8oMyIHhvP5IjxwDJU2m6pOxQmJH4woZIfCXU7UxpMRiIGEOrjTbh2Qd66oHdlISYTR+bl60ZyI
VIcBUaLr828HzE9stzd89eoGufdP5PKT0RpesLXY1qgWBpC3zj42PezS4K1/ir5wXbCLieWyQdJo
U7nGTk4OOBaHH/B7wVus3jAxE4J+5IRa8o+f7G7Tay55A7+jQ5E6UNKPXDd9eTeCGiytVUEn89vw
BGmmH3cSp/SLRE/dp0QSGwwpoZlAclPPx7XfTDG1Ip6ooioqUlWMF3ZIDWuT3Onli1Mku88tihMP
DHJcoz3jhCrNEE5/Gp9UZ95D48Cudllkymd3o5bsSMCjJlqDAWq+Yd2DU+VLov+4QpgUEjErbASk
+NLnEF+Rqg4HY0RSdlJy7lc5OWjhv8gXYlGl+paQO91mowO5p/YwS6iMALw2EFX6GbUXmmKptAr3
if8q3IiJsmV4abQnpMRl8YCQfhl/QsI5vyu1tKZsunTRacKsQueOEaUwJcVFSvc4ScHbPJ6Ul+Kc
OpxtbwybmLwE2Fn43yYRmhRKBeLVnxMquTHAYp+tYcUtPU2fvBPbCgQx4lKc8GN/zqieuus4tVsT
JEh5VD5V+SCzwSHgS1XstM7A9BlZShyb4JSkZ0PzeLOsBSL7IDMy+BY3ZTfc8mcyydB+0Xp+hhj/
zu9X4RFiS/cJjcO6wa9iEZNld6izOzHBiTSZHD5lRUTRYUDYuxAMJdiDo766I9RujI5lbkB/okAq
ps9a84JaKqk2kqH4r+md3yWwU2NcgI7XIDJ6PI1BI7nkTISEcKuRnjQuEDX4gr8b4Yja044OEDyJ
kWFqPN7KKnzEEUvthewMOt/WWyn8dlTHQOMkwhTvibVP+nthuXq4q1Qfy7lVDrn2IrD1c80Cap6N
N4e7rPEmcV4nT7x6HmzZuNarhqU9MisLcr8OzwGhrO68DLhtTiRAbLI52rMbhgnYDeWvBp2r51p5
Z75QJOYz8XSebk2AtF7HhvvtlCc+kJ2M8ajYUqY7P82RGNHsQnaIJvI1Llf5JE5bVbonCHap0HBS
JGm3ZfRdTd8Maj++8ed8zuquAIPYgOLCzlIODCt3xH3RxI006gxYStlxSRL5elJg/HihvGbN5xjD
hbOQEWe8VNqbLTeh642SffwrCIK2AYWqJ9iDX1zxFAlRvjM7eU+AZZx7tDOV4it3nRFsrNNnwv68
4PKJrCMKF0C+djOZuDU7JScfLrUEH5JspoaAHFHNteuYvBwd1/mVVn8sRx4q5zyjCkNAIKBBVTkr
now3pS0wZulAANAhO8wt+nitABI9lMP1EbErMJUCjR3uKrQ3Wn68+t1Co8NFa8ylPmEod6LwqxK2
P5mgOomhDS5xEkKVvemsk9Z0dOmVucJLQq7Ic61Wwt8n8wl03XMJyHoS01A33BlzEvekUlZ1VPZq
LpR7nakIgoWfohPvM/x8PAd/gQ7fnmHl78mMrw8UaVK0YJnL8YrF5XaY9IrDVbGI+Am/wuMYvSki
NbzeNneLUjSXBsCQoWMIuEY4Cdz/AsItXPW2+SOul0mwPiRQSj0SdxEpJB4gPiiik2v6RpzbY7DH
2QDNymbEbTIdzN6eT+M7HzzcyBIIeEwun8vt8N/S3nhDnTCP9sDjIS6c4jWrKhLIZ1aFpvos+Vw5
dJrfkxXQoAKTBBZt6t94iLzZujDiLQu11pC5I1l3Nw4q/o/p8mBZIHwGv8hj5w65zRUCZA+6V19D
GS0BokPOggwaZZJr/oAyUKxfG/AmmtOStcur7RK4E1ldy5buenYgeCKkBBNuzHk+PKDqWaCU05mN
S9JtUZgDVMT9jEwl7MGdsRx5DPwu/aTrXKQwhfAzqBKcU0pfibhj7jBXKet8Gn+0BgjUqjjMVfB7
PAbJhIBCAzgE2U2z6ou7lvLEH0TicbSO5OuYHzzKie6M3Kslj08i5x5lGNx71Ip5n9yxDuO6+gzc
Pq6Ky16OJDZYFmm17foDk6y79I8kSMMGgUcbNHp3p3GSqEfVgSfFbKFKxyPFBssaJd7CVqIPmom5
OtaxFjlYjlPv0pwiWtsql2hi8R8Xy2Y7sfrr0L0llIm19LDSJ6yeKGkTZRdKUyufILJGi0vTayn6
pMaRgaNiLJWcUHNF7YVnzGUOwZ21Z7Q3XnK7awUX+j7xDrs8kHbGsGkEWxqYt6S51oGlI5gSHdnB
eaLCcUFNfB3+DfLuhQPXmjlp1k/q5P9zhCnYFrodNZWMD1B6fOG02Y7Ap54nn1o37mxGLpRoMNRr
FSqix4Ir1qzTtrkgC2dCAbYhTpTpTpJtZiE1BQCjZcFhwNBsRx2QR8dArYxh2n8WN6Pgk4FlB+J1
ozmrI1U4FdedUCYOWWvPmEIEZCn/c0G20Ac3LjG5b+6P58q0DMjbqWt8cswO1md9DbgnHCcmY7xn
YHHzuCTufy0IMigu2ka6ExDM34Tl6ptSHxnDAMufluXAx6+TYCCUuQVMZMKmpqEq8FSinHhlGzIX
MrpOFm3JhNQ2/TBvRqveeuyeWwjOOfTI8THWX1mM1iH6oko1f1znK9RRnFTTB/2eFO8rfJQjL8XN
2Kh4beV4Ty2a/o/iBPxUeBGp8fxbdqbq6sM60jBe2MmI8tGI3niYFkpLKZxdMccKcLQeuABUWtYB
12FEbCtE6J8jfAf2csq7yDBSPWXPLIr5MChXSvrrO3E2KjksE4QlygkFEaKrkQUey2BdPyrqodQX
2hXldxc6pcv+yDd41HV9aGAPDrZF4pwalofgmREV5ROVXQmRe9lmBZTsIQixtjtdo/9h15if67xW
rjxLAq0iCVHSnjXNXwTqgTQJKBJ1Tt+6FFwSyWUHKgiTUs6VW+u4zbO5Zx+WZYvdHxcftCb1/bA6
LCQA7XzYaaqXd3YaOmzPpbpnGnIXgClxoAUMdRZo4yBPg7Q0FmniW9FDF1IA7oYii8fpEo9WClYa
FZlm4pfjh/BFxQrbmPpTg0WFCPuYl07LmGLeWK+QsqvWpgZxnUkA+FBDXtubtuIJnn3L8CwHJXwg
sxfWhyE6zAV85lcYK2vWi1BC5ERIArNCmz17lUzIqVsPGtYiMivqB2EEizSNV9U7JiaPgilLxT8h
qSJGPZMVqBHrw8gygNTCj3jiMIJ1xmwniTeaB37E1r7aHGi1XIVPXpsRCGZYaXedW6igCm05yQuR
034vpI8ZObN5vQt+s0R5kJe6XSGFQGEkxCqKrQ1k6CGtbNd1L1D7+UZEhI83WpuVxzuTceLczjhO
t6XMbCTpP68byHpmZ0TSfHYSCpQXBMyQMycYpF1ZlhSnB+1zzUaPlNewl3krmu9j6ENfTHhyIIFy
Zel26IXRrrA4AEonbohiB1YF2LeltnX44d2e3pLNMvDAqIHpD4q2C8edMLsiofPQrmhMJBEDp2U4
AHcmkMNwC8U1wOJiY/nbjFis1SV7Y86wpLgydqIFnipX8Ledsxmxc/CIQjqLM5+Hxs6TU7Sig4gh
vUShlt1+UBDCBsV5J2g+vw56D78ZexmAEDVr+baUzmxjfXxqTOqMsc2Bgm4xG/gwPpWzj2AZLxlD
jDNWizjho17I4GgWYfs1ycBj5a/ykMYcasZPlsRhR0tOMgGKVJ8h85DPXO093goTJPXYQrIFqvwK
TUhSosMDsz8cocn5rBniaZny8UhNACkZLDHu3vhik78QG8VZx19dj28qTwh/UlkED3QtM+haqv58
Ki0IJnM4N0SYgD8vKMALkumaE6DDbQuNBqo9m4dmIfkW1vSpK3U3MZjra6EpyBYNmp7w9mywdb20
+76pZaqEEywkfXxYzIwmyqIz9hrsl1BJUHVJqeREECb2Kl1FVmBS9gCelL21ql6ICUVUhZr7NKy9
Jx1tFHk3y/sUwDiojdQXx4hEt0BTS6w3CFc3KVh2dA72YR+EYJ1lhNCKURG3A3gTJjuBs0aXRjgj
qD/FuuBKC08EutXTqI/ZNgxag8aKacXLqQpgg3utmjhSK4jBXKELxqJ9N3n4MQYcMpXC6Rwtudcb
ToJdE4YmbAKKpjdjZwEvMqTbZCKlihbSf/x5oOuzG6Tm+e9bTarkGDni7e+tcwQzdhORm2JtCyrk
qdvnLSC3sY4Zsn44xjJFlOn//UcOFwox/153kUExqFyB2alZuI1a1fswjf71j9J6mlZylIxzjbkh
Pv77FxI9+TJnvUfvqyAJtP7TDDM9xf9+/ffVAEIT+kfuzyujIv5jVPx9mYklBY1wghOoNstBqKns
FNJmRhFnauh+MlgjMfX+dheg/fR3taZARWhTpx1SfeuXf9/85x+uf01lJz/59zerNPCHBh+sg3q7
bVDrgfbARfz9A6AZXOHf5fx9+fdNrapfLJFM4qTQrRTmIqgylZMO+Pt//DOuL//L9/5++vc9GVVp
JdFjTzHAr6OQ4hZDWFPqUiOEDvzNiEKBHaB+bkS5BeUXGcBEaC8I29EWB03byjpV5taxT0wdeWij
9FqQkkhJigvFYpq5hrcTIgPF9AskqcHzCz5Bb2RYBPW+DKzOGWuNxMhCTVtCCC0xgBlUQxGei1We
UVEXXL+1kS5qiXmCrsMkb+lsWoWZwH1B2O1X7s14qToO5EHUEEzPKmqaZ1yiDPHTtZvQVFPYtYhM
WJP5mbe3RiMgqDVScRdJhcCMB4uao/Bt1gnqYBWJEIIkaqNfZ1m6wPMqPUWl8LUeg003YZ7M1Bx6
WgM9A8aFjktAfK6cXSUC6xurHGnl0D+21FVWRK3MFJW/Ku99SPNiLCkk4ZraDqaerKGJrwWBftdm
I3GoSnUsmvucfGKkw5k2b7iiDQAiuzGOaQg0fk7r76kXOKBB9YMAH9FyJ5meCCnZeg4heg+NLVmF
CAk4vEK0JchjI50OlIdBHUx7HIiPWiLKViMVIbmEhwHR+7kUO596+lgH/14m+M+lYcS+tFCDVBJl
NgkQ6iPMPFRY3oeSQWvqUSXy+qxY+A7FhLUpAveiWdEecjrapnf6A4F7GAMV/8omUqLXegYkEfVR
CFu1VL2shNxABEiTUm03KUjXVRnGY1SQgOkJVukB+aiF2I4Yox7b60lIS1NfnPJaviHSYOu0Qvgm
IURKveigNag8suBygPlrBsHwxGh8K3uuWBBSigIF89h3k/YgcnYZPeLiE1p6akyxZxWlb0aHNSpq
n1Ziacew54DLNRpNqzh8kXQ8Q+qYEVGVUXuNhgkNwqI4WMpAowRiXoOhlXYmrea9VAZOOBbZiXaw
sRwHKA2Dcirk6rqMPRVSJHppQVkOkqG91rJCKcEgeFUfw8EZUVUy0XgMw+tYnFtFt17iNYSoORbk
ukM+ARSPyw4lYw0kXVUeNKE5GYY27lKkE/RQk9xxrKlVYfFua8G49lLMuReje52FZrxOIvyc2BiI
5hjfRbWMcP3pbUtU9bsGOS+EoME6HXtEGIoCpSqDYgaEliA3iYfIQPEO8pOdLGialAaK21LSv6Fp
QhZo6VI3kTh/Z/XbCI1xNzY09tH28aAMqbxXIJOGZYb1PwcfmoIgopCOCKqHsKjveW24gypZx6aq
j/TTdAf6VkDtSb/K3NJAUxE44wgg10BBEnpAmiYlnpAMwP7pPMqlei8uj51O82wLnW1fUBxBm59v
DgZVbPKMk1Qlq1yP3u7pkEJfNNC+YQPnXl7qXiBlnARN+zQ2xfuoZ7S09ZK3KNnDOtPp1LVERxMy
GRGz+dNMK4SX4sgxI1reRlpUaqn1Juxv1doJirQbY4Bgok6rTWFR69EsI/wczhGrG2J7CWj2RgIW
7ptWUwZi1HTA1prhCz32libDUJdDY5+jgEOXTzDbaR+hFB62viQKiz8qxXxVo2iXVNqBKZJ/ZoF8
MtGHkrtyekIUwTN62tz0kcza2BI2jJo3tZ12qtkJhyWmTANsIg1g0wIUwmyfZjGbfEVUjjWPhpAj
1d9hhJ5zr/xoI/4NHVegPiysIkmaHybyuyOAN1hd2nLWVOWlsaSWyMcS+w2IbkKLBKJA9OMT0oSl
V1C7hGaY/FJCbaaMyCJDkIHObZcKbTpird9m+l/3c6iOXhwA6J3lotgvGDJ6Vq4aX8q1r5N7IFm1
y2ac+nLypIel+NAF1dEKF+Ugk8/S01i+d/NAUodSrLYBAIKQ2jRb36CJoJmN8e8codAmK9FTaYe0
nPql+S7Ey3C0qvIU1HPmwYCI6R4QP8Co4c0H5LPMqjmKFZojqRShyzXg55HJmDPpJAkL26Y5jK6Q
GpEj5dUzs3Rb1UIFl7DDPR8gfwmWljlxK5AFDLWbigJKtmi6Q0vpTzIFx6SVFcpp82y7VJid5RjD
RcTbzVLSLrVKGshMJf3QB8O9QyPSD+nQIfGwhkjoHQ6bJD7Fae2qRv7bGhL9ARIyP8BtwmAcVwGQ
FHiO/NLl4ehEqjZ541ABBzcGv9ZmjlpV1l1txD0ykKPMxexZGhRqNNr5KhghSTEFleEczTurLAsa
H9HbkydQgDVbS68OsjuKcn9EQ+QCf+5tKrtzk7fECNJJATk3HCEUh14XRwMx6BE56rk9J8aWwSs9
Qc4RB+pCwzZ0DdnHdKbERUDyKpADX56GDNdCaPadRkNSqxNUqDs5u9P+cx7n6QgO7EFIdOj6S04X
BAZ9XQGm0miWRDiLCEoiFN8FApJZojnY7+pHINL7zGR/LFSJULlh+jEW+g69jVU/sT/C/X6UaEMO
iwYtP9EsKOC20XRKdtXQPlkrnnWADoo+Js7WEppf8YK1WZo9pTI6capGDn1dJKSZFobmo983W246
4RxKA6UmXUSladkRmzNr1owo9Z5qlFSZJ8OJrscpLX5p3IcqrGsf1fJaN4O5DWMw+sXA/et0vCyL
FZ/m6GxqObUN/RuUO4pZZ7wB+TAvyaGrm+nYAAOnbvg71HQM87DpniPhcUQ10k6ttoaXOHzHwF1v
FpklsYx7cAKmeQrD4StsjcATfEWrdkgawOXqJsIAS+nXOSZ9KuWHqEEYSUvbL6kbvEbG3KhNguCN
ubyimLiKauD3zTPL+N1oW0cNl87RpIF0sxRwBC3pgzSdZiWOjn1FCtVMFHeULBKEBk4Objj0RBze
FTQLCQ/mUGS8NbHlj3L/xoHzqAMDRrQEogSivaxTB86ZdqzQm5ykpaPbfI0xieVtsuLST6iDm7OJ
m5Rp8NUI0CuWSnqwVeh/1qG71kcNFcQzYNX6BJiAsD44cosIgRkNyMpM1VmRAGelFqnXiUacNAL7
MiZLwN6UfpplkByboKc6KEk9XdcIuU4ahIdRRKfYsCPZxkfSDtIEENaYpRdIoOelH/WTlDXPtK1z
TppUbyY0pMsyW840E9ybC+uS6jxKQBFUNckKKJ+IPKc4VrYuXYmYdVkOaaZDn2cRi1OhtgkR8I5Y
nV5pTha2+2QY6ueWskW3Ir8O3eFR1xvCF2rFI8sw6AaRLH0tIUS0NCgdxhmo8aTHHQbQiP6R5gPs
lH3VsqD3goDsAfSsxjeRM6Md7rimldfShk05MC9zM0NrK9XeZ0g+aB43h5EmY4KW0nuj1ud8ZWb2
y9Jt18WjpzMYzJDB1XR1rcnFJBVyt9Cn2QVaqNGPjRkhsDNliDSMJXGQIFHfS2xfR8nFn7yBKTmJ
I1hNsJ2HGJ60xSKt5JBtTGGCryI52dhLfjDkyFaWAOd1tslipNNCMemVDdo7qmPmCcVQZJflclfG
axsCBZ+FpEmHKVgeRHGQdjJwiB3+tDIuq1VA6XoaImqiLpQzUhCGQ72X0ia99rGVeFFPch3BhWZX
lgaQMX1WjmKQAuAbdKJmcYA8++TrI+1HptHj9EFD2GfZEHFepcSkgCiq0qJgnnimks20fs/hswnB
drukYL6TUnoNXzODFvwEo97WjSU9tjBzaYIrOPNkMXiYjXTtFyB9EmjZkygSF9FVSbpUJs2wKqYN
wvIoHk2tSae8AgtCNUKXMsDEq4IFmcmuPNDH+FPPRry3ljImcoI0gV75iwDjOe+y0V1KaR80VG5b
RlvsG8JoRcjNimZ47hQe7ioQVIsLjqEG9ms0RcrIZmozhARB1bJoXwUBBJ4iDxY2S9L4zUw5Ol4E
IaeYqv9u6fYL/S9t9yDIQ3gyxeQsq6Nwx91VODu/lqatt2p7GPSYiI1JrrEXHsvCgG6Go2D0ZDXF
gOM768iiF8YDzpBdpMrXmEY6dc3oHiZqXpB2AM+ed69DMD0TdtBwn0x2Oa3dlUZT00BhVcegV0YS
Epmf4tzvjaphb6mjfUumX2jEwEvrdKAnksdJS7MnLHmxQb5v9ULFAbdcoXAyJGfYYzoXGZWhkkL3
iTTmvpF3ykUdB38gPDKggnaKZoHSdrRBHpifbKeJsoAlRtYKOw1zWxe+ZToLDqYUv04xx6oYsRqZ
LSxoTNhViqxwG6l0W8peW4ltdNYRzKxC1eQXmrdSGRWwn827OGpgweKYJVpVZHKWVykWn6KEVOEy
kJY3LfC/ckaqP5hRMhSK+j2KgW4rU0iSklrztqL8P6rJfkTRgNuVpw9TrNwEYxw80ZoN8h6oRH2O
IeXXc1RRqiEA4+4U9Dea6Jot8/OyzLSQWQSA+zJ/KNr2aYmKnZCF4S3TXtph+JoSiyLaCFeyIswB
lhRFMZnYrdyK+3bK6Q6hggT8P/UK5n4w01PUHBVJfG8WkAy5Yh0MaAOot+kmtbfDY2vlwzUVxx9l
pI3ERDQPoIKlbVojTW/o3L3q43NVltr3ot6KOL3mUwOWtlhIAyXTmnQmE9RahFtT9TRxIMG07X6H
2hp2nUUuD27NwEm/WB4EJdBkEhWN8Fs+hIXMggSae0Cr2hao4XOk9IUNa3D7BPFUwkTJoRrir7jM
visjrInq1pdGCvpjQS3lwKlqLOa31YoSKlIq+chuef7oTWl6EHsBFQkGCW5F6dVKQB2AAwtfvkjN
sDPSHJ9m7NyCHXzbS9NxGFCEk0MFgz86LTl0OWswSF1Uy26CrrGd5pm2gx5wRKz7ubzGXNbGxLEh
iDF3FQHxvgY5t2BMydWZHl9SF+gcUTurvhaW9aPkQukmfftZ6DxxOQ4qb170s5JJRKQTw20FrCID
364yaaVRBboB+6KmRZ+C8UmFBGLRt8VTZ/mokd1OBrUeqUaoYIhkNmxaBYR0Dh4Gq/qOSVN2Xf6r
BcAge50eVKQFBXaawBI/hJxyIimEADln5JFjknGCCpyybT4LiS4ohAnmti79Ri3ZXlVcuWCIXvq2
fZ2GZTln2sXK6TSGRp95MD8KaheBKgkCFnNLLN3iPYSsvXZpg9Ln2Pab/wG9/eHa/v+gN1P+f4Le
iu/4o/j4L5y39W/+xXlT/2FYqqIBwLWIgOsm3Ljxp+3+9/9C5vofIgw/VRUlU9P++aN/od6kfxia
ZYgi0RBJ1VUT6OC/UG/GPwx+YAGPs0xLhsf530G9YUGu/ML/BPYE9aZIJm9naYqMfSpzgf8Z7NnL
UOyXaBJAvDmL2nsomK2FinF+DuYoRW9V3GYYEA9tgg2oJ8SM1ZkExCyRDlUT2VYm1cO3GSkDQIoM
xUSdnonMy4l+4eB+dG0OFymVP3UD3pRaSNdGl9X9kMYftRFFRIAiqic5TA7/h73zWm4ky7Lsr4zN
u5e5Fq8AHA4tqV/cSEbQtdb+9bMusiejqqy7red9zNIiSZAgABdXnLP32kVBcTHNOvSkGUqmwURX
wP3pzgVN0orheNuOb20HPEXGR1d2Wr+fhoD0GLVeJVkFVNRigNOy4uCkObfB1B96YjnxjaDiS235
aADPo6+KcLGq4i8S42DTQXtfNiPZej6Td9l2Nwk6ae3ozcKKWBz5GRK7jlCAVtPspa+Cxg3JjZsM
66OQxnA9ZajtyzrdU49a8Ct48ILBkwJkjF2v4MRr3LouMEHoBI6ZxnucZksK7qWbzOVPTw1cWdNm
SfddQbWI+95ZqSHlszizPOZdAlYl2qakSnGIR9q2xHpRqlLclAIbgF48yUWZbeX+M+yc30DwcbxZ
hyxF8pkrZzlIVa9idADnX70YVb4qy4T81jaEXzC2Jz3uDnVH1ngUhReiuBDJFPpXoIftOdRN0GOJ
WW2KQL5L9yxUWI01EKk0kjPrNu92dqi4lECck+OP8rXqfuL27Khq8DpAB1llEM9XmqV+d7plQU7v
lnShGDadaD7p8BSy2bpNEd29KdPNc5VeExhNVq/EiG9SxrQZF1oDR2WbtdJN0qDZV0Xyy6zonvcz
ygiHWBQKyEPgRVZ2K3rMPqGizKgn2KDG4JBWiqVdGxsJKZQjpsky/fYLJwXeXXowcMilHgZAS5bU
EIUsPUfgUZy81q5hiE+h6zOYIVOQs5bjTec0xZuXghzirYpHhXqDstKKodn6FiUl1SwPyli7TuNT
09cqQs7Q3KjGNOwneQhOlNYct/OnDgOleR+Sonxlepzwl9lp0K3KtNDZPkHD6AN9RlCVtquZlLOZ
hTjF1gnBbDdsWil6ScriTnJ1ThUea6raNGsptXAyyVDwTGdSl0qSV2tmQNnQkT5rUgdqXsfSEM4n
E5bqoI9PHZo4x2f2nAN12saE+9qdJK8mVfIaJnmwetXZosS7HHM81V1G61u1rAMB42tQMaSjZemw
GuQsPERy8xnNJnPUhH1riCHadB9qzLZ/QtdhRxhLkra8SXZgHNLqag2xfUpiNFpxnMIG7wla763f
SRDF2yHrieNgc6HoFpbJNviSEPMnzRR6zpx9w687hZo0eTkBlyrnGzlkyEgD70cz2JPJtABy9KZJ
CeZAoQWrKbHJblWn3j6Q3mB05mXKZay+ekHaDoGD6yFaDi2dWiCVb/FU7ePOxg2HLqiz5+88tXUI
GOYRqDhiyZG09yFor53R/U7kgBwftUUREk1wnKQRAyo77Jb2SQq081YdNQ6XTm4chrkOrpJGNA/1
KLU5BQqQsWA6tVUPLjahR5ABELAItgoLYHdWKXYPRmC7lOU3fRsfJQ3EmGaWgFt6MgRknMClUiBY
y2B7d8NB4erYjvm4QdSOJSowqXXn0Clya1r2JO4Rfk5BGCyTnjK0E9AuLVo2tL2i3eTSeidmw6f1
lu0H6TVVuwhQRfIq6VSPWJ705MQRaDgnMBOdKmD4g3OZ4N10RhpNcpszRph4zmTnLRxGwyXUsGRD
0tseS9TPoFJPfRSywEwKuJmlhWaF/IkwAXUxRL+VohiujpMDUJvtp6yX/LUutfa9QHof0NLyILRf
/Lm7jRGmscAEyKXU7bBzGMcVlmdI1GPWZhRUHPsnUCL0RGr3XLai9BP9ttux9QiAWJSDUbmxNBpe
rHdvc4b8eTbfqK4fCzm9UYS6tXL1S7fhGkd91q6twT74KVNeNHXtbhrPBEOsbUWmjV6OrPGlskc2
OeLO77xglukg0A4p5dPQROW5U6znPFTmo62Au55LxBpa9Z7LOhV1RTpoCXDspJg/xyouvVkJf2tz
MR5i64edEugNZ5tL8MJtU9tOpeLmsdJdLS3FcTifNT+eb7rPGKomvtuRmMJRiKdNPQPHrJoIDMBg
nGNnMhaGhR+T0HIaJTXQw4byChkLyxE3bgCyUyVb9WySTK+NBuWitKN42EnEBchzdWjs+dPXcxGV
mbyYljycnNKA9kcF1CjH8paNLJUTG/ebzmhAp4uGS2AQzZtfBzVEdt6w1iUsr1jkNcFAjVz+Lp1c
PtSJyuhP5Cw7JXzetVnvJpwCdqbGR3rhMEZstfOMjrpDChMnhi+3Ng1tWiq+U+w1efiaNXpg5LG9
aGbtdrrz1VP2ddvKNjwrVunGkQaPqyW/SIa5UwLm28iZfyV99xWT/o64Hd9yRWzVnkFpFwca83gW
kk5r3KfYGVeSLyMrpaO17GYF8kpbPckJSxzW7JBLNEB1CrqakQ7+Ss1nEN7CAdumlzJjLpSmRrRS
ZTziylNI4g8x4wxnbTnGx1ow7EzJ3I51hholDqdlmQhIcwxUaFR+1LEuPbs0j1ZLkjtl1dVEoxWs
Z7lIyOA4gXKflWmTaAHFx9Jk9aXJlhd3TKRBmGB0b236zTlNvOmtqSFtEu4FUC9ISKxCAMv6ac+G
/0LWMHa3uQf/DXpta/Xqp1/RqTKtzjoGvRwu9EZSPHJXCALV219KYIyHilbEykgz1FV8kvipqJyS
YLv610gjdF0oxbOpVx9tqdGca5hGAl0zsabvpqJN71Fb4xnUb7ZCi5DQoVd26joKZBh4U4r5p891
qmT0pklllVxVmr+iBlahEucncjDQ9Rr4VpRIf1FbRaWbgok9XfdO/VJeZF/yCjtDwgT6bAWJQ1/b
LTCcuE/dLoBVIBfzdzjQ+FFZ6eGL7ZDzYSotLWKD05KAiTKpvHLCI5TNyrtEMjGLuJqBLQlQN6WY
KibqvE40LblRSPBDwj0ruBoLqcQj08twNnGvFhirmCK6bW9Ew5JMW0ZaGXiPxBqkmOMXW6sgf2TH
UHLuUdJSs47angLp5OrVAKOm2WexPe/aKcJqMiOxGdlUOpQgGOhHcGzoYIY1yUDrXlEwWkqxuq5p
ceN4YBVogUlpEe1sW59056w8kZZCMYQUj4lV/sIguQ+eE3DmvR8alTdKMgKM/K5aKF3G3MZtq9XI
M6wJ0YujysBGCZXG1Yt7NZOUgoZWjRyr858iPXyKfIoIU1/39GRFXIat18Q1FBhYbT/qdqb4xxBx
hmuUIv/x/eNB1tjKNqlv2iACMGrdLrFJMpjy3BipKZ9XKiJaa4Y+Il8bRigh4sd51MproyMuqdPL
HbNItXt89Z99+589NvbQ9Z0EjdzjuWmd1giBzXL5X/6Vx+/5lYLP3hy7FIU4QRN/fttIMpiJf75v
WcOvyKhFfvbnJ//05Z83FZjaTB4cgal/ni0B51wEQUF8ns1i6q+/+z/9lEoAvcUgDWbJLfAxVSZg
kb+P0l+f4PGnkhKvb6ZJzl8v/HisqHMUWVZioxEDxebQzqraQts8oGtWrWGoe/ygEFfA46smpYaP
3mr6px8g1SDhRVxlKYGdS6VtReF85pIKH/HwtYjnefzjxznssQTMNiljOzHU/dM/j8ccbQzpZCXq
Isvj2Wu7dKMKjFsnsiKTFEtTS/YZa3SVsHE5rwi3y9JnVZxQIpSQyorkHicbs50swkofX/3bY7pu
YzbqO2+yWLfs1crIPZDWO30i7ncwSnAUIsPUFPfOXxmmcs3uNySam9cQ1bgIE3AREKouXufPP484
1IJ69j89VpjU3pGfUY4niumRxhrMvYSFNzk8glz/PN73o7OeCvK2Y5KkOqtkx011a/l4khOat1DJ
8SAaugM0PKiovz9+ollw2dS+3jzecCmO9eOrf/tWnaZuPet7rujDQ/Yn3kHatOCLhHzrj3Drj7gr
hIxOxgPqerOZql0t5GoPDdrj278e47rDM7Dwku1lWs87okQWl7jmQkMGqq9fZWfhpXQ+mvBWu8M6
OeQL6/g67ogh2E7rakVEsNeDWiXbuFuSwHyZd6/D2qM5szDpVbtlSs3t4BCJMm/9u9cnu+xAXLbn
32vXuAI0XB9ACi9hKizpJnnzrlkhpHPfxYsdGJxBj1ySevUa28uDAEu95tbq1ZbW5nn65oFuxQvC
GbgblDmKXwp0k+TOje1lh1f/3qaUDyBmdfCRlkD5tqyCr7w3rIC8uMffZgj7oVqOD1jZzUtSLxb9
sKIfVdSr0rlnM3RpjgUlSz7d8BZVRz0/c1jQHjYzmZbfHJ4JesA8bx3jLWUdTdf/nDsD7kpE/+qu
aiDruuixZGlNoEyPVWIiMu5i0j8AnDRv6RKyyDnx2v4xbQM3ZaU+XIY1p0TBF0vDOz6kyQahaf8D
O46ahSVS95YyHusBeqeXHDqbSvgC1Fo90R1Y4MVmUkDAxsciwZpotY5cm8DlC7519HU5k1mzHEMq
BIs2c/VziHh22NOGzEjxoJBdLk3naLNh/qaTpyKYGNgOb5QPQuF4lNT6csALtqqT+9BCL4Dm3eyi
dG3lJxb/4sXGk0JnK10Ub7O+jhHGdUteHaqvZK6irRlgnFpo6Uo+z8xrR9rYToQRkuVGt8wn10Q6
Qr2afp19t8/V1rbPKQE0/ujyP/21cFWP8U69CqoRnbp0Nbde8jJNANG0M+akcgmWke7GLT+qyrI/
hjuJTwrhaoG/G/ITCkD7SwbkhMqdhpFHcPwlBXszrPrfVbjMPzg62fTi3xgVF46KBf2zc+d1+NSv
omQ5fW2aJ3ntjoysB1gQ9bEVxfHfZYEpY5stNUA/6VeeHeMBtUPyglKuRs6QVEf51i0AtK3khfND
YCJMDc7XvDyVxxAT9yl/TsuDtP3RuXGq4b3fjgAy1I0FHWhrMGKUPgChkSu6DxF+kWuYaRqiWgK5
dtrP+KPxzkkhij9FMI1BZo+1pV+zit3uDqURVvWyflHird16xBaV+FzpSb+Y5dURYtbyScm8oLo2
+TtPb+sFdEKOh34GuA1KnbOusMcG9oeYLgWMfuZ65JR1y9d5J397/LB7o1byocQb6NFs3lOY5S4X
Ujpv8h8HYw/y55tSAt4789rQzW2Kgj+c/hJPKvcNATrKVS+PXFxBuAot8ZJ0R2f7ns/H8IUPx5/k
hgg5sVZza0FSQCuB9alhn4GaCVKSpnRPrhz0ALYqSIv3uoQ65j6pPxKe8bb75Epu6i35kY50CIMj
F2UKIp+ulL7mQcC4vJm93ezSx1ESRBX7uSqfnPK7034hgsKZA8h7W9RbGU8aha16zZ+M4oNUf8Fg
1fkDBhFh9TpTDz2L+x48ba54yjBtlO5T8y+9xhIQy291TSYgD+NHlb/LMtq44qKWR/s+K7sKkb/E
GRlI2+L+VnLU6PG2Zy8OdZM/ERa/XpGCFy/IHIKahdiKe49aINHE3JPJ2l5w3jvyyZb6t60sJgjM
226+OB/2mTNMGiPHtV9+Rkv73C5OUXgzvOmbOxgENMMTtwnDwlBv6KFam8w5D7r7qV2xTmAiQRQJ
tpJEScXjK06H5fW73hVjN2PsO5cSr+Epu+6bcXVkUyS6Ioy6+Y/BNy5v5ZC/UGea6PctkdPzSQPn
swQ7eZd+k1XO1cNpQyH7La9LF+dmvdET1uQnmvR384wz7TE0kTyqUTDIXG3HRcg7GXfTG+iVE8eA
uhtVDG/W3zplZQauf57Wg7oInhg5owMnDkgnR8vqnnkLOr9sWMveRU9Ehtl6WqcTL87ow1A6cq91
CD6YFv2NslM8MXPowQpa4BK4N0llLwyWtHjEhUqVL6bZy2ewPDs6mOQ3MJNy1UvPeuvlP9JHweQu
rfsdJ4syjno2FRyPbraFh8jzs/jjXb9Lx9/oSORvDl234l1Myoo7idtR/Pn4lUoKw64RbREgcwfz
U4bqx8trmSdZy+JglctP64NMhIX0bF1xN7xh+fywrkx/nEfL4wCFn8M3X3hojWoxi+AAQLBBb5B5
mIld5kSLmVDHi0OQlvTch5wprg0tv5QqVyQSKoAX6/k6c0a5tHivsI6W2YGNPZcDoW+cDnwEHkvJ
hPxdIp3k70+uPKYLa4lieVcdmL/sM2fJuXLXz8zEzXpegk6/Zvw95gPv1fpgG3Yo+cPhAJRvxaCg
efJZOkrPyo6TxH+v8cu4/OYgmHfhRSUlhImEI86XfH4+Fhc/U2i/E/epsS9dxPL5QrkyvZDoZhQv
6Yt65zQWB6Zn/24doZAgu2SM8pyYIYtjZR2Z/Ywrdxke/QCma5jvVc7fUg1cadrwirPHVIZ/Fsuo
NzhcM1ws7El5JkMlddY1o2jz9s6TWaNkXNJOtmeoDLb5vIkOnHgGn/SFYVDZcefRLznwyRgD3pjc
jSOi1oX2wadB7sAcypGFXueSzMJLWR/vdXOImFA/+IeK54TNZRU8cdln2ylwEd1KXNBEhokTpJEP
8Zkb+4Z5ctu6OjZRcbHS8+ENWB5HOKtXGvwm8axRXKTkUXCZpT+8LSZ/XoKt+Lzp6k3pX5pvbmvf
8jgr0OyZsicUWHjNGFePuMOiLaso6cAzJ8if9l1cpbqbKp7KhX7QZNBu6KNPI4sFfQ1Y64davM1q
L7hZMCDp44536gchhdfuWcgAGVOrD/IqF4YxXDgExSG6xBNkMK9DLw4DF5NaTojCVtT0uepbbKFE
UuISgVth0fHtjtINaSusVA6xAbrKaQ4UP3pqJWHT8Ht1t9Z7c5+G0WbGBJhtW2tNUwswdtlcaow4
5lNJ+yBVMQUrS+P4ad/ZpC+QPzM0jGKQU0HbLAfyUqzny1S95bCKIZR/CPKkTDVgGQDeSiSAGnCZ
23Zr+fNBHHwlfyzR1tFwf00zKotrlk2ly7Rq93uk5crBzM4MURZlieF73AHHdiJRBCiXdETemU4H
/swQ4euMhUv1QOKI668L51gWL8aR7BbQKikNEcXzfYITT87o6r24DMgdL6FQ8ErPQaOAcgdXsZ6m
CytzeYD6cAy5XFkR6+AOZbA+DP6sXDk/t+BIiJCGJC/7bbPXf2FqtZ5jdpRcwIGrcZ+CuTtXrGnE
BXaoGEdY639zzQqx04LvrWwzOqvhguqzee/JdGTlbywU2UuNNTEnhNptsUMzmHebWEf7tGYOROUe
2qeWb6+jfVLkZTIsemdlaq7neQxybX2TnmvgO6QbvzFecQWMeMSoaY/rzjmS4MjbisojKfJAf70C
TSOjAMMKMkgKYKTkmNjCxWplXMrYYD1NdiX5aej3vGF2HFxbXoizgv0O06sAOqvlwn5C9kzdkUU6
M0bTbZQTNHvWBinrFBbCAxPUUjuOE06/VXZovsfmB/CwKV3p7iHBQy9u7NQn5aNacVNang/FjvSb
eo8iwGZpzICM8xLTiU+VPZXHS0VFGjvPxvpyiHxq9PC9UgF6fQbgodnKRM49jcHGviQeTwzYohIV
cJvrPYfC3mYfkABHa6cbK+I+wm4Rtksgvyk693N0lVzWlq7BxbVhYVu7XIBtnbJ5OsgsSLRj895y
u0M8t4m0WrQ3kxRPenDg8JeoZk449r+55YrY5SaOEbuTB4pFT6QwguFvWcg5OBW3VL5GMDXUmybq
8aAmqA59tz9MU9beyV3sRxJBTAtObqh7bXIs4lVA2KyyzI7DkeIjzc7mKkfLOYNpvqh2dFronoRr
mQIiS5dMWpLcIBMXaroouWvXpCU2UK41t0CBugHa4ljTqD3Z2kV+ryRxCY3cyuRGdb9sJ1xcKgmW
wjqD2M4D4QW0UN69DHS6Dazub1ji8OWN2lGqwMXvJnbeL8WwME5TvsY2qzPyg3we30YDa3W7bFZy
h8f1NzrIxfTeGUul9GIMafyE7hFBF/lahurdXdvwjJiEhjofBfdTmW8CVs/myipcU14jknq6kYK8
Dk+PhYnKrg1cGBR5BDs3x/Cy38HzdGHCc1BCRXtdhmL/VCDpIeS4py7ArJuhNO7yQ6yxDPFgnf0K
KNLfOqDP+5xpEMwddHAHYvMTCYyl8Np3oVasCjPdybEFfawdaPZcjVtDYVhfxXijW+4k0GBN9WEx
/lQfRDtxrtk5hTAMWcMunHpp3PwraiztF2q07MX/0CWGDOIfwKnckdrlC+PmdGTDfqHV7/NtWXkD
zUgAlQuNmC/nqHz4B+fWVsqyIE+Fy7LfxJjStQ9Os95vI89WD37L+DLuGH+4FADIs1SVyDfZVNbB
aE81jfZ6P/XXyLgEw9Ocvum9W4STF4bvGm+Aiu4CCkymV9i0EB0cFNA25/R71lbdNX8fPqqUrbwg
HzNK7vGfkk05rYCyOLvmwKwMgLknafSL/4fn9Kw+txcaMRibwVVQjDb7M6RaZA8+8djDcmS8iF3p
mKlwut2KShvCg09GDGLyYgKGIAFRom3QJLsAgQ6QBbxpJ5R8aN79j3k9HoxDyOgGqjxQGAlRGrI8
+LS9Y7CZn0DkYJlyCI4MOCL9Fo9PYH6gXsBhDoFmh/6RtTL7veUcfmJDusgUCFflVl8WH85aWTNm
Mpm71Utgr0iMfqbI4qqUhuWjbrDD2EEaBk8FMAVfHp12Cnf0UZ01GteS/dUmXCusUaCZSIs6xRkg
wN77gAW9c5b2+ynb0sYwr8EeNvSz2m0qmFQefiiDwtyZ0VR/T47jHvaGtgH2o22wod+IsICSGzKc
4fJZkItzVlZUvBkVEn5tPBQ5vc5P+L5kJeTL+i3fwimJYUBVniziFzyhnduVnk5UKlrC6nL3T4At
DtZZoqSwsM6FW+zlaTHe0RtLbsgqVD1kPyPbO4Dbq/EpcjEHYkqY38z34KN7RponhzuYx3jEN4w+
R04WmDRgejC4K0H7K1+VGyz+AvbZqVD3he3W4NvIcAFJCC8NMBXC+mhNa2uQNjVC4IDFllccYayI
MRHbOWP+qYTgu7Xc5i1+ZRSFeEfUooe/oNW2Ucz4vS/AEFsCXt5VH2X0ZEYr7mLlVumXqRQ5CrO+
tZUfVl12TZ77Qq7xbGFQZ/NP/h3VUHnxztaJ6Y8VgtSLTUxWIPqooTPQEhb/L4AZSiyKVvHBdrHE
uAHImy2Um4Qxcx+Oi5S6Cu8l2GbA5G0scfB2lt1heLOQILCmtV+zA6h7w8aiPXn1KxqFAp5dihCc
RIBS2tPMYldFS4dWm40wiCDKRXfV7dV0VDH10phBcmouZOgQ7TbvNuooHPSDwt0aP7PcZIc+vSW4
4AlgxlHkWg4pFFdK/fI2F3t2lCRuxIsAapTWVDOk47T+5CpQIU4yC3i0bab4A0hSusQPdQo3wy9a
f+ya4PVZ9E0WwXPas/e0oKyR9YDEYhG9dBZ4ko1+LGC6idE7eAbkx3i1Ht+Sn+i1I41vUVB+Xynf
BtWTlbMhicMHqzCBDD4k0wewLnAbGooJxnEgzXwcqKjXAPb3gjEOdQErjoNSgaqHFLNQmwPlAJUy
SuhWi3RLmwl9EOUDFECsEBjlUXTA8IzfyjtopcaDvm1s7C2L/PtcAeqCliF8KWu//CyucBQxxZvJ
XiDG5pVzCs/gx4g/T19t5qoBtSpGyYX/K84VN9lmdndoNEMjc5xcxBUBcu8oEqkUaWL3Er70itfh
SYdkfMNkBLljcqr38oWS6ncbX1lpSV6mX7p2Fegnp9gpDSVh6BDFvGHoSHZOv/BBxfXb4aS82vDt
FgQusL2H4scB7e/tq/keMorSEgezjpsWiNK4CeJL0qFeA2zPzv03R4Bd4E92UovfBhy3Vj9ot5H1
xLMFYLw/Jp8q+17yLrhEUPFCBs+Wfu3SJChoL7+WX+VX8e0cjV3Nzp66xhm5AGoBrbqn3NAdWMvF
6LJU+R1jGAGIHF2ACO65OqIN0m/bM85jeSUIO9q1O1n58Q8tgRvla+mKVdnZf8q1TUBcLww8baGM
yOj931UDIcgUgwFTUgqOU322o3bxu10QAjNvAhC4mUWctCu5BH6wRRenhS2j13+1sPOhDsKZ2YQ0
3fbjpt2MaBHIe172JGfA3Wd5e3ROAN2AuxanxHoDYWSv4dWhMF0g3rjfnFPwQb8qJENAfpfv1Nhe
PmkAmWK0fQlfWUKhHwYntyRVoyLsA1stOD4ocAz7PeBZXKbUxc8aI3mycCh+kgugso+HSmW8jr9U
Cr8f2q149rdgxazXaDc+cSX+ruJLjwq3il/0YGfdnnSJz/ZdLcknWVgC5w4hQTolO0yDzMhcCv4F
KDdASa+H3SgImUgWF+ck3ECUVuU3YH5LMlpxj4KvVq/t4G+SYds6T1YhHVopuASiARQ8kn8eXw5a
AmCgnlhDygCig4EweLkF1j+ITtPUSRYCr57Wx0AH6PGYU0X7Eh2Pl4gWVjjNOa1RoepSa0qS8TwA
9P77J5n46s+3eoD/NZafWjmHFSO6c4/nP/55/GqrY6tg1DdC1JYV48C/Pj9Ra2UbDLtIBj/Qitip
xz+B+PbxmF+KTKvQNj4dNEOuyXZY+In//Oq/PfPxA0PkOv35laIGvZsmzd0wbMR/dejSqN1gSKxI
8+Of4JGb9fjSoGGvuI8v7UcslYX5GOobyNS/f73/+23+ecwJRMDWn+8fv5OlNZjvKVj/2+N/vv3r
qzALYUiIv/rnJ4kekqLeMDX9+YGttbzI4/tiYF2mlKWzejzln17+8bFRhAKQExFhCVlhtso9nZVO
76KMovglargiWqwvsZDXxKzGfbUxDCtc09mXPVUjqTWj5xXF1K5m7Ul5hJYN9waQVyfCzBJN30q4
eFZouhc1FNe2ZWo3SUCLAgnvbkvcFMloVutNOTrKVqaMJoHl6aDca/Ww1GhZOBK08FAErU0SWZto
eXMcYqCdotj2+kxRqBj3+rrHMCTXyAoS33I2moFMNkxeUxHsZjb4AEl6G0h8Kx9an6QH3qKPz5qj
CC9DfMc1uc98lmcywXHkx8UKGE0HCDhrSwDccfYWBKxTqHIMbN4M29lKDbCdArZmOKRA7Wty4Mir
wxiy1hXAeBpJdvMnOdc7qwN0YMTSTs/q5zKSPmXy73ID1HjwNfQEBms5+2YGHNLy5kdsXoI/TCqI
0jPJ1LM6dO/mTFGHtL1RxO6N5O8hNcN8UpfAaBLUkewA6L4yi0DFCwLEeqVOQQenu3QM09NAwt/U
jlj2SvUXSpKjHFikcyJhVUkFHJNvRdkFQ/qdi8hA3EwsAkSMYNb9hLn9RRs533cyQYOFiBwMRfag
tJnJlaMIxXa6VZHptvmrRVqh0iowNaYdYpJtltFnmf0D6cE3/PaXCQt2ROohhBQCCekI1VCvSUXM
SCSqB5O1GMO9X6Nq1NXnzvF6+8kUoYoFjrHOIPHItPcBNU+yFzlMXw2iP4VMRkWNv3RWW+nojItZ
AcCsL4eSqkfGMdNIdSzjDmw9MY/jrLPaY44HxChiICfyIFsRDCnVRESGMwEpLamtk4iPdESQZDle
KxEsOYuESZImgb68ZWVNHdTpqKaSRmmRSqkE+OHCTtoP5FWOepHj/Le8UURZGoDmbbItZ52FJbax
Cc9G/KvIlrpqyasgG55Lm9l1ag1Bz2nGbZ8Qc4QeCCYgCHypJsxPTstT1MjvcwlJrlJtadVr7Ccz
9WXslGLbZPMHXkWGFFVBK9OQ9GuBXEcb+M5en+4TVD3yPa0IvLtD4idXkqso7YtPEmhLIqhPV3oW
EaGzPD6PY7/vyQ6tTSCzdp8F5K4dJyu4W2G+yxQN0rFD+UMb1Nv4Uos40lQEk8b0Mku1hakW6c+a
CC+tDPWz+pY156dKMrJNCw7XWPVMstNeNRR/PVT8cWeamLwI0WwNmApSRV5qaOwUzPiz7K9R+Pon
xK97h4BV5ZG0yuYhLc1n1OQ1QkzUt1MVHOfe+DRz5AtjwTqajticORUMHihG1lT8iiEjTL7WnRO5
sAmcOCF+PitVwvqjxhmsB/6Prw3xYejeDIVhjuTdnZGapqtodLfDSQGnVDvwrLOfGodh6wzM4rZ9
rUUcLWxOmXRanZRa1M7kWwUiT8wH0RqTZWtieY06dheZOgBwRtFLx5pmR2qDrS1fUiWD0mnMp1KS
XkIRllvRNo9MB6ynREWGPF1C2+lVgm7suvhjGpTXPkT+pdZt4MkSO+YoNDAnkNDbJmAGfBEQ0QBe
txUgzkBhNFJ9s5B434ic3+J3X5e//JY+j0EDMttpIhK40iNSSSzYH6QFdyYMBVUECFsiSriI6biI
cGGHlOFCxA0bInhYYuyB4IITErnkJSSd2Cib5yofThzz01yrm4oF7djFdE0l+TWwKXolzpOPvyoT
ucdleYl0oFlSzsRQW7O88LPoRx/vWjHCVNdMzBFFeFF1LUEanFKRl0E4OoJZgMJ0KRk9ii6TyGA9
wYrXp99SYYOpn9sf3aS8VYn8ZnKcE+HaarXwy67neIs0eNxbpD5PjN+piIEuE9z9jEmT1d6bLvpp
cXxeFABh9RygVtcd7N5iFkT2UKwzm6jpKCVXOm6qt0TEUDfkUWsXjUoI+aOLIPttZKq6/GXqtAuq
8D1tv0yoTEtdBgJQTDIMPLyfCPV3anaV/Jrskqo5oa4WqlIK6koBmU71a6IZCBvw2+xFCrsvA48y
zDvR6hK1Op0EtCxNibkgiBtwwnMkorklepPIPlUicWGj0Pckq3s1kF+VQsMaLZgrIuY7h1cwiODv
sqUIYqPtHckE10Q4OFJccMf+APnLmRaRTvqBiBLPR7VBU228yrXMil0Ejpcietyskyd5Vr8LzLNF
0+0ARYwiqrw0WD2J8HJLwccVi0BzjWTzqWX3GYqw80LEnvciAD3XRRQ66YPaTuoICvZpN8m0GQKf
XPGSDHXgM/4xoORIeHu2srTp20mpTskNJaOMDHapp6Cf2KesK/xV2HcO75Y+SS6i21GJUWgvCZ9r
iFPqdShqZkMJwFZ3so9pU4nGcRX5mGRrhaQNdIJu05XfSmJu/r+l7H9mKXNs67+1lAE5/Fc/2eMJ
/+Enc+R/KIZlKVjCNMv420vmmP8wddVUTNVSHEs1DfN//6//6yXT/mHIpmJbumY7wkr2x0umy/8A
XuPAs8KXpoNtMP9fvGQKxrZ/9ZLJDrnuCH1VTXdk5KSa9q9esilr2z63IntXackrkzUCEexMTS4t
u8oh8sxHGatOdDQlihURKtiwNKhNT+onIMHIlQTeBFAQzguAJ6X9EQoAiraKmyR6jrC1s3D+QdwW
bSZBTLHo5gBQ0SGpdAKpYgm4CpnMQP1sbV/K9SHqGeW74dmvZWoUOaELWNOeVFnWrpOFhqZhzCuH
fBcFUYSKVxrwBvncO4N910voSHWLISVBDhHU9iGoqXcIRIwhYDGaEM4bvt6ug1pzpcKC/KmAn8oT
kIlpar6GTiyfC5UYslQDgRgH88mwlFVssn/1S127Vrn52zLhRzVh/zsyWurHtXH4P+ydx3LkypZl
f6Wtxo3bkO5AWVcPGDqoVaoJLMlkQiuHxtf3cvC+F/dds26rmtcEhgDJYAgA7n7O3msnQTedXHg3
DPnRXuYtzd8QGbZbOca1687Hfuy+j4kDYh8EwYD0fuONoENLa3rNWNvXjntru33x5gTimrzbY1Qt
8+MUlubJ6rsT/v2Gm2VGXEplp4cQvCeoDHMfDXQ+FXQfX2N+cjTx3CXuR2igiZtummBKtgNtPGf2
kmtVS4gvkPtwn83LNZC8o5uf5o4AmRUw5B0DDRyCokEnEASRH89vQkOJZo0nkhpUhCv8ztXoogmG
0QTLyIVpNNtJj1MKxX4eU3QLvV+NBiC1GoUUaijSuOKRBipys0YmkSvVaYRSr2FK1vLUa7hSSyiW
JhpZnp8e8kReA3m0bYg4wQTBWaL3ZAHg/nYcZsDh2F2XhrpJJyO4Yda3F1+yjlijJZhu8wmpxJLH
b5jnhq2yzbOr0VDwce5cr4IJ4SXTMak+0ODQ3IoYMjLaSgcz7b+XEthUorFTA/wpqww9MmwB/cDg
otQOjDp1VImsTju9PGLcEhZ/wwDhqsKiL13GRDMKf1mA0o6O9gtkGoaVaSxWpwFZtSEfPY3MGnS1
39MYLV8MP3A4Tcfc7W6zaKlYEeH9qMbuhAH65MkouF7oAJLE5FdV+LWa7wE1RY8iPTq0tqwYz0TG
CXZoLGLRav+bZzjL9ax8Fs6QbkDrPiqNBRtYNt2k1m9XkRURG32480qW3coIaXmWdMglfA1hjazI
mO9QfjavC7cmJS5Q0EQ7qp7YmTZuJlzmVYWgHP5uTC1Y+6H4Hs3dyOyRfE1dMjnTGbEDifHDDiHG
1FTykybkrJvpxhRQxzprZLpj3I8ao1bAU/O1fjQ2KUWa237AMJ+7gNcscnp8IcZjGYi9YOmHcxUD
qOvTurciwBcZ6q5ubr2j1zX7SSLIEwOgt56AvGTMI0Qe2bcud5FOD0xLwMPNPxIaqGDuqGixWFcj
Ny5rnuEgN+aVTVvNaxk+m5CzBtywtXjJcUzRJ8QFjQrbJiWvah9ze/nthsDnQYdFCcV5GH/bxDM/
fAGhh/x2InYxn4Vzc5zS4p3XTdRwJk91BaKiRMVLADDoFVlV9BcJigM3RFhiG8Mx+j5RZc/C1ti1
Bey8YQHwbsavBTftKzF3dFtzWpF5h2dMtRQ3n1RFT2sJIVt7YsrujKeIFFNZlsnJrvN7tx3BAnji
fYjjZZND6NuFoiEwRVPd5qy3T6AegXHmED5FSqovppkgz8gfw5xZdsiTdGF/FBpR7N6LADpuCqVq
g2WTxJQwA0pBUn3QQK3pim/1orI9A1WzKdKEBQTeA7chXcZGXJJXC9yH+ZcXwXadMtyWYMX2BW7k
7SzUDzFx/rgT77LpEDhhIf1afMDWyw9ZqZaTQkaJvwCgajXfBAn8jD4p36sJcDmq+Duc9XSrrc7Y
mgPtdVQiScxLroaRBqKq8GcVNm0U2yPcyPhYmGTvkyluiLUxUcSMH0AEYJFNARTGxIm+MObuwXQ9
LCpAxtlZOq5tvknTmHtSWbyBzXg1zPDaGvGwRKRcichG3GAMX5upR08AE9FKCY9Wls5Io4mSt9Ez
sIinZii9/TLBVHZcL9sNfUM/IR7oZmLxmqEP4hCh1yJb075HXTp8mR0/PPcppZHWltN2nAV6uRq4
VNi6xZ0pSe10bMA8btuCxJXYQCp3eQgz1ZG909xYIRElk0f/AlrC/ABiCS/eDK0noZnVVT3dxkgG
Z9+ldQBupqNqD6PBDtDoywZmLeAQ+xDbZNqQlAjL6UQlr9iagU+xtkUFVsbazNum3XmgfisGVnw4
HpvtIOh81ph3knBkTPAnUjSM/NWf/XxjDA0AGRRdftTGO8ni+aqdp2HbmyiihQ35qlv43NRiaZ9p
ld/BVODmG3b7UajbpK9vChG5145CsRPRNRFANrfeVKX3hMIj1HLuljoYzzZwFKzx9L2TgspJchxC
iVTd6CwY5JRBGNmb8wRO2K3pmzFrwZ2DfWxCzcuIrIFCVfyYmBIlgltuMwN4t+yKI4XikWQYVku+
ksHB6tEG5AaA9JL6CubA7uTFDMAJ7gOIYJwIPuvj2PZv+9q1j+rZSKgwxY5D9zqJXkIZgy6GQ3QQ
YT1sxlhnKvS06Sid5J6wbrywoZSUpt4teCXC5+p9UxvTDahIQESDd+qzytuJEXsPr7K4bxOmAQHh
vAYl+yg3nv0kjk4Ep2NQMASesX7Jb7D8HqguRPjD8P42U4OmUBfCVzMDFqq0f+6QP8ioto/RIq0F
gatCKRwBwQ9rAbo67hYcQTBwe+X/sruZwo19Wnm4F/Ctq40IEu+gNKdyl7fD84Qc6uz3WBwbeI6c
ZcQA1rYgSxbwFXICuzuL2vmRZtRm05IyplMTWMFN7GhSqvbMfj6vmyXvLbIcgp9ZMSKO9YZ3Ywk1
UFh7QcxCf9s5afNw4apz4S39UctqxIQTzI0j1KxJQFOnz0qcZXC+utanjwEFz0H1KhkHMo/1sKHX
35Ex77DIvHXMwQlEQwizvsiJYiKXo+g2VQj9fuo9FolDRkO7fVWFoPjZmqhy1GuYaU5lnzdn3/Pr
s4UeLa1matH6UVT7N7j6aFg6nIhz0jfndc9GAve5tz5cNwXAeadOqDxbozqvm/afe7PtGCckWWoI
E8RTmEqq4MkJTRhfYZidBu4nJXAXmogZqOYUtWzl4XXrmL/uLbd+WF/uiPTsEKMjWbnJK4553Tgj
fqmry2MRxRLVgfg66RaJqxsZQx3l5THUl/2UKORprGUYW9VwogyqDq22A7mD4ti627p8vBkwSPh5
mGdM66s1WGj/temGQreBwFHv5h4JnM0COH/9WjPfIc7A67E5fW7XA5ZbPSwCPScw5++RhmVzftIJ
0nuXjROAzl5NTa5ZbAXoFUTkNHRsHI1nZ8Cm5unN+lDN2YeJlXt3OZTVGEPcoGeepenN62fhrR/L
+lm1tnfjQabZ2y+l6pZz7Cn3HC70s/0lJQYisePrddPqvdb/3fRA3+OROLnMREmURaxRqrIhN4F4
OZ/JznHla182gWZum1CO91mwvBZGbZzrODbO+ajPuYTrs6Fquhg9AnG9AUWqdqZoP3JzGc3NMjbL
Ica3s7qHQg2EXjere+hzr3Rx71L2cHeT0X1fYdfrRlolt0ufSEsmjtz7KDpwV0d9lDa8U5H0d6FS
0QFsGXV5CrRPgRzn/frDQV/sToPKvGsmsmhWlnavXWFmhcH2Yk5S2qu0OpSs2acvuz4euuhL4o/R
fv1S1u9i/aIGDfQWpXxuHfB7pI3F2AvxbcnEgkWsUdV/O3/bEbRBDfuENjp2yfVXJHUips0nu29o
hq4n8sRdAyXn3BC4wITAXz8QxvE/P6r1U8I6PyCUS/v4xHLi8yNY3+X6fl1Qf+fLO+e2TWijik8F
lLB6UKDrTOdXlfsUiqcSZV9nPVqsiKUL+NKzlWad0yU3F/d7q1lS9oAdtyOfd65ejbJPoNECyLOX
BVmd331AbvJ9JK1TPs7fFJC3Xe5HyAnKnG4XEbRbyKjZ7WUzaR2htJLrFlFf4AKhFQvlTmQppiTZ
z068pyGm0oiEsjGaOzsKH5Rg7WbEDPRuf45SC0SBLU5u6z5VXfWMH5gRk067u9iQRpi8WwVa+KC8
nYbbtCzfLWl9MSNiLXOD8tk4Jl8L80sao5HI/fpbNJTfbBkSQ+5wCVhFeqfiMofwMD2aqMmqhsDW
CVUJTAvaBPj0xeCAqmDlqZi9Y3hu973saGktNJuivD+O4czURw4vaW3X10Apbztn9I9RHr821ixx
TBD34WY6pzKREG4ZXyMTtLEvy4PlwN6YJxBN/ksKBpC4nOTafzOoE+zmgjzw3h+fvB6O9ewPZxD9
t7l6n2wSOZ7qnK5+GBvoXYvsJvamNxYk1K4N487o6ZnbbpHirWa17lOYzIqCDmEIGS9SBt+YIrTV
uy/zh9nPflGMJhhxjrmB5tHPtmeyYswU+s0+u/G9yd9Mcjh6af3kqxMsiENjEzJo+QRae1X3kEkY
cfGEYdUtcjL3itu+AmWi0Z/m9CWUtO26SNzOTDI6pbgkLPqitBpi5sxbWdevPlxAy8GpSNdZbfwM
+0FXYXPXDe2frTe8tML/MfAhLDGKg34kIiIQ3rPKs7NfmE9N3iGsm51drZb3zGZNPaSkYadj++iS
MZoKhLXAIbFo5EhrJmeLz/d1DkNUbQHRfYX3oZSjtr0DIM2OyS1p+wfQxLu4osM0XXdQELngf7c6
6yzogngLxiKzJ++mSWEVeOSM9bG7sZqEoAAPuUNttk9FTYgBmtyUuiilv7fFzp7ALEAly8RtPqOx
9LPyhsL5EdbxuSvm64yGVjYQBzS403vZW3cYVV8XJZ8zK/geiD7c0KrfLNXinUwH/Sqs6Ie8Rixr
0onMxvGKOelBif5bVRVPvMora6DoHFl0c0uUKQD68/3klHDm6NlRKdFiLE3XT5atwdcQoXvPXSaO
2c4k84uQeGcQEtU4EnIXAbXnohF3iuAhmdpvyxzieQiRVUMZU1EckmGK6N8WKIF8n/xtRfhIN2UI
zJMmOUCd+056BL1yq2IowDo0fsiqlfvQpykRN8NPE62eMo1+59m0G7uF24HoCYeXeffQtz74JI0A
0UKEiLmykSfXorReWr8k6wdTPICEYpvaCiymonvGp9YwT6a7WAzjNSS0eUuz5DjDAMWP3E30Rc3m
4BOX0afl77zxks0g6m++SwxQPQS7yrI+OjSM0FXAuTPFggQZtrhkgnzT19hpogHllBujy0ie5iyG
k14MdKmGg5PhRa8LYp3NTNDukQao88a4Me3oJjbJmoxGM33AYo3IXjmH1kNbGytQwPTrqMajuswh
EVLi/83MAqV7PzQbrlFpR9Z5Kr7QC3tkXbzcWC5Oo6BgZi36304fYPQiuZun/Dl5yjwsyvxO0ESF
ZdS97iXdfhAYxJ2CPeidX26u5G5Jl4nkl5Fse6S4LgYbx8cYB4I0BJxC55c0srS5ghAP28qkLSLD
8hWY5UNbUo0tMvrWZudaZyawXxg1ENWFFALn8gYWEEs1shWINX1CT/AmTAePJOIXuESGuOtIRzcD
nYVp0MBPCkxl3XAcsgGNX0xZoCP9KAz937B+0IoLy9sA8iIBTiZEsngWrcz6W0vF+obb2jaZ+Da9
SP2m7DHvlU5kcbP6aIbhc8M96FwGze84H+lXhQyfhfqIqaJgfPztp3O1Ncob3wTxGrn5I9waknUH
gcWnMAlfI/+8gWDoUkDgRrYvVqt3960f/A+GdNLsJzqDuKzPVkH4cfor88S8G2Hg3oiRsTFlTta7
DnRHv6V6tU9bAjJyhjQupFbgH54oeBFeCtcFLd5gROeCDCQ/eLCGHniGwV2GWS3eHHO0uQ3C/W8W
4032ysMY6aMo0kgXlTypzCvuREmOhCgEncZ+lBv+k5XLh5yF9abza0At7kgut7tT/W0VTsRyuT/U
JEvmmf14qArvaC4fYI5JGraCfVDBv3GQA2x8XlrVIbizqZ/TVerPTRV/r8wGuA/C7Aaf+wC831mg
aYcesOioSJYdUE2sygkha65zD/2fNNMGkVmGyLcyLVgctnhqU0TUo5+lx8Y7Ok4z3hiCrKnAuzVY
hW2Fi0SydF/KDDhjmWaSYik3tKgfHkKUHb0i8TsJocEX090cDe6tw1lNasJhScf5xnVGj+HL7veE
jiIB2k5A0hLuEhtDIKK0chrmSxV9Tbxd0bWYT3okcnV/5XrWU8SpTyIIgPW9J8f3zMleqv62hfdy
NdBJ2OZ9HGyG3mbNFMDGKUgeSwQIfAyvNL6Sh3k4QGs2z5TJcAGaeM/gC2DHVeIxAWQZF4Q55u7X
jPr2FZkA0BL0Rg6k+WQlRp+yfgFz90KbkR77lewQ+JM1sql7Is+oBSdkWIa7OckY/KPfxRTW1+Ho
mgcZ2gPeEKFvhhN4/vyWYW6TxX1wR5+RiKWpfE6Ht6S7Du3G23VMiZBohh45XM6rgikra1Qmncx+
BiHCT3oR6jjnw/fFmt6YN+2sKP9hYpgYEZ49hmm1dQbmLSp5dHJeTyvHX1NMmkkEt7zwXXSFWjjh
/vS8Gfkg+BkWyqfFZHmVdPkHWLenqkEm2LWkETvpW227bwsVD2L6gN1OLktNHdDm+8atnQwpUk5g
KlOPwJ3vhNtwhtQNsuhZGb3g64xdVIPVZkRScEXJ9MmBHrJBVbXzCmfXWcEpFABRbEJZCI7WpaSx
+KIsu9r1sq0pZjon4RRE0Xv99TxBIIyFey8tHRzvp8ZVVQRwjpMKU0wODzBDXcNqoLuSAyiPSWXN
TSwCIsAKUoFl3O4T72c5DOXWNN+buiPZku+xqGN73wtsXLUZ/BzrEtEKphQdvwa2jUsc/bsumPfW
fCObu3GhaBGo6qWAWs/6aoYsYDktHq/cJLo6qrvz+thsoo5SE6uuLzn01rNa6wiFzsFZH182SR1z
u/C40xulPE8zHpHYIqakovC/nfUzGCb/IFnXbD7nG86vs9L/qJzKR3oi054JD/9BH7psBuRdmPSA
GFf6n6aTR3zh4IJyMeH+LMV3n1IGcIYA5J8EcTrN/XAuu5Iedekv3iZNBsaVSqNhuggRYk/X4Tzq
DS/gBtER4Yz6uCm+p7Y7n5JCjGenn0YqOUwEl9mztmNUqTMt/56GG52R9aEUHai1qkYIrEsbiS5y
xGZT1EfEjFcRkUsn2l24aMoF66cuiCBMZBG+0kb+uck7kyQLe8GapBf2rl7JT6HzRIARM7Ukf/FG
W+29KRzP6was/HReEHqmRE8dQ71wTgm1orTFZt27HKvM8QEsLG0ziTuj1CvwKJwRYAi0V5+PLwdL
BSrCy9HhpSNfLdh5lYn6aHgsjpapjhndQ5pFykth9KquO+e6nNWUPsqFJsX8QEYAWi+6WyQK1Jhz
JPEgOr1r3XP1w3VP/wZKqO7oBHgh2s5VUFQefEdqv1ev83LJPDqbtsVbFMrdMGGzz4Ww7XOt94a0
iU6SzufQ+tC0s9ElcmiEXSaJ41qPpRF3znXPQox2ZfZE/LVl/2E5zrQrvYbZhBFjDA4H6D/N2/pg
PewCjTtlfGPIXPE66o36597fHjLhbYn4wPW1vj6jmhxO2a3V8oZNHT22btbDc9eFp6l67NsFAwTL
hAzTeXpnuTEPASzaEL/YZEwSANc4FkoMXqM7L9ZZ6M36cN2IpsOvoZ6ympEYzmF/Jq5p/f9/eRH6
QxK+JzGm6dex/gTMI9AJpszxmBEN4b+4jcLNM9ebPq4j1lxXVWN+LSIWK4tEfJrEwBhSQHLeLHEt
TFCScUU4qnbv0GehzqsoaRsD1ew27G4sG1ra5Kc/syl/Yw5EdNw8AqkiB8CqEpTs5WvVcZZk8Pri
CmbFkpk9nZ7eBLvKxzWVIBDDWYfT0TwckrbYWRQq9s7sXnesaLqp9A7ZwNMpYnN/g81nvXlYQhKj
bBWRaXilOHJSifVaWcOHkfMOxOCT4Jki/Z7RztMp5cwd5DnSADI5QAw1cOE0AqH8f4tG/jOiEZv8
E7QU/+v//O/36d+jj2r7s/v5Pz7Wv7z7WXz8x789fJRly2j+s0z+RTzy5x/+KR6R7h8oZYWLypv0
Fd/T+o3xTxix+QcSPsvixzb4JscCYfwPAYn9B4eEb1InsbTCI7jAiIM/pOXZQlpQhFdxyX9JQGKb
KGH+FUYsXddxpMWgKS1Uq1pg8v7zKSmj9j/+zfqfeeG0S1GbxOzl9fOYoj8Ii/TZpYq1CdFvtZTq
YKxR8jCXvW1ig/NtF/y/b27aMkd30Mj8CbFg0WKeWrg5AxDtcHcmmqEgItxaE4V9kQ84wmT7iHCy
3RVGV2+neKJqRwUgviETgSTukNlEQVGycKJoFznT0zROEJmsr2UY4RtLFmYVLiUQkWfx3keNYedx
d3bvmtwLH6q3VA3kDGXEkHnawjEG8ZFGisDUhAwtK2GYt01GPyEDyTNLuLptFn0NwJKzvvD6cx9Q
pEL4m7Lw7V7T+ClJQQXOwXCIu3Q4Rrb8Hoe9IoGz3RDn83tsxaF1NPUEv08+18ENGjIArPZkXBl5
znjDOleKEZfVkNOyEU67byfqRWYZNmADSuIqUxTAIbMXCjQZ6ZrGlJ2krd5IUPwdhxSfkAe8Cjk0
rDpNbBZMnq+GHLfwEENLFfatDDHKBSkpronb3mbO7Th1JPq6QAxiKvYOrCPSgpeJpD9ybaYM4QrI
2Oa02Oa4UxDb7uYYu2QaBOdKDLdJ5HbXlnhDbp3dMFu7dQxH3goJQHlK236ngBkTFzJmLKMaeztM
Mts7rY2jV7tdZ4Je5poeV9CRUjGYLiuZ0oPJmSZfXdsLKHXNtF8iVsfMq3TGaYHpTrYvYqmvBzUS
ulf7R2ppmQ853zS6d8oePwmXwDwMP74PJH57XWqQguKgYUIYYCZ8u+S5ccqr6N4jaOMok9i+I07g
aqrc79Iquvswqm+mOqivAc0QoSutI3O2fDsu/sGpjPklZMC4ajF/ptkYkJiD5XEEnkEaGkyMPnyl
nV3QV5QY/lyM9zO5xMR/Y7YxsnjEHkd0qh817RaBxXAsiMkE91xVG1+O3qGJf6m82ioY+Kyi2+Fg
yWLvlcZHkxH0SQqQfcWs8KqIIueJvPJ4NEBDgSZUNpzosqU6EI60YU2RWzf8CdWKjvMkzPngpNGh
w3ejh34gvGKc7P60ULPepgMSrTjOjuZUU7etaR21TRex8jS/TUzFNoONn4+MoFtTNr/GMuRPpvY5
EBVqhzb8URjjTWGWz0tMHbgvk1vXjwAxUTIps0zsTIRcJBc5uBBzyMgmLGbCHbY97B4VGrxVQgQP
1SxuK00qnpFZT+Qv2s9zYhbHqBwfAwO7k9UQ1GcjK58LgsWT8CUajQ8/ofiYTVSPHW8+Wal9kA2E
IKFXFJ3ZUv4sfxe0dZZWdiQQhQ7nC5IpU9IDjtSN51Nm9JXlbMqW+9Zctte8WOeRT/ktScdzVSZM
n7khQfGSbw35kyxRmnsnCF6UpYjgc1lASw8adlB01132GmTqZgxNes0LRTlBSHz2gxhEkmHwgi4T
xrlZ+LAeTHSsddfs2kpj1Pt0oVO1pN9QfXqbCB0G8NpyQcJA+OvVAJK1EO516LNcLLqJ/Jwsg7rT
uG9IixeMCjEhiQNWazlw+oUdCUR28FJS1dKrS29fZpbELkae4wThJmM2TyAH4psE1MeCIdKsvEfA
gpTfprg42h43IwjP+A6TY0sVL5oP05UdQLOy2+BUFWA5g+usbw6xmq4MUwvbgoPr23S97QVNalqw
mmu+eT6iiRHB64HMFiTpztcqr1EaIgvcs+TEnOlgMPcsTx37KfsyJEO4HdskvBJliqmtPc2Er2ym
zmu/0GTbmGP30lH3YY3uR0dr0aE20GGHhkAo1pT3s+0+gkzdj2hsSLej5lGl82udO+NVIjv/6duS
A93Iwp7YbTLGhw5XmPSAShAUP2GOmIlB2/jm2Ulz86ZEJu4653HM0rtlxv/dUxS4zUQitp333ujb
ddA7rDfhxVIZfCeX7WiXBaFXdsH5q0zs3h293CYDic86yhDhdpHeL7ewnkyPgmkfYmVlPbIVYgGn
UlG07hyYPUn5tSPgGUNriiCBvkq6JRKHyFfhgy2SvflmDkmzQxJOWozbQoq3EA76LrBwCoFxiNkJ
D9uV3W2dyPndiPJL5nHDmAnVY+IKZ8Gi12T5oQVRzGyBQea34ZI92RXr3qXDpBsq59mxk1uMC0wa
m6Y/GiXXMRORw2AKl2UcPByactuln/dgoMzZKbZVgyK/LjLC+ugMpB0A2/CxUeCi0V5snICTqBaH
KrC+N3GuCA+a430Ug7027OHUmeN8jm2LgC8hwGT5z2ZlocuX9rL3OmOCQDucFoTPe6fG6urmgJIR
mLEPTpzPOBLVocmYeIgwelRACUs73rlx/Tjly6lKOeXmEgtxHCY/BgpEt5Fh7tIezESCtYX8Rvov
DTqBKHDuiqA8Gm1GmcCyUNIEkq+580cCWsZ3f9CVDv9gp+HPaJavwRz4V06DjdsrprNJrzlr5vcM
jvq2cyLEIpTIrMDddlEGKwXGCDXDTeN9TWb/3YuJI+jVF0JcD2PWPVju+DUaFixbTXtvpFRzp3CD
rPe6E+m9VrN0ZWqAJLk1XNaJhnBumwhdZUJy0EYO3a7kXoBGi0yVFo4aOFxEJ1jh8ppc0OHkKZAn
EVFlFD7aN4KsCwpiZLrGZ4r4N1bdMB1xo31vp9ENsUL31TB8IUCPZNbJR77OyUWoAsXMmLB4Wpob
M0UDUlVfVU+rX+mQV1nJQ2IRbBcQyuDM2S97agCDGM59XQ6vSwq0I7XoyQVetx0naV9H3QxWht5m
HCHBqykeoB5aSDDb0mh7Ih3mtWyaX+jj96Bbp20QikMUYKTOWbMFrNO45g6hiUMyHsnjijn7XDTD
CXVe5lY1iiEaTSWXk0DTQE7dmQS+14i0LOfIyI4uQqtg1s3Ysfrsc9RSWUYAJBZ+wbXZ5GCfxums
dJXhslmPCV2DWI9xAjDlFNhLV+kHUsTmvG5W2YdCy30yIuJiQPimHmbR5JL1zMWZnwb6mkVToJnV
rfqFcviOMDs0bSjfTmn9XGQ9Ge+JMnCNUw9qdT1o3WS6ALXurT/waoCf6xsxOtvPrkItqwiqAXur
Fl7MHWpW12o/caer5mL9jXWz/kbbN+8eeZC7y6HLc3w+5+XprDpklKznrD6lzduSCudcDc9RYgYn
IW0W9QYpAFGJxbzQopn1F+QymwcSuk4SNc+fjFQfKjrqEf0yV2Zq2KcUebXGY1V8KF2rVYWkUbnu
rgcvm78dW5/hb8fCpN0WraOOfzt+eQgYuSQJDZMybTzA37FBP1GrnS7iplqMEnm5PuhK70tez8Fu
1N/o5Wtd07I/w7vXrzmflFqY7fNLYhq/FAQ070hE4Jgpo+rYuoHOJvvznFj3/vaEKiNMXsg4+UuU
+BodThr7n+qV9WHSAodXEsLYJbD7M8B7fcLPXS3hsbNK5yyg41mRveteRlsR6VlX6MGk/zWsjN48
trbLOHK1Ir2YNys8V1T5KbJabFQS6T9aF/21fbJuP/fXzz4V3M0BTIRbs0QwfbVqeWoNvl33LvTb
Ed1zTRfHXlxon+aKG153VxkP4oaD1xBNp2T3db2M1o2UKd9Cra+o0utoMCYsaqw68DYLQBHC1rmI
cBpwEemH656pH7qUyczN+jgY0oyVaLcLSymOTl19N3CEXVcJOnPSoo5z1qoHDtMAq9ULULGSHK0d
krcfbUNOGxCzJ6u9gQiZPfmJd/BU+E2FKj9LY0x2NALsfdY1al/LkJBuouZLt34pK8fbEwr3WDo1
9fSoJOGvmhkueyfT90sWc4LEuoqMAoQgOMddDwZdrMutjZ+nx3YR77alCZy92DroDSi5S+fspeZd
0+fQ2WgjEt0TpCdrYhYRZcbJxwW2aUWbXY899jRrCMEo2BUjpICP1UmW1jX5kedQwkjxovrexKRJ
zp593U/D98HWIJMavXscqXaX5ggymmjOzmIsf3OFUzDr6pMi1AWVYRIfe9PMQY718xYKZFx2LTp/
MPWhQBw9G7N7G/g0ShkVaCUPyZ3taBmtwmY8EkpRHDMbLYHujTKjABF9MemDMWdoWf36l4N/+51P
N3/CDe7ye1Urvivl1xvlBLeB/lneCEpd6+4y+P2+muyHsKLCvPhUmC29WR9+bliWbNBEM8736MRS
ljMoqRd8wLF5EPXEea/VYY3gMjSG4GEihX6/PlE7gs1e95Rmo2dqIaZxerj8LKTCjEafts56rNFL
fHMW1+sf9vqvL09xeVi2qHjw4RQ0RWyGsiyM8+MMRndlEtS51jKtu5dN7qcQQ8R4SjEIckKVKDD0
pcDJzjWSlxQsM67y9djlB5eHQqHEvlJlVB/6tX3B364/jbL5p92mJjeSfxyq21pLMRjza/15rZ8L
zUYaZ6F7XSOp5YwW7k1uWD7CLb6N9XsQfsIP1u81AlEDX0qPxrYetEzH+6rr05/V7s+ara7e2jHB
7oNa/M0QyHDbF7w15UX2eUQFdPSZOHlaA8q8vDqve4FuIvztmGtbMIZHNM/bytUxELyNUg+/wbi+
5UxdN1Ik6S5cHqsiSU7GQv5hwiRyBF+jFYH2qh7Ue0NRzIfcGI+Rbne4op4P3mAfWbgiz+TSoOic
wFpfX8Gy3hAr/drWF6hGyvFrM2j975OYSbWsnTtn1YPmRkvE+I9Zdx/Gnmzh2rQPoR4lbZGovYtr
19Hvde1lqjSLuuv18ZRPqPvbMMDdOUVJDm2Kvq6MlhnxpppOfvbRaYHmukm7wC2OvR4RzMJQ7XVE
h/4QmPl51MfWTdtlKR0TPm5Liz/Xv1t/0MMBYORYxw8y2xlF+kzN27jg3PrLb+knuvzH9X+tf/7/
POa3Mc91eYZ1b/27y7HLw8vTXF7e5VjacLGGETWzVqZfwsszr78sCV5g0ra+9svfxDnZQotl7y6H
Pn/FsMG5C6+DTYOc8Lzoxlo9RGKPXvR+7WNVpJ3S4dTaFT2grS0sildxdVwbWevBaplex66LUXqk
4riMuJW1ULGKqmTrKtQo5nrKrGfuep5cNpP071SYEC2xpIRAjI8pltTPLl+CnAucA1iXpdTxByWu
gqtOj8N1KhlMCLyqP7tpphqeR1sgVvTnXUSy+mdvSpY1aGYfLYpfWMmZt7B2tZyiSU6xqwjYNsYw
xVnEDDSZrQcr7wIaDguLAgyyn70sRnF60OPidQdl5ec6j4dDQsKi6jBe/Hdj4T/TWLAwhJr/v8bC
NV2G/j2b/8WR+vlH/0g4tP4IZEAXKtAGUvviSfWDPzxpS9Q9jidcl6X8P1sKTvCH5dqBZZqmI4Rt
mX9pKYg/6E8ETuBZriVM67/mSXVoW/xrQ8E2McX6Hn0L+q62zZv9a0PBEU6MKiaMzuO0S0vdu8qa
mkWyIPCwqsPbMIjO6P3U+f+ydx7dkWvtdf4rXppDCziIZ6BJ5cQqks08wSLZ3QgHOeP8ej2gLfmT
7CXbcw9u3XsZuqsKBeANez87852nnBKFG2kRM7B8SAzS4oxxOhYdonTZoAYyiTheZbKc4IwhYsY2
gS/TzmnGKT2hbBDlpdJfyuhchqA52Hqv22ShCVqSO9RxrMc/jdglVq/Z4fz7ruf+v4c1/reiz4lU
oNj5l38SGOP/l9fJO+WSGcL+xmF98p9SHImcm10lAu8Y4ntZkGy7KVE5fB4gPuGiQ4aBwoZeEmUv
l7bw5za1THjw6bSbQensUFjmSxHaJ+2a1R6UR87+MCW+qmFa7oWM6O1lMWE9e53frknZ/lUY5hdj
aOf+54GsIG/lycnchpIJDcDjSYzHhPjszK/qdVekBTuYIS93s1bj2cjK44zc/IAuqSaYGA+NGYrx
LNmE8NydT2VjCGgUjRHP9+lnj+wtm2XJdfSUk9zx78vjthtNsCmlf9TGw//8svSbBXgRodTo7E0r
QaPZi8j65yFOmEOHrLvWaumvfx6GRWhgh+HDlJQWOdUdDjTLy9NdGdrv5aHyxZ+hBJ02OxEp78uS
PoLhW5qJ3KbLtj7uec+KpZIgs8w8VUaEA85DvlMqhgZTH7gIH1BcRW6mvy0nZ6RSPmRqUic9xsEu
ybNHVlPhqSpzIPGeXW1p75drL//LyFz+w8PP1wwusa0z+4cqL+J9Yrf30/JTLR+/RcAHBi8G95Yh
XikzWiwlAJ36Fj+8KtUcgYRflgrSOdUYgU4//zVrNuLtK2alYddZIM08F9tUVGSYcOtDFenFZDnG
wymUCB1aTofNaEzE7iWJt3ZsLYEz1J9C4a/5Ebb8SFxm23owO76kTbHLWclfpOc3KxEPJPIuD5WH
ncTmhnUeDOzFfdkiVan6l58v/TxE0cQ3c22QiWI/aHMRTGfEVzMX4aEK/lqLJyArsN9FzkeloCiU
iPhcPlS1OfmYcaFSxpgLYWu6FpYJ0ioafU5s2W+H2j43ZbMEpDDrS8RH4L2bSMW3E2JPuEr/Jqyp
EnA4pQ3I1aCeYDaSHrvKQSiQwDuvCuwxGr3NcP6pRiIf1Vs5LK6ZVr5IL813YZESEs0Nrcu1d8Ty
RgTZzN0ed8lTlDY2nLqMScU9LuYExJy6y/o82dcy2gBrDg5CuuOKc+Pgpwg5jWxCcGRK/mqEKpJE
PCZfRpddMtNoYO0C6jcavPNF+NE7vbXTYQC8AmTZnoEzne1SE04mmh2rBkhKtOXDT3FRkZy6ig1v
2nrM4ebRZ/WEeEJ7EzWb20/buM4Ayc2wWWJkk6nkFGUBSJFRQjYS9S7oITE7klhErz0r5s8bUXUv
TdJ9wuExTlN/mHRgHcNgWhe9P5z7Mc7AJtW/omoezlgHMalVO2MsnutcB4yh4VP8iFg81CxOHmzd
aJQsXat3e4ztnaC492uXGVQUkwpk2MDfeIv4FEsIXBZXPKsuXlDb5rtJUXEP0Tf7IP9ULw8ZwNjR
nI9Msivas7Jd/1wouWHWBycfAJgRnqWn/KH1e3+TIxtbOQ4RJHnx1GQtJWCMmrorScNWQQX8e5pc
qOEYsmxss0Zrz6cyEPZRRs9xhX5lwjDmdeqvjKADz8xMVEiOtxj+pKW5G3WU7gKRXrBlxWij5Vvs
O+vCsqwdMa4vyKnKYzxWyKVC+CSBb69mNw5PQcJoSaTeZ9fa1MtLGRnXhkAprJ5GlnlBbT8XIqO2
ZCLc9fW17OtF3h3+mf1fTlR8wFKptxUxK8vHnDbulCVNu/dIlypM09vWWaRPkSQuo8HUjsAcY1rb
eG+Gp3mWkPxS3+n4PPSAkVvANn2Mgwa6lkBFvota8RImRnPgOvHo2y+thYRnoBFBnopPhw/E46Aw
8Qqw+1qwuObJbCvUbNtOYCcycMsT731Au2gyqTX9ja5792rhN2fdAUihMMvNTGAIB2d0lXtI0EOt
SencZobtrQupUTfOAHf8pjs6ACLOhf2YTc60YYN1l8f2O+qAFFkw8Y1/vBlmcmAQ5tumCGEIWJNW
4d55kL/nvK8B2pCVqJjVryp+w547/2rZRgzjgKFGqLRGK0O/WppgD4RV7bDjAotQArzsLL+mtNwl
hgofdNT0mPtJC5TucCNanXxDdaxh9+xSxrTuUrmruC4OGJ4PDZEUXTUf0hwwqSVDQLSZ2pRJ/Sqs
GHanJFrUniWOFsqXeGi+/AZSNyNgoMqTAR3eSLstqeQaoZy3hIRiGx3nbWCWsGDi3jqUob6bGqSp
qiYehISc1mbRZ1fttNWG5HqkoXF0yWKxIBQmk/W4lj00Oc1Qs5yNZ5+B8koXhvHgtcv3U+9a5uIk
Kr0OCH8xvO8wjPh3Bd+gFYAFPH7e6qoIjVAyH/y62vZq8Xa6okULwHUL+z8I4+I9ManMxkfIOVhO
S5uo+yC8Hz1R//Kq7M7xydJFyM/axGm2jU0UAZeynd2Vt0l4+XMBM0KoV08iw1MeYq4Emcx2aJp7
XRKyWapTrAeTHTKALMACI6t5zvP+wTSbbG/0VXnuhw+3c1+SDD8MvCT2VAkfS8tR2MM7C5qP1AQ9
E5mU9OO27Dj8FcHDDOi8flfjEHBMHBA1Gb+XmortNStvbvwYAvi7jVHwTpZ1s0Hn0m8xqip0rSBd
3jJZdWsHGgUiP9vZixkRnh/4b6mQGD96YLZx7ln3c5uJ+zwe904ZvsUJJISqGp/qEYkgIom/GSOQ
ck7gxwbmLiVJjEirut/MJbKTzHJnqPSFxxIAwlj7F2EnzoIiWpG5ue8CF4hkb2+LApORTpzys2TK
vYKUlnKPSeVhKjFzuCrEGZy1+G0NSuA+xBkZRd3FlzW3kCdH5OLgVTmJyPVdgN0Mo3gtifQ5BqNF
BgIakNaMxo8ZVPQYzC8BkUXB1MOp7o1N47V8Tl2N+7vyzz7TCISUv1vmbnmrizfHhQJbMa30nPKu
y7BLF0ZbIFMPQKUre95KP/Y+fWCMDCh0dCiFcyqISV4h8CX/C9s/U1S1p/yD1srUK3d5YCqb38El
rztMN03+FciAJBNq97T9zUH/VdrDA9zNeCWz/H6hkrMbK3atSIFNMuxACPDc/tR5UUrQxzIAK4jp
kfOXXjDnlor3rCx2NcYOPOcPvoZjWCD7yAvTWivFwENN8haFBWhgGzv/lNIwMNz0iyFYY1n9AwXX
qiPvQU+Bt+kLcWcE413gsZUqO6wyXSx3IuyBHwbUUuqNeM2V4aefXgeiN3bs42B0u46nvEhCWLnn
7b1VhtCAx8iFtdaDGqnMfh8aYJOZapSJwLrcsCfwM3gQoilfu/k3e05MaIV3nWvZEC0O6SHt62ch
ppdp8t+KKvxVCoIz0dp8dahQd77Om4OcXqqCzJDJCQ72HO7hKeADgPOGXWLtN0fy/uDk2kW1Yka3
sdsJJhvU1dXouMGKQj/hdOpYBYt0O1oTssS2u2IVPkQc5V0RZMVOwfeKarkgY8hmctuzrbOXuq6u
vu1sw0iQLmWhR8EvfHGKCI91IYqzhVo7lsGfsv8cW/HM/WZvS8SPntv/rVgb13ri85qw1Wy1JtFF
G39J4h53UQ4wZsRWYRB5JsvobKgHTZn9CN2IsrDxNkWiHy2RPKZNjtjAjJh2u9+6eIcLliNfoAzC
NsHncLxEbvUYo1AzMvM5DzHhMgkj3y2Dp1ulr7VJdok3gFiLArbOKYvAmQV83OXgi0y27szx5zji
2Fr6zH2/egjV1XKP7G7TC9aLr9FSjw1Zsfs8s+nk3OQOzA9bdeXdi84Zt+NYcx2ubcElhUmdxkiA
6nciPPqgPdnvRp9hj67VtK8rZCTKBVEYWqTRw7VBTQwXRLH5nTNo+yFY/I1tWuUmiQbAsrIGypHy
VpsUklGQPtdZ+WC743hsrPtRUY83vGaXkMW9U/hgxMGbe6V7NqBv6npYh9HSVeFpOQFgY+CfgHRv
YZyS9zthTtzYOrW2CLbefERWEzDhkKTtGlvktol50VPuoDrhWtiZOgNDIj8cuxJ3LZIjTbwTY2EN
m+lWTPWLQOi0AhXKUDhyuZIzGuCO+ac3DrMt1aaCA7Xvh2FVVGTRStOZ6OyMxzg0m91Uz8HekE2+
037GUqBxnhC/8JZyLWQKzbQUtZOcMOQVLbYCtfhgC+9WGnZCLBs1MQqla9DDyJh6lhYiEZ8RuIKt
bYlbobl6Bco614b7nLGRN5vgmwXxg88EfI0sx0ZDCERGqe/U8t3NkLjvrgNx2Yzxz8qSCBmLiXBB
vYsRNnF1gQSMmAg7WtcVAP7M8codvRl2C2e4cnHUEZVjZAHyT7prxlifBQsWg+kvCr/3MWGzEAnr
RTbMQOb21Mfjd9VlFRyPA8jMZC9HN1wpcpu3XZqAHRqXosRyHKI5sm+ANBeZy292/OjOaRFLtHGs
qY794qqWRk32A5c/Ydlnv2fbVP4ds3Z+YtBdrpCoEyd0tCOiDvPcwxaZld9u6I5b5c33BoY0JgDu
1mqxrsfukoijvb03aRdJ6MScXCSbKkSy0vSJg5wTM2KSJkckKOk6NmFDhBI8CEMrLPOKEt5fZv+2
q5KtAuLMPLXbM3XHbSubB8AXz4WdBIAWoeEp9VgV1R/bgyhOLwK5VmzNnePPH8PUEnOR+pz040fW
B7+SxoI0rK4iBb1Bbinq+1KGWJg+fCp4ZAPcwiYfNFVovGWtZodL45D5xdpp6l/8wZRNYMO2baDe
zHbcEh4t10xep40ZUOR1JdLTrpvAfHXvSTYWxzwCLzsbYstpXNDqUkNHF08hFyzCeSHARNeeXg6p
E1apAjFgFcN6ZW68nk0o1chtgDNxdTcGmksvmxHSRCNEYSpsV1YDAsMg3ZRTn6Aqq55MFo87OC0E
zqUg12M2hFmor8s/+TGTrFLRXynCVCu169x3Joh8XKdk3c1g7XsKkrnXbMDit9KA1i2N8gz8M1hB
GctYQSGDLBUVA6cDZUFPNAwGwir3Of2XNxIk6GtwGSqWfKbvIdPL6MBF2OLPJs7JbScuAba3MqT4
cDQb4VChqB3Liq0MGGPsLH9Jev9VweuNsz8Gs4B6Qv8BLANiouPeu6Ykx3zoyDRzWdcINsvU9i8p
gpTADZ+ljVFwkuT6UESu7QaFR1yGDwaBufYEHdKlLSKvLSPAM/iNpwyIwqMcJFZVTBVzSbkxFkjP
UmT/hWrDVbKkeKNAkqRjmGJYtsXjxM3xOyHdflMKEhwcHzt2qwS9PPeJaJomkBm8b+FocrKBbw3b
MMRA5czM3WCEm9UEZ6b2wAX1NtvX1PbXo4vWJmwlUhbCHaRXfUnBCzbi5DFczshowBwgq/SMuNje
z2HM+ERwQ0pfqsh5yQZL7SdZX6rR+B7Hlnts95Fg8E8q/4DH8K5xYZXNd1xDht74hdwcQWSSP83R
rfIgQ+Qd/NdB8mPjQfThtZlCBnYEmCK/+FCK+nWn1Tz+pbSIjfoRJwzoLnfCnVRrMtsnE9lbIEH/
2vQhZzS6u9nmDaTKf56sAl895seAGyV3PQelAceuQQ5DKLp9p/E4A1gGJlAjyQtK4EFj+Je6argW
cn6suzA6ZCokclayhzVApDTtoZXlRThU8zC0p4O09DM4il+AsG9ol8xN7MV/IMntvRLQyDi7j25W
vzix85CC7nT7l9J1bq2J7Acl+URN4U/Z2fHVr87mbBmo+uNcPBKnBpMbX2Ae4qyO/LOEdYGkg0Rk
bgxZ+B7S3Rh9wqhqOiPWhWoL8LcZ6VpMKCB2fuzL/iCN7mYu55pd/qmb4rX06SX0RMc1dN+aRGdk
UrgQ6crvu76ttoPsnppCPIfWLwPZLmxB4y8Kr7sA0ByfReRBfHqmTZZj442a6VvhuPM1INzBYvXT
GJ9EiuOeaxHRidz+omBbjwmrnr6N3movObKl9GmicaB0Q3LfsuVKvb9iUFd8YszKrOgztuV9SMe5
ePK8wvlrGPmvcnnNxtg9e6Q55T0X8gCxPhwIsvE4Ums/xRQrMtadRUDuBzuoeNxh4/ttOdMx4128
VuYdO0pxtNPqqChT10UThLumkNYOiFC0pg/eZVUy7qaGwRnzfTqQbElen9E5t0sWe7akss9UkktK
u0vuh0jIbY+XBPdoiXKnV1iS3Rn1vRghWe+sQMl3wF7W1MjOPayhR5ZW5GwAWoIJaN6iApUzqDus
lOWG/Vm9DoiWn4iYZ41G5PKSOj8t+fPhkkSfaesdHq5aDUtKvSKuHq4k1gFBgv1ktmf08wXyXw6o
0uN3jhCYQCq1DUoCPqqR3tzLg4YRQUr1atLTXUenflE7CyA/jbcldmbivAQuFY2B6nI9Vdm1VgCc
bUN/ZdVkbAFGkC0zFM7KopXYBQPZigmsDqnVa5tibzTaxzrMUCfDTv41gSmaJg84Ewj7Zfp0AB78
UXb5M87HcheDmHaoddfGA7aHO6vCKz0XTQI0AgMGGQK/uziSaydxLGTaU0xAsPLvQop8ai39OeVy
OoZp5lwdzQehDmYYyY4+S9LySMtO73AAABiFJyZm7iFcQfMuuCE3p8XoO/JLbNPfYyAkmseOxnWo
rfnQHLJ86q6JRtqn0WLGve/BFTAP5gg2s1cVceV/7RhwheyQJGYzg0oYporXbTO0BaHcV1NKPc24
WWpHQBsGJ9qjwsXZscNhhYB+SO9ngxzrMJqeRuA0m9JKXPZEi5cFOB7XuGBVF/xeNZKuWUDh0Cg/
AIfJaZMH7i8p0B8nxMWB7TpVXTGfqZK5fM09ZEy/+Ury6XfFWAZ7mnvyq+w+K/B6DHqodmjQ3b0P
7nAbpv5X4yIE94PwpQjsKxKdr4nZz7mGBwo7GgfINKJDbQEyhGIgIj20UzTrbXqHt3Ltkdh+YhL/
CU2LIGEx9WsaR4z0Qf4nnV0QITZTKRHQETghoSNGlT20huXceYr5HOPrnUqtbM9LOXR4eR7HhpMb
MiHC0Xq8mkb8EhZGcgqq6bNL6/rSFORxBRFGd2dCfuajjbYN07zF43ycp2VYiTzXRGzcoSdEGw7B
EBTryk4HcAOzfUtqQCwFuQSctT62B5/wHhAOUAghiKWpMz/O5c0Y4pKgjap/SApzazbg2b2u3rjm
MS4c91g0fxv0rBcO3u+xTpcMNs0yA/djYhkXH4X02Q/ebHYi+1ZR4vtGre/61n0ehV3eZHUtbIGO
uKcOz/emyTohj9SwHUtWTWAbcJ4ODWfoDRFWd8Itw/Xb9S6MZtudHfQlp2z92+/nx2hOHwG53HXa
ewNHhoemf1PGhIVj5IiiMqDTniDVJX/qLnceKtE/0y6HJ4ALg2ZBOaWkJVUJqCVaeoToIzCxvtyi
99ErQ/ePThndMzoa91wKwZaTF1sMRrhzdfAUSoK50XWND+2Y/ElUcejokRCkc4sfVfkyJjEDL05J
WGSfhYL5tWwLN8lI7jBCrrfEK58sjJ6w8wGsZB23P5uYKBQTdCjKedAjLkW6uoElGP7GMEleK7YE
u2h+jbQ6dxFDVF35771lAxgg3xlSDbXdTMB5T6gBFUQfUBtGi4wwKWoUCyZh3AmxwhZ0G0G6yXEY
L37HHDNDT7KuApD0cdiefKXibSPgPWALv5tIWnbdKNgGVUusDLkt28wPgw0Y8kOp3B0Wigj7yHgd
cR5gOri6JwPJxSoNa1AqeNlXwvcvFcp933lsHZ9YQkbg3tJNxmra6AgBU+D6Aby39o9j8DzjlIyd
ISX0zHTucK47myHQ33mLvLtHH2KH5RnOxRuQBxI8cUH1cOBKQ7lcE9v44PTevTvOJcslWEDCSj0W
eZaBTYiqPIZECk1CRyVaSgKucxNsf0nusc/OzuqdmXmduoY6/6a5ivdpAlbYk59ThQpPVKVglAia
I8JQ7Td/snEg0idJMD0JSVSH4ZDiA8wpt50L0IhHpWjw1GxzeqbDLZD9R4RdaWgBAc5G8Frnw2cZ
j/FFse3eyJRtpygxZvFuDXndsPeoGO505sC8vLwp2uZt3Yb7IPbMjU2q42B38xFWerkaEFBy8KYn
3/1Qsb4muZPtWL/1J8vFlMytRKii3vlyJsPVdL1DlLOWtgE7GVNEuI+uik1Wlb96I3mp+vEgndlZ
MVjMNgNqzDRnPJP2y9xeI23OWsIcVci63psKtXkvGVW/xoPDby9WMxOeTNLn0TU3q/HcdeQaNkuG
yohTsBpJUlXlJV9YnjopW3IsamsjkvFxVJF3VE8wB/Q2xavgjcShwhKcdp0Zk1puGeJhJknFm+Wz
ypz2AP5ObGozxs+FbkoIhFPc+b4pG/SmC5JyLXw8RHXYbhLGzavEogKpAKmuUj9/JF+G4t4F9QLB
ZMFvuujtSvU7AkYBvsh47AhI4X3xo3tfZSPBnZhAcJXTmD7o3PFuOqkEQb3+o5tzN5CJviLLJCoX
Ssng+OSB+oIYFAr1aSIeJRQielXdren/htTmD1oU8toaAKPtsONpEz2mAPv3oufj9lD6RBgM0Gy7
kLHcGNntrTetr3yes22ijFvbD/2aiv9iWNyeh6yL7+pKHQDNbkxnrF8aQswAWIj9WCzuT5x/wr9k
Q8x4W/5RhFX78L1NzqbKqe1thJrJL51DtNCxewsb6CwKojUDOJtBisbfgkpObI7cdGUabBwHuEhg
Wrv+NdXV36LpKZG7bJ019rt0y+K37eUnN98S/F7epbFPIp/d731t1fvG4PJSNWSj4rwArBnvtOvT
FIWU3iNS2AnskeBykaOgWRva9DZDiXW6SUieHMfHMuTy05FQGrnkA84tOgnosV/Exah1N1ggUFN9
p4yWMfws1S6Zh4sLQXGXwjbrewWAisaB9Qbm1TnCeVj1w9lSet/3rrr001tTtO3RpDaCLZtsJy82
LyqHwZHnzPXAq+K5cYLuTBZOTEsKV8yfjQ9Gxs5pzPWDN6p5M4z6i2qDqMbmM8P4sO4g6pJpQ8yd
meBazyDzisnZKyfl5jdb+YO91Ddeh56jbZJtNab+1WNcHs7c8FKSYW5TiImN6KM9IbyCYAF2a9/p
kjTgN2QOpKHBSIz2w1ryCCTBBD4BBRBS2DZ4aburiuwxafU9lIbhBrWX9Eafw5nW+ot15Z0PKeGP
9s0jPR43s2g7w4zbUOC0j/McX2AzbirX9b/SFhFAH5A9bpbRFQwD9z7geLSM1jZV9s5c3ErcNYiv
1N2NZFYOn8Upreq7JuHvxArltWawYUjgrnLRl/ciZnTiJ4a9zepgwcVWB7buLI0FU+0CJBNzHgIp
rOJdpgUO0RxmtoBU2qWXbLLUL988gdzJLj8PhpHmF9fHUMXUeBNXfBZaNBwUsS1bSUV+uWRCAB+q
PzUlzXySC6SCbQAPmiQWkfnDzq+8jwSk3aqJtX0vzZqrJntFVANsItraPHeT+xZ1xVkirNukcXQr
3DR/zTOONfQu1qQkz0QdDrRp2XRa7KvE4Iln5Hn2fGtYEaL+peDCr6K4MrcTf3JJHBJuK5nUT3Y/
Y1OtpLFhUpf38mS0DL0CV+xr1yOpdCg7CNvGGvWJv7J9Nd0rgUNqIgXbLaebF2TlXhFirqU9ooTH
uuLMf6ZCs7dkjjn2/bC1JdsDD5I5iG/CpiuLKPJ4pkBpmBA51nhGl6L3kjTiSAzpNTKCRyAvTK31
YFAmSwZ3HRbA2etQ90zDuEuWzWEJ2K5S8xZX6FG2YX39eTB9BPjghgbXTo5O5cwM/ZFvV/BSFjWk
gy4sbV5jKipvHoq9CYNnXcc2ttUgvPZma4Nm6wXB2+NJ2YxcbXja6wLmxyrw9VG7trzYZD7romju
QZMtxTI+aGqnqWMDMkeHoCjEzkJPMEf6DFT1Japd9yLiJNqzaUffb2afgetgUM0qIEfE44APl2Ij
xvS1ZLE5Z8rc1oO4TBMXprKqj8ZL6qDdqIx82DF3Hg8JCSIrYYecZHqI95k1sXkjyD2aqLyjcYDN
Iwf9aGddQCikfYl65YOl1t8BtkXhvFQ2ZW1F0HNRQajw+vySdgF4fo6PreQ+8fL8RKbOfUSP0Iig
3kr0oGtC34yDO1V/bZX89msz2NWmR2qS3zhbN5l9JigOp4AuK8D8BtMw9yvLJUIbUJqrAvmZafhY
ZpGiFBH5BcoDm5YwXSIzs8919Ctl8ZiCG6Is5sqYPZNRMF4RfwnYasKNCDyy6eiKgLB56gHIMMsa
dkm6IXusWoaF5bwjaGtat3l6qAQHvaVbgJ7MQi1p+JU+CnZi8nadxgHNgozx3dwa+7ZGHljAb+Qu
dsXMT4JvjyRaC4CP3BJ6c4g3TcwMpeoah6Jug5FU7I3Zz3ain3im8KCxfRLZgMG7oDww2OzumvIx
SkK9k0niHEwYgxtjLt694Mm2WA2Zg7qUUJBWYcF0g7k6Jg4XH8tHngm6bWZAspsfafnDY5eyjbEk
AocmFETjNM2jD0chTdsj0xZgKyle80m4pxGD5SZhHUGPDONEmfNNx5lcpdlD2RZ0SlN8ipHz7aWD
1RQvxsAWlKbXQ++HzViTTQJdwJwRfHfvngqMg0kuZNgnxq12gVuHLtddnTM2MwNvWzpV/DRgj1oH
lX5wpha7kh2iwizhDPUuKbq5lue8T8LDMvKeqjRBFOz8ljO9fYbRchhLa184mHbQMJ/SwnpRVprt
aODnk1wefv7LWWjQnReT6qbNAdgbAVHM1rHOLxDYn4cfNQbShAGzBgZ2ank0Ro2dwo39UezTcbDw
STDVVTH9FOqwgmhBiAAwqpZv/Xz/56Gd6mjXGcEzT52Vb8oRPUko0AQkt/fx8n8/X4oYR9eDHA/p
ompLSIyNF2ivk2mWVFwzFpRnhzHf2+qSPHIjXni9PKApRACSuiZ9GDlAP4SmH2DTz8MLdKz5FCzq
s8JIn/ymh2Q3eJC0ly9JSY7C/9dS/99oqYUj7P9SS32Lk/IfddT/4xf+TUe9EFjIzQEE4DMb/5FL
/xucxfnnwILw6EBEDeAE/COcZVFfQ2CRtuV7/MsFE4O5v4v/5Z/s4J+BPJlW4NjCY0waBP8vcBaH
P+g/KKl9PgoBOxrfsgP60/+MZglHIxriwmVMAp/ep9O+hZKd/eASuJdH7hf3eyDDX7QVj5UskUNL
R20ARb3VMiAuwnFAZIwROmLy2DF/raqG70ubsEp0VfcZCMO1NU4hE0+fDGOAIy6rt8ryqOkHgpat
MSeILyToj3sGRoNYHnV6hXyEHjdbhCnmu1KIdPwiCFYtHrl9Nuv4kFuMWnUriBTuxfb/ILv+37wl
wuQ9510R6NiXw/KP4nLZB01ojdJhjUGuZiQSew0z/8qIed6XhkGYEBk5DH7C7aTtqxnFB6HVh2F5
7gYJDoxlXmlXSYI7ZcGriS6yojNuqakWayXTV8aqkfTeZt+rjv/1c8fVjcb+PxzQAJRPYDmI9k0/
8Bz7P0nGw1hA5OiTGk9y+JbXoQ3VOn/I8cpCg5DlHjrWrRhfCzAHsFTY+Nd+PR6dJngt0cXvUfNB
Nokg9Y7jkilUCnIE5kPfqS1yUVYObKcFIU94kb+GCqmyLQwUJgHZnFE8rVo3O9M8QNhJya8U+iGx
WAejf/qTuwqaddid6ywhOKmczvMQvTqCTmhEiRhPwZsYome/6ggZTayjqauYzv5oLWp1L7iPYgYh
bdX3u0SqZ02bGOoDOC2icFiyJIH21ka7RWdK98LIVSXxGmz2F1VyjdB9+F60mTXC+JzfI1Hhhiyw
QVBtcLdE4LDyut8/vrGMuUGQktYdZTjnYpEf2K2/Ytnk51p2dSU+J894qeoOlrEwvruekLnY79wb
KYsHjBNADgYSkbswZqDVm5d65NOCuLrms+wfZ8d7KkSHSXjKq3XHH2KUEe1h7zw4efEdhTGl2jjs
kQNnazlbn2p+IkSAXeDkfAbx0QrwaYZ1d5+4wdkxUSrrpmdVn6PLzQOY1+m71t5WhuwQy4aFPUpy
JMJ5e1c7mvYnRjwL4mFPEMznMrJGCo7HQeuacJ3mrcL8vypZ+qzrfpq2dSlgb4Lab+JzLimJ8q4o
Ni6axnWSBfYNiVK9poWxQ+uCZr5/UCRL2IFifyK2MIMIEmTLA5bplPvdV9gQaxRrDUPY2cVJ8Wl4
OZVoN4LhNodiBz+ZHG2mXnM1v+fDc8NgYZ0h9K1moKhd+8Xga5syNPUDCKZDV/xu0+RBxESGWkly
I6bE5H0cXr26eteMrp2QZbo/Z2vN+CIK+g2QinOlUX9PpvPmJ3TOpbirTTItSkgwyYyAiixeIMFW
tPcrCwak7hdIRQBygwmkGVMBxAQ7dsNtZrKON+ASl82+I54rmMZjq5pvXzzAa8dPkT+3VphtI3P6
NCx3W/c9/UFKFBiHJRh5wIE74biaorIGtOB/xBSIrGz7o5vT/ZQlK3vTeQ2U/5Sp5OQY+pJWsbmN
J3DKcRqZh4IWp8/n25CUj6nXfpaifY+zYe9EC9CFMRti0I8OkVbR8tdBiVoVwaG1rH6lJP2nueTJ
sM5AOPikiT5EGvYFzfkvioKPhgqrcOxPo42rNdoimCckf7YThOnBfUs5nlYa3xS5EqpO911TP0+E
etQDIyjX/Q5dXkDhfDr/Stl5LUeObFn2X+YdPYDDocxm+iG0oFZJ8gXGTGZCK4fG18/yqJquKt5r
Vd1mVTQygyICAcCPn7PX3vOo9uQibsIyfPDT+jpFDEB6RsqMznnI0Xh22gbdEto/NkQ4sBTDvois
nyVXHnqBCScqmT9jyLxzUVEx+/VCriF6mEQ10K+lv0JKLP11r3rwcLGx6AXjSpIzNHFn8oBz+7Yq
XXQpJIQXA8lwPgbZmbbMvKH9DPdBckOtyQcH9beXD9yu8Zce2xtMXG1UWpVc2xU5SFilpCqm7R1+
F05xZZTxYzB3ao31JoYxrtgsIUojBvZ3v/3djMgbfE13oOzkpKQfeQapwPU9twTOKy4lVSRH5gRb
GzyW1J3VIqO3odGi22H6CaULz62tXg1Ikc66C2vrXj+QoibNRvCkKfguuvAhcvMNFDD9QuQRtu+/
+xNbN/9MtofXBjpYe3hdjrPJnKexEHDV4b6i5CTd0lzHTd9iXsGG26xxWkFgsfJcdQlXbXZoOEgu
daxDSrCPoPm+jjuXODsr2llyvIU6gp2yvtmkC6Uq36BDuXG96lsUqHOWOK9dzi3MX2SzcT+IyUk2
TTLR/GCsXQZqW/YRA7DY1yIqTGB67EL6znsiLZnYPfKjwCzS4xj4LvkwNNqdKglZv14w5dU6TCyJ
SjHubGnf5rV6CePpztUuRgwOXixUOmnWfsYJhjnY7XzaGMhXnaYc+QQgEjE7+b2Xh+ageahlgHGP
zxrod8yU7HcxRQwp8pIuMHBGsGBKLI0RJ2Hs3mCbVm6GOxxeXL8mu793SRWdogIHbaalk0rZZbvu
VTCC8UbJhIzTZm4nZuc2ohWh4wKOVd4/TQYZXZFJ1gtRHC1erwhvrR900AfSAKuNl7EX92znLZta
4hFD8VEb4TcV99c2HM+qtCsEYBHKRunSM0LtjlQbob1j4CE0E8Y4Y4IfwNGTm7wnlOAxhdY3fO+1
8NGT9wXG1e9pnXzMpLL2rmN/OBQiACs7ZQj2a5JhYI2RPoHkHqp5TKGXnlOx7lzIdF6gaUfuGr1Q
tBqzA6CVupOJq/Osiasgz2nl13Z3Gwu6w34R1NdumdCLaqPPxTefmmlYmIUjn9YnvNG2dLIRUfVo
/U0HxHp0q5+JWWPZYlXmarbx75vTPTTbsYsa3h4MMre+89RFSXQ1YAwy5fS/Cu9Od5EJrhg/l0RH
NYsZhbV4jlVLfpOBe4GFoVDveU8jXkTk7Z1EN9ygOMHv54Q+ETdzeqg+9y2idD9IQF72DqfE9Y5m
4/UY9t8W4jW5FzPnN8TV2MlHZAUMMbPuTR+6LsQqWL8fWAq8Rk3/ubCV51QyX0dPT+BKmkbS+xZZ
xWPhEXTQE5rSVtarp0S982Sy6mT+OZSDSesS/9SEJHd0OPTtjLsRqbpkQVwv0mZwVD675TzpvKUK
mWj14kfLZrTzm9glF2F2Hwwx3qZELKyS7Iny82T001MYM56mAcqtaQmOVrBq+Sl0gc7z5dWxPK7l
jENYPudH/WdtV+6Yij76qfuzTaG/mM++gOffD7xCV7bbMZMHml7u3NyikuSJS1wc2BiHNA0QLSe7
Cc3OXT98XwZY8ijr2z3QSWC69tat2fg7LfObYmZYwcB4jRbt3tbWCtzqrVlsm7IGeJ7flsaDR0RV
PhlyWjMjFCvhYNdUjqQ2dyo5Aa43iAuM9IDBPtaEqtqhQ1I7f0m2ssZXrQrGu9wThAFXDKcbtOIb
ZmInC/3zViEBd/qhvspkzkTTH3a4F0P6SPuH36WEORaIDBttV54Uz/g3UysYCRkGkgiQDNl9ueCm
3/XdGnnvo9WvidMrt6GT7rHA5vK3Rmx6SpQ7ZfAzYei5LReTITFqP4STY3I1i4VI+laNK67DEssb
dcO23nwgw5eFMEruiQsx9oymDdAz4vuGotemdOg72+MUERZoQOq3mG5tap9U7UlYyxZtMW/iaB4b
zzjnEs+keQAfKiO5cfMQZUvRPMaxh0nKAtRCe/Lc54I2lsPlYTDY45ZGWEiuvSJwEkM7jzUkpiPa
S6LTThOD/mD6WF/88eXlMwtDCnVxptAPjtqtwtC+FZcHf/sB+y7X3hatdrn441dcPpvNhV72YNw1
2gyiGk18bhokMsLexxEkndFfEsaSGH/oGmmdod02DH3CXD4I/Tcvv+jyZY1RR6mpn0ZbgzCQB5i4
fJqBnGRjWK8j33+bHKc4lTFmu6Uz1lsvFcaxJkS+wCKXXrXX7BMcq5iXBvDqNQgxy8ejh5KqT+fw
STo1h0X/ev1rLp9d/gQqW/7a5R/JTSCOSlok2ZP9jYtW1pATA0azIoqA9ws3fZqx3nHw6H0XkCY1
MdTgUKZ5DgN0cSRJLzfEOrBjsp16bxvtwU/QxnDKxLeE4sa3BEVYO5qJhBY2UBJ5jVo7wm/nJobJ
2U7YXm/qKECWFi6P48SiMIWdePAIfdsoVPo7KhiqOXz2txHitg2y4XpjGdK5dwR8oigyWCnZiPVM
qwv1rAX9wvijgAvC0stvqNtRjrYZGbhZbKAMr96pR6qjjILkCgPkl64wJqrEEsZM7BgbNddmZy93
RkHx4BflNl5IoDesGqcbi7/fOlN0NQ7OG/2FH4taGPcVVKmtIt3Q2OUtkmRiKPDrMmr5EFvpKZh7
RqzOkpDvx/2hrFkqugJROdhe/r6wIPkps/a8HvDn0PdZ6Q/2tonUfYEZ2llY5GsQkfYoLTFdjwub
KbOY213XlwTI0+qIXUXreELlKkrnyB5fHtshTO+7ANFDxCVDqVF+H7qrJWNQUkkWsNaAISgtKrG0
idrnaE5I9jNQHFoYaOJvO+SvnhfdQxt7NADSaaddhJ7GpfxlN9y/x7bW6t/uGIxQ2vMwvjVZMe29
0VuuOUVQcAvSHMcxIoRNDNSYnn8ewTHO5L4HTvowd8wF2HK/0oXRSYDBfCvd4S7L0mCf9dF3YoBo
ZVbyO/El8TkLBxBYVwd2dUl60wGC3aC8RLMRMW3shUtafINWGzHaJisH7pa5eHACNLERVM7RGEhk
qEQEZ9C6d9MM3+pnTBWIYKBiLVNfXNX6w2DKu3kkBDpGjw0A14nnxHPvsnosDkk/XbezUd8FQXgz
Iic6+HZHB30an3HXQ/+EZHJZvDtGVRAqD9htBldJ7h5iyEcCWZD8zAjZUoXr0lhLtCnI7MwiG3aj
Y/vHeIq61ehGgoRNVlWzeQ2pRjYsYvaxddLgmA/VFhF2fVPrUbosMMF2SZ1LHPsuIjkNR7+e7I8g
7w45YX6r8clqaTws0r0mByG6FcKDRs5FtZ+GiG4ueV5xEX52Q1Y/aJ6FhEJvPzOFRojmcMCs5W1Q
U3ZIur0xmdWxL7OzPSDYcjhzVevusIp9LhIIT+TuR2+c2p0Xl9+YCGYPXtkzLsVwZUSW1JgF2neP
E2JYUM+gWzhHdGUQqVgZuTxlON44E/0S38XkYCYtpHKwKmskCCV0CaWQUzubrhX2ShixccZzpxvw
9ugVZlNR3/9Mmc7f9pP/Fhb2yxBQyUyL2tfjrHD79FZxExUnK8I5pF/so0WcQj3E/bqY0VFTSwj6
EMm7nVTDAxGSW6PLTqooo/t0rm/QlA1bLBBKNiAFtqr5xi6Nc+0TuAHLm27l8rKYOfEmaVHukzQ/
0S2l9dJ5Ew2FVVTN3VmOWX+GYyrVvZMU2LIvDN5DX057d2bW7vcQMfFUmufYmG+pp4H7kZ4dQ2O/
ZH1wa5oEXJGCZmwjb74B7BQnlSM3MQvB/KoL3BvHHbnLqHJG4QWlj/39s2OMr0zrzWv1rVFG8tRP
/Sajy3FHzuVKTBSMhek8mIgeqKpyuS2ltW2AFDKP6ryDPafIHrMN3tdiOzlhsWkn/zPSVkDL2Ddn
/CY3noPfdd05mkHd1ZFPa82VzzPusIcBLK7u6cBNOZBebWJFrLrySmXPOPdee0OImWA3hqc5WPtd
fS6Y/J2WvD2LqjXv6Vmu/JaTk+SwkelN0GC/7OkPl8+S5KpuWJKNxtBe+PrTSV2xBQ5ZHUkQjIb0
MM4k+0GCz9vQpJdkqAn/tJzMOaxPcRC4xA3mcfOrNJDTtib++QCt3BdM2PsEcSGMtvZi+u3TRJPS
FDT5qSDSsRzNECcc5KaLP3eaGO7oL+pot2zBfYYNfFfgCps73nyKW7mJoUjY5Y7Mm/Q/XT7M8PcT
sY/4qBEaQqgnDhCDJ4bfP80qDGmYmq3NwsFEQn+4fIZbLel6Q4ezxOVrcjsI8k3JC7l4YknkCqfL
Z+XFLYvWh7bli2z2O+X68gA2uPjtTkhxL65fFxcrUO1gY1YYB1/+LbyULn887LL2b6NWW/sqQmSz
AJhRFz2Xn/3jw5d/++NL09TDKaSWaMgj9qB//EjjUc9GJRqKP7778qjlm/zInz5FKwxbHKOq/eOn
//RNl3/0DXdArcKw6+sruDz85U8EvkU6lQb0Lw/EDSlDnZg8bMiZkv27n/h3//bHL7UmrtykM3e1
rha5ESJglxOK1CqxF+Aa9NxtFafgMjzcSB+DrTHgRabqIYkQhrgVNpeXD16Y9Ceap3gQXb729SNT
G9K6C3P0BPPM5o2h9bBxh55VdDYe89J/wpQZKZY+A7iufgS0fLZONVfmllMcc0l9KiBkZIMfKjzj
fZE/BqRdFuHU7A27IGksx1wPT0odCqs9t1JpviNsOKph/IwLnXMTQ4uG172oT5jk5isKCxbI2RHc
MhCBcBatElBw5QzPMkP7qLL6MUm8XzFq+gBVfYS6vkJl72q5vYXunk7sL9VvWtT4zYQsH4TH26CM
PrLtfh20dJ9RwdpCy+9qUT8NH2I20fn36P1dLfxHF3UwGkgAjQQsGg4g/R3vGA0MKMgB3Mt/hRol
CKzHcpTPaTY+xc0M4C38u8sEocRoCnh2/EGyE4nF7IxcUX9T8qeP4m7l+MNtYaLgLI6DBhtMjTjE
sA6M4tcx7IMXZ+fCiPbCit6Ffs0G44qWbC7LP2OUHVIgxvy1ESse+ZD2046sIZxWovLRwHdhhL/o
tJK28VYlXIaAz0hohkFrSKiNQdMbGuOo4DnQOsEcA3gEkB4C4sOH/MDJfzpYGgZRUCGdag81lEhO
7ZZpbISQoOhQQJLUGikZwl+eRkwyDZvEUCezxk9aOJRGAymJRlO4qZHYBK2iNLYywq/4mmPRQEsD
2eKflcZcag28YKnDfRkExtMwjNRYTAQf0zXPs8ZlBFtTBmkaopmhaRqoGgu6htH6AeTouisbbpO2
Ls9vTD99khrL8argkTTwdL5uHGwmYHca3zm4yYzs/X3QaE+lGR9Yn0xDP1WEtgMICBZo0lBQpPEg
H04I1wiAIY0O0UR4wKobA2WoouqCF8EZDRo4sjV6NGsIabzgSBpMGjWiFOEiswkZJumRF6F8DCEK
G3MCWTtEKlpchb5v7VCnUkzrjYxbVeGmKT6VhqOWCyZ1sDU0hR0MIwcNUi0aqao1XEVmE1o1eCsf
7mp+CDSEVUNjAfPeSo1nCQ1qhRBbEeSW0AhXoWEuWopPvsa7yEZ8Rj5FNmP7ovPh2Eu4iPt576D7
8USAEks0LoYCCK4JgqyCJEPKnMGVVfBlvgbNBk2cafQMT3LuB9BorcbSJHzaokE1qZE1Abu2IBtY
pWCmG4/+vcDTHAlTpXG3VoNvjkbgTA3DcUvJDpkG5Jg/TbJHgbo059HjuOEs8joH5rEHsqNRBOHA
IahLw9lM5XvOIodKhWutdgs2LafasW70/2E6A+5RutLgtLdZx/pqOOqJE547DXE6m0CBPWQkd6qK
ll2T02VA9UISXEmQqiKgd9LwIMzJutI4YQFXmGjAEPk6ugWYw0LDh47GEEN4RIzTZ40nmhpUzCNW
bq3jKLu3VqOMrYYaF4034v424dUA8rjAPioYSKVhSLsAi7ThI0MNSiqIyQxy0oegLDRKuWio0vVo
2LnvQsOWjT6QlgYwF52yBzqDruNxkPN76wQ/0HjT5Gutd38P6CQgNNBeLxOehuqngvRMID69sYSu
gwHVA2mmXTi/aDzUd/O9Gptk62p01NMQ6diAi4QhJT0izGnlOUW6nsf0aPtxsimLAjv1Tr/8zks2
PsBwo2yHTp63z5uQHbNkPzjZSLvZn6xbx7zrDAPHerf5IZq43adijraNeWwZpCmspQFzJTM/+WtA
xVg0ztkZjNtJN+zJhiOpuz+CeEYbocHbEgI3DowfIk6vMkBapfvpaOJSph+qOl/7AUayQxDi4mok
SOOg93FkDcX8Qwc6KdrOhmXhpU/rpoMLDqdfk8aEM1i/tlI3o8V416D1nXHSmbROTfdXpknjWjPH
dGTWHRByrGlkdk5qXbCZgVL2wZUXzS1LTTD3oMyJZprT7IetGWdssugIau45AIBeAKEz7qE1SiQP
QLrQpLQAmTYK2OnekpjgQKZyfePFA2A9atK61Mx1CHydZlDYruaxfcBsrnaOvgurTYkAfqLfCvnE
YK1eh5rrHjXhHYWw3gXQt6/p70Jz4B1AeKXJ8Ekz4p1xyI2fSpPjjWbIe63/tzRXXgCYZ/ltrnnz
eRl1ssba1iR63zcYz9feNutvTLNEXNbPKKb768AkoUmmFEnNQnGAF8DhMvD/378FAv1uEtdeAoJ+
VPWskijuvnz5n09VwX//R//Mf33PX3/iP6+TH6pqq1/d337X/melc4far9/0l9/MX//92em4or98
sb3oae77n2p++Nn2effnYKP/7oO/ByA9zTUBSB+fRVIChNPY/dH9WWRDopGPbuO/7PT+JToJ1/uk
TT7Kv+Qm/f5T/1+a46O/cUWAgI0+PoIJhB6/S3MC+R8mIw7+w83Q+s3/8PfcJNv+D3z4hBm4viu8
QASEHf0uzRH8wgAjqYDuMoofO7D+J9Ic66v7HzZQNuIjaTkohyRyoC+xScmsxh4pBPM2ZwAOiNtg
76v5qVnAsGbOcpRDxraM0WDOiqzVqaDGJEZ73QwbhtXLdZzRg/PQggYuYdGWM+/L5nrqevI7wuIZ
+RxS6tHC39Y3cFXodBqq7+/DurERNsfHwmJxk+i5gVFPrlBvuWyKXavEsE5qA8WA4uJT3/zbNm4y
JlotQZdFhwD9FaPqZVemNpvu3jqmA7ZDk4MriRF6V0sw9rtpgaSpC3R5DSuQ35t7v6wCmvk8iab4
aEhtONDUf1JN23GV8Vork+DAgbIfBbDYR/BhQDugPaXR/+y8geURJ6Qc2ezW6236fwaB86gOwGjy
j7rgF6h6Pk3NXOywO6nW89RMZ8tXVB+nOvDHWzW3BwwvzPXEcHibDMj13ImK8S22VL0h2yGiRnMN
KGNh77KK5YI0R0Qylh1tUFAxhHK5rVgMI0u4Tko5fyGAhqlVRL8o9eX7nDn2bxf/X679PxtEXpRI
v/lGHj//7/9yOEGkdIUkkghJmAAr+6tSKZ19NVSocI61HTyZnTWsLx9yvwWbdykVorlnoc37W7Pn
ScncxALI+/1g/unq+jdmlV9kR5enEtimLSW+6p5lfpEdCcMCxSWw+DgaeiZdl2+E8kl1IA3+LhLF
sxGUPxOZ/9MR0JfAlyPgYb3l+Zbv4FZqfzkCC9GdSxu7+ZEkYkimjPnb84UwiFP0BZ1Q+9lIkw2R
YxSQiprZaMdyH47diZfhHqEmX/7+OAjsT//lGUkt0HO5YH3TxDn1z+qx1BTtWJRtfpSxbgmXhly3
AUl+89jtp6qyV0aPgaULWMoimJ3HMl9whsO8Kl3wCbRdscYL7+cw1cGagaS1D6p8f/lVbkjn1haC
AVD6+PdP2tZP6uthdDBmZTbhSzrIX969iCsgQdPMkw7Uskva+dClNAe7waBXkTJqQtyYbOyxeXMt
tGxNxHWYhGDwKB+rrRKfjTuXOO50NCaN6t6l3sL+7zkP6b1PAlE9mckMF5HzpN+7iokV4UDZacDH
FMHr/D3oW3Y2+kCI5HMypg6bTiblTiwe0JN3WzyFnv7hFesT48srRmHJK4UXDqQlv7ziKYtyShQz
oUQdj7aBKls1CUTB+MwMRlzZgb8NCHSDl5PpCXchc036YYiRNc09ppnRrrbBSoah2FHiM0VQDpiB
Teq1IE9nCp4GiHmgl5s+hBV1a24CQY3ZXJmHH0GNCMfpm+zE9N/clU7/0VTTclAG0C7F+LYJvTVB
aVgchf90vXxJ4uMydUzT9zxpegEfvS/XC5JKby56G5NLFTxVQT9yyJdbFebfjT7s9/TzCN8uhWXo
2B18mCoHK7at10ZI01t0EdTyNBfcdQGud/MPb8m/e248PyFIafClFF9Mfcmdye1OYcDZzAdTZR79
zOq1gl3eMGx4qg3K/8VwtpflQAzYKbnI38oIDsHOaY+OA21nfZn3bMe8+Ltc5mzbRS6KLFaVfmjo
23WEblqL+uVI0ycn5WkJ5pNTnn3fuWsiSx0YpJvbKlXFBh71rmV/sTEitl1WXZwwmnlPZOhe//3L
tv71Fobwz7WIaXTdwHPNL6s85OWYRG6dHhcXDQjD+TvZLgH5dx3yy4VU+cbeyLLbj519DkK+WCgT
GcDED2mBL3uZ0B39h6f01XaY4GlTIgw2KWUcy5RfnhLT9dEa4gBPbxziV6Qy3pqxK/d09Nl8ePIY
d352iAbzLAJ61p2nbhIP5qctrH96Jvoy/NNlSjyPazoWIiPpe6Z0rC/na4oZgqEMLtMOIZAjP9sY
h2ftNrsjcG1cC+5DGa5Zp4XmWlSbG4Rz9YGB4HSaRzSsduc9576AH8IhZ4fid1u54h+eo1aD/+tz
tF0/cFn5uJvoo/mndMvepfHnVhO3kta5CTorOCkySWRQvRjCb9+x0loiszh7SRMe6vi7NyzofkZh
3jDKuKGg/CQ+l359/Zk5Qfo4WVjIoBAYUr+4E0YeEUvJTqsKZLn1EbKdU2E8933crKtZtNf5RLXn
K+heJIv/8MqsL8uCPvpW4LOmW64nENl9uSKH2cqSBsPkoyln+s4d3mfNMJ8TX8dWEc0JNI2BloDw
7ayGsiLvyUOwZ7DKtgL384iMLg9elhr/cM3obNKvh1x46OZdGz2pML+q1rHTH6ol9JLjyJTT66AF
27RKWevnJ8dklzzRqVwn2fLgh7alDyD7ZD7u0IlMAoBpwTF7pXBaYCiDS54TJBtCFbyjFLN1YIyy
W6BrXW/Mb00AZ3QK+F4PiW+t6JEfElo3T7aGp/olNT6qoj469tBiK9F9TpmsGWghDQllfzWS3TBW
TnHfN1W8myswMuydgOMEwZ1BNaqr2O8+QyyQScjrb0qRoc0eeB+77NA4dffhL+n1JE4cavwoUWgE
SEb7IAr2RrZgh1bhFBLqqIyQJ3L/9zcBT5+2Xy49/JDYHqExZxl3v7z5lKvhuHiGcZCUH4eRsM+8
KcgsWHjhee+4d4z17sPADdd+iHy3wf9gtxRNvXMtrPOsSOwxobBXQTY5R4/kQ2LM0rvZN9GnVMTC
VOXPypbNjvbyNyRE7YHr2V+jImQIRpm5ImYjOfqdBOnKwgB4rL5lqC/f6vAJK27MNMUVyds5KQfB
axrFLrI9pl52GYbE9dlEtrSSskPgwke4PbWTvj9MZ/oUa7jxX2PrkXA/Oh0dPzyIXZP26YgjiuBa
/ohbWKh8nHEiZb9ge/RkUFQeuswmC9EAt4pCBdzfdAfLrwiBco2B6MLg3YlAv8sKhCLDUb5BmYQi
LD3JZcIRwwnWf/8GWV/WS65O3+T8N9m5Uau6X98gMyi7qs05SiRA9zixt0hySxPkEa3gbM371Ol0
wxclDNomGm/lE7G2CH396j52UHYgkoJCrvK1nUkUJ23b/QNJcbk7//UUoonC5el5wufj101BYghO
IqOFrNS1cDMOj0XIdLgyWduxASIEorRwosERN6yWXa6of6Kmep8TymQPFeCqwhlSLh6mHAsbsH84
fvQLvpzgvul5PrMExyGbwP9ygs9+66AhwT7OV0LuE4wuGIRj8ZaSORsKxuK0tOezIbv5XBZAIE56
KJYUPdpl0WMgvvn7J2T/tqP/csBs/GtMgB/T5ql9qUpzVWO/3IjwMNEq2yARyB6KSUekE2U1lMYr
D+2waiyvogQPxaL+GeSi/rCrN7A+E3TVVj96aD/DIJlzXPz4LKuflDP9OaTdiVulm6Pgse/CAiHw
GJO6h9001/XAVYHtJKo8+NMet+Ih7rZDNkV3ykvYUnFVH3krr4lx/axQY127aVUf2m65CwVOE23E
5NjjSO7iiOnoEgz23lXJd5XG8dXk4NmSVWqACKAKdgKX0EzvDokfmoeA50mi7NxK/4c507oE8EVu
Ju0pODRlhFSNX4U/XwtphKw3NaOHwCWQEzOKERsW7RwVFsmpTsMRsfYy7eOh/cXbjfABJh0Brv9p
qxqdFO3Q00DfttPmUyVGwchZzbXAmOdcRYm18WKZPgkkYiqKr+1yfAhNGe68ER+0qMuytcsGmkXO
t7DixIg/zKPxhajFXd9CsQel2iR7NCdodWp1ZkF9Jzt9ubcnDII8WhLOAoZQjLFzynXnIpqhG60q
f/MsYzonOYKTEZkTM8mwJNlPvhWQqNR6yYZZ8abG3+oao9jpXOA9t2pYfQ9B77Ji9fm0CuIw3lcq
dF+hOjIp9ioeZnSW4heaZfHQ5+mHt8wjfaDZ2PvQIKvJ1WuI6+9dmuqbV26CN4VlBNfY/R3bsQtv
cu2d0ZUAkuk08k6iTRBBKnAzKWrQ1rAD4g2QYncTQkxQxbtaFNiFyvIQCmnt2d2IfSe4qpeyN46L
TGu6yCHWapX3ElmYJcx1edOOEwY8ro1pnolJAlYfb36H5jqNSuLykgB3sdH/EUvsqvAoz1C2I+C2
aPtDFk3qiW1zsXMBlflJZM+WUfm7cOBcjsuqO7pq/Bw9GI3IcC0sW2oSAnDlp6ld39K8uJZOG20S
D0OwiTSNYB6f5YL9KkVVtHGXfkNMbLeClbC2g6BzDVB1lkFLW4hE7o1qvb2Q6hrZQIxVDNlAgrA4
FCPGxrK6DAscUHmUqBOTN3kv7KHbeeVEndpDaC/gCKQhI81FmxmdpqK5W3r9J1wPAUZl3puNdY4H
to2d2P5WdKsyxPO5XzaNVWAt5jIyy0przxZHICoHOAsV8gIDi6BaOdSIHkSc8mwkZFjw7ei5fAut
Ema/ZTCWDUFyl+d4Gywty5ftv1RA6ffKMiCXs5x4jMocrgNrtl5sEjNXsUAFG00vQqPossVpSFAw
wanEYoX+Sewqt91nkGZXGLKwH/NxYrMb9rXT41AS0UwNVKdFiJWds2DjKW8DXDevzeLHYGLFu8iQ
IVYWYO+gn3TSBrdW7hF4XDGgbrHCWbvskneZvcTrIY6aTRBjCVxjYGvH0Q1TDBd7DlJnretsQBch
06pgdARkb6Slc2WSpsFmEJgnWYYniYN1jIfs1TDZcmsaLOWBiYtVi6oE5/irwZquQ3fstqKMzXsD
rY+lXzjm0TBxg6+AHfrpxa/h4MKUybElrqgfjQNeu+rWFzy5DID7W9wtLxiCBLhIBdb14jeg1QTS
4lvq7Av0hi+1h4+uUcXDebDZ5bIaJnGWr7msdnXrlFeuzVDBSzL5rRQROX52Wp5nEdnrymjNtyaU
HZSDe9diU7Zn685x8ulPWLI9JBl4vWUJDTz7P6rRHiDnJaESKWAUTZ8HhZ7+0SUUdqXmVJwtJ30n
GQefAS5XSskbHUtFocHWv1lepeLW0/R45+XY0ajwZzHQNWDX+Cmqpt01jt0f7dYYbrGp5xAWwf1A
0ChnH4ZvbLPZ4ZTRAcG/tSlnUsXj8uB48VMBR3drVlW3kXhEsx9Ht5WNhMzf8lbmR5SZ372AwIXK
tOojXqtY5hmDfUOb5NWikCmcrj2NcRJfk151JqJjv+TNvRNzDVbKxpIicCbu9S1aqbRtT/kI0pD0
e1uNH2UlX5D9lNcZc9gNAuFmh6kM+iRmZXTGby6/dSL/a20SPbrNplFt8WMlgMt6l5PiXjU65TrO
TQgDBR9bmvU1AOrRvgQFYbpsCOxkahGcGF1ziuMai7B9LHEiPS9pqu6ZPVWIsgjisUJr3/XDoyrc
dJdHdrMuAuWilk0ZH1fuA2Mg6zamHe71fr9mSkHQ2tIh7reViZC/Mg8Rlp64wI5bY8wpv10Gormb
n+ekJimBpmtYSSbvZTNfj5VCVcn8K7OH17z/6AqaN+xY7BWj15spxu8oVbzBCRTgWDjgiCpXO+4X
WOzmKa6uZXpbKeeqdN30aowLRbk2YnUAgrJmpsuqxiLYFJX9GGP0IK2zEeDYbjbqmBrVdiwL/6od
yCCyvYNstMHWkh/zWLwugWddxZ5ZrbP4ZHpkm1sFJaAdsEbDGRO8afcdOvoMneBTELN7gLk6FUZr
ofViuTVN18Hi1u/1FtTbDvWAX1TRq7PpaicyZWzDWFirkuH3wcLKHWbFs/A79J9xZkctEJfXgYxP
C+LfTZ/WPQbe6C+ycD4vY6v2xpBuzQw3pyF1XPYx/bpyo+k2l2WANzJZGwPOmmZ6BxKkSbZ42xbM
UGZCHjZ5RqC4N6B/bFH2FNOCwXa6HCUBU3uPGc6KaUq884uKcbI51kf8RV78ZHwfjW9TgdYMV35a
xPO68UPnMdMDD+7jCG9RNScBlSFZos/1uFY4RJSed2htvldE0roSxdb3k8ekp83IJdey6CakBiD5
Yqyz7O2x3rtZ92FiMTixEk9zcWvQ/16x86PtBLJk5M1u9hFZTASuzK37Eo1LpY28QLiX8B794Ckr
kGG5DLAxboUZnKdo13f1je31jGmonXbKkutUOo+U1JhlueNVj496RKDBbh6WnjZM/h1FYdl/ryNy
igaaMXNrv0UeookpRAksAVhojYAn9q/9iAhkYBk4EvONq3eHbRSuF6QWIalfGyFlm8jOyqyTTbF4
+ywh8MUkFprbG4nsU9aHW6YCzsEWZgJutDUnNDmDOWzqbyNOnKynGYranKU5iQSC7FeBpfs2i3oi
9mygLwssZD15RbdlcPxZjzYZI7mLL2n9ko6KHHs0ZdvQQFjhU07g9LkjrWqb++ZbQohNk6FvyCFg
0sTh/o6DChRwtY7FdEWMhIGkwXiVnQ76mT/Y26Obafx93LLdzslfLAVIdIYhEOEAEDx2+xyzgaOs
8LZ8324YjGoTxfV3y7XPnlu0q5lFjgZMfD2UtOxSd5/aqGHaJi7+H3tn0ty2EmXpX4QKJGZsSXAe
RM2yNwjLljGPmRh/fX+gX1e9cndELXrbCzMsiSIpEkjcvPec72za1D+WPmaNisHdjBclHbWHrNz4
IPnI6yO3wy2SdQajZQWKwsbxRipHiKmnV3CbFGGt2SwIB6DzT6pv/GBGu5EYFMJtVyMbpy6G2bU0
g/za+JF09QVBXb5WwNNaLf9pALr0o/PkIEYtJ4wSQkdgQuV2RUynuFy32BHDz8zLnxy3eK6ddo9+
8FXRb1jNtDUCRO5qZYFaQR0Dd0Xf+xELn09bZhXmnC4gHX9mygiKoaQ3ATNRQfqhlyiwJWdsTTT/
4GSRCL7LqigfC8/fxywFgZOBv0+XbqDeG/2urePnumVYP2HmvDAC5JRoRo0xf/ud4ohLdm9ngRP7
r06ic+kU5a5bzB5yubnHIXvAuNcJkV1g8zCJ3H9wv8v9yz83S8olvvvlsnb/7xD2GxI6ftzv59xz
Ju939Bkf/nOf+9dToyfLKnS6f/Xnjgi+kEyP+vnPl/96qnsoZ4bbC1JRGO6FBt60GtJd3RR8FP/9
kQ1VG/Pm3w87SSOgEV8S/cOfcX+d9//9+c0/T/avR4l84xluLhA/o0+A5izvh07EBoV8Cll4eS33
X//r9f3rIf+6z19v3N9vzZ/HWR426spXX9KMmqILOFrms0ovDraU/QNT4X2fog4Y3PGHjy+fWrXb
jcDx17UXz0etdWHh9XT2IdoBpmJF26Zg2rHS9MPN9Cjw02L4KOJuG2fJjz4rL3lLG1TWto5jfYsY
1AzIq3wb1OhwqHfeRscVuEqaSG3E2L9HcenjvMrB/g0hgNm45NJmoe8swHWVWS1Xwuxv+pyRNx5q
xaEN46P06vJcMXt33PrseEVxM/3D6HgZShK2YGxA4o0XY912DP23jP3oKdU/2wETg5El3r5sLaIV
fGvceoe5pD7XxvkHctXHbIwx+/RrodfjygE32NDtC0yP1TTNxwtAzeGA7XJatYNOLKD52E7LHCKs
JLb2syIkhVhbfV/1M9reKWcr5alu57jtLrYc8Go5aQaYE5FrgtG3AEx52g0+IEawuAxKs0e6XLsM
yM19ZGvaU7Rp2bGtsVej4tJQjzWkQ2xkqDHd7OBNWpBv9Wd4DpA0Zven13fGWpk+DEhk9yQVOxw6
K9f4lVOzGSbvhoIXjbkBNoCbI2kN1QXhBLJKA8nTWHbthcYEdU8Pcb3Qrmh4/AfNOzTFcKGv8UMX
/a7SuyDKgBoVkn1QPGB9c9VraobeOfaLbdLy7pn+9K0W/s1mmrRrU0Ent9C2/aC6gFKxJcsnTejR
Zo81Tl6SdH13P4bTzcpZUK08OhGhte0d9EulnZPfNjDHMt+NBQXiQJw6Nm6Go6SknW6m8tyyo37w
kAxHzdXVQ4JOJiRlgqMexJfX7MLCGo8oyoNxnlJ+1ye7g+4rMvtwbU76awZgau3NWrKfCWaMyyWd
1bFAEBD/Kug9gDfxdmVbgyie2oPX0fKImWRO6PfcEhkyId3JEh5GBCCcAASL1IsO6nAAlkIGmF/C
wJ6jZF+L5Fc2YoEpdPNXOKXxbpyWQCDleNcYspHoecXoTICbYhEmvqG+8afJS8E0oWSufNVS8O+J
+yVzBC5aCJ3bSDqxTm2723eIvQFaljW0sxBH68psmoNIRoiqHFheE6WIXX9ZuiQePqGFokasbcVC
xK2c7z084lMLD3B+RtWY7yH208A35QXkRd0n7WYGkbeCPvLDBqWyKpPhIS/DlyyyfjFFsloC5GN3
CZHTjtg9eJFFHu5710O2bCEBx6vBQDdE0FfOPjb9rPoYO9IavSVPAooiWZGqeTBTKMV0jghkybJz
KKpN3DIR0G2XC3Hrs3I1WNKsCjTh/OnptM5KgRISEUMLBXWr5+47QUfgurAdc920XqTMHpfxwNQN
6BDxmWzNRL5kMjrb9idyzZCuqXZrZ3QtcUE0jrvk8OQTdildH0kNi/qHFlrsOidhj4+2Fvumsb+X
ncuiYSFwE3a0mLnRjBgDXECzVh9kHZ2UKwCXmfMvPV2QXtOzUQ+75HcXRmINKPzYd77cOK74zQE4
rIcxp4ZIrTfhgsKizocraYHZ1Nxp65s4kdQ87UPT4ABEihLn+Rq2qL9lmwwqfBK054wc98cnNcaI
4fsEl/g4OzmQfAUeaxk+R0b75JdwJFgw3nLbLLZZ8ubr5qo2SNsGkZ5iIxIX6KS7HquPYfl0UeET
2VPyohFdt2amGAVuA5LS06xi15IJNWycyqMItWm0lKlRrbXCdDdd0b+ktC3MJv1daN6jB+IV3zfO
w3m2NsmTLJpmmzeSc2TKH4usuCDn1zcMC0xX/EKfbWykUmeYDu/+hLYzXcjR3VC8wCEJd2mRYukd
6IH7oXKgCdVLSE++dStswoUJ6NWimSDUxhE8TQZA4oZiLbpo+jXREW7XkumEOfwIkU2A0Bcwk7qJ
0fUcvaWZ9WU0U7iVS+sJJAzINEoKmRvuk4nl3zXX+gjj1m5c8yw5A+JW+5Skiq4G90NrsS1YwPQv
vVJwa+w3V3RHvSHfS2/WqKN7Fj8IOVK76U3S7DwB4zJD9U4ZTt6fy+wsDttup5XeW7xkfOJd++ZQ
6DWKrFCjcynh4YQHwwh7ZB72IkQ8LTlDs5lUMQeeSpVA34j9gf1swZy0Sse9nuLXyMH4JV34I7Zi
fZWZqicGp7oknf29o4G79VXG6MPd0RT96IWCT+IbX87IfTu0zHPFJjEJQVnUaUP9TV8Yd22xiX2b
/DyDQHIEefW+MLZOyX7DSyYSHDtZbnv3COIfNTeEv4Ayv/GIOsmwNp2HJYtGDBVZbo16Mhx6Gg3O
ctltcVCaK3OhrOg6/Mm8bw95aohTi0ERbgnoKlWplxoLycojLg+dvA350un1XWJR8XOpOuoSXkKa
TOwH2wRKdekGmt7ne1tFv0PokghV3B2lCMvywGR7luTSgJsAqE43cbV0qAYrLEgP4sKp408BHbOv
ov5Ql/3KGoliwTQD+zUooQcFZOS8wk7M1qUxArdNxtsiQy7LnqawSbZCpdPNY/ke8AiRI5thEjFh
7sXAncdq3zq+2tgF/MQM/GG/nKQ6DKINzwgflhw+P0rot+HO8qJ9lsZocbsUjLAAQepNME51Edkb
otsQyhO9xBiGhKZuODfRV5nkVjC3rrdJjRoYqpdhBCm9XSfqKYA/PFdm+Yu+eN4QIYnMoga3mifv
ZAy+dxamXciHFEeiOWlLPEOJ/Hm2qYFAZ9qgYR9wPSIZxk7LSfTLroCHD3GGD7fURyDdxlUbihjm
f8PS0BsfkUi23jGaC2vPbodGnay/FxJUklHV1wQ77rVxnQOK9n5FNT9spUvcpdOYWy8FCdanx4CN
G9EEhU4mCD6+KS78/aRPT2O4Qz2nbWTb7py07dnOxFwkvhsJ2PBik9QTb4/oIANpjISU3wet2dXr
vLbeGn94mir51oBxC5rYeSfLwNhq80NnhcQRGeqix5QkVqEuluWfMCzeQA/zDgzuasDzSQ6PvUYJ
cE1t7HO23eD2WPqdUr6HnTOysrnQ+y1o0yOXxob9GMcIDFE1zhtbIlpzRdljDT1Xo3phTgANSfOL
gL7/0yxuqgUGYS3YoYaY6pU1hQG89GrVgZ6ftfaMPtDa9GNPyeWTYGA7zTXU6/hiF8NTJ3p6nxX9
SCbvAhW88p8LiZnrDsildUtTukycaJPWdFP+fLPrGa+3iIMMt2KwRKDuqtC0mktsbb5GBjOqLgKv
ICVuumIYgBzMVRl0VkUkM4FN6d6J3U01+/rxfuNG2oj8jtIpVSBelxsnnCs8iWRI2p3eHd3lBrzs
0Z11c09sHAaPjtTBCpg6SXnGccg1ikVFPLkaZIJ3+1UlMXMCLZ+/oc7dZGbn7kXmj8d6bFGgmdU5
XLK87zfaEvJ9/x+XK/gTNITW9+8h2bfHJj1mRtoeFXkUR+AN3FUNDFHFEKldRXicJQEzRbSljsP9
L/yvr82ucKFLwz+CsG52J7tLCYSolUnnBwucs2SWlslidzMHsLQr5UXvRga1iJbQlNaARpfnLM1Y
8rP/fPqE7psk9GafFs5wpGWdFiu/nEm4m7Vnq4OSK78xaIZrufz8fqdxRPE24klezWbIAq2kRiRX
hqnTKe21U7P/wN5Xb3LRMkYvYwyrFt2ItodrpsU2yF2smbihrCWpDyKH3sO1A2ZIKQnDgN4iN5ks
YK5fSYyvjoVF+MhqxuuT1GFy8EN32tEO2v/54bJ/54NkUDh+4lch8zQlrfvYKDPi7yz4Sxh2P47L
/vN+k3KpCEbaViujJXx5SsgaL0iqQ+17TZ0CDWqtUoB59C37iIhmeF/tMdMkkhnG5WrfpnNQqMk4
kgPS49DzjG8EF6uDl2R7tNwkgWTRDzAB2sYsOX6VKrbdBKr5fkM/OxCdS6k8NHixiJiko0HS3v2H
9//ly5etVzNJUT5g4o6hZ6zBVcPy75PXOr7JvGaUA6tCLB0cI64pLl8rxwRjN5M/lk3fWAF/grJB
AIWIps9JI3AN5AI4z0mb+R1VfHvuh8fcAy6gvxF3xTQz7Ony6m8z+9oVktWbMZrvwhBvdo8/T2F7
JJvxKUz67TSPmIsNsGdu/1VF1M3fI7v7IPvPRtXHQ9tl+eBqwyMKzDfZk6oTaq+jQwXi9j/0HnQY
vHYVaM2na1k/EF8+4rFls1nrI3gbpGJeedJo8q+9gZa5YYDqJ2sEZqXJ+WuRYdSDWzuyKlUQKqcz
kQRs6pZv/deNpB/F0KGLDyVu5fv3c7fB9JmyZ19+9tddk3w5+O4Pef+x3il3047W+1/36/0eff39
m/f7zdL2yPCzLlVWMBUqC/L9JjNfM2r4je3vYuWoXRo/+SBtK8HrMq2LeonrpQJYuYWvjn2rB552
KtIQn2GnITvNSU4inWbNXPBRk95DCCoBkQXJSw24pCHiAymIiUz68Mkyl0mYrW2jzGcPi6XYNvmR
9Bht9AlWGpxD7jOnnNB/d0C+H2qYCeU44JFtL4LF4+yQJQD/KvCyOJj8Pn0iSialoqe4KaEm4qNO
T6MsxiuWTviHS+8uykvmGLX6bJB57iokn6CR9zQSDKjIzQvbfpeartnZNql3Nt5gA41ygGVk3jid
eBZpMxKiEVF0h1yLPWqMicv1znSuZkuybdzI20jacSN1dYxD49DaMZl3HnGnqTfuY7YslIoormPL
NXd0ItnrK/HbdQnJyUhckxmTpNRMP+qxokVjzRuXa/40vENn7Y+kXv0QSa62huP8lLl3cR35CCr4
5qjol2UDIyDQPogigtXi/nXIjJ2eSfuQEuox6BS/k9wpDLIHtrOvRetBUKgY1Ili+lVJ760xzGjb
LIMAWblXzo7XxI/RGwjwFoXpbT0VA7sfPljt+RMhsJgGe4k4fiGmHQwfIifm/XOOtbTIOM/UUG/7
Cv5M7M7dDsnXl/aLfdZwTj3nRTgR8aFJ5AZ4J15wnKijbU2YrmG5YVl2f9fVQDjODE5bIltrzSNz
TCxU6IJbAmay+dlis1KAkNmJ4t10rJ/gJSNOXWYfzNWmzaKFVkxjR5fXY4bJoqUie7pbEIYA9XdJ
W9xo9VLlsjk3482gGftOdudynKstIC2WCChNlp7cNFN8d834NkT9LUUMAJ6kWw1WDDMkhKeDt5XW
dRbYmr4hw4Gd5qbJnNNUk4OBxRAditwaNtgowN8vkWAIXLbxL82cDboL2qlsJMKk7jIW4zcLpvwq
NodbVrmPrUOvQkF7GPp3IIsfYBIu+Hb3KT17O62hZk/Fd89dDKGA7Ez8fRyx1bmCssmnn+EOiR6J
9ftJrTWv7TI+GFN2ZqHXmSv9cmR1BhXxNQrrq2MkzwL9Y8wRtEkbWlzS3eayaCGYS2LAHePsFtNn
Ib3fwNgpiG1MMy3WbyVupvyFBuazF3gkX1QHshFFcU/ka/Vz0h3e/fhr9DKaZ8RtrqMRZlBhfsvm
pRVgMLOQ/dvkGyN7ohSxAEDXNld0KGB/IHD/xnGZbFKAfhym5nWK9DflOXGQohOmD69vm+Vx0IsQ
9y3AzU8jmBOvfRYergfJNJHWSbG2wwXSFw6LDBDvqENGpl4azG7xC+TGfDZdSAsVLzyTxA8Bd3tJ
G1Xvyrlk1N+c4k59U7leMvp/T7wsIxlBrAr87Wt4GGQHErKXQQNVGjDW0Wx2YgH1aiA0RjTkohz8
YBDj1QTTuEJgkE5dtuvb5uyMDDbYXD/EkcFVnQB3bENW89rS5HUi+6wmelfusmYZEGVAtIICxY3K
TIrWmvVz0JHhGGkTTJ6IAyPqqH317sWT6dMghxXxt2IEZZt2FRMQjdYvTh5WKw5A4vsWEEGz11pv
z1m66IQP6SAfO1P7EfreE+/wRCXCtb2/TRFLT1FvtInE6DiE8aYeugywcmTvK/jJxWBsqmJ4o8Fk
uvpvxM8lQMut72ZPVTU992p+rweQAL7Ij0QrnQleBQDGx9Pb6B8FDSyBB48NXG4+mhkWFVf5n7gJ
5DrpiXeOB3MrEx1Fjd3jPk7kDhwhKleJlORHhJZu5ffh93nQ+43gdeSclbF2s4mqynSivxvmlZ35
SWviNNv4lKyw/qnU+G7R10lr6bDL+Ko7ZGitEzK7cu2dpuRbnDivTC1oonV0kAlD/VJVwzVTeI+k
lOy65luohxD8Xf2qF9olFWQWJP4bYEZogYwwKpMwS3umaCjftJarbeXXP6M4pRVYh0tIeLPtvVBs
JY39NdgViBPyg2GStR5Sr95jVcDm1ffo2gyd6mGc4GH2v0LF/iXr5lvrAFSA86tjd9dplpe/ddqi
XFz7R+BvnJSoCaa0AVIfv8zyp5ZgO+qylqNFqZPowTUxuad/BB+wFRjHGkRt2M07rAyUwGQuTZGb
XBK/fY9KWNgEkxAqTjd1xSz5E553v8f9RKB2Qdx6zFpiaQwiECYUgYbTLZg13s+UPEPUoLRAZ8M8
VzN9Vt2dGkBw+tVfZPR6HR4hz1y90bGem4k8nwylXoW8QqDGs0OVMqdwNvyV6H6W9hLZej9DippT
MwPWrAa8Il0IMa+Lmr3JRmzjwl5eEc4nyHVHvl457C91XReMn+XvTAz73Ef2lACdQF9k1AEoXsq4
FmlV2RXqmJDDuR29ulnDU38Jvbx+VmlGC8WS/Y5yM9n4HdF8tsqSU2lPjw3zvLNvKffsJI2xxVsS
IxSzq7NYwE+RMC6+kX9GvTufQ3wUh5GZ2OC7zblbbrwqUZtR8PHi3XOOxuI7mcb8VI20yPV6Lsno
ZIOYZUtnCbXksc07f7vYMKe8EHv6Zw9OinrufuN1RLEZRYBtG/iWDawmkSaaINr6kTMQaddxERUW
oWJDJumPcSm53m/EhHJP81GaW/PNY3BP2MqwuBIRfRLx6J+XXLlt7ow4C1PC93pUv0ZTWeeRiyEp
D1AerWokgbKT+jO1av/sEl+gz8+enZUYOGwDulllrELF9KsvhvZFibHY4oqgSkxTY+elHHKRsjWg
jK9RV5HmsXzhRGLaimWGX2mEd1k2pDA4qUVgGSi6MynnazzHXFfBMO1qnQAUX/H2OEZpneO+/JKW
Snam0TrnfMZZJdpk7zChWzuNnNd6jPjHDc2r747I5roQoFyGLQKmAfRjd7A2eKzVzjDY7qkUTMPQ
k6gx+RrD9ULxaD2DYdjFkFR1ei7Kv47ebjDr6ZlHCYxUkfndMOlOCe6yelEhw+vHtTM4POaOjLoF
Ws0lThoZYkZDq/mQRwivVseWISa8Zer0fdibB83HYhRTTuSpSE/diFm8dWAjAetYAHJZIsjEpGeO
iY4hxqxdxtbuAi+mdnc6lHfIY1TAaQYZRIV7bYSNb8MJQDC6UQ1XpkTyy6YebR3esl3t0IjXavqK
UiovGHrUF4gHMFFaR8A2Gu04Sa3oHmFO3cieOwgaf1RQsAI1483T2XvcDb2AN/DBR5LcMHZ+g9nh
z+MCurG8dCOsaDpgP7hEY+Ne4nTMd7NqH+rZOs+yADLrtt+yXvsFWdVCS0oEbLTIWyqIF7LgjUCv
w9Y1zE55ifmYIhBsxcgKM3ef4Mavc18S+wqYAhB7uKpk5AUxNRwQEPxamFoSV9vYbZRsvGICethb
v7NwaPeKbh4Sp/HqpuFp+TfbXH1Tl5DPxm/eY0RijDXjdiDWKzRe6imZHrwBunPP+m+SQDdO8TcS
S54qqa1GEYUIWbKFQJXzGVGmWMzOiFhjqbYqomcQQK0JWYG9orolty/6zFPSjnwTKmoyVfMlTX7m
pe0f2OzTQHWAvcztVJNwjwwzCbEUAyW6ZGWz5PNhyY58mmBtdqTxKtFqpeQgkUbOCqozI3Peccmk
NxUNH01I+RF33b6M2LDNQ3r2U3grfWGdprFbLNPg631KJkcQYBRlZkQ1o+K9ObKzTgsdOyQ0RaMB
/mU6OWelnqsnUxj71PoVZn5MDY7iemS0egrT+NbBjziEzKRVJJo1M318SrE4gXj1ArD9CLDyvtgU
9AiXY1zfdCat4dnPmtOkxLYpuWBMI1y9rm4POuar1IYF6/TzYy7yW9wUzr70Jcx9VyTn0q41SPXu
A9fDV32sv3EKkcKpofX04B8cXOgviDs1KHrVm8EUaud06hNw53Ds7OQJVfHiNhnPU0riaJd47IKp
L2Q5vLUZnGwY5uHEzIMsAybZCw6QfOq1kzIhmefvTd92tBXtM1BwE6UMOyoDRgFUEzfESpkeOb4S
enn1zSaKGaIG5h+3xn0O8rObkdJEj2XdW/jH7ZNH3JGNaJmphP0OBzAw7d7DYdJj6C6tTzELbVtm
Hj10JhKbZKyD0Fefd2v8/R0rgO9ssuQBFLYMYTkn82sNh4/QzlXtuSfJWxuUbSWDyqJEzAWhBRmV
FQpz3J8oROgD06TwrPQsffux76CQ3C0Ud7OfPij75HCAr0N77FYuCJu9jaL/WltP93u1kIzoFOBp
BVOA2LukBuljiQIqbnw+9DBhM40QwfDATDr+DhsGVUHqXYUpq8BvSCiySiBzOnOTxkE4knli7SOO
u1S+NPld8AKq2d6tmXqkfUZT8cJen5kZ0RzMXk6ZyCg2cdNU2Wc8AKsXDs1gOYtNZiefpYWIFUkL
iJnFay96azsMDHDLAglTyBlArjH7zhlgYLxZ8pjWxYISwACOSROZnmbZeBa+m/UASxzZ6KaayLUM
GXB6Jea5yP2W04xbs8N8SS0eMjeh/0VNeMhN3nF0UccCo9UKWtdL56CZTfIXqxl56gyrMT2TvVX3
t86k4solvx6HTL/Dtt5IPyQOYbmnm7GhvS+pmd0U68gKv6V9+BKpiZWOGRLyNXa73QTY2td+mz2s
oqIhq6qfmdBkGKhbrCHorEjz1uhdkeHU4NCRaXYTNb04YyjNlfB4Dvj68LKQQgwG+J20P4Op/OEK
1iN4K9cqpqLWib6LDNb5mPkxckbOBftBGyw+JMMGxkhCH6/Kk9rLmOMpr9Ppm+rYizk1Ux8t4cO2
yFWMp5TCSENlJmWwvDMMI0kE9SjuJAjk9YjCgwbnzkVcaBa5F3Qi/rxfT+bGPeRReZjSW2/YP4lN
RFELlwl2M4VYC7ttuetILTmW/Uc889kJUlRwapbYoRGhELWUXY30wRJmuXPqsTilPuFeLQYC2alx
Wywga8+gnPfyQXt1YjUeB2HtG12/ztKRl7bp1KVi5g7FLD+4WTkelhrYyYfmBo+LjcNkfeuiwbr1
lJH6aLQY/vKNZoJTzdQy4ZkDZm1lMAxjui8755uMyH683wA8/Q4SMToCLLU3sGfOYMX1cE1nrg8E
m5AT0Zrv8aAhn7Un4zKNerIPZ5zgrKNPDNv73WzoT7WtnC1riX0yu/CEGIV6iFSqmi3+vvGa734u
jHUjxWNMOHOgJm0zOFwkl4NKX7AOcWd9aC7DxFQt7x/ttaM94UyzwuNs0QTlrzyP/oFhj79b9vyw
79wVAif9oLy92+T+jia/s0KLwOCu0QP4SO2BJE+ffhOyW9H15loY0BE6Pj0Kg35FBuBmWHZqBqyn
jWQAoypGf5yI0aHSE1IgUIJmLm4G6sdHO6uv7hhhKZvhDLs3WbioTduEY2nQrhWVDBIHiqbcyZ4t
ZZfIcL5w2HmBYyLAFuzWV8RBcmI19bSuWuJjB+dN1V7LNohyKULdU8rmraUyXjcja9B9IaK9Qiib
b/qrWnI5DnMNRKX5OZfLbrRz2fuTC6Iazn6XuQSze4pbiPYjQY8oIw7g8+nTuH2/cQswdSBLhnBq
9jqUCCpF9CKGhaKDdE6ejdW4k/270DBch5RlFlwYSn1GxooYl7w94npBbdtzUb2/T47zoQ1o0yyB
Z97AMXR/wfU8zquIaksfoteZQjCgdOVaDwNFgDJMGKJvYw4BhCnii1zLMeCcDLTKwo3VIZbwhiVp
ZaSRiauOjgLnakLqGlDilJ4BC5YhWGoy5D5K9QR9JAwdFn6e5x6qjDFeUsfH1o0/F/O/kvlnUXI0
IaRF7C20wJgW27nXP0dCvU0cVniUIKn8cwjqLUPvFM93ZHUvIugzVqxsYn0st23ZXDOgb2nrHRIR
f+Cil0E5YESDCkFZwp0qBRW3sNn6hnCQ6K196RjY6ZZ5gd6y5IfXYp5Yk53hQut6WrvgYGDykhgT
ITJBHyBXS9t77WF1EcUT+/irFmEQdIn5u6/kvdz2iCLQ7LM+y4kNX8bdrZaSD4MIrUoj/fTldLm3
1LGRmKuCXTwyiYoWXDoFmuWc3aVPydI+b8MlsQkO8612u0vCIrPSik8lyEOISZlc13qxmQmSb6x5
X4QyDmza5ytt+Rz/rIndcNRENmz9If3MGVqtGxOzTE7gntGbpzxFQGEP/jofOdu96YE9SXxtmELB
o+qm976PG9wiVbTNXSK0CzyH+kBYVmV2XwkNnX0z2vrNq/SvcXyO/Mr4TqMCxXM5z+fEctK9bRJq
E2FWDzQaVJVO4nDVVIfENrqLOfYH0FroAoRlXEgIB+02o7OupnDnQ3DDzQshpUS+ibafw7kGeUBG
FPitaIBy2C64Xa38tEsBwCPnfFyOkFZ0P5U/vRpGeYEpcB0qcCBh28Nt5bqrt9aB3jebnE4w1qPP
PCxHj603LFJUifqyEow+qSshi4qZA4FUOWecFXnfZwL93Byfs2Nl78t6yHmC6sDd1HHyGbvhS5U1
j+Vsfagp/pUvmOihZFVLbeiCnr1GNAPe33GfG8prc6BDaCZLZz+n3LWWk6gZeSIweRT39mKFLOqH
qI7XWH05vGvKDny3ajVPNN90VmQ/b5Mgd/f3C3bI3lY3TpjmUtjgdh6kDDy69NSfjNb7rHXvkFk+
7kDjQJA79ixV/wwlCR+Cg0vv7JfRY05uFcDag9IvplXZsESTCLyaSy6+Xs+hbTFI4eKXfjqYqVfR
7O+Xc9dI5bwteDmj5r2MiuWu1dNspWmKTFJqxW4pJ0Yz3FoNbmWveghrTga9xC0taXXbkXWt0OGt
7q+87XFpp85EgL323PWWxjge+xtVRD37V2PxBpMZhgLSxb6pfBa5GK/V6F6bjMP/DqK6ny4RAWcY
JC4a2ml6i3y+ESaErkvTtV2zLBGnvcGw8eYs3+Z8GEktMYmj5apS4a8NCsAflYDqOFlXwkN5Fyy3
ZQEj9xwGfrlbvq9PSK0oXb0g75EKIRlqw4ZP0mJiOl0sMjuC+3Mt95UscOCRVlVEAPZ9u1O7urE2
TM6kLrngiFq69Fx04hJGKAxyNFS0Q0qNaYnDYlt3HBQenqbcIbmKamnZeOWfRmEe28zDPrZwstKk
3OcuHUX46QjsHP7s2U+nzVScbA8+Vbzs7QuNkLPK/mnX7FRgESLtpwXtxrW/yzXd2VD5QNwON1rL
5o6jH4woloG7NddTRFyUxtIpHEmayOCISrbipHawpEERdYEfMdzBkKEN5nNj2IBbOWS5ipOlktI4
8TS2Astlk4OD8JB23mHR0DZzg/ssw7VRNt8rPjnCkf1XibFGJNojOcwRUnafqalFdC66u3XYWvpO
NAl/qJTP1tC9qWWXlbcuGHGwjknEZdrTGZfHwy3F2x3kc/I5GJz0reXsOh9wogNXEBUIQqqqaPcR
En80ljOSEmDem/vxONz5SFVv8Wp/39duvHQ0GgQK9rHak61BAmnFRzaa5rPX1OnVnayvvPgEYzZ+
MAbVJzJj7RIhfo6mFyfzgfTZ6diINsP9bPmB7ab1GllD9pDSeyDAtKYJ47igi6BnRqLynhnnrMsh
NgIeYotRGHkQ7jvBGXSw0nwz+ONr1k0x/MwMEc4kGfHrKlnTPBwCJD0bfRDhRZtZsQx3gjmKJoqT
H7cGOEOv8ed9L+UNNPx0Sl2EbJPdHqxkaLbt9CDpeM3olsife/NJFDjU2HLQ4Ti7PsI1ONfwNGBG
kHaWYTX1260yO66xEQUQ5oZq7cXlvB0bdQN7hKllyvInYaK8qVi+MdL0iPqMLr1IdvBrkyZeqenl
jeiB9mlGwNmhJ/mD9Pn/dML/kU4ISfhf5v//g054+ZGUX/+dZ3j/jX/IhI7zH77p2JZjGqAdTNsH
wPMPmdAV/6HDUsBp/k8wKPyxf8iElvsflu2BWnB9HToilIz/JBNaQAtt1wU0pAsfJAPQwv/NZrz9
4Q/8gUpGX9U/X/837txf8CxYPC6sNx4IOIzvCOcvPpByU11TowbhblrZq6UuFMw0ApTOxk9xbL93
L9ohCmYuAQfsRf96o/5vT/4XYI0nh9pok3EJmQQ2452n9C/cTlXaVQOvY6YhRjY5Fg51yocrOnf6
upj7MaV7zhf6/P/Hp11YOf96WsR0dt8mPG37QephXDx02g4w2ZqAolCebLAnxf/wlH+zj/7+Q/9i
H2Etb0Ov5xkRZXXzo/hffJ1Jb9xIuGx/EQFOyWFbRbLmkkpSSbY2hGzJnKfkzF9/D6uBt3gXuItu
2O62XQOZzPwi4oSNb9SPsNEnXpe+/99vD0PD//rrHA34G+YdXbUx5P3/tMk2V2p8i81jZQ6PmCN2
UFtWzx1bMopb2QZn9MVXbDYsN6JliJPbxS3GjPZLATZYzwi8YMxIldDBEkEHTTmjzI5NXW0XWQgY
FgZpzVbt6VFWP0J70DYVmbJgLshEMrvkgb6Z+OIxnNklw9E1YmMU3S5DIWY0A8MpHZ9CpiXsFHDD
WACLk6VNPWJ4pWc9QnHD4GFqJQGmHsxKf+kJmZDwAc06wdiVC8cPwyqudJ7ExxB3IHXSH5nLw19J
prvhcE6kWed1svPw9dInVDmgr+/HcVH90FbBPDJ7ovhC21vyq50nrjyD9ZsIdlXOd6ECgyzhn5u5
WG1B9pZh2sUeQcoLQa1Cf0DL+GtU7KhCiLpuafyIgrNF3Xwyh7iPc+21bXtRxPgx67Rl2R2f7JIi
C7ZMNjINXX1k8m61E8W3WIVz6w8A1JoTFhy6ZaAsyunH+9Ty9Kpr+alGDV8MNvYyUQKA98zQKgAa
FhgJz6j2TfYXcfzHUPh9BMW5e4lCWjp/lB5l9dZxiq1WLrdKq3b1mM++7MfQ52ODFj//KhW4+lkB
XnFBiqa9pshJ2iYalecVHVxm9WkzVk4TlMB+/gGZfI8tArwRhiE53eeRZtYc08dQYi7N7OWHCPU9
qr/Lov3qaR9AR193V2lLo52ynbO0AJ1cf4bEHxXbCvQSedCwhruoix91rPyk69YWwuWnMKa7SuXe
XD1bDTvrrDU5US7ASgUDMHY/yOkvJMXoHYRBvZQK/0tFGYze0k8YltQdEXXslRrNdxXacoMRT9Hy
qTkkxkeL0BW2181hcjCbFpX5owBw2eEy35oFxVWZAgxl1EhIJv/adX9YtCg+sdKdM0MjNWYAaNBz
+Yv5I67uqv12K8yXSmxDOc6yY5HxfyuL8aPmCZmNiGtOX+CdW4xHtAqmq8MLaUxoS0u5UE064HpV
U/2SEzTCH5jR6chrttvy5mryBeQQmxtNO1cpCGj4q7lvqDhccyU+4KDwMfAydG24fpqsGzdxzuGS
ScQD6RhnjeSS4TcMze7xRbsOi04TfsHQeebPAkbWscaHfBj0Te1qVAP+9s7T4vHCXpumTeK26+Vb
UksPprX6q6UW7fFOfoN8Qj1n1FICazovGalYwi28u5BKKDpRaQg2BAxy28oO63UzzeVbVozXWReQ
lvPuU2usaAt1wK8qFHvTdsEbuHLeDDqx3gnrODDFn7WlZDPH6p6yIibLy8nW7fTQq0hqNRzuIZPP
ONcgaPTtBaDDXSklWfKej+9x5akZlaUO80oUBg7WvI88aYpdmoZ+IqldEesdV2Hs3to7hhiBO5AJ
IfdEOs7UU4pbMDfrNTliTOAgTbg7s0hsgNj9FFr3qo/pNdO17YpF2WrrvwwCLNu2Z403pQxca7wP
Np9xK+SnvUbdbbcnkmdFm9SdweRGzYbbed4O7+FAzW4vsHEXEO+YcE/mlvVzq0UErsK+OKyXk1MB
p5p1FrOoSzDXJ/fceJeNbgaqU9PQUFg3UZF+tLgh4wyJupoZvOEtClVucaYdUFxY8h/fJ3aCuV1T
JljJe9Fnmz4nIl+EvCkKRlWLvySNzB8cvOZmmPlGgBFX22kEKEkDLMOvDRB2UCs6dG0CTIbr7hfD
eokNtFBeWDfxi6Vb3RITJMkw7npZ3hU9kwGzYOIDiXz8/mnpAkHhqKuP92aY79JdB9nhEwod+e8E
t0yUTvdVI8M98dovjc+iysU4koipeJ2YZVljZPEpE3FvSn+IakqUpAEoiQGG4GpkLUPqMm6jmd80
lfJst/nnLrY3EOiP9PU+NvlGl4mPq1XAnA84aVS0zC1iAPN2DMWmsjLZ2kuv8lEUa9Vzj5QT87Fi
UbW3k8IaBIeLjzXGJweSYhONNAUkPH+2cp4uMqcql9CExFas/6CXsnamyVvePQG1aRbGcxmZVtZP
xeWtRU7aIvjNh9aVyGDznQpDDMloXkwMqOIm9gf5ZXm8QU3Bwdv08fFxwcOY+yS9RDycea27+IAn
GXRoPEeTSuzstvvNEznaFnrsy5Qv3A3n0Ffb4mab7YVH+2dsRL9kRno9sU0yoUt2Bq+86W1IJG7C
QGmiVb7TDb+X+Z9Fs+ptuq5qaKLVZtRod9Lk0gBV7eBKjIkfrgaYccxuzijnfVXjFOjqEBOh3dIk
VTIocGHdONLaabEgJVlyC8VypmG+uMmSm0KfxmezisHntJempBh1dcPn65Mv7vILmuzNVKoez2r8
yjP6xFcYejSXcaDH2OmM95q4f2AKnb7GtCqxXrn/uqjcURemezhg6MorVTyxvAUoXKQABH6shTET
RfHR0cGzi896vrt2vE3JifusssqurgvAUEkMcYg81tye5Pi24FBS7eyp0wmi5VazeHRa/5INiNNe
d41NTH6hsQciH8RnbXif2y5qc18V/FE8VL9bsfh1YT5j3dB4AE7njH8eZbdz2O1rfdA/sF95jih2
+cC2Jkz705h2/Sm1sNU0IhgQsc+LAgrK7AGrJAmMllH8psiXoEY18ldN+ueo4deviATFdctUfukP
g9WAlIvcp0VON5wfxKx7bNfhWiWBCESrZwuKJC/RagzeVFw6fJy5VQAwyt6Ghem7TrIAyRnebJX1
PJEXnhU44zdxr1D8GoONaExgEBWFNNMSmWuyAgrH2B3SpjS2LlIyAt8NsvYfc84BGnXKp9LBtsY0
yacxD3tqQmlUb1HXRmfDwveiDM5BuszsUx0dCacXLrwpsIEwca1FtVdIUiBqvzh7xZRnfWmejNEq
T+2SvVPgKIMBb4hvLDQPIdmJQd07rgZ7Sqs9bHCYC0GCsi0LiQtpFNhoCFz7wRn/LnZdHlNDMscT
cKQo4pm74Y3otMk8b/UFDxUXkeps+Oc4GzzTpTkymGm/We3GkzVM58hAMe0mwk3O2OMW7CtG4uEX
GfFp89+LSBpwA7PYm/OTTkW4OyWfuJ7oXEZg2GLKhQUUx+wNKsLcBvgQgnVRkCrqhxKF+BO6em8B
stwvNbk6V61XjS7Gy9hhxuYQusli6hOM5MWI7cKzOwrvpG6WJN8hYxluWHpaxfYHy67cTZNzNRkk
lgnjMZ69acPwJUlRH4R9gDfyh7Y2MFdKoe+gcWnL9D3Y3FRhrNUXOt8owcSQ39FHiLOZsBtlf+q+
06uXMse2pzTt35ZbkynRN243ArVD/NckI8tkEjhgmqsrJWXxXHa81N90oY8in4npe1EHzZ9K2oIV
vALM9zLuFpbcRnETNni8+McVxUKR2A7tHSK8JMgBlPMEoS0JYLF6RPNZG2sLM0HJcNzUIZoy8lpP
Etom1gC7pREJ7UkJn3PxHeV82a1VpT7BhQvW6Nwn9pJsW8JSUyUSf3bCxjeS5E/WDRR2FgknkBTj
oQt3yRU0KXK4ZWfjZOEmLDuIxw1ceTuiQ67XMBIounpPDCjbkZ75OaevrZs3sE9G8VVQaMVm60D6
d3gukpllQGC5jcJdyCM8SFcVwxi7fxOVrJtxyv5wKsKbqjOUqxuTvXAB98ZgXFnXEU90/N9cxkBG
jbpcOdBBqervqyNy22novw8Ks1ZdQVUpNC4xH6aUD2Ukzl5qlWj1OqoHsRHvXK3pqSdj26K3DRn4
lPWo07cu5QTk4IbUo4f5bCYYBUp0h2Y5INwVWzpqmfKZ5tWqxHfPgRVpEBUT3XxV+Xnom/Z3Een/
SnOBtCPY2oIlTDaNzvdqmRQlTFRrYjXLtq3KAJpR50duDS92zQxbq+zVihwfIgeQcq6H3U3GszfY
9IvHdoqw1P8Tcgp9UbccbOf0blCBByh7HA/sUa+CObqeg6BJHKMKNH1oTi1bC9wyitrQ9TJlqc+e
0sL+2JJlb3sOG/R7xVZPdkHNAmvGPRvZYWDICXdC6/zqMk140lRek9p+0evB4jRRtLvcWE1vsMYx
rbBrRt/DLsYmdq7bXZjSAyWSiyHC1/CCT0m8tFAWcSsQvyCPl6YmhvlKMHannZPpLGcOOHNki8oD
P/tjL13saYoVjC6el4iUhYcHgNVm2BnmB1a2Dg+6+0oQqDuws0IInKwQM9MKWnVtlvBRnNkIF7th
4r52R/cJxD4nckYGcT9CXG0ljXmG4wRkft+wOwBdmP6Y9Hd6Nlp3n0fXlITkoWQyG+bWCMxy+rOC
OlkUuc9ocwcfFZac3R30NT5dLvdu9CG4WR6VvO6hG8lTO6ZEk7AmTnFtd54ACPpmKse9RawVVrKz
eWianDa5PF1SQFMkiVgLZTeM65WW0weGxXlnNDqGYRGMMSdGqbkth+IEeYEzhpooxhHP32FR2OuD
zJwDvqqYBh4mEPvSUcmo2QB5WuYNZeYr9DFAXKOqmla+vetkp2qsL11OsNq1aCdHc7QT2EOxuQCx
ioOa+JtnlcbvUqt9qYGNGtAYbCX+HFMMRH+lSiUiu5pNLZqvij4dVhINi5l5bFSgezCfFmcCV4WS
FmbFTV2an2yeoU3xGbqS9H+cqjPrP9cv88K91Za/1RkyQFVqh7mqb1WifNUkANGyOXwVxLuHmeow
ai83FtscBFn3pQOq6T1plYXjQMpvdcxgmMBNoiIXDA5Y62ABHgSOkjq2qnrpBSfZsKvi7Wr/SY2I
Fla6wreziYWev+a1NJkcZisEIPQHSPCehXZ9Dm1SS6WKHf1dmexyt1giDkKtuOoOI7AEyzLkydwv
ykT4ePqpf1kCs+5/irZ+GYr41S7D94dqaeUNR/a4pK83Z1GlFdtQheIVsSlRQKsP+J26B/OvCkLH
15lHbZoR2RFddYuus5xqOKh5xCvg0z1P0ri1iXkxLAnESYUxndZa0OfGdDBNXk1uOXtTmGd3wYSF
kHJRQiYpKV8bu1rjuSbkGWC2XAWzAi6VYu5MTiienRVBkTd3tWR+MuESC1dXKHEj04vq4pluY1Zm
pkn+XHO862A6eT0be/gnLIJhjVG2GZ47Y5JMh1a9T7XeLTZJgNuUbSF7ubXN3iKAoR6IzCDp72dc
M5Az+39WbDVeunvo62WNyKu3EXukVbqG+4mPLwejLQsEykYLjzmuqg1m67zIyj1FbfaW6fMd56Ub
rOc73E/Sn5sPnQkGPjxSAiXLG1i2HfBIZP7Vb9rU197mdoznPD7nKduf2VSOlaq/5GP7yy47cBsz
QaGhmK+ZLV0WFIgvRmLtZjtbgph0Qq9pNCC37ezNCUvYiqzNShPAWZwhKk0DnTYTITO6wrE8LO1+
LlbgqVZNe8WQWwydxNfz2vjoU/vcY7IPCB6XOxPv8KnKJgzQ6N+GWiuHQaQvJH6LQ6WLm9EYxqlk
ExSuS30Gs1gNqwD7bss9B3wC8VnDacDk14iiYtsoBDEMFVfPvBh/4hZGaVs/6TaJM2P1PLgzDZEA
DgPdtk1uZ/eC70ge+jE/DLr+lDeVOE1wH8yoGXePxpoCGo4cYgZORF+Iefz3rLZ6N9+OHNPSmFOT
6/LAFm3MVje0XcZpauyNS/NRLcWu6EE9Ojj1wMRwhNdWn4VuOezk7PDZNSoiI1QtPowvtZ4TCGGS
CVDmaRrHjzCFDGfpKpnAOT4+/FyVbchDMz7WxfQOs1weKLwPj1bL1FVW0Y7UZ7cd9CL3pcmotREf
UJ0NXwdKIy35XRfK73wtnGuziTRuxlMhFy4mIz5AHRVMI0PHhtIJaoTHKJtNzHOJuyvtVG4H1l4t
DgU4C/fdEfh7wRwyYcaB7gsnCwpHQlU1j/ksTxa89Vhhati6PDHHqWLHknkpkzY+mTJ4GKu4ajba
nKFEroZGU1WsbZzOwTz0rWeu11dHseGOiiisugVFYCNXTq4gpc7tX4smuCNht3fiE5ckL/02SmIv
kxFHo9+W1MZzRJvsPO0mKQ9VARujGxk+EobjXtHyfw/FO4vTPhCCbTncOOyeGtc8F/d0YuL7TTcI
Q8GcVyYV85IbytOQysCapnNZaqtpUM+ezVr5UyJqRpnt6Wr95UpCTCO+NfTFSjtGn5byT19QmIEi
EVrCcYpbNnZJq4F4MQZEBZu4FgTNHJ/RRZOgIVYPFW+FXVY/3sBznhWTA4RLj/W2cbPvcmJ9n90m
3ZV3UMs+Fq9wOwhVbhq7gaiwGikyIsgTQuLWWI1IrV2chRsznhNcf6DzyTGumrleKm8Ph1VCa+gW
pErsLyH0KpuCiY20mAS5oOrUJhqZ0mJGXf9ktXPeWuqC/QlGb6Znf8dxAo88F5Rdfy2tm+6Yolws
hahCjIlgfYomYAi2NFxtFJynMI2EiyS7DgEXZuPV2DyNOjIph70OEkB1HztgqZFEDoDU84Gfa91b
6xZIQ+tpVBhAd+qB4M22GIo35VuE+NOXzt7inrG3cywAfCZBVxt4qRQzEEMcNBQz9Wbz1YjDLOmg
jBuO5K0I/1hhEoTYbdlcBa4Ji8jFrWInGgq05XwYk3GiUgLBdl42ZaedYRhvWpirRcv9PvIunEp+
ZZJOA7DAeHwFtfStX8nhm9I0XGRafrXA3YssYuOetrNfvUzW2bBmvHr6pPidKNgi2jzzOuKbtdWe
ozpEPe61N6UGiu1AM4SVxAdJCbwq4ltEYFHISmMyAMFQzYyPENee2TRfjj4j2vTKjR3qF0WiJFzm
jzRyzugEt1ZjsRuVY50gPy+6/Jqyud6OdbWnkpTK4qn6YjD4kUzG26KYb2MGwaobLwqa4yYzXOwu
NehorvgvUpOvplL+NiW/kCny5LY9PQICsp0CfslS6pe8Bkba8rDMFkFUAQcLc6xfD5tOnbjngmsB
/1T111Bw5XUSQ8TDTDi/F5r2CZuVj8XUKZDhefewvNgVK3lfwNCjD1mAKvrPj0FBHwkge5tzvlKJ
E+3MJsXCVYAriKb4sro4NI61QJYmr8C9tRXmS2WZ7qsRUjWQcAjEbkdvI6zFqXWynazZcwtkFiuV
1nbodJLdh5lbcuuG4UAZuXQ2o1PY+HbT8QaseU86+VOnGZeD9lPLfMlPTQesnTU9c5C0mZ9jUCyY
NenWJWtJMcyt/bEI65dqDYmnF2yd4rgafYiK8erAeBjGh5STuxr1bDqBLD58GvFqZXkc8vKIKYI5
sKVT0yBWwLpn83RtBct+QrR+U0Qpr4Gz3zJj7OlsuwZDV71qg+HgC2WiN5M1xeczw5DXawofws69
jcVOLX7Gwf1TOvBIyAtBhm9+TwOrRUeGc3DeqBzn70uxsuQuBR8iwvrDxojGCzV3tsSVURPTmZny
erDtjL0IJYRwbqvc0LCTFjdnrbTrUxbIKaaVcvVsuz3bEluz3wYtesE3zAB1GImr18fHhqXBQAM8
Y8hPZJ/aMpWYs+3nKS2rM9aU+maph8FQ34sRDEwrVesopuQj7ZsItx+lIdlsBEqlxqcKrY5KKOsu
mtHck9NhLJDsgLSHp4K9i4nE1DS1vpdF9oIvo7laTn+osJHuljZKd0DUU+hteIaMt3ievlsFlzZM
//nEZk+eBJEvZSpc/BtIMCGn+X5aeJq0FQ/diC9CDy1WKj4zh0ZgBoD06Il7oSTRATdKtFfos/dm
wiWHRTpH3O3gzdZ96uNZCEgcl6/+ggOAp8FkXSPBIxtE0dVQGADjGFVoZr80hkMcUAC/UGr77WF/
pDMWXAOR0yRs0UYnZESVL++x0ONYKDftGN46gbOtwbr3uHQhPXHEV3MBzGktAqSSywCC8S/HmuiZ
hntWC+dZxe7uFdlwhV1K8Asblo3PC9j48Lm60JwBN93jPue88s+QfO/Y5WSiMVdu6n99FPtOyB8L
PhGaaV0ZXjhj612vhoFaMXd9jdVaENhki9c5jC6aiqMFi9a2SavKq8rK2sQzg1BsUFaN3ItxYz8l
uJ8eDrCY+CqhgoVovmNtE/qtjnrqfrkjMimWI7/OnXmfUlO/SW3qU1SN9F8F1dsLTeYd+RDeevPV
YLAIUGBhQJf7OO6wkuVkCZkOxzhyfXfhqby0PdI3AKaATygdxvmogRvxynLxYMJzDxrFwv6EF6lz
3tDhy+47YDTu6jni7AXBT1V8Z1L/JRo4HDd27eNgH7XO+qZBzz0abaRucAUYXmx30/XxIyzPmseF
qiHoT0lAIwFAWpoaMa7izlV5RHQRTYkmZSybkd3xtsZc51EheyedmR20bG9PN13hnk27gt6DuK1p
lpwB/Dus1pH2oSfhCb0yP2qDwp1MB94aWdGeiBJiMx+HaMuswYtTGm9Cno97qUzPtKIAwXWL5KlT
85/c5CkzWRKCM9tHK9TzX01q7KTq7iiR/g2jerotYuYomTzHTGaCaEm/S9VGJtUdVBuNcq0+/CQk
ZSP3G9ABi895jHpG2XSxp/aljD1ybe5Gsbr06q55mmYZyHwkzUdJzYvvcJiC1QXSi+hH+mvmlXNP
4gIVkrNdHbkeSVeQtw44AMFkQW8MjIRNnezsyvo7IsALPeeerSFzCiLl5ZhSDFE1z+P6QMOFadRS
5YGXEp0yUlo0krX5OJn/9R1dUB0BRHwRzwPniI1IoOuUzY7R/3dYJxelKzUvN1RGbzHGwMJF10gi
rMF2FH5EUJw/7SGwjQ4L//JWNTjGJ7v9cdHlPQX4p8m8t+7wYCLQY0lPBzbISKuemSZ4Dm0BnEpf
jmpWLbwojvslo3Mtac51GSMiFUN7aOrsWtQNqD8dEL7I2qAyELC0cPgCe1e+TZSes7WE0CHbO6zu
6jAmODTZsa7RPRB17tqsYajHsIXqz2Dsamfzam+O5h27m3UKPg1nszZjoHqQIs3wrnM8I8Ul6BqN
3zRThh4PPodt4GweQv6pZHlFHT+Glgo72AaNHJXOhYB0d6oL7Svv8EROMO93I1cjqEv2crguF7+y
B7krFMRPs8zORjb/0xFEvB567VFntrQzs/JXGSN2ugRkWbwAscZTMNApcMKcfWjpI99ZomN3pOu7
KVW4+JalRSeigEeLBuRdhbzpOCYA0KPVO6HhTrUZlM7l+Fqr1PJZgkcoGxsslWh9jr00L7YJUrvB
X1m5z6POoNNaJg7hDqE8xciCLh2eMnPUjvVSUKuQ6X4JU3mfcB6KGmgztC1AO4g0jh1u3B4f/6p4
ih8NDYIsFvfl//1QV7nANPK8KvNh0wqasr3+91vRD/lPj/+36eRi/Hr8CYn6lob6JseswMkCknBn
QnSWfI/M4/ljaXZLAiMN72pUC4C1l7cyceRTPtKnqpWRseNkU2wBQrk4UBb35nIHbI1am8FY1O5e
c4NMKSM4k9GTC7vw68VaKklk1g3pMeBiKfU/ZWf/ZLc5UrRD0lEXUs/hU92Opyx2l2feQ3JUawJd
qcBJm/QbLP/uk6rXNUHeyJ8jneq9BPWYepYMA8yPEKxjhWraGNsy9H3+vleNB/qCbTqEj5Tl7pnc
1aEUXRWkdf2byviOScL4Oy20bTGFw0Ul4bsbHZiDlEWQkXeNSyRNuOE536FBSHCqxz5A1y+xyifZ
qSimnZvwiRTgVjZ6IYZLU8HNg7O5ryvOejpbpiItg8Q1TjIJM3bW4OGKSgZKVt0nHWNGSj3Ygu+L
tXniGyz6j64C1pPVrzMcKl/Tu2dLwi4eLaoPw1aemElB5luIxXT5II7KiuaKtcw8UKaHlZsMKD+t
WBA6mOHVP0aLbNJF/uFWBN8TOxhFSPt2cYTix6S0oQosPanFeqcDcCFeOyUvoCOuw2jbm5jJoa/R
rnVExT80KuoySbcAjztHnzHy0oKsbaRaWPrAIMY4oWnKGZ3Ato322i/soKK2uxqqDmJwcQGlT/TB
tchqTB9Ef8elk3Lwnik90usDA0ASmaq7H8GTcyKFTzb/zGAxPzBUbMgOHikZmQ5li/cjiVGbm5LU
2yyY5ZUDeU7L1fsgK7nYcWttmhwiSd/GSF91FvlgK/RNr3D/Z3X9vcSGHdSx81LXI5OJGhW3mZGm
09WGNMQiPZmTAPwgreNMbwQR8PGfno60EBBvcNHu7KX6lxriXYzzX2ppsBUl5lnY4oT25jEYYhgJ
vWadLH1gywPw3JdvXMTias60lHYyJ04dL+ar9ewoSX/rE7gresTAUtVSD7pTSRdOaMH9GO1DCSFK
sQuYq6hb0MIMwa0y2Bdg0uNO2DlDMw7ke9kVzon8MSzhVnGPA8iVQwOV+TgK3gaXf3GIXHD0lVq1
nEFc/Wz14bKbMt24pGHt0OMyiGsVorCn8aVtzPCKH4quGj1Vn20tLH2aLsv9gtqDwwXvfEdy/EVj
DukJTQwvTGB7b1SE8mIQFxkUNnBOVEyvnYm0LpUueWtMynYV2ahvvdvMxDLt4o5lB9ahXbEBpiaY
FGs3HbSQA5XJHUZ1fCjfR44xREwz+Q5KhytcJPV7BApwO6l9+d41iEg1pUnvmkNinBKX7F2Vdb5l
fJm+Y7/PtzSCxO+PJKimZdF7OKMvdWxS71OJiSBPXefOwsRAvq3tO/aqakvmVT4T1vYJmutMuLFH
ORJH4uOnabzoV/jbqj8lv/qcNqF6RFsPXQVpsVGe41SIQ2K14zWMzOHadckIVro2zn2Mjrn+eteM
lDS5xYBOZYtLq3UnUnl7rbec9y5z7t2IL7Jc/kBHTDzoo8xEiCv5hRP9TpeOEF0skY+j1vasCfCj
VaZTUI1Qk9se7L4z8EUoU0VrFhF59Mo5SKQkvDxYpt9UaKNS1eaLzr6EwUhm+FlXfCnzcoYBUj2n
VgospL6Oo1Ht8iaznxdesZJa5zJKj27a5C+FYDlGAS6YvbqsZ0OJL4rXH2bEDbJRD3kQoQiaNU4J
k8z5anLsIKdIBuCKL5PYwhdgDxdhDqgnY+gcMe0QNZH9Sxelp05Wy65pR9QakT0Dndr3ckyP0+r5
ChcW+WFAT6aB7RxWzrjtlmPY2Bbhi4SdHdspHgLdZ6lWyx6RrfWLWX47YcrAjRjrumpHtI+D9ekl
5Q2gWGop0EbXcy0qyRZSq2BxZxEhWX9uJI8GK25Q/azdEmHEwghWYxDQmfLEBrEMWn0AJ5DddvNB
5apyoCQJy7qkbDY5NIEiMeb+pAFq2JSMgJ/sKj2jfJ0AiQK4C50qqJ2EwGAupz2X31oy9qQMU4OJ
lbzjkDA8t4EwlDMcRxM22Fbksdj3lsWZfio9AhWaTwqCk0OKsGim99bSmudonsAMMRRj2aZapGrI
WBh4R5P3ZRmWl4gxAmk6vC2loYaXNh7jrUGmu6ez4IglDiAc1WNhnLOURHKb9Q0syomZAG9ygRxI
sZy9aDqTuoujatm1pVdqHnvznFPM7lN74hzNgSLmPokL6CYz+QhlPZfpT6iCGFUN40NJ6585l/cY
IzNXFhm7GrF8EpqxhjMKgjkDdfWsWvs8EgwtK2a1hF/PatgyFEhn4NPu+ITRYrJZjl34WUee/aE/
W3G5JWP1UU3oI7PqkjXpS/ArkzmeQEsaO91+AsJbeW2MYNPXenFU4kFl1e/PE/YygkpgDFOnas7s
zK7REg5Bz/WGtJ5BAYmrN451Gm4jCjsmdzp2kymZ3Q/wVUyQ3HPXB5xM8qOwFemPM068KvqtqC62
d0bGu7lvnudp7WMj57PnGfpL1zkGxYazDn/20pZXVyetbLZ5GpSNk++oBmp8N1wzmlZ07J2Ch2ct
b63BCXhgQwBTfWSGWlLCs0wTWmyontnZAKayh7NtdwHAbwnZz3p6HBz5JDeysJRd3Cx7OwdlmAsc
BIPY4Um1boolSTr3Ivd73k8Aj/oibOy4eTlYfqZyjm5UHWe4El2XQq/P7cLxQjFmEBWWyViHvgF2
O4xcxwLf+JCm70YU5sdsgbOr6tbJtTrwEaLbm2n6LKqZKUkeUQTcmP2BvC9noS7KtVNU9dppGdAH
YSgyCF1/7fGvYf1RuLjY0oScGVYXrfAKCzCZtFoaDGzaP+g5U7ZkrAIzbIqDMc3qKVn/w+NHeonM
X7orY3jqQOleHDI8t6HbCX27QEPiOj0mywaXqHMbfo3Y3d8irzkknvZc/nI+h7/umf5UMyZrHCgM
foFpeeY7xwXz1nAhmP54I+oWfhkE4cZb2+xcvITKZh2rwAo0g9jdaL+jIah36V7d57vSt/7yC0/V
q8VvxUavcd6oNsW7Ts7ruvy2U2BEW0x24pnWHIqH5d0+J8FyUdRA2b9LAnQkQdngP1HN5L4hEap/
7IN+TY2t8Zr9sezArLwF5MFu8prMK7/rt4xBW3Ox6ydY0NYteqelum3+DPWFBWFFhfAcQcosT1rr
w2YxdK8n6Upy8oIzuoAKWTKw81xnl9ScGPIghX60wwqjvzR/KpAU+yK/OPabovzlrWPOC4x71m2x
9jBjGr+bA8aSDinyC8bqdDWxacltfax3TfZWvLLrNmEVgMLArsjacSND0h/K9/Rd+cRKwCiJ2INf
7XrhG+/mn1w/6erGAPce/3QX4+4eIVTn+77Ae7yPEBM3wwmAXAEDfpN+Dl/FsDFusec88+bmrfl3
2o0fdFHDPXjr37WAWgqsthcqFWqgXK881bAQ7Thxaj52keFq2hvo1zkujE15p5UJN4nylgKzIc05
+EPnhd11eWpHD2ZMiZ6D4MO4cgNvf0y3oAtfxz3xlyr4H9LOY7l1bNuyv/Li9REFbxqvQwfQShQp
UVIHIQvvPb6+Bs6tRiYPQ4qq6mScm5k3SQLbrjXnmDR7hHBJd2sLNo13M2zSXfIk3WnntJur+rGR
nRiF717dAKBrG6B3K+skHo2zPCxkBo6wJkmF4+Vzs8EbMFIbDufCLtmaewrHXCTP4TrupxHgceMY
HO9Cw65dpV/lvngRjj0RaCvFTtbjUt0+IpxcktfGj7nAfkVQQzX5o+LI+0aSyEE8SJ895f4Z6Gps
DndA4utX7BAXFuBEWWf5UgrsTrVRYtRsqgdr7SO+rubGekhmorIOH01x3nCT7TcGRWam6qI5F6v0
wD0cLcEALHnjPxFpZukL3khFi6VcVDt5Fm68U/8o2OFBs4O18Vim91qwJubZ9RYX6Sjfu2vOphGA
yEsNbeOr3CZzlsGKYgm11ZUHDQol6AsEl+dy66LYvDQrwuIfJk47OrZZ7fhTdtzMP/Rv8abcG/e5
/db782qn2PkSVW6xwPN8iV4xhJyMIxqX7HkKLIbJvFSjFaGhPkkS3+E3BBvEE1UxQ4R4EJX72pG2
FH26V5Yy5Z0+3ySoRwFuU/2OkeUdFB4MSk0nPVnvWjTH3/kozGmZQC4611uzQ+7gSO/Vqzhx3ubW
UtgXa7GZowK15v3cfC7W5kmCGPUBlG9R2s1dcpocPUhxyQpzolPcOcKZWlFY80opB4lnQC8f1XP4
Bi6nWBq2dhyNWXnJQcGeuCeO38AW69hJduJJOVpHP1xTBnPXIwXkA0+IyzoYa3NWvQvqorY5bqRL
2kT6xt9kd/pztzJe3V259ezUyb+rle/Ow3fM2UMzswhVp3vCf3yWq7NGnLmZQ59u2xgP8RFMXrBq
hVn8SN3+WVTmWD7VhTa5uheVg9saMTLSuu7bE/cgZsKGLXFmfKLjHMhOMQ8d0hp86KxAZzwLBXsN
gwZW5QDdBGkeSWQg1UnmWvPkZ/mT/yYYeI3m1Qc31n5ZD4R0zmjGxjPC4RzpnogVtCNESG2bXVDy
shlM5CRMW9OkfZiZd/kRo7mZQRKit7MVOhuKKwJo5HX6stq4j0RfqlCZywcEkf14L5xk+o4P4SN6
boFS8CxObAyk0n5wMN6pDj3Tes6q++EdzH0O8nAhLuudcOrvrd14J9BE5cSwt3aetne/OniDOzIO
qQDTET2zI8KtSJ+1s3FvvHgntoQXY618CrvKYf6FXOopGCT40ea+Uz6VG8RAAUrRuXhnLTEzzP0X
/dvbIhP3aL7OZOKJ5xB86UjAUmQAQx6cBTaNXGtTeegUSANiMi8sa2meSnJ/vkVvKWzCVwBE7oO0
lu6K5i3cJRc4Y1TtCJ6bgtTn3NqQycDF6fg6dzFL2eA6Beuh2NnquioW3joZVuG3VZOiMTMXWseW
qRIHNKfRK1gLT1sws8gQhmbzkqyr3KGlhKbCYJyvhT0tWFTWw0JBLEMDxBmPfmqL8ixdepDc5/7S
QJp9VIaZvKqfrL0k2vkWE6RmzAq73+m2xTSR7oTnaFk7HN3l++DL24fZwvwU27XOmnoP8ALtQrMw
EhudMIcg9SN16i09zoSfWDzCtxu6uZzO++0UgLrMDumL9cwZXdoVAhhu4I4L4Y06P3Jc91M7RBBh
7yPiPd0RPcusfrdEdHoIjPely7KwgOd38tqj3m/Gbbyo7GruYQCyiz3heu/pRT4PzwlNo3dKP/7G
3EJpUZfVi/+UD8vqgykHvaveKu/CA093JRGMs+CBGd0dD2Is5sBegnPkO5Z1DLtZI61l2miklQq8
Jeb0TLmIwUY3l/1ai3bg0B3JHhFpPNdOjXLXnMFI1T9dWG39AkCguCUx2Ni33zUQPmpfMrUgO32q
EAzO20fhZeRJt0tCrwlKAtFIv2mZDg9QK9MtcbPc/WfFznfUd9U6NkAzUbYMc4BCH+5aEeYWKQAP
oeYIJDQ8Eg6Jf7GG6YNni4e3xaA4LElU8XKnu9Oane7buDEA736TL0v4lAbwbU9PXjuCbFeE08B5
I5hrT+WxQyb/DrUeKz9Oj3tg2khqUNYaKJMBNC6ZmAD+bNNJwOeRPQGB4T7J11K68MU5DSvkD802
rkFoz4Z0Iz/w7xskJeE2aJdkRLRbksknbWUEunxGH0n3V0q6ghLPnT3Qj5wUwuxRV/d1vajMMxdJ
odlzYMu/yofagqLpuBxDX8NkLR1ZoJA/ycEjRcH0oboL7lI8lZuuWHqn5hIVNmRGZgztmhlROWtS
B1b5B9Ben03/SbvrFXwqK27FKAN0x8uAQWwoznGcQ4UUHLw381Xes0jEX+GxfTWo3TnEm7xmu2Lt
b5pt/aI+5LE90BFGU3qCDEhEHSEtc38kUXeRLwvDsV7rxDZRFCXbjFSC9I78EyyAPoCSO288ZZ/5
64Szwb2J5sHkaP5FhAh2j/Qbb1eifuEtG57xLmLDinVgSGjnsTDOOTMSyHxXwlTZUCY9p3bQbKsT
3U73IgAT3I/f2U4/Zc+hOXcd8+xx/NqkT3hQ50o97/Hm7XNtkfOysI7o84LJyltisB0LaV6iQJnH
j5zj6vTNIwmX0ui+p6534XtiDsU8wPa1gXSCQcd8oOPm5hetPQr3yQmnTA9akWnGrQOp6Dtiz/GL
ja3AGLGFpkqN0t2KF3Qrp4pbxwZQhEav/WA6ZETx+Ajs1o7aHh19+DSsXM6o7wx8AUrLhnMrhh/y
gOfpa1Asyq9mBxGZKcP2hKoOQf4TwG6yrhzOLYvkCLy5XGirbBOvQPrszV2OF8zkFDwHF3nHycF7
Zc7E2zbb5FhgVJuIrPykjySxrya/bYSCfQmohOhQ1HSSttEOBgDqLXV16hQqWE2k/CuAIHQ88xPt
X+9VYsHiRBUuMJak28i04ydXIg/380V4zftXMTu2xOk9U3X24BmuOEEFNhIFhNQcz0gE71WCiB6a
nLAWjvU1XDHOPuLM+uRlsKtGHOO50KyBQu2Tc/9oBrP2lYjjcgMgjCr756DNtDOGFrqTEoEz9yUt
v1VxIWwXwPUDqUHc2oNq63Pwk8kwWpnkST8yQTOU4yuQckfPRmRrsn5uiLjdZW+tOfO28dk75Fyh
LM5KDYKdLwoBD+o7/RkuohxYzSU2GWuHYhkCIGLxTXCfPvC1pXvxFVzVmWIGH4s7ijvCC14faKCc
xcVttuDlCtv4ldodF4X4q3K3CEimLvvZ+2Q1Jj8IRVV9MC8Ydt/D79IJaemt86X64e5MzJoudz7O
yLNsbz3gZaSul++6TVLNwSIu/c8kpIfFfcgh1ZB5VG7CJXsU46Uhf2Dar5tnSh91MSf9mUvDwrtT
H4SXZCV+iMMKnCFoYOE+Yj1E+Mkjr98I3VA/SuD6WMIX9TiHfNSt/XYBovnD3VYXr9yGiHnX8k5Y
GJsEm5u/KOB+mGvg4i8W2Sc9M5SH/Y2EXgB7vsEHYqCVWLj9SrOtY3msHxFzXkwYIfgfEX4yV1GE
roadD0l5GX6z+knxQgfg8z5Q4PNmX20+54jAsQl9Nrt8fWmOvrKLP7VnRudD8ObaxMO7iz5YWFvj
IOEv/KS3gOjCGp8gYmdLQ0EKP1NfhZ3oFBjllxYslAWrv76ldbLwiSZA6LMM19XGxwJ/L52mxWYS
iXGHM9bSfT5dYk06DDb1PO8wPErPz4VEW35B2YemLZ5zNsbiNUbLPu9X6oGBw0vyj/LW/8L+aj6A
AA2+w3P7wSYgnKRV+pKeh8Qm11I/una/Nk6sUUwK45Ou207ZDRtQQcYLKXNAZkYCdeb9S+0tGugg
ZI4qnNLm/poTsfuFcpzrOtrb8EvlisHJSIXQO/P32KvEB1Z5b9Zjt9iHeGDO2SF7Q45uEUU3RxhA
qJ374J185tPMvcRfjOH2mSP0AIlqLh6DO5YjmSUHy9mMdld1qS7aS3VhefQfiKGcBffFqrtwd1X3
6U5aGdt1dBSXxnPJbCsQlGYrFk8WS+2Fs/Vj+9o5dGMu+SMCNVJb0ZFuWo7Sq+GZCzu8y2qXo5Ms
FtVKpOVHs+/J2jCa3stjQRSvN4cHyZLRnc3nod9ai/bgfnT9JaxWQmJrop2RLsOuP68d40BaO1e/
yeHDJa7DxjgTX6YJ1EPw2ubfBCLIzqiuEk4ADXkejmfzL2a2th0O+R2rIJpDazPwZUu7fNA2vc0T
EHfKsqIh+IjH2J8RTUxJgsy/jLoQGyXNrcN0fMZL+J5yLPOX/VL8JHogqpYs4BeBhXwSLsxyx9jn
b9UzdgqZi6d0FB4Dbe5pdctUalTbQATdWTHweFozmz9/Ak3b4kDNrUVF7M3CKJnSiPcxNL1OcdgZ
fU1SoOm6SdC2l1DDo23w5+9HiLCSqC4YKla0raSWgK6SfRzPkwuqEsOUMsbPQqxUK6PW+N16JchE
w6b80TPh8qrUzooQd0nA2QuVMgrRrrmPxLCwY0IfF37eYnUemAzd9JcQ2c28obOBx3tUkMFVO1Xq
OS712f/5S2+W+0bNdTvS/XjTkwes1ioHyriMi431ZX1lldXuLCDpwOmzjCIs+oRlkgvcVP78RR/J
Shc8m+YCRUwExiQ7lgHHB9+8ILIsHT/nYI7uEQsihWcV7ylKDkq0A9GIWngWonuPikWXeyaiAQnr
c3noVPlTjsCLp+HEvTaPLr93E0BwQ8vULLKCOxf5Ts3cwt1deMOXkrt7CPMyR1ivwTz2HOpyxVQR
8R/zIhpVdtArJ2S+jWyP/dGoiDEYsVpQmaFx5uZPanUZVNSr058Ds4dRGFSfQhieLVDqZV891MIY
sUaq86yP3zo9p4Q6XIZcUOxahX7a6itpMO6jwXNyQT4oXDxh+z+kknoyyJ2bGTIpAQSHEiWjEFLk
Hl2aO8uuNp/yZtRWkYcayO3Hx26U73gdHGDIeqVOlH+aAjglo20WUJ4/TJlwTcv1cfT55EGWuyrt
q3WDy4p1Jo7XRL6xaPVOJw7+oRQwnWDGGGy3aOxW9IL5BAWDmWHszdjqt23KIZNU6JUCHYw20Kja
liV/kDutkO1nuLMAcQY0eBf/6GVstG+1KxVEIsy6qIlXWsxxYUrywsB+CAuf27Bkzv/7v/7XFUbn
v0DU32dBWlf/898SCKD8P3Sd9ef//LemmibiJUPTLRV3Jh96BXTR+1hOW8EsnU6FD5FZYApa9guZ
GKoqIdYlKexSDTe5AleSMOrHnz/+b77L9OmWpIimTodIvYL2GL3W11pmlHC/um+3Vxdi5VE6CKli
CJNAiXAgql0iXumfP1cCO/TXz5ZkxbBMjeaWKk9f7B/kHLEC6ir3UkmnhZyPEqdYqduB0d0POl74
UURNn5R7bHh73ULPSTuZm22mrFWr2/zyVabfeP0GJJmADZLuLL7R1RuQIk0ckIeWjiuCRQgLASyE
8OXDwXaEOx/yH/3JCQjD8O3pnrWPBFiMhOOtstYbfhkOxo3vIsPfUhRT1WTr+rtogSvJQhbQKwcN
zPLABj9hBeIhf/PxormCqf7yJpRbA1DG4mFgMRF1Vb96ExEduzHPBSLWU8p9Rpc8GoqGTpKTVjPC
2pwevyHVr3lO4nmS2hVO1KLnaI8cAJdJvFGIIUBiHBIryAUGzD5PSeP/5EYrbLc4rsryyUQDkg8o
U+uE15sTe4K0krJuSlpSsQzM+vjzS731TmVFMbDImhP16mpcD55K0kHkVY6ZsBGSxwYlp+h+mTx/
Bun1yFFk5o4mwt8yDPnfg7jH6TzUllw6bamdYdMc28TYdgbF75oZk1OCNbr0OOYtOAaLP3Tmug+1
Pf4POIddfNR9RlRc5fcdKRQmYcD4oE31y6onZkn+GhflfhwAaOR6YYuVey82/ndWJuXq54cl/0XP
Yg1SZF2TRcuUQHxOQ+Qfk9HSVMDhssJ1wOJo6hkZtAIQhw2tliHhnY5lkDjAgtc9tCdxKiubq7SM
nzwJpqsfQRjR+y9C37/MqAQYCHNB8aAVjJ137ybwen/+ujfXDkWlcTcxx2T9zz//x9dVKkvPjICv
y8iaNxJUGwxX83HCTklJ+xjRUp88/a+9tg0VapceAjhqMrPYFOvfvsut2aOwcIsqinqEoVdDwENY
IgnmUDqRRvfEKKJhMdFGBp+aUCEXtqcxn+qWFrtHG6Pzk8+fH8bN6atYmqyKcN50BuLVu8Nv8p8x
2CMoWpSSTJG5DRCJDo8mmM2ZrGSzapp5+LIigCDTy2nlU2hSV5pwMj02OWzs/RcBULxpxP7zOpS+
aiOi4Ort8ziH3RNzyybMlbzzc+u773AittgoKZiG7WaiLNUThurnH3ZzY1QsUzfYjWXV/GtdQoPK
ABJLp8q2WkOJXVdwBaJaW/WgZkh/idajZK1jCuch5JefP/3WvsgIm4hnIsA95WpPUHtXbdSEPWGY
OD0CpYluYp+3XWhLnvEYaikFkq7+5TffWrVUEWKSCt8Hkt0VTi4iLrwd4q50xp53ieDmVTez159/
2W+fcfXLwCfL+EQZsIj89qNe2qqZ/LL43hyTTAaJ18eoJBLgakxaIawWuWZSFNJK6WgBDKwiVs8A
07L0SJ42hS81WGpFs8cvc8TURDMe/XAc72K32AZlu29F/KGmLJGJF9OlMqgY+IP/GuTeqp6YpETC
DbDAhkc4JFRGJ2CUZzzkgfs+AcdMF5XGzw9Omqbyv1d7RRQ1UwHPKVpI9q/2FFXLG0UAFuR4iNNn
Ndv4TCWUXEYEBZGcaWZU8SPubloO4G48oaBrknP0zaHI//xVrFvfBJIrh1VNlozrRafQDdEccqVw
ivRb8Gi2+zL1a6OW6OMOhF3W7lYBWOEr258/9+/TCapJE2GdocPWN/88oX8svJYn1WMZxQWhLv7C
kJmTFQ97nuUtfjQW3Sl/8udPnEb81TPn95magXFeU9Tr07FVBcFIVAHuMBVCb4gym6Psc16GT/8P
n6PKosQLZjVXp1/+j19G7gHmstLIHJPazeiSuwSJG0z1L2dNU7n1e/7xOVeHLUGJdbI3+RyQFLVg
qQs039zy9ZnQIwuQMpW+4kMcZGsC73rW7fxFDddGEZ75+dQa2qZdCdakuVKSpYIeS1J8cRVyEpqN
pEYTvkmsg0oJitDNwClUADeNR82I/Efs97lIloKMvAVSOIpe6D6NZSKqcL2TB2tZll2u+aGy1orK
W43tKkv8hLhwOnTEYGVzy1MRwGf10s/GD3zmwrrjQolnskMeSS8/bz5aU0ReEPlkOhcprp0+euuM
BddTWm0TC9mKzRfJQCkB9jHH3NTVi2yNDEk642PcmJ7/0iW6iHAVuo7Wq0eo298iTLxF5NLBNjST
GuYoGatS054J/gzHey7Nhe1SYc0sGuCtjt0mjBAPmL3/FIzj2Qvufh4p0o2NiQOlobEYiCjDtOvT
UhyPgsI1LSPPGCCA7HenNk6PSiefzNJ6pxrRzsQhOmLnuVhJeF9ZvgqkqcPqv8sCbTOk6gnz+rMm
FUvJzx9HIX6VdLIyZaUm4z2W7XHwKewUOhx/76lsdeIVfbeZY0q0e4KDygp/tREdsbXRpVL9p6yl
dSoABFWs97jrThqpV2PdnGTI0FUL8DtMaYgk1qEs/KWKjbBW+T+EMXEcfbPwO7yc4TGR1R1ekqNc
tycsc175GQ7pWlGkz8GTbFcA7a1S6FBK+a1JJTvvaT0GPHaXNF81CGJKTUtI0ogr8CzMp+8pq120
qIzm5OvS55//X6vvqqw6or5dVC2EChk5Xx1bG6jkjkZbsCnFtypsHbdnTZPUZ0VO1/gsNnGQ7kdf
vvc09c6LYEP45aMwZnvcLjB3fP/R76KXkgTZXe3D5HE94aFOq73aGJ9kmFPNN8tLhh3xPmqJuknh
G49N9sAdlDE1ge1/GSE3NgrZgpZK8UlDlWlcLSZuArVULgfU0WDIMq8cNjXk0rluUYdMSm0FRfsz
QMCOJKNEziLy2qOqpwnqKp3zy3eZtvOrBVSRDRXchAXLw7q+olBladsuTzIHHAjydGKmhWAyqhGG
iF6u0aWWvG7Sr4S8e+uN+kPKxFNVoqzxfVNdZm1ON9EUvHVX979sYtLftw6FG5qo67JkQsW8XttL
b2gFv9FJNMYyQL0rN5HK0nhBXO5t3b58cZMROqEhx05lwNnyhW7dkLPyy6am3Pge8G3Zz0yTHEBO
LP9e++shIkJjaMDLmo8QARIb/18iLP9wQzB1zPqwH7ZpjDhRIfF3omnUk+dcbS1kxTE8dFH/0JJt
jJ2Asnx/D+9v3GeugPwJY4msRnPZQjnrlvVi1IV7pY35LUEtQ5yDraUSteI2+gzLRvzL5nlrpeJ+
RP6rqFHbkOWrc1gV1Xkc4amC0Nocatmi9V6+waCatXF5Lrr0HDcD0h9lBBaTvf088v4+QavTbioZ
IKENS9OuzplRm+NukkLsKCbtJvxKi34YzlTrVoFe7Do5eRgFxEM/f+iNMcWpHdy1YXAwUkT96hfn
VZY1XtvEThYh+URLmEfV26g3QD/CO81FJ53ikevfktA4oqL+/Pnj/xwB/z3bVFHhZ8uSKum6dn0w
84I4T9W4IPVOq1V6iy2jQ5eR3pHpO6p3YawfW8wBtLc1etICaIuO6kTRqrNeNC9lo5yb6R8T9H43
VHj5896kYpK9DcOD0uzB+G3CDIu+Uf72tv5eJvjiXDo4tGsaX39a0v5x/ik06tZ6k/DFMd37Cm7g
0fwMMeGDoPzldnBrYCgU/XQeEych7eqjfKTCrllbkRNFcA0MHB6eYSdaszfQeWMZ40ZZW5efX8zf
B2Z+HsR0Bcj5tNhcH7vUHLCmYBKSwnoXWflbNkhnkAwLMZce/zzyyE2Wqmz8Mh7/Pr6qIldyRZwO
63zw1STQKooYtWtEjtA0myFuCbKL7gJd3P3886Rbz1QTKXcp5LfwWK+WMI5dfRDw33a8VDvqLXd4
ArmnghtbZfZSCMouUuVVKGorE7aAWrHKlgpOq2ZYB4gCgVQRa6EQWiW4v42sG4sQz0ASOb+bsqhz
I/z30OoFuSfMD9tviQ9oDPyTovWsAe6uDupt075IBBLO9BBGlPTbUNOmnfZ6Pk5Ln6EBCWOnufps
NhACaPw6ciwNuISK0Y8KCKwF0chY17NuXcN0m2HQBNcAiSQlg5lfgKo4IV9xinjrWnckJCrY/wHe
mhJGQJNJrUh4j/skgljDTkDEPNOegpkklwuccYhC8iZduVX6EKuYyPuJIPMHOlZP+ZsebhJ8YvHk
aDv/YRkIhbnUOuBFf/51gHgW7CSgT5jIKbWCg+u617rSNn9SWcZMnEzx5EybSjGHfQySI3inrofy
rQfuJ2StA4jLmstS8QbgeZVP14BfBtw0Sf96sKY1lWYk01KvB9wYwnD1VRa6oRNe3RC9nK8t9WGT
lKjRCoAortZsshQSCaapT9w5SyWv7n/+EjcnF5EDtC8sGf7/1UKSqAWHBy+LHTydSKr42WIknU2j
/uXSdqPeyAi2dO69LOo6tb5/j2DcbkqaF2nsdApNJ7SJZgOyg3W6KtoNR6gzzAP04OAyakUjrU3e
lW6768zxty/y90llqtBLtIlMip88/X9/kTEUsRGDZnWkCu5Fw18WfWlX3luUDM/aZOX8k29TaIfJ
CJ+Y7//3D5ynoLKhq6YoXlfkmAZ6G/msZkPkfk7Pu0RflpTuL4u1/PclmSIYKyN9Bsr38vWs7aso
lcaMFUOPaDFYcP5ncR6jzjKO0UB0ic6aFSq1E7S6NetqRjnkeSJPh5VMlBFnaZTmEDlHiyPv1L4L
VOuSwMyRXcIGeuSBlYTA6fdl+NZqQwyFKtF2uFGWMfXSBOHXRig7m41ArreQ5288yjmR87tB/HXV
v/mcZAXWHdgL86/OTcxDMnSqX87Q3wlSAxI5yt8ayqYgIU2UNXHw3sTvKuCXTgBX1XEi1YtNkCKA
+XlgGNMMuF4OeFE0eVVJIZzkap+zGhnAk1dEDiZjXDqA/k3ADxAoCa+KArRfmKSyurr3OU1wJDha
ZmWL5othqucEbU321XtYV4KkdSqOSyEbJKhpMhpH/tJaJBZ1vbbXLHc/1PLZ7Clm5AwGUcnf1Dp6
spT6lOTZm9WLuxxQPVlgeJnKl9LUloVH8hQ2yjdK1ZQgrfMoFQ8KtCbCrybw8FeQ0Wz3zURZZrK+
w2P80CogYHKj3PqNAt6CwB+CI13DAHiqX9KAay7DXkRx2otgLeWdz3CYkWEKa+f1z58NPSGklqec
F1RU/Ow9FH/bVdWb796gwsr6h7fv+mhfutVUUkjY2YpykwJbMqN209HkXEwTouw69EH+4GgSKeA9
SWE86dCSzmGZvoVe+dH41XoU1bMQcMqsOxbsoixOsDjuR7XsOJZa86j0P8J3yQI50viIEvThHoeX
k8EiiybOlBHrKKMF/bNlcJm5Vs1bBd3jtBYrBv9IhIAPXirHrdPiJMi8h7qin2UIv2wDtw4Ykqhy
jcTgbU3XuH+virHR9GEAQMQRamkm9emD17sbUv8kr3jMyuFNzNHquPHRyoZf7jjyjS1IYjGcDs00
a5Xr874sMatV7NvO6Eqf4Nqegf0/GZK/LKz0FOavjaQ4ijN86ZOxTEO44z+LmbHLXOXNbOtTWgDU
M3O6fvlUqbKrHgGF7KYr6j1Yqqz65Jfx+ue5emt1paYl6Zz3OY/9de1uoa32pZdlTheiaDPSddFQ
30m6Uxml6zGPNmJnrBQfhxYqzSHly6EjmXVic4pr1BGGj3XGvyPU8yPs1efEFD9HWHCh+Sglw1tU
ib/cqW6+XkmiLUkvhjvd9e6rClYYlGaVOdjpDoXelYiGnrw634picPQ4bKVxvxxCzx5M7ddcoRsH
az57qjzLkmaxVv97bLHkdXWlFowtwlPm5MEzwNQds8bWsoUmhCec9Rt/FD/zWPykTr2C2GannXvQ
5OaENX8W1QTeNsCnFTHd//wmb112+XJcZxTOYNzcrlbdhPw1gPO8ybHOnsGNrYZRew41lkvPN2bc
T3diSm3J07SD7lkbtfeefvkGN+5VvBnRUkydC5Z5fQzMDTWok5TqUjG0p+n9dLrleBUQ8/pZtdoT
4dZPWaLv+sg8EN1rofPIQuWZpMLP2vCOBFE+p0D2BSJr8RT/MjtvbMeSgqrGUlT2pL+68y18SzIg
ixQldMO9OvvStOIcVwygwCuOZpP+1gy+NVgUYrZkTZJlrntXg4WR4WZyNaYO1YFVSUBcCc9kBnl1
kev+KfQH/mb/y3Se3vHVzku/XtQUhQ60KlvTCvWPi3s+dn0puhSvcCxfRnSMPd5wo957Wfpb4du4
9bb/+VlX480SwihU1alQZsHHqgIXg6kEqYsbjhS8FX0GgM1E1qgqti8WhzHPDEw45tYcLCatvsCy
fp6IvolqrDz6eWU+rMVMvQCqT+jkk04Cbike7XyKze0McV0J+RlLrA9CX6kp1kKR2BrbvCnPf8jH
SDQT2o+w+fIvNZUc4pedUGvBroTjuvKldZEayzRr74bg05ONpVWlKOmMjYkHm5KLTHpgnQ22WFjb
vGwPVgL0RRjscqzIfy7OEQCfRsBqigE0bvdJO6yVBpda0XyHYX1uK76llx76FIJJ4o4nLaZTIltE
GmWYtOeBAcImJts3fzfX/hQ8m6kWzBdXfCbK5iWqdEIMm5kwKMMckLbVL1qRkBwFIs2qwI/2h3Bp
8VNWKipJ3HjqRkcTZIResUp6lNJi8pYjzaKyWJGDVW9Hb4hhoabsI3pBkk/GCAQvYKsK8Z6m5QUb
ZjBOUFotduh1CDfrDjYdoKhuCAmIaKKHJuGQqFgqYJBYjPlPTNR9ZImwErSD3xu+DVkIyTgV7Bkh
DM/kbPbEOCh2SiyQKeRHMHp4dBj1o5keQZ0vlJzzmCH26yplK9SgxkX4hVuyg6zoy8IeZATV2XTN
KRnzqw2yo1emR6Gq0VK4aJ5ULO3ZR2VKFznGt5hG2VPYr2EZzgwd3C2Ng4sBHMnNMXkDKbZ8x9f4
b0XuXiTUqgEcoPjaqhbW05Do9eJoDcbW1AdMpHzJaR0Akm6jb7WVCO6h6++6oHnODK9fpM1g/7xc
3pw/kmFILA4KspWrC6teVEU96CxIcuUuSp0VmVzMISfxApWQOujLZrS2/MRf1sFbhxTqH9xeEVOg
Vbr6WM0fYKh4hC7XtH8k0TqkUUI9P/1lJbq5HWmcMBU6trQRravPUREHAa+3UqcbLKfpGjxRkOAT
3LpUUzLkdLM88I9WKe8DYnEK6feTwq0Vn03V0HnGVGGvL45WnhRJ3ml0FPBwxAWK0wb9eyfoO/72
AaEAlz5z5nrjA4v/0idaewEScSeWAJJNio/k0u7quryPZCK1TH3rJjIdLA1YsksQTQc5c5ZIKVOw
ch0vTj8zr35ofG8DV3xrDS0wBdKmWo2k9Calmu8RFOJhIE66ZjFk+llpwMBFLJfNMPUIY2Eul9BK
/WFyOonDm5KODnHNiL6NuURgcuKLCPk/5SpCmNNiwCfXi5Dy4KHIj6WZoWFXMQ2I9fg2vc0MMhj+
rz5amKH+xFUqSshozgfwWeGxhLcEuZeTyKtLKOx/OnY+64YCR28heQGFmjbcmxxSySoIwSlQhaoS
o17IYUtaeQnGUQIhHBNvTOQHKQQI1Os4/8JIBZhUhM3dt2D5EUZ0nkqkQa2e854E0wHNv5HXHngH
C4e2BIeC3qPR6ptKxEQZl96s6fHYtuHTGOXQN5JJJI7nM3D5gAkr+PMcvLVf6gpXdAu9G0N1mqP/
2C8DsdKSNGpT6If0mOTHRI+3QyfakURczf/XR11f0doc3nAG8tHxDUiKKXzhlBo7mMR5Vwu//Kyb
p2SdexW6FORoXOf+/bvEQs6zQi35XZFT+aTpeenS77PVdG4PpeFFIjF9xMkObviXn3nr1EOVhpIU
Ry3uYVenHr1EVpDGLC89bV8I6EmC5aWuD4ZvbaWc98v//vnB3v5EjUr+FGz6V7UBODXqFjiGThmW
GMDKM1SZN8kdLllcftXsIVCdlj9/5J+l4/qcNeljqXWiVjauxT9jlUP1J0HBCfvYn6uEHLZoHDFb
WgSNiuVsrPVTBZuJLLguPpnmmSBsBDEDZ4Sym1p9GR7z+iiwUVWYXfGZJjUn0mC0rQFpgyZkUCdI
HjESbRsheqPQ5WKKG9f6/2bszJobN9I1/VcmfI8e7MuJ6XNBgosoidqlEm8QkkrCjsSeAH79PEnb
x3Z1jT0R7WpJBLEmMr/lXWrPXS9YNMdR3a89n/dNwkrDa4Da9uWIjm7Iu3KZpuhL0bztcCV+aAuI
cT2acGVg7UVpPk1Bc1tp1byKqMQCaA6TPkFNONDy0MQ/gdqshHWs2OdNh2gSAEBMwsSa7LNao+P/
mvmoTjiI4/39Xf3pqGXMWrSCaE2DQf3rqJVThFdaEpR72dSfxYzBMZWUaLlAvu5o2pt+CDP4jss/
FTJ/NoDQA6KQSUHX/o/MoBu1OalNt9yjUP2ZLTy+YOne5qJ/KxUGY2rrO3R/Hv/+Yn+2+tN5AvGu
q3/O0fWfZh49aHMAySgf5iwhArmadQBOSy39rXAOmW/cFKJ5VPHJ3x/3ZzPen477Y/6cLXYxCkcv
ITZPOx+renSGuqM0jZdWjL96O39M//VzE+DgJxVqXIhdQGKkpcwKP5TKe+lj6IEp096qsvtpGmWY
AluPqcaabdFj41J/OZi50X1adrOewGX30cygbmjwoKOo81ZOt7fi74VA/ch1p5sstu7QqpzKCIFT
qwDkpxnfYxcuVmcjlhc5rxkYyY1pAsubsN3r0BhMMoRznOWpH5A0WfIH5ka0e1Ge2ibVBTEttGjY
Jh1sbZzbXs7kEtfPdGyfoN0Fx1zARmo08g0D+esVmRcFY0Gsr1WP2Gx0UEKoO0fGLh4dPO76Djc9
jCGBUm0qR76Oiy0xgSPtMXpnB9zrGLkxSs4S8Us8TViCezQm8nVsoiGcW9OdXSQHFTc3rfXiExFP
HWMDS4VNnEwvdrxgg9U/ZmI4YvdQb7xcu5xyZyORn0215Etb2nnjJP0Bj9n+6LQJblGQX3Ho/Ycl
5mcvTaAMqGk88Lb+COosiroDd1lTV6/JroT1MiJH0ev2i1M7lzR8X3osyv5hpjd/NngDMBmwITxa
xT+OJ/LLGN9CJgi38I4mgvfAbiMzNLp1gxJuqtyhDNWC69Jg70YZloZldJzSLNvHWfnQDrQ1a5O2
b4lrh5l9VVH9Dbw95lbjoqQl8ku0eNFLGBBURzZrU4xQgA0HNYi/fwd/whSw4ViA8zCZbqhV/vBe
xNpcgKks0DyKyi34KRjuOhXvqTWOdslV4b+FOTukPm1Gfz3XEsz2ggBg9iyokMcQEbWg340Ds3Bf
PeCqB34LqtMO1wKYuOi3Y+lRPI/WNnItxONrFC97DQOKQlfW0Dq+r+mY7P/+os71pR/WRKJ9x1DB
lE/5R42YP81ogTv7ZW9axX7C4r6hqI6Umv/YC3dct+a0NYKoDkWJdHhpGo8J+grk8BX03hhvkL7K
d2lOGoBqpZ/4/zAP/QyIAWib1pGKErz/KMzGk7PU0chkW/vJ1ZAWb1rR3CUCYrRjQ0Tu8Thp0fHu
nOkR8cebZOqvHVpfqzEi8+w771luy6T67HMeFCr1wNzKzxm3Ak+yi6HyLzGtAe1ja1//cE/1n8yg
YCOACgBwo7HzY1dTz6LYpWxUgs9uMVLK4fsNM9NGpB9wfgYjwt2dFpFeyOQQSKQHRJYv14GOdoNM
vutzY97QQKO7XaAYZEXKn3NoQL0Z81u88LrMxTv+kNVGVv0N6qjonuCsGNTUOCqXt8VJRy3M0FXF
t5OXbUZ13PHTeyYrBCor4e2LPLBx263IpXzrIEwccqyEurDqfKGbkhwQUEOkr6BAMY5K1zT6hKd4
/9I1VgLWMNA2elODPNWse99JXypgSCtrsI2VrImVfM2/yoMPTzIFu9nwPXb0MHKIZqpxD5AtbNwT
iqWfcRQfphjtpzhzwtgSd2o9Gb0nbDBPKijsC+ula9tHYxi+m/T6Rn4fU9Og+8+OLb1/TIj5pRwv
grqnQZ5colo/hnEqv64j3ToGrAaxneU7qoVQ0tsGy5TAu8MOmfQRRUCm2BHNr7rfL4XSHZ31UyXm
j38YCz8bCgDSLB3QCkntj121mWZC0fVWuZ8yUSALaa2Q970v427akc9xf9LgbrQ1TDzV/AXPJi+N
f0CW/CRogSDogzN31Ir+Y4EXu+umKVWAFggenyzqZ9dDYngMGu4NcNJ9MDebBR7pKkVr+Z/e4p/M
/pRK6OlQxiVC/LH6XtFjH2SZVvt8wESyrrK9LdAw8xC6D60GepWAjHTlOw8O78C2jBLEQ7t9VAt8
n5Pe35lVdoyGxrywZmUBOAaIEOLLpTsX4zBF16hlhhgmPaY+xqHEFjuiGmLCtv11FfvffwmLujPp
80PUGK/GSf/Dr//9KEr+93/Ud/5nm79+47+vcW4Tnfjq/3ar3ac4vpWf3Y8b/WXPHP23swvf+re/
/LKpwNXMd8NnO99/dkPR/05WVVv+/374vz7Pe3mc689///L2nUeAGjG054/+l98+UuRWaHc+JZr/
ocOqI/z2sbqEf/9y/dbOxVtFR+jX/f3pS59vXf/vXzTP+Rfi2QokqlN5prjOEJGfv34U/IsAHp4M
gDWF/qDsVYm2T/79ixX8izIUyxIpqeXCZ+PF6sRw/sj7FyE4FSoXSoGne7r1y+/Xf/vr0vbrg/t5
uGv8WHAKFApCcf/ogVBQ+PH1qPQha8skX/b1MmATPy4sDnZHLwONpVkr4VJTQMqJUtdNEzh0jLHG
KnLPX/kNukmz+z0AYW8rS08Ls4Y/3crfTvYvzOIfpw9OzrM8zAZNLvM/4QEAqxNI3Ujxad1wUBhh
LJ7QbXB6eUMbHXxA2T7PNvXhctwZpQfa0LW6fwrgfiw+chI+qR3cWocV7T8CuB4I3Ng4ybSf+wbz
LGZKalISikzNTfEiCvnFqoytI0Tjz3fslbGGHQmMtBc95xQLNNQpmj8ID8GwrLfxvUjLda0XJ3zf
bQ2vqaDjnLXE/yfsrJrgCF/+HN6o7JBZB7qPbzLSfqxnDsPsp+Ps9VgLeAiwDS+jV9QbJqt9EeHt
lk14svpleuklmR5CVHNC1PdGd3lNda6y14pbgoVxfb7XS47aq561IA5w1eV48AWhNViwbUdDf5zM
pD2kgYu9avTKTbLgFvSXXsVh8JS+6wMMNWqcPVcT826sD8h9DCbO1o2f7lOKZKtlb3itchUfzA2B
5Yxle0aUWzAt+vW9CYxrHdkGPnyLktjN5Gb2UEcO4kLpfjcYz6/9Kr+eUHOO9FJCCdEQBMXbofPN
DFGniLXRqS7soX6IY+1Wm2LkCgXbFKXLk6mQnMgxM/ZSc5+3XHwR+T4RSH3y0LnpJ6cJvbHcoRMO
b2px8tCBxe0iYR5ajrqTauuWfMvNbhGopu63DCmCkzF5TI1QcmfDK0JE+7L2rI2BrC1CvWiGWcW3
uPJSNBUbBLUjGzERM/4KYpFdSPy4VoPvJJhrDqdY2t+ETxOkUQM8Un5YMAp05N6scR3Qppep4N7l
l6BpPgrdzkMr8/Nw1uIAWNsNX4d7Zjtov5uNRJhtJgBLq7VrkVam2bONj22IHTuSZEhd2cK68jIz
X3VLfdtQH0LsrkClKXN3VYBRTBQQb3UnQzkV+je2ra2appt3vazRJUJyz6lRRsz7uFx1tfnpeoi8
9hqCFfDtEG8AvHR+S7VR/6Idt+p8DsLrEPuOUjqnWebJl87NTk6VHGvlxBPkp5bgzmosbx2VwSMp
KC2sxFnTvO1WLXpAc6zvZ3aymtv4UiL0kCru0WRlL5OTn86flAaPacQkcXLsB5gpHUEl8lIL+XiX
L0hiop4xJiO9ZldDEEh2T7aOIumc2c9anG8aNypwF6ckbVegcbDY6xvunVfzWjdL8uXV8RVF5ydo
oCtXc9BpHQSSuD52X6JNt7kfoAllUiVG0U9qNA49Jo+W7Bcz6uYYGQzEShICGdhY9jZtr6LS6fgg
UyaFwbRc++H5CuIU7UFRzQ+2BFUZB4zUrEVoSh8B76jnvoz2l3SB6bbyysrko1zKYq0ZDUVtHp3I
qcR1ZJw101Krdfm9BN4TTSGsWhTzJWX+CPXIykJ10rfq244W3oY6VBhgIT2m7GH2ccq282YzYLuH
zZQXY+ODwK0XY66Zt6IIHbm8ZqNS+NOVxl8y3iwpOnjdxPYxmcDSoCWNO2LU0N8KtPlmXIpnev60
6KT1DrAb2vE859u4FE8t4k/MHJ+olNRYDmkoo0r5XM1AdWrNMdBVQ2hYR5wkixSA0mL0pgFAfTBO
T/D0ya8LvlhWMxY7PQzgLuCR+k3B/eLOCZ10oaNDstURVFn3UlyB5utW6chQ4jF7SQyLSS00Db0R
7ObNm1h7Bvn3MTh0IoC6XrXNSI3RWHs9YhvB8DwYzGx+Bhfq/GzqgfEhguI0LzpJur/DIgmNdkWz
GHhJcEUJcOLmAIlLTmfUxrVu2O9tyRKB1yLuvbw7w4zSbzbxOmc3I2COdYZc+srOebXPTwQKkU7u
j9ngpH06U3LfTswRM3p9vs1ZT0VWrtM9wF8K9zFXV4EHrkxEGKeCvcM72pVoviUVz0hQYBD1eZjS
ZQL3DSdKIB7oteEknhayM3tWDOv8ZFgNxr7qQEQpvNHTwRksE5n8Nt0Vevrc+c2NhbYNAm48dtYG
cxPL+H4x8dCqFl6NscOSLHjLyAFFE387D5FFMpsVevzVCUR4ikQHPhdvfWNEiS69J/PyV7jPn4Ki
RS/QyL9MnQWo7lg8hgwKuGFirTIaxY3j0HQZ0cXrYgSQJvUALZcuXhvmIrjBOZo0j9Y5gvchPBkZ
auUc9ob5EUOYW4HvVuS++taKkIaCCyG4Bq4TgDof9gPSSPZLVyghiCm6OA/MaGbxxtjlC3MePdQQ
ep0tKnli6d77NKIgB6gaoaKH8yiyAqYVamJvVoIucOtvvIhVQjd5nI0a4B00fKrz5dVs4j4+NMoM
FpqqPywM2Jax3WJ1udZccTILLFOnON+2o/uqakOByaRSqilatEtYlpQHdQQXqwYl+PNndVkf8rj5
qOjnAHhCnBoNHRSTmo1fMhUvNPbOXEWtVzsaof9W6bOrjoypMoTn/Ka0qlPNskqZAYN6zNBHBBkQ
mgRWJGoLN72AKRmGqs8kz4MHvwolellWccy6kzVZiITNjWFX9ZoK13e61QziunnquLeRj6utN+BB
0zj82psxKLPh5OLD0trKNWnq9HWKtt15xTbgCoRDkHxmSbelIybDAjLf2ikt5Mudp5GrD0e/PJ3j
AA23bfgpLJM8kxUC7Mz31XFGLX0deWS/1vTSNywqWU43cu7yr7weXmvbuy0dbe0IeDgYd9KDQhA0
y7+q6ZFaQrOemuikTQyu2atV6Hw1Chy7WWpZBt1dCYZvNdRMZOZSXlSIjiVELaG6Z5Yev40pwjEq
9NDw3Gm0eV1orEKLTiAN9PUDkaU0GNa/vRbc0xR7JY/ZZlV33NxfQxADm8KxKZUsO0XCjmHRYxg7
125AgnlTWzgzmdY2SXjNY9k8jP3yHLgUou0VYkZHK682Kei5lQ1VdO1NCJyRFO9tNwm7Drw9Tgt0
WyNtQ08KMHx+3VrHudG+k5RQDyt4VYaoz3eFb17WdqAknKaXuMDgpFbTKmScjtiHu9OK+gTvmkkU
NtHaPLodYDwLi5zzvegGPQ/rEoNVAY0Cwxa5ikviK8vhFLLpAGRjVGbvfFNGK4olyvaWd1mL2Znt
zd9jH8iQazORUjDGWgmKHDY42mdgg6jOhwlL7ob6RqRC3bW+xLBUDeB2sa09C1l8eT5LqxMwfvAM
R0s2+CLf2Dp1kIQtS/Bcmd9QAYDej0YveK8uwTaFSHneLSqOn2z8S/vi8WyIbWGDy7IR7xUppTOZ
lTVqIkg04vwz23ssJQiLEibQcU4pfuZAClyUDU18b1ZVV350w3BvNtSgGqrCoeVxXzPnRYF/R2uB
WPjaqfkWIspl6mNZbU/AOwb5TGWBLvn4FRW8OqDFUKJHP4xXsFgnZn/TE+jh75F8+er45ZjTnwJa
p0u5KdzydmiLU5ZVt7WGbUoKQDBSALfzOipu+zjR9x60ddvNT4VyoqsE65DW9ocySzTkjHRzUw72
5Yypgm5P+jY2GKudhdkCNNmTkYvTefgFI2r6HW7lAr+hpXkrF5SQJ/8aWA3DSMVzYipvz2FQar4W
EhnH82ScGdjjqhjkPIlnHYurkel3kYWm5pAbxD15SzkNaDaPchi6p6DFPqGi7bqyKv+xLtPbqepO
WU1WY1Jem45T8mTVRhgvhBlBzOpc6kokqss/zrGv58JqjDTWcEu7LEdi8FphJ5kPkDNMiy+QuLzd
BNxFl78GpDcrYySEdPXokA4pHoT5KYla5ku3xJTARsAerUj7YMztrb9EWzHMrH8+mXaWdVQ4czh2
KkRd1PS/5LCfGrdCW1RFGz5tPM94jUYm2LYd90nnnPKShRSczUMR5HcVNi2EAMXJ62yUGds1HHpy
d2OtS/9xSIPHqbKYI3v3sp+d03l1XDQSV9MdjqVMDw0hOAlF2oeZc4vt+yntiGqEt3wnQAk9FcUX
ZfRI7ZNgkGufZHIVxOPtqOKGoESkOkZJyRfZF0+INIR1z7HzZDVzQVCp2CYXV1Q+CAKaq7ZzYQcT
/Mep82ZWn0PKJLEIF1oq4s67Wss/z2Pfc2W6S6M0wAWFLYoUwUgPQ+aBKKYauocSRSGvUusLvpZJ
lX5T8QLU4cfCJ+keU+Jhy80Rr+Xe+HK5TiFvrZxpfBf9KW9YMM+PeUnu8oEScZDFC1T85DY2/D3o
kiuZMPc0Q3UyO84VD6ddCt5uR3MGFlL3QS9C2ZgwWWdfKkWiAaMmtAe5MNudx7Fahxvb3uszp1UO
hO15eTtK/0oadzMcN4JDQqTZHD4JNU/0WYZtR9OjdIqv3gJUNo7zZm5VnisTCtQxynKkfIdUm+4l
OkWgnq5qvUyv6zq/1GoehI21eOMu2l7TmlcrdZ563X9LguDoFeK2cHm/hEFvvHCL75XjjTsKsvn2
JteZYprxMV3cmklJjkiLayr5AxvKYiOwWIvkepGh6eBNvVB7ND3MbIMIdlmQh+egUtUAjI50XTgA
J2yk1c9Jp4i3LgVXwjwCQqNOsZCKvnlivhqsGj8ojdACcNKTywK5CjxtIv9ikVzojopSIJ9uW2vR
mPOuTo2roQ5Q4o8g+zWGFuyT2LqpiuBrjDw0gmQRZrmTb4N3UzT9Lhp5a4Y42k6jDp5zqK5YrK9i
n0isW4oLU+EFg3bhZXdctEUx7OTOgK1veUhqnHveeNGMGaqVLlL49IUeeBnFwQnS+tB7NTbyUyGi
UFC/XelViWbstHgizHxEVgOYn8gfZ+1B3lZFIvTNWPrGNoCR56a1OPzxT03gedAryGcraeLfXcci
DZka+COGPHbpOXt0+PBYaMYnSx36fBKRSbCypyUlDuc/DhH0BeEZ6cak1X8oxvSGYrK71edhPIwE
YgfPwa0htrwhzJcZaflBa6rD+R/dMLFh9ZP9H3/6dRPw10EOfNX/bUOtS/iibqZkwBGKs830592c
v/3Hxn/sDOvICusN/jn/7fzr+ac//hac9/zHH//Y5v/5tx/2mpYIxo5Uan67vPJ8kaOTIQD3x3HO
p9d5SH73Pdbe5w/O/+C1fEiyWVA11NoODApnS8PZLv98U4LvIkini7MNlKGDC7LwwkIitrRhZrRA
3dbtGPNARhl1KDtbFexGfo89926o/WYbGWWFEmRn7mQx7Zq+Gg56chp6vIW4l/IQDejUT100YUxW
uIcBeU6a8H7vHjhv53D+4/kfvLqT0IrRQXdiCwFkCklkcTkwu27yDnGR+YfzT0yn3iFVXudTb0Cc
6W77OrK3AtPHg9bW5gGjWvMQzeMd/ubIsLhkmLRAPnLW3zoi4biIlb39NJB9eeXGNUr0PQpMUqWe
7XhvuUCdVKTUJA4RqB6IAKGLhL6VW+U5wpU1wMLAfio0N/g+zJtstg7oR2BYAFxjHaOvbJhIbDhu
6W4wW70eBan8ReBgL+HrUb5rTJBBEXwjEyWFrTJB65Oj06HZl2D7yRqNi9/gW7z0KQFER9Y5olmX
j3f1CEzb6Kqj5hfdumqDY6SjYZw+xXp8kAVQNbqIQGylX4adsUR79CC2+CNd5668SrsUDKXnfnRR
fltbtrsCHjIgTb+Q0hSUO3FkXQ/O4q+WKL6ZYGxYQ3y7aEAxNYF9wmA+DH6eX8oijVno/GqLMuKn
OdsffoWbm9ZgoDHK8jve7mADm/6jAVI6jdNmagrsr516J9L+1smGY1cbRMHldAWynHTFZeJtHIko
je1f0Ca4rnoZjh0SrpUlp1AO3wtjHu+7rrM2lo1YQ116GzAFANUZEH7h7UVkFBeTIwFR497SFpa4
mUrM2hhAHjUzb1/iJ73qa3iKpWq3u6hb00PLqe2gGm22yf1Uui5BS25f6k7ro1EFjj22B2zsOrBZ
0n9wVH85gLtpJjTPK/hT9AlwwUC8br0A/V6DpaTmW87HsdSMvZfNNCOR1GoQdlvbPWAZzPmaBiEK
uxsvg6AXa5z25gswcWFXAw2leosbyXgy8LylAjOGMngwU8rQMMUuTTka1G3lVd1bPpgBH4XxqtnX
Fhj+0iXJrKP+O2dAvmJEwS63aoDVOICMMF+bFDsJSho++PWdrSeQ6mElx7jtcRrZpkwRZ4tTYCuB
KY754l3hUwT4gggfeDP1OH2dIQY/6r1zEeDzZo3I/Q5d/UFquI9r82SzNO5yIjH6w/pmiPKaNIYa
YtZyKOxiKacmW3ARl4nu+8eR2jUDCIhqq0OJbtKtiUi54y6hJ4W9dboeIqhjnHyniPGvt290GW2r
TkM/vTOwebDks9snt5QRntzI3w0WkwUGfLfCDa5Lw3uMIkoirQ8ny0hvOk3Oj1qnv5O4UlJxs8tB
Ey9GMgCo84bbukN5HK29dWHXGJGko39RBQ26PNkeVh3OSzMkVEqoR6/HaSeXcOP6VtLFni7IVN4p
Db0nS3Y9GtalVkDuTquje7STbIA8Qp/EkCmLMa3KLrrSCmRcXOiV1YQzfZm/GQP89K6LGbYRRRvj
WE3gc3uXclXsSvTEdWB+xOX7tvFe5skrbkwMf1V1rnIXnJlF81kGJYLOREaLOV/lFVWEEheNSJEl
s2VqwyVyb1urbvcN5MjZTB77urwOMsyo5kHVHgPjRo7j9ZzJ4QD7AQPbvF1T+OZFLaKVk/kXfhdv
lqjGGFUu6WaosT8acZ6ktnCROB3OcxBlqwI3UFPOF9mkpRd9md/KPq+ZO41hI1D/ubyzRtt50FKy
s8wdt1GCOCZ+pEQw6LT0s/vs2A5Om9hCkL2IbtxoA7qGpnye5+CWSC4MRiw0wabNq8rfLWn3Fi3X
Tpk9IpizY6p7TKVcgx9ZpwKGAc29NYIjL/1Ivbdx9r1rHQJsDkpzQkxRC1YOAUkuYjj7VvNQo/Jd
0wqK5j1g1C3NUzoc5IhKTStRVtb1iJyXGy6md6tHpDg5i5jvTHdFl3xY+KKkkTjOoGb9YV7pRPHN
VAKXL8LcwJAecz6JVJ5uDx9ZMlGbaIS57ssA3zHn3Va1DI0KI6V1OiVa2ONnWUfHpTOva1E/9q5x
Qrzxht6Wi23VRTSW78B49jjKPmpGnG2vRl9LrnphbTQ4CjJGVH0sr/pasFqi1FBsJvibad3eIGF4
nTT546wxbQRCXGdjaI/me2ISBptNu69041nG5p3nNtu459FDQaCs5TQr2yAsB6N8nLrmMs9i+gAD
AtMIYHPPyxai32J+M6b61ijiKzOVN6ZL/cDxKLQvwjwIuw/TAhshvbhqY2I13HNxOoszaOKLUeHl
lFCmsrMl7Arv3iLnWo28l8WCHVEyoUfePmu6dVlSj6hs+1k9GrUrtIf3jdJeoTJmtteZ/81GoJaM
HVxWO75GvvsxNd4jigwBOJVp8p4KHscw1a8z75AEtu8bKAMn7w7EHsyiw6hw6Hgl4MkK7yJe3EOt
lYfAGEIjL0xqLvKaGvzKhirmUwIfpv5Cm07TjEK9Rem08JsNOmohpL036in38/0c4wgf6/hVUfG0
I8T3C4D4yRLcayUdCqalflcUDanq5aJVSyi58YhJPrupd9f55Vu1xIde3PoUdYquBYLcnLQMcq+V
aG8dM1mfUVlCDBKfCwN0CZ37a0uDG3PdT+aV1HCuajNAmUaT30/O/ElN7IVQJWzq+qNNL/2MYVix
XK2pH1yA+kd6vLycSsArAN71oLtclibaukY+ktn6dzMFDk86CRm2xGoVQe4qz5p1YXi39lxh30Yq
SVG0vIpQv6M64ly6lNeMoD1ovMzSvuwzH3JXcSSujsPZ7ZYQ8eQTanCf9YSmet/hiG7Ebqgbm6bU
nEsMGfdZXTEbVL3qMtVh70/vXd68ux2rfmUzCPWcFqtDUbm+QqJ3Y1Dl9kEPJVB2J8yYkxGAHti9
dedgNxtVNWmUE79KjbGmhNejhPAAh9CN1OBMlL6zhPrQI1HrJR1W2s2F5mVP1kx+1JTmrpxs0ouk
qrHNJaUq0dO1peVdYqVaY5B0T4X7ztUsa50VLPQuJtKFiSW3PcuDkRn3M0GSqrzkIfgHCsqkg9BG
xDzIfaZhljDl9o7Z78Mwomcn1tJdX4+vAwonW+pL06qdhpOggZqAIDPSWyGWV32qwL5VrOlIO+ND
ismBxopt2zgdiZfRZIzIrHwZAgqnOUDRbZVKUDWU21hcr80ZS/JIDq8zHneDjvmXJ5pkvQB8UFa8
T3Fhc0+K5kkb52s3TZ5KvUdD0sNabQFx08vhMjOdnXRN3DfMmzyibuLhA08LL93QBklXAMy+UNkp
VqFDr2sl/OSxcYJbWfrKW8e18nd7Ib4m1nM9qlJzSS6cl+ldhkKgjOy9bdav43Bj9GvHN96bhc4r
/83gIojX14M06cDJretAW6X7Di9bbkHwrujxUhXD2n4FdogyrL3ScQlWX/NZu83fPksnc20T3rcI
grHK0XzGFooBonMIl92rvaXwfJra2I3JWwvK7vevmknNbARYRG0S0LuagB9zOOEEe7WLoaLPGUXr
2Rs2M7sjkle/mlYVWunTggYi+40bNOMVj4iNI44xJAj/R0bOTMhZTVYFvWZYp/kjtjetoDBH7Syo
8q3BglQnbljzswW26vyz+oz/amibASMHNRuEzdiGINVohk2rfPH0d7lvhbayLNze+P+a9i5ZBXCc
XasxGHHQCvj++SMUG9XP6nUM2E9WBdd41+4tAV4bgbQb5qG1QcVu7PUvdWIVmmy0KCnzpvKuzkxq
c+O25xuwmAJ+HcuAEk7Fi7OrbQcWqgl2W3mi1IdEVKE6V6drChwVo5MFMlgdvG6HzfkCaFxbOQ4o
/c3UVKHanTovdVhNXQ4Uy/O1s4/G2cVkW+rbia/ftHSyjZKKCZu2Mlqr26MuT93C3y814KzMiWiO
ulmzkEzA+EpprInJ3jB/b5uM0cbfOjpgOIKH6me1jaDfr7vvOmmLLahmsGmX/7o5SoE7PcWZh93l
QYQPdL82qGNRoWgSb6v+FPOx6Py92gReY7gMZCiwGmyj+FC70nHDQsyYd7Vcz237LkV1q3aptgnE
sVhu1BbqnCrxmRx/Pynln6xOOBbOhToUh7iWIx6iJM9ZZ5wPp3bnygF84NHCzooU5T5Y9uhcE71k
G7cSV2WL5gFNLF/pLpoUFlsUHXuLrh6yUKtqaJtwNOl0xFb6BQz+0eKtyiQut4vm1rsk1jWW+/n2
3MCv++yL5fZRmxiupdMglFA+xhnKdnqp7wc65qY0aQdnOCr11KL1iqEINBqv+WjaAUf4qoNuP010
s5FRSrdVHq1c6TR7pwWS3WRXTfyGpbVksTHvyBbey3Eqabh7N2cYhN0wUMfyyCJJsUw1Rezm0RaY
Q8P866AUzIJEvqsuIPIlZplcWHH1IEZoA4sPWgd5ioYYh3JDcejEeKf+K4PG3NQKJqagYB2gIRN2
/HbcGl5HB4tFBNFwRFCjUWxT7wMUOO5KzvzSRy1ejg4laj2l8r0QscEJMjdW6z1ZS/ZqVZ6/dpsW
7SgFFWaFqE+z0z/kMfHQ4lBkd026TdbMmmGPpHH6hTdVzsWsFqw2UxoCDUVjXBqYu2L98VzuhlHD
liL1Qi1sy/IKAVt6VaoDQ8GuWLc2/ZgUvQvNTvdBK5I1NVaGN0XhuZxv+wFp5KwQ1zGygytXtcz0
HgRFV+UfdptiahyTPZqS868+hS9o1lrFK/iJja71REw09y9ka+z1kgaSmer5Wo82TV+/VLVRoVOb
Z2GkzIEte7sYNFp6fxBre9AfoG7RJTOLUyQG5UpYAeKlSSHiCI1ci1zn3Jwkdt5XHrWDKqHQbYLr
W/WRtVuink5swTKM0ADcq3lnuaLamhjv6XVhX9StftkGFCNmieOgVM1MxxRX5xJ+cVEKTvOMvBJA
xVZ6LcH/jdt0gumiR9SyDdWGlga4t0I8xBFB6nmg+x7GJEPlblojcDbIkQ/bkkxm9sZ0V3U0/aqy
7oiw6DsPasjXGk4ni3SyrdNcubNjXcwaT3UYfUSBiBs1399XziyvAZSHtFWcG907BEJ7XqLpI/UX
Y5MG2fZ86AaT+5Wba+lmMissJu24usBeDPyX4o7bgEgmSxy/kwqqvNIDx8jLCsxNwcGq6jpbUhl2
MSz/lHEhdfe5gBa6riWF06FwtmNA3LKkN5GAep/OfNPLnDWahLyJQ/JoKWSGZI7OoAtMGnx5kAy7
CuWGsqLUnEhPgxQRHSzbLELw28XAs01fnEj4GC8FDy5Mim1l4Moppw8iToE0yIxaRyUue7ShoHx+
0w2aE4ksrsgDnfU8LdhtyurWSsQH/e5kBfIm2CR2fRii5nbokivDzb784joICI2aorUhXFB1Vu9C
NDC2tXJ6Auvyf9k7j+XIkSQNP1GMQYtrakUyqcm8wFiC0CKggaffL1B9mOk2m7W976lLdGWCACLC
3X/VrSuHPUDHf8HoaSJ0rb345JSGzAnHCPZWjoMzhmWwLBY4VQGKC0sqL7keijw8++ObM5h3OvW+
m0ERaQfKozahGmx4lRjbRH6koSCmNLKcAairp9DL4lPnQeEHLlpAgzoDl6P8uKWKkY/gDwSJ32lW
ebVn+ymHQQjYA3DDAiaJ/r7tzDc7oYErxF4Dckz78tI7cstxsNMSB8xn6NJd4IIIlB0xxuUuDa6j
1jHAhTI/z/DiCpOqTH3JABJdBPp7VpW3JrOf0wgekGJ5cXRQPQKWzW3BdIgFnCvL48zLyCTUfiv8
bCHmzD37MF96tk14E8yK78IpAKelR7MilM1EUNk0mAtmP4bM38zeO8skvRl6fjUr3oXCjz7FQLRo
A6htdIm7ywaX9TxikdBpGzvgwG9nn6zDlg5UG9+jkDhTNQaye5g8cWTXK1RyVENj+qLPzIgKfsJ6
rEZ6EjNdJxEJZ04IsRJHhV8QxExAVRR9ISMyESLOoAL3Nk49HIYuIw9KZv4lF96uso2LlfZPqBlj
Roe8IE5Ps05gkfIdKCgj8npbyrLZeqX5XDW+PAGybeISMypHh+lRJnZ2xBPuwSyJ63SMn1XX/NCw
hNuaMzVAQbZF3PMIfIv+IlzjQ/AHZoS/f4oCo4ZUB20eTg9hiSmyXEwjuZEKZupqugeLwGxkr4cc
cK4OmzdMtPcJ1nfr2gXTdttvwmhe/pCnhuarqL7F8IhPeWF15xRt2HaB/LLYuZsNnUQvXvNGMT3x
iyMIVWduUvUQapoa0khY3BRiR3ILDBzAm+00xd8KFHS86q0xhudU9xnW0G/0E28vg2Ake5XzyHvz
VNRipQmkLQt2Bot/VZX+Rz3MH8PIBlQmYJ/Sj9iE9SpE95H8Lx4Oi+ji76xgHaczqNUY78A7/0/R
U22w0ODAtsgM4FBM3QKKgvx6XkJEfWE/z5BDD3nDGNESAUMzf71wF5KOm1QIUHdFj9JaNr6Rg11x
lWTM21DW5VUoJqMbUhYFvntcfmcHo3rdsxv3RJ6i0MFwvHXuJpMOR6tOSdbRv/XAkb4C8GQnTzSg
T3PIffvvdHL7n3TyPz+26eJ67v4jJgkaV5lXiWwPtGmHjI1jnPU734U8KjiayYi5S6vvchq9DVZK
9kp6OlGkuuJclAkLgk4OVgDlSgn/blI0nwgmwBZk6Zsi5Es2qgCb/R+e7CGceLvO5u4tpygDtjUp
Rec+41gzovy5rwMWAhTkQMTfqmyK1HuK3QFzf5Pn8YdrrwgORcEoKJDTlSrrc6jZsdUOlzuEpECt
PHqajA9pdK5+y3h+qAXGzP/9ppl/188oDjk/qGE6Hl6G/8hzQlKTur0wm4OITQhwVfAyg1Hi6MZe
prDcsX5uDZWIqVg/Cz0C1OVYWozj1NFCw3JxS5+cS1u89oW4D6WxW8gxM3ahq3lm83CdqaSNy85p
23DnHF6hSIseGZN+/mGzWeZrb4DjzrRIitwQDvFhTutHJEwcqtFRxSZGDKXVCvzvP777z3fGxBHE
QoXhwWT8hzdA2MnU8GNimDStMXZxthGBF67diGMiFyH4Fkk1C5leMzCBbbz4vJD0hMmjjHNFAlds
8mAKHmzM3U3pbtn8DrPDVpf3x6aCYrkUDKMk9gKmQakOldDKb5PHnSmw+yuynC8kWCmHA8H+IzD1
GMCI/PkPdchOIihztBVZpWFVMDTbwS3RlnkwqZIRhkc2HlwN2f88LTykZLDkyW6qo+Nh6IA4nwY7
wg3Wjq1jqYhYXkh+qJ4BA5mMj8jzSvd+DfszvWkB3KNwek2hJsxug/27Ol2BqyoKcoLXl0LZSPwN
PG4GYNZRwsTa/PcnQlDB30VVuHeaBqIVYquQ82II858bmI3yrsomQmaSEmfInmJ133oEYhooyfJi
uHdmByNT8n82hexOjiONTd1H35zJFe7rK6MNXyf18lWKZ0VM2Rl52B3Waw4ef/wjERfvNSGefgF+
9WdTavSjhSFg08tkK3TjSxvmX24c3uCe7YYmfjH87NtL2Thy8czggwO1NsBQYJWltaOtm9K9S6zu
NufECk8y4Hk4n1LxOPHbirfEB8bbaMq2uStegzbCo6XqhgffHbft3J6FbLVd2huYQBb2udAH+2xD
d01TdHU1MEnER1/6fDwFfl/zJ4V+DAZjE+fyoWFWd8BVNaXwarBjKBsNNjnc2U01MG7MtHzL1oZ4
o7wpDr4rHYadbHiKGbbQ2cwWBrpt/lI7fp1RI6kizamz78wnxcZjb7ItqsCFSbX8vUEhZ9biUevD
7yLPyFdC92Y0v5aCMsyrqyNAMOuiw0dGrQxF3Kpd+2UO6ovqi8Mq/nCT+uiXwSs75U21pnTRJGWr
2VCUtR+Db38EWrVJbVKR6z5AOuLXe8aQFzlTcfmCGmEue2X/8KmIQVT8aws58g4O47fVj48yz8+G
Fjk0iXDoY5MqfCYouQjfwjo7LEzVNvoqw+6HMNRnRfQQKEbdAkmEneeYY1li26e8KXMEYqd15Vak
dKKxLC61476kAgavYnWpirPJGkORQbI1pPKLl0VHL7SRwv7ht3Wq7yh6Fp2Wd/SRtTzEcEg9hghu
xKhDEeisCNgpxaHLKrhco8lx268MuPdW9dLp8Pll06891QpTyW4biJG7pjMfsS/9CNQu5M58udbK
t1gaH8sCj+oq2tgFidRJDwOgChHASONaJbhOok/TwVUUXdtGH1u/e+FwtU3BZkPfs7KJj7LpyT2B
rSN2YzTPPm0RHvpPoyyfqri8Tko3QcDRqqU99hsOfy3IcFGwghfB8HwT6ASKm+QLLW13Kxic9Dqj
gJnyXlf0x1LwD/HIiuLh0oVfTPqFWF7bKDrres3pAWaUmd65cmD4J60Zn2tusjVXkCSK4mPI5630
ELKlA8A1yPhrl5b6uYOehknJehjS+JoYw5FUnuFQGj6DHhejoWEmaARBGiMLfMTKouc80Xx7b83R
1aa3PIrUyTZVoAEAesNlmOYfdjoZzyl+vVhvXXDNfqlmRCyt++phOQYGk2sIA5g4xfA9NQLga3yE
GG8VDGTb2NoVUWOsB8Pst3ToJMQgrOi6bO+05ECPeNlvSn9UU9KWTtUCuGsVsQeSZnFwG3u7EINa
ZD0Tfhg8CTJxouAEq+xkppXcpaI4zXPsbOpRM1ENz3cGU/N91AuILEVxzNvJOM3+fBcVVrpFAnMV
nV7xcdVMQg3Zq9asQej6qCZJfqYtw91gN9+jwZ/aghlDidPlCUqaeXLd5q9fARvq2NCfhKE9zjo+
uNDXDpVmGpvIMV8cv5xPfvs24D7LfAkqCgm4NhmR6pctYFDXxvsySkf4ilKcDfxroTyMBxnM4hy7
iXuq5+/lN436k+VXKOoAQWsLmm0x4QvvmTYEQO9uhrx+sCzXPwfdnOy9wnyPpZ9exnDE22fON76e
20BTk3bG7PGuo/85lMN8H7pucsiSTEc50kE3zySxGILAjLKPce4obfsc9cYVEp29X65yuQrTxUGj
MJvvMoDDEpRFDfkhBlLxJn0d0Iauy8G0cd3u90Y4RUcny8B3ZEpUWOKv7Ziv00qCiDUNE7uMwbkO
eLg1VQ5wA0Pw7OVvsoNeZ9jhMXVr51ypIiTQUQl7I1pqxGaPVti2h8H29q7OSCWl7gRoGd/Qge/m
eNqMhvHLHJJ0m3RGfbZkW5/HSP8pIafvcpU1HFUj+cFeHu7wyd2mY68fXasAzGFKeB4Mi/DSENiQ
vfg5CL23NO5JDw806CwBoqPcWeMJgQ7eTM7D9Gi3033RsFwiX78axHmTXjnDHxRNchifw2LWT158
mrmAbg4LBkN4kUBy6veNnp3Cbmr3Wu7QJUs5NydbuA2TDHPVz4Ao62TSrwUMpxME++SYlAHcY5QL
zAj1tD3RFqaITE4eOzUHT+Juls8IofLi6maOa8PFNi+Lo/sYhjjeYIxAacZifIMA4xr9tDCA0wYl
Slm2MLNEsa4bhPqmGx0WCVfZtkyA0/47xGhd8eouy65VKG0G9OpfWeS8Wvn8ulQXWC6WG3Cy/WAA
54Vt80HiarrzgPtgcmc3D8ORdB7bjab0DDYu4NBKsL8Otgs1OhvHeB8hqJpsjLDq9McUhueFnl0Y
mbN2KaSB68hcMhCtDY64hx+1W65yIUyrEdEc5Ncx2kBqPOmRfq9b5LkDqqznzgf+al6WOqmeOD6G
MN9HCXSrLPDrtcD/WJGd8bRt1nYxP6rjc+GQI36B1V+z9/NT4KKZPBE3BuW2SW+DogZr0M4p0+uX
WeY3xYdV7HPHhIGOsAkocdw0SAJiRJBBSfSzmpoP4bTh1KeUdvikaoCag19AE1BdtogQzRQcrpLr
lPifhLniquv4nhbqcyohnYlO0lrxJ4tIZg4rbXVbuP19ROfuxjvs7+Gpp8Ne74aXuY37Y5HjSBeb
0V2dDeVOa3aLZmshCOMUl69rjV60h2e/dSXKMoiU3yb51yvEc+jJTPpbOc4elgH5SW9Rvial0qD6
xmEU8r7W/JfQnsEqjSvdLdoQZ3ixYe7mWfw9y4y1CgTViZdUWbk7TsYoa7ph3CJXrSa3xiSv0rUO
xeQgNLEPSwPtKrZx17gPsCUehrwxd30Di6t162O2TNOUHtAXR5KprppydMjDCUkEufZdeWr8ajNn
5nOmBpqVUteIhHmMhm3oEHUULebFNuBN0en3DcoX/hsPzContwhw+RvXiSZT8umZohnjyQzMFEAG
SUYY/O4jbBKXN2KOTGaRlJGrxKjuKaKH1TJsGQP6E7fP3l38XzBC/kCadgzBV9AVp8NGSwaURFx0
c8w76CrWSPVUhNRFeIZuzG6ekejmt0aIXZOJ9+ULQjuA0MP+YBZju0rs5kWJdiz2B3Zb+a5qz2V+
EOBj1Eo73Kj6vJH1cwp0jUiG2jdnaJMktPWRKC9xLUjFGNynbDLvpWjvYhcWdFDDdG5IuCCWG1Kt
8l/An33laxXCmQR/ZAfnJy5N6+yXwcZTLRzfNSy0t4bLAmkHHg/eiQY8BP5HnekzIZLEeampaz0o
EVheqifk/PZ6v9z2TuxfWiVFjZUUCQ8PLs0Cp1taRMFH+G505/XhLxHelWjOmVa/ambwXYmZ9Ej4
k4Soyc3oltTkw3wdCq41wFUa9Mht11ZfPhACsWH3QeoyZttYhD/0gnuoqlQObLIv3Ns8yNuhnPxP
Lc+/dQOxgFq3rR49OvhK9G31Ow3So64GIDmTX3S92jGd6l89k1NTXeNI/Vu5Ha4U/txyiT7MoYLu
I5/L4DTX1TE3DehieDHTaBwGwdLxA8veCIHjVG8ibuyktbcj2LrmmHwvExFcWTchkeZrl0HgxgJ0
X/6YHNhV0OvPXup9eaN/zwxqq+qlqO+2Wu8FimvFHVDSoTK8FcTMbecOi9RmPqdK/f5nLwt50EOZ
3HyC/kjv+43BoWQaXaGk7go887EyH/XdFNHJQxJnO2zQTZCJNpoDRbW5r8qOBkdp7ho8RNa9dHdK
tKL6cdWS2BPtNTUZX5JGawl/ZioJOFz09Yn5hX8QgkGl8Fj6oyri1A6jCvFMm+Eo6b8swqlFgaGr
l0pO4rUgrblATr0M4Ja5taGqZpe44KwdUN9gqACvNETyS+GXKz6VNRTp2mShpgwiD92oI7MngnEB
ABZ9DlGKvAiwv3S3h0qrug4Cz9dxg/visXZs6l4q+14nb8iD0+Hfd3O7z0sDRzO4J8e40SFjOR4o
Tpyd4ikqOFpeO8vhYdjnxAqPumXYa7Nx8SLGz25N3o1ApCvu+9l5aqsiWGOeBcbT9ky9zZ+T2mVT
etChrYOVqCGe06+hJ3MqFlFxsMZdFUFp1WLH3Vrmxmh5iosiVosnTqLC3yKnHTNMtvSCRj8f6PaW
S7ASdtwhkJ9WpKFPZ3GL0XpoxoLTlR0pyWkWpYVq32VAqzUUB+lgbWUwXfVJh4CB6gKLW1IFK81d
EcHEeqr10yIQHcKDZXe0Ru0GqacoHhaAc2lyjR7dnuleCD4BZ2f6Xuflp9mKXVjO983AQl1Ut4EL
XmnLsduZPzp/fPFFM25aC4FaPBbWMdGwYSTxq0QGsWtz91IRGwOgxiC/mjRi+PCAKSNmD5qB0jc4
LDYdUyemO8N6w1xbW+dDj7BETXzs0ELz13jFhdn0yfXRHuC59F1Pw3eZCvifLv7N+BCss+yaxLCE
iE5hesCyWTTLi/IkmuWRHe3Ft+TnArlNE2ed106fs69fEm0mTHxOVlDhGYz5qWIpFBvpJ5+L4g2l
KOdq1P1wg/lhhLc9lO5LK8c3LCqxiHNehqC/q0t776n+tWNUAWsMzZbydSAesdzmSuWl4GZHIpbl
4pd+Umj4NQwiTFZRmTLyiUsI53KF4sD/c/IlVX1tiGmERhrvlBpzWV2pOe0s2Zy9woC6lL5aIT9K
mcij38GhC9pVpso72bI9L0suV4jMAmoooKjrf+ARWTIB1+QeE8jMondvebnM5Brb2q+iY10KEe16
h53Tz3E7UJNjz4XrqmEmuxzJXhr+EAn5isqp4A8krdfDCkqUozRR3SwugbCVFSq7snqGUC3A6hOG
zjVgfl3Vx84Fm2jcF4AmThZVI5UaO1PnIZeDf30cxzzBYwvLPU387q3+ow0G4jLBK2UakrZ7iB2W
R8UAY3kbRB1X22VdLDMEAcAC5MMHMp/E+9B9UjUzpM10syAXC4DV2l9koz0vWiIfafNKQGq05wSD
OC+cGCTOb9EooDQE0a6gHmb2yLXiE4UQPrPXQI18fMoISmY4WmhRgHqA9cEgERsDNc4Y50uoXsiq
o3dWtXRn4qdAD3oUdXH1sXmFdVhc9IzNt6FmikMB4wG2N4XQeDDViedB+UTKnV1VPWbiQpxjXaP0
gnhDqNmXqrR0Ss/lLieR9T5Qd3ojA59F4qW/urOTcJUauGQjOMVSXNRpfYPuPFnht8L64gh+yizv
qz7ZL59lK1R3rkBSk1q+0Ph/FwJJNG5eJ48nv16ExcppTu36jO2wgYr3ywxohHWyzJvHUIdwCiah
UBf4Z85ao9oDwa12CdpDObTzTkGYUM3AvDweS15fkTd/NDS3s/RfkT4AXDDLgFFv3KVZ9LGsIanr
w84dawQrbrkNy2nrtShMlEeNksQ5I26MmRdeFyGtpwT4Ss3ril8ZQwpUTP4ebQllhlqZXp/dGBxp
M33wslN0ANr6NG5TCqUxMdTNeFsgjjnHlKBynqfotfttYy69Gi3OnsC9R5dzK2ipVz6jC/wZgJeK
7JucvVucD9fYn5BbhvqCf2PDL024x4t+khB7hrsVJ2feFJdJmQnkblrsqnFvoQcoLfoG9bJOMbV9
q6ZTqmwBI4s3mMTtFlWhqudiZYVg5shflQJxoY3YZr7LrISRsQTUhj6FWlMcTCKFHVRB2yIOGBsn
vLVqYQH7nGyif7F5qyB+TMPOQuw8VBa2oOX3QhiAYg9mWrSbwQzbza2uhQ6jPL/Gc0eBEjo3tDC4
X+c3droPzZ92qp2JlbbWavJr5FIdK/Bb7XpJ1W1h+xc0R6G5Gsbsl5pBDh015KLg5vx4C/HSwcmB
99pLkQZraH1UnV4x+u3Qic6BfRwcYt6WHyHqMY/0CyKYSqJobWIf1Jy2UO/m6AUvi69FisyaMxL2
bxseSjwB0krr1qlt3HB/BRRnXcUl83QPo/JRAJxJ3Iv4e/waaEMqA71q2AgHMjCaFgu1OS2EXIW6
fJoyR9Lx0vx1PBa/Qh/b2ateICTmtViKFZRQ16Igk8qLvtUdVd8WmTUdmVJ0NIb2ZyadW8YG9Kxa
2XZ6KZggz3aR7ZYxv0Zjqm+KOv/VZfGdqpzmlBKN2naXJTGq4oJ3B1jlTdMZw+C2Dq8Ey1djfpcd
AlyXQYejCgnbsHT8O+bzsmc0SpeeJBCaUvSTK3Qs56Aed4zFt1wujR5g+h9ZPJXN2Lm0zh6zXB2H
pdphTFqO87Sm2kiRVNDthvlGOV8wJgLeUQqHvG5/awAeAhuTtdGzkeTfUEcZ7gbusdN95il0YJYS
3Nptv4FLhsMe1l6wMfqfTpLs1eu+7IlpEvN1XbJb8BBHQ/WfuUBKlGBLmalFHlR++6dXIoHo8kti
4bXseUVwAtNcD1I4GzUDXywLvNje0UfdL1YFuhLFRxNT3tJGLJVTQy7rJzJdBByMeVd5Rk5VPYcX
VXtZLnhoFc7345AG6yauYfG5r5NsKmjcr8swYZljiGbCZL03nhdzjDqbYNumDWxP9EB9yjbq+RE9
tOmeInyjzYg3hyiJPSa/4a55mS2ObqI6mTMRe9dV35OFARIxwuNa2vZzBAK+KsR8GFvegaLgYNf8
Xt+V6aFTNi+5W96JzsKDxJm+vOH3olIPZAq9xOeed8xqPJpUu4pJn27YzXuOghldlz8Ycq2IAS0d
EWP4ak08KM1IwBgyYh8yA8lxHWOImp8ivQNHKzYKfddcpo+9OuqG6q1lS1aTlbxkHqNXB0ln5PqQ
/iAPfy8NdDs3z6bZvfXDaK0Nnk+KQf9+8VgKgEsEqO3QmZtxGCPac8i3Aw0G+R2/06o8TplGCeiQ
LOkqqq8a1MMu+5zi/MuI2CJA5/r1MGvsdVC2DBdyhkCkE8utVUHkGjLnHAfaBKXOeswV4yMb+ntZ
GzN4TXxveXCw6hkeXK7IU1VI8W6zKhnObnuOlnByrBX+xvFKMiXdaBjZLpSLFqPZlWOHF4ciZS19
9uNg/u1S2MLNQfVSuCQA/0Fd5/wjl6gx7BoXoNrl80YMNVmhELtSZ7uQhyIHLt0U0p42WJNi8Zl9
jLa5sBgavf9KWgyRYy7ZrW+mASBrQ8ldq5NcYWKL807sAIBImw8VGKYKS9suAxQetaQqeV/MVeJU
3pFc+azOTQkHncF9d8ahChm5auET0CFXZ5k3Yfaz7N6XLXTZz4rkFjs0BWYFl9J6z/x4H8TMB5x+
JMqgru9csNcdbf5NEFGp59VjJH/3XvdVSXB1L+GZZQYlWwyrbj26CDDN9NJgB7nAeItVCMV4RX76
mvnrTXV3RegfvHhY9RB1zMJhyBPu5Xwx+kjZAzTMa+Av76zKPwsR7HM9/bGYcuSCHS5Xo2k0BKta
kT7CwHvxWyqwwKQC89jO1fTLxRRg4XQMc3QavPgDxiHDvXG1jDkroJ41esK937vxYTGGWpheg1yZ
IefAQhxQ4F/qQKL1wvQ3lCcqo6ALVpZMfy/GQpjdAi+VJvmw5nuXWL+TJntVBkbq2NTKBJFGWf/y
yuYOEuWvBa6D7befmup9Jq2Fbret8HZRvg1MORVnqG9hWzYgu5FafHVbviDRPC4AsO6C2DGgWVm+
f8UL8CGA7rdFlMFWG8J5b4Nn1T6NI+U9No7wU5XcrHeVgxXVYa4ofp2V3zmpb6znQvxehsOGo+TE
I6kbWL2AkEBktXnuegMTvqhJG6E5gEFEOKsGPoeoqNv1kN/Wy0sKMNqv7d5Z51h7KyCeHA/Ys+ru
83LD6wGAzNvqwpjworhKqBcOS+239G6luI/zYDt7YJqZE2PHD9k+LQnOayBmmxg0QdGN96OV7tvE
edcNtmTYpj8iRamN9HrrNwYQKXWIWXtPRPOEp7iv3lvdkxvgnbXvtPdwzSDCKysx1aWNyhIJvZ9F
csenmvmSLYF1gGD4qcbrBCuR6Zv/IbK2ymlsgVG7zvhlW0Wx6exfmT2iKFR2EqqzUdPRmBOwaPBj
MEcXWSItW8Zfu0o+q6ggFtSQpPcepk67i8oZqoBJf2bZ8oRbJ9to4X6pBZHkUNMMdDWqil4IcORv
Ktw0/pQPSU1DkasfNFIVQNs9iINT58U2GD1cQvTmcfHvSmeO69jbwZv36AANvPuAW7cO1HCMxiPW
ciB2xYRw2gCyWlfYYOuG86Km40Rg/ipE/aUcrVTPCPDxiqblIDN5VZ4iZWxfZoYeDJGpGUcL9NR/
xrb0AxUhOkx2crY79pVrPmsvi/dhpi7fF5dRE9pWpmiIG+VGh5NIvg9MaLrNmSHm1zJl0Ud2jqiZ
aUTr15I5P8LTGBpgbG7ULZzmtOKS+ydPkXlKYv8AUCDB0GqZWfGWaQuqvlAoVeO5rNxZueupHmyZ
PTGjOJlUL5mV/zTV/FTdZa+a7/LKO7kVcN3s/MwHiUwGiq6Wf0/KLc61fhnx+KgeD9mR6S4C3qQt
BgxweA95GuQfFGA20qU+5Jla8gkJHwc6MJ76a/yhOQjIYpCqslK3eamI1Th96a9H3OEBkUE91P89
4Q4HW5ySeekAW+wVUB6n50ltFOoER3OUEve2IqcRkkRFcu0klG6TybYptnZOP0zXcEOX/Gk3bLyi
dii48anhTsyq1PbU+B6vyweHOK2F5Tl3MK5r6T0tJ0kPywe7I41SHnw/qahEeEU/HQwL8zk/WUGI
ZxtbVHeXFt2n2muWs588+HsT4tEWnqg17ZQVW6dyyYww/g7wwcCjPSbCBG/DuKg+2vJ5Mu2XxUFK
Fb2OOd+ywj+jwFP2gyaZV2H43t5rTfRZCfNX9WjtUqu0N3XFA1VVxXLYCA816DTtoER6gSpVFaBg
3DeYJaysvj8mxXBEJvUARf+tGbCAR13/UgxPUQ6SjCTiRRqGCZCYsHWlt6W+JUZPkCu2ihubwEs5
/JnG6TrDANtG2WiE5h8W5F+ewf/hhPvz/x2N/82cWNd9+FT/xdE4/hnF4VfxH47Gf/7RX47GnvEv
fHBx9CZGQSWim3Dm/nI09rV/WZoHoR+pAc71lgOb8C9LY8v7FxmPEM8dOFtE2Ssv/r8sjS39X45v
azj9Whjx4xxv/58sjdWX/LvtrUGaJH7bRAnhuW1Z2t9dxyXzpVZmjX4Wgf7c1rK8C+bePpWmTR/t
/xj1sT7B2ok2btZqhOYq5qScorM/6/fL7zq99E555j9OcOUfUT1/EHM6nJff2YyVV0KP8h303J8W
1G/oTY+lENYlKmq6TL1C51wE8ckYyEObovwcpo6N9UNJZZN3KDDsXD+YspAqXuQTh1sHsAEjB2Dm
BxzzzdcgmVkfo9acCA0fj+WQP3Cvr02LCVDhOvHOcQJQHl+ro1Xd5QFK0vFgR0bzYBmtg/nFPjfC
8FG3u34zTQWLH/8A6uwh+oJ1cMjHftiZUa9tplEvnukoIvAjD+BJTZnbKAiAmkzrcda6mKLLufaB
IZ7zxP4y8UJ+HHurPse24KLlT6cMh2c3t4b9DJF3k2AWosx7bnhGVWtkxkpPZfcYNeMqahkwOwzS
m7IMM6iJUMLnPKywvPL8C5reaJVFaY6gm1aMxweCZpruvTfhu6AHDY2tnkQXz+ofVHVeI7A76q3o
72GX7yoUHr/J1WbCPjT+szfDRjBgBfaUfasmTbSH0ggcXPAZ8cd9mpJ33/QXp3WeHSaMewMVCtIH
vXgoSli4kIEuYzsdyibGtqkZT4XqqzsbSm/J/34Pp6AXYX2NmeHNuogx4AXBMuDIrvnpjpoXOlf0
3sE5ssNHb9DSu9yFNR8wMAUE3k+O0d5j0zZuhYmjmhhs+9HP0FTaSXIXteKWTTMBGK0vzxhLUp7J
t5CkpbPe02VGWoVlqz+AlzCVm/rUI0qFmscYXePYe2Fz8AwdbwkjXUNQ1q+NPw5rFG/QQnCMWU3m
AySf4X8LQTL/vuAs1pnHloAdBznCf19wXtMNWVDP9XnA7XcLJc8BX+0vkAfLFc3iXaN10dE24+cW
w4sjrINPC9eATQQaAzBKHfpvG9ZfW/u/+4YblEr/uCJLwz7dsm18CHx2gv+kiIo4MyvRleHZD6Ph
mKU5siK7EuusGp66NLeOWo89YCNx8/M655brmiDs0T7XUPylb9bvzP6ddSD1bZvl3hUJxAxhNwhv
gzVcHFBxjvzh0+W5gVcl4Yv/s/LtaWMx9z4vXmXwb6h0kdLsUR0EiA3tFX2BWPeKXleW0Z2TIc8s
Ge21Hf8wdPDGCpUGE0ByAF6yO1pyup/W7uYHd8JOoyMKZJpcPKqglxfVg55ZDmQkM95qOo7cCcms
95Z2bPEt/SH6mSFsINy9g81Nbc3JS9hhY6lH7tklwBTDnb5l0KSbR0t37lKhh3eOTvtoqFYVR4v2
Lq+LZ2MSNPzh9OTViPM4zlMjsS64oZ4cQ1jXuQ72UaBHyIUHTDj8ftMmlfGiERiOQbJFOYN2aHga
KyM5RLgzwkdGbmZF41EXBCz1w3eOk98eSeKrXjss7lil4piCcBU/ukdDzzJ2CUwNw+TC/Mrfmvln
nrfhNh4KJGWZ327aXP8iih06WjE7+7Tr3l30UxuKo/SYDBJnST87AisS2Kci/AgNQ+zUzKiQ8zMy
R8GEsoQzm5r9Y4E4uTGKI5dUHhg21lsvxcQoaRDUy2G8jFj9bAHLY7x7ZXdIXH1l6P0vsDMkk0kp
8Dmf17oeWlsjd6c1kyxY/Ul57iGVem7TnKPU2zS9DX5u00ShUiQ9Xtf2aA/o1EPH2VtRh/tzO+M5
KkDpq44PTdQaqW1xmDWK1YaIOMjCNO5TgpzYEvGqnfzyLC0/J3XJQBALIyfzK3/bNsBeVmRZZ2Oe
XviZHmY3eLYcrHYSK+7vgGyRzWKNmYEH3y+IlWoSVPjXoY1aeFa+hQvNovAz3no5YavJ6oDDELg7
t6YdrttkbZR+i4ONdig907/YgfuIdDXdJYOZokHCCF0GvneBBvGADFAQh/gqbd4BMisT5i/Bl+3T
ZYbkoNaVHu2xhiFQKngWnQigXrnyjmgXEiH99An2ROS0JeKo0t/7Y19tClOZTnRw6kZLbsuKBrLV
xyePuapLaABAGMjnFCL2tcbiKBR/e6zsZ3PUrQc66UqfzWNjGj+FNLDhmlEypjHerJb7RhuUr4RZ
IAO34q1MyvIykYAMjY/WfLzi+9ysJwxkq6QWm8DQ/G2ATy4th7nuHdxgOIoxN01APVxsTlfN1JuI
t6td2erI8pqcyNw+LvYWVfAEngIhhcEzmY74yHBKybG2n2EiY1AjGoiH2SM1SbMtSJDfMFUI0RqN
/pY48dewn35g+lAfLDO8JrWPaa6keUOb9jTGhOhKNGm+UEJftfMg5v4fys5sN24l69Lv0tdNgGRw
vOgb5TwqNXjSDWFbNsfgEAyOT/9/zAK6q+TCMRoFJGSVj0VlkhE79l7rW2+whlCaJIa9cl31uS/D
Ty0dXcDTs9yNJdP9YXkfKuWezMwY6WNjGyhmzIfg8bqvKuxBA1g3bQKMMSzO3HEHyWMUoFo58G+w
dO27wUzPVYI+JSlgbzD1+IkmANrsTznbZB97ct1R3zuu9Xsgg5eFkdl/m7yD4cKnvjyMZRTdEk/t
AaEQmtwvo0/CIO9rXJ0zOFDoZhA5iHM99vo06XRfjA2nB4tzvTMolF9DtqfX5dVM0JSp32pZNWsV
wImfF+MsmuddPmXGKlxMptny5NrOdJxgtGzqAb1MNJRbVz67kfDBQGBznUf3qofSp13OX5YipcWd
VFffV8caMNNetb7a94p4s7mqn/D2kLwzq3M90VJtUIlu2Dg85hP6Fw3x9iq7Dm90B20fnVSkrOAW
mnF4C4IJk2k8LHINOjq96M5Tt264NpqfUhy9xntjcgXQA/3VszcZJ6ee2lMRU8JWaXLQYT2t/CW7
kpY7w3YvfI0IOd2XtdyKYvbPTYUWMrUR2hnZuoxL+4I8yIHynxjrITESGHbZQQazSYLv4G6nzv89
DDx/CaqktROk5qkvxS86ldkeqwMdYOLCwUHG/tYd+BtUJREHQyhxYMYRe3TxO/nT5RP5XmQ/VdU3
OI7ZUYnuCZOFPpUsJldVuPYpZbQNBllbZ04PhwIB2EGb0MFbHW4YEddbY/CuVXlFA58dWoi5QuI+
L8iBhLWMKdZxnC2ume/G3DHE9wSkrNmPb34cXggOoyArvPbMJGUAvavZjB7LZASJgox8PWGf2jWd
AyNj4fmVcqo2lVVfBzNpLgQbkRMVD987zSip0TyEd0s+2okJBK/GB2GFW3rAGQlbOXIgoPfbNtIt
4JSEDcLhWNwI3L6GwcPoGI178JVijJ01SIY4np9Jrn66m9Hvfxpykvnow9N2m9EeabbYl8JO9i62
hn3jLr5poJP9ws3kHsOH1rOWW1C3kPRGTzEqTdPckXEWfcE+gmECNPRWj+ajaQLNmkEMbGY3+F6A
stwQuokCceJY0rea3zt2Pk3qrY5CvamWBTZdltouRqPgzehGQh6lg9VNX4Wck7MdRD29YQvni22z
p7cYQeG57ROVLJDrZ62DXzh8q1NuG9Zr26OPCamaCkpa6hb1bmWI7QLfutbCeuVysn2Zp79GZoG3
3nMPgkQEGi2e3GHF+AQUz9uljl5aX5HeDQ2YnH752NOBAcM8jJ/zoYNW+xCb6bChSx1edWMcqql5
dET+OzVFvU+SaWdyrzqGqZ4Ynl/pibIZzNbPePHp5gHZ2Ym9MXjIeAjXXOi4mZY3d8qybeGXxjNb
l+NN0MiUeTNZdvfO3BIRjKr+QSXAkbD6fMPvrE70Pp/mpCmfa7IyH4KxczbV4uwoaiBMbjg+p6bd
bqyMxUIUzJ1yg6ixIFZbO4zFp9a3QZTilQgrfZO0/sEW4yJPqsWjtLx0pfleZRl/3Ug4gKl4OiUa
R2wvT1lHPM/Ev7Cy5/7QaUwaSJsi1mF+k/1IBPoOUwaDb8/FwXM/QKrUn5+ZiaapCzmGftShTuFU
YaPp1inV4NosI0S+4Ag2USLHfTJHS/SmHe8JmXssFDKvetAwcOqlSVgzNpaTR6CYLH5FkRdi7ib0
pUeBh9s4cQ6pj7B5RBscpl397X5Xyjiebj1cYbQUj2Hd1LeEuScISvIhbHf8kXBCwuGBvw9pjb0d
Qirv2pnqbe03X2xOd4scCSV169YIyitr1Zee850r4/I07WASZ13UtznJLf1kk4UwJdtZDEd/WfoZ
95WbuKuxN9j5gZxjj2NovU6IOGLfEtWpKgX8vbKGLZtUy50+70ND/ohgQV0z7lE0P1cFKsokDkPk
lOZt7z0LI802gVGcYiP8SZiNeYQM8ctJqx8ccZ0TxDB/T18LnEUQbLIaC96oMixI+eBtQ1rmb8OM
6gorFPGaJhqvkUeZ73s7pZGSe1Fn0VNfsCZuR74mwWB9b537zv5hTVQ5sROuxETLuqvxQqHBBZmX
hmLtpxGQkoR0EhQK7LgBM9IKXRFTaruAGhk8RQ79TWegRdy2fXR235ZB5nUorWdBI8Kgsc/ErYy3
ZC4cCsKAP7tVOq6iEgDLrHzxOI5v9yDep4rp3X5Cy7sjO+qKkpwQdWOPdFA9TJZstohtoc0MkTj+
pG9tXmGAoeoMG29deqztdjcfUkagEEYhQ8oA0a62X3QA67xrlpHh4J8Fb9aGA76Nfj9GfJOVigCS
zNq1jvObTwW2dZ1ba7l03mN1cGYELjj/xYPdttXBTeRT12Sfo7TymKNrzEbe8hQs4UWOxQIQyuZH
hAXg7HZMmlvHP1l5Nl31vmeOfykG5vhobMTeJEEFTIZ9qcA7ksHtf49AAj+5kS2Ra0GMk7ZrXkxq
boCv1Naxc9MVaqe0VcnGbXi8hUydz1S5LzCEe99Wh7HUV2qAnEi4QfAXHydLgInEaHQzaeRYPkqk
OqXNlJQZqSNlzfm/APun6tPgIleW4XhyG8e9WLkLaXOp5ko78ldkpF+KyDe3rsfJwVA0DzS1+0aa
ApnR1IZnM2eyT4YvWXy8wDVUOBIeo8QyoSXZ86YDzRn4lbkH9urt8E+95zZP0tDzI2xqK9xHxvNQ
dtVpUC1GjqXthuWdxhfdZWoFmjeh8mG7KutgVFN/UpUTgOvPK9YpLzmlY5ae7l81llxHcM2PoaPB
GlUQWJKgauDTcmMJy3pMUzN7pj9ZPrqd5ITGQgA8D0gUwuty7Y/ddxFl+Y1nJQfzkChU5BweSVHd
+rFdPzb5EJ0jWDb2Q2+N1KKYA0+U+vmpDNjsVADQ0DLn6IhyI8SfhSmZEj37iejLYYpaymcaoNbe
mjprY2sjxtyzShvpb50y+hZ1GtpgsjxZJWw5p4PFiowg3fR+M64cZRuvQ15+odLtlvTQCGFSQ/A9
jakCy+OmqdPp0ZKzgrUUpfAb8R/l9B5ipmfPQMzIiRBLFgbSKFTH1ikA0vM4LE0vYxTXfqTbDnMl
3qVdnL7GmPmPpeZajNRMXlmlZ5Is4ndIM6n/Yja+/5I0YF0Nq/QOyeSCzfG1vWMbz54q+FUp1rST
WRWcVBRr45SRymA1b9UskgU8Seff66udkUr71gXRS8+JfSvcEANV0hlgSSrjgOzicP+lkcVsqxg5
+KTsi4AXeLnfK9qy4PjJp4Fa+FbXxfxwb0LWjEZPM62MtRPZ75HXA8WxggIrWP84R5sJejl2RZol
c97CkhvVQ4rXinrZz9Y0AymDW0Z+zafZV/NZ0Q24KMN7jnyqtAbREhmMJuOL0Dk3F61/ZXOCB2Bg
WWKAomnu2Wy8SmY7RekFlC/1T5UbqdUUHjo3jC+MERE/yfzs29m4ygO0KyMYRUZ/GhRZzK9kpRh0
w4pPqg3a15KCYo+IWe9bNV89n4ByPJ3DRc5dRBJNk16Ndm6JfBLDRZhZvTaJz1mX8yCdhzTFqtNH
z1jJyRV1HFJDWNDZbRcv32z9KmVYn9qhwGqVckwq0GjvIuQeZRbiXBt1RNt1Sh6gIPsginlxKlvv
5mF4cXvbP/WLRhzvcLe/FyDYOo9zrMAkt6N1FBbKiHm2DhXGMyBHJglKzPF3VClCZhZ+0+FXHZbP
o9+cBhDNiFmq77FoK6qHOt7Y7FCgxgKEYfG+penBdEgEB0Ix5N7MRrDIc59uHQG8KsquXZu3n0Po
eqo2Lx2g2U+lvNgeYdCulcVXWVrWxTXSrYlkcs+WYcPtZQVt8ja4oeXMqHeDp84P53Xoz/k5nNGE
BKkgk7p+VIlbncam/SpqpqdBOIDvQ+YTjbFzwL98dNzqNZKIv5aDZNVKzo2d/KoDGjr3KBRDVvvA
0SXYEX79duGpV171PW3nX1USqG3YfjGY682e5x+ESC9RbEKuDCh3ZDHOqyzz5t1coXebig4XWXUE
KBBu+JAhU4/9oYbmea6M/gl0YXpx4/JrkhoDlWcIOJMjniSlbimlx7J3eY+xL9PVUF60Rvo5H8tT
6w70FDLO6k5j02+KuGnlor5zaGd3jGq2LDQt0jabx8vR8clJUdOCg212nOPsbUCyFsmoxqajUv6U
EQ6bWR65A5Uw8TGhpG/rsqVDA9b+/vlTuk3ryMAl5Dn1F6PX5S6wZ45CRZ9tLU9RN4vP4F/14ySL
a08X9BzCwEIkYJ/ngvECI1VnUxetuExlsMWUBaAxLB0OFTQyVQ43s7Xa+ozOZpWzVz4m02bIUSrw
PiJzV+Z4a0sedEPVO1IX9ZqR+e/B9ppLy8rUdgE0CTqduz424nViDu5RjiXeUJnt6SWhcx5YCBWE
OUoCHHyqVGuD9Fx6BMgp+ohGZZ2KVwIYiMkjIGedGcjf4g40ZhwAebKTHceEAdm1pFOXZ2qfTlzc
RAQOwrFjG5W8CzFdTCqd9IiNEx7G0IuvQW7OV6yqz5jPFP28+LObICApUH88CIPunq5QUzpt9J5n
PTg/mkW1KdUexy8pkW4zAuykzQV1uEDklfnsux7tJRiO8rdfWg005dh4AZGz9bDw/KuZAgDqK2OP
53rM+83cF/1eArLLiBFZTV6ZHeVnL6EbjvRveBCK0srxqneh0uM02T3Sak4XpYFG2W00csSk3oez
yWnAL03CGKKMEsu6TdBq1p7E+E81sytGIFW+R9vGc+jv0H/vNrIBGIERrtwY3ls+YBduK9adgUyJ
JyRU27h2j1RezhY/bI95Rw4EO9IKykiK2mAXRu32PdH98BZq97Vi5ZghiD1l0QVhQflEqM8a3yNu
MPx7HDOt+ltgD6SWheUAX9VK132PNDa1X3VthYfY0elp7FrwxgNMW+7TryPtrJQu6L1zL7ivfadp
rkKnz63HQTuc5a3SHHPDygZGn0bhZyw7V5XPnB2imgVUDcapq1BR3DsSnWANx69s4iqcEY0UoCoG
5l8M17O09fa+mS2U3pGON0n05AqF6b53BObtnsKP5Ysel5e8YIJDh9wAJSUsusaJ1SUv7YR0ahjw
i7lWjUlpeXFT/0IKit7di5bEHp/wgBnbsPDjk82tgyhn7ukaaUk8T5tx3UFzyup0s/QEKiRNXn5w
+aMR2vJMoIlEEGh89iqg+lolcJjCwbxWTbiFaNvstbaecgv3UCt+B4YWEOf6NxGrgG6Gw+mp8efN
oMHTFG3sn2iT3qLBIRACT/q5tUGGTHVMDrj3Zhpxs6uqOqN7MEZP7ZB+Yf//QZRH+ILqANuCbvy1
Q0VJhBMeVLo2xSvhQbiEMmgBWbm0j0J7VzM3xV3DhSq/F1+SWf/MgcoSiYeb1868mAQZOe7GvBvw
h5XgVTvca9pq2cc9uXEUCQXZSPjxbMpjYwfyoI3FiTl2zH8jRqzoJN1PlED7HtHEZuh7dFOk0l+y
TtGfsVMoVyD2uzCYX9vFdpaFjA1Cv8eN7Qc3nck3BRc1CUz7tXHe28D01n7sm7c5a87hkBbbxk7l
NodOtHIGumBi1p88t4y2QtU0O6xBnCy7+mQG3M6hmJlodshS4nH+WqC02Qj3qyDXkS11qBnXSiSC
AyhXOVGghL3cSYaBRxMef0ZfU9jm2qs040imtOc5dG6xx1uNhXT8MjTRb1IlOA7SdTsHPfA0ltKv
ZW0/xxm9m7yssdANbCx8RMYurdP2hj6TEsU983RYlyw1yI+MNHKdkqp2TtGdFNg0YtSQz2McLlmO
ZrxFa41jYZywfWbJV0NP8c7vm3htFQXM1JaEi77wQa4vq2SoqTC9EmXVGDX1t5oMqlMYkUtz/3/Z
M5mLmivamOXZMyoUSgwfV/XMecJZ3Oxieuwkh7Ssq3aNO92iDmZSbCT2pSfRNPOm4cZzCB+WeQdj
MXPlBG73KUq+4/HTiIgi5xAFNE04E6k1I6z64rgTfeqQWh5OLSKxqM2+uNX7lMQZs7aKJjimU9aI
JjnFxMOy98vxNKL7qowmeOL4RhOWEeCspm7jydm5lJ6G7xZlUHIz0k9JV/PXo0Lbj4qakc3EwjVn
FCSNah8HKcXZtH5jZ/3XWDvPqPDDvHuNdKpeguGL6dk3r0sZbbKM4HQIfvaFpvudYlYm416/jB6m
X5o5N2Oa34eu1M8x8RE6CNeu0wBPnu84juz3yEK1Vo34Xtrmqxd7IVKiMN+uRwfO6xQaKJvjKV7p
UTw6bUrIH4zDNIsfM7d7cWxEQBw+Nn2HPyXkNvc84z2KW2edGFbOSJijRONyJjfai+Zsy3vZbi1j
b5oEmIwtj09iWifON3jODPibFWa8oJTtDsK5ivonP880EgBwSFMv3y3Tipk9rJZRimfNMI/LYFxb
0nzTBqU5w/dgNWYTD33aMz4wCklPvCP2aFulBPwadQrAhBn51oGNV7vhgzc0Z1PmxKsnXni5fwUv
7ZwjZjpob4TBJwrR79F3fB1idOp4AIHDLwrRJokZ7fNy/+r+YpBUcuxtY1+OKr7GpUwQmifvjRA5
wsiiSa5ksR4AqU4IVJbvdcv3hhatqnbYJ5i2ZjjAPGuDQQ5n+6Kkvd5fTBtZWoce51/fi+bJ2irN
hMR3xuxqxkF2pfSfD3Esb/lIkPz/+/79KzJtPGoChYbY35qpQTuF3JrsSDzSGZMyJzTSFNjIWWIb
f1pqyHylYWGQ20fSG/++v4r7rtgLGsLrhpAOeiy5eQxD5418GZ4eCySUaRb73sgXNAeJqvbcqI0V
Uvxi1Jw3RlBZG7iZw0tOa/IMYgPmZPjseXOM/jrN9jYrQqTp99GLv0ne2ZXBItgGxTUt6ZCJyHsb
OHlB0Es/VWb9uxzSz2JI9pz8j/STNUOJicNzQytHT2KnREr7XTkna2S0IgWI7Eof/Uoynh7ey/Kb
5/XfLYZ/Xays/UBQrUX0auF/KSyXsRpJkyr2zuFEs5izHVWb1wFWKuPnljlq7qLyj0NY7zOdswfk
7K1PilnlodMwwv4hIRW4ys3v5Ri2D8lbZ/3wmRdxknKO1TACn2jwbVp9LDdhlqPqw+Hi9B7Om64A
GJq5Ep2JTZwp2b5ONT46Cnez432brYK09kCSHCCRVAT+E1FfjHhrdXVnciWAtxMrpkx6a04kGUcD
CYiiOqFYpROduN1TREsc1yr5PEnRXQ2M2WPyRbi1j26F+iCjaDS0Qx9PF2eMaGrRMHwrkScTLtqy
7IL5nwmKTcniDVr+TbNYToXtPjfw2pXVj6J3QQG4olr3M5YnI/JWmb/hOty1sHIo69NtDH9Aa5Rw
mok7nSrMYKHlWSvyqGjbbJlaUQ9LdKd2B6qIeR6HHPE+DyCiBmchE7kvYe2v0zl9x9vs+ctzocwE
AivhBU7t/5zTxoEokRe7JBieizq/AkJ6YnZM2JDGq2PmY7P1VHSyhc9TEHM4c4Jphfxm2jSN+xow
Jgp9TYsnIRfFT9xfYf6edz5T0xb3ZNqKEvhEnULw8PaEwU9rEZU73Mp6NQ1ttQGif+Rvvwx900LW
aE52Bp2hLVvFuct5SWwwATipzU2Nbp09ekkFVF/sKt+N7pBCRGp+ub4JdNPe2jnGZbJEDqzwNOOT
rV2WfALAVzZybp5tBVNazu42gCS8E4b/FPoDE4XYr+n/LiYcqIOcM9+tUdw6RfcRdOdalInemK5G
eJX+8jE1BW3arRlWQtQcM3JW23itI/icka92tls+tjR4hDd6TOllsNW5+cZQ8hvva1o/itHgBve4
qSodUM5rBvSdsWFqzR5T0UapW1wfMXGelcHnEyGJIB8HvS4YwUOi2z1nTlhNscsQpqZpD/oMeAyo
JqMqtsOU3dolLBkrkIVLKgzXdNDYcOxqIFa0VS+eTdnc9lviEfWmTwnvMZ12XSKBXs8SYVLBdjjE
igE9GvB6ZKuI/eYcq5SUb+zKuU2zySxWsvGsNZq6TYq8aZMFIPGM/KkKMocw1GJezQYpqyljnakz
HBZCHOteSX8rtMSVcSg+dmvGgu/Bcx5C84cu4I0AioEcowC9RSbs2/p9yiqxkjVN+xnsPArYTxUM
kULSS1GWikFiZi+d1RBcscW/+FPGBdOV6TvKpu85K9qDD5fpIUFQU7TK2w6R+dZMtHzoYOCGE5+7
AQq2/yo7S2/ncktuPChAX18qyag28mjEOROpTTiXiUymUzS4+pB6PUY3ingzIBoa5rZC8rIadBLw
9rQvMKJxqpQoKWHvHd2UD9Uzva3T5gcOdl+yLP9hJUP14LIYl2rahOmQ7OD4vU7jCavmN5uVaK0Z
R22D0Xk2adcnAc1lJ+Dkm+Zfwagkm7gGDVvFnzueOuKXkIgTKABVfn4j2+eX37c12IVTRC5RXKtv
0gONNIueUcN8rpSgdZrYNCMU+GmpwTUb/c1qIUdkRpReTD4LGWV6XWDi4fBRnemXvqMOeIurfjh4
Ovjdz+EvMgJJ3SgMhMiB+fDP8rRF6fqf+lTH9wX/s0If4nYYfOAXNpUUCKlr3HRkX6RT8KX2ar1C
Mwr3ckDpbAu07RgNcU900SYvRhhBxiXnoL/ucCVsnBxZOZihZBdTHf3l4vz/cnGui67XQ+TrO+EH
OqwTzYmfMEs4Zm0gDqpF2+GFKfbYxNnQoqefX4SXUMDDoKMF1Q66CICpFejSeW1Y1GXDHHFEkdYZ
Gb25s6fnv1zgByKnHfDuQa/16FvZLIXmB2lfn1Re14ZxdHQ45pE7oKgmCEzM59TYNVw4boZhfIA6
g8hvAeHASYJuWl3/+TL+0BhzFb5pWnyOlghC58NnaDk4v2Okh0fUNAwp5pygLFyR0n2rPIrOYvkw
6wQxSUWc0z//6OWf/jd+L29AgO+HTyYQpoVYerm9fn5/Tsu4/T//y/rfTRz6Nepg7yiWkXTLuDBL
02DjDqj45+U3jrENoJDBbPvPP9hePvsPP9lyWT+5c03PcQPzP3+yRdZrhVHBZQSVNo/Ivo56MKCA
kaSg43Q3DYCTrHZ8LefgNzmyCsLIbbpXe0sS6sK6lWOBFS/s6b+VI072uTsVmeovrlt9lx5FPFqH
v8lThfvnZQszMAPfFg63zEd56iRp+YRUxkfRKforxnwcFgVBxdBhnQunvwlrxaRA7RHoObNoQI7P
xRkBLrnXTY/RoeXsDBE/zpm5G6RWqK6d9rmtnmpd61Nn1gCo0e/5wtgxN0ZEPr/LIeh2Q5sxcGA0
8SARXJxrO0Er53srWtEZ6gns8IymMQ3a1us/f1J/3p0B/jfuEtP3bYaMHz6oqnQak3eaUEn6xpBZ
YBeZotk0ffe1FVSCqaIBbPnZF+Xl5vaff/afqxs/27eABXvMPv+gsxaRPaB+b72jZeKMn8d2i0iT
5BJSOP2lbfrPP+3P5Qoub2gFruuFIcvWh+fQ08JuUEt6x9Q2fg1V/QmNNykhdPdzS/4e6+jXP/88
e1lePjwDbugIUwRIi7EsfHhr80Y2dD4qd0mw8aEoZStK4p3VkhxR4Vb714ggxcu9io3nulYlMi/B
blsFNAGX8WijfIdYjfr5LhqVNRl6peBUNUQESro4bliwZh27j3ELQN2gk/uX3+DPBTTw3GUR5SQm
+OrDW1amfTRh3HVIQCWbkp5FuctadbO6ID6OfjjuLcv4KhiEeSGXi6CqA1ky0mNb5IhDgEKkLndt
BAywcKaQcYZ3AdH02U7r+HUuP0VuM/8FWf5fbufQDhnt8raz3398z0nUSDGwuvaRVgMNfnKVme1g
9UIBeLCiCiv/YnSgFR5L8/TP79adhv7h8+ZO9j1BA9p3SE35zzXPp3nLz5b28c6Fa8p5erAClDu9
yk+WYJpPjMl0sXSAZz3TzLoWTS3givEBjV//l7vdWu6uP66GDcByTNfzXPHhakg2LkUSetYRTALr
1aIemhfNz437L9nN9SdO5Txw1IeGb1R/ebI/gpfZeUJcOi6COp+BzZ/LCrOuwCwT81ib5jd6goAJ
EjF9dYOdFMXznDKCFi42LgkrEPNqBoWniBmSJN6bn9r7qDCsH8ry93NXuY+9ONK5X6WWqtdqRs0Q
exm5IgwuH0fHus0Lcov42mMcdtYp75v+6LozWSG9udNu6T3ohJFbjab2GqcxNry5fcAw4m5JCGf3
m7xwk1ZFuM4c+dwLve+asDwxlFiWBneC8hOxggF0QjVrTXECyMNG+tVSpofKYi+zyrfMjJ/tOWi3
WcigkFD6faxXATfKOvVjYloz29sNI87FuDbOluint3EQeyNDlWTI/JkQqQGzK17sfpiZi4UMO1tO
VFln4rcP+gD2UvGi4/zWtYnF6ay0/nK7/JcNOzQxQtkh2x4HiPti9m+lQplyepygtB/jwQlOc+6C
VpM/sqQNnkiqOkH6Pql8QjOQWRxkWpeoiKx8JZPAPZizYrhMCzZu0BXbXbEjEpQ+AVpGhiULbKhx
P7l4mR9wKNh/uXD3zyceyDerLOVxSEbB/U78twsnaArZCjXg8S4TddGYzMb0u4tj94eU6i0wpiO4
IP+Sz8T5kl3JTLrsbiQ4w+Wp2U6R0EjqL9as1DxHRbqi+yxQD6pxxbBTHPKY2Csv+xwzrdr0TPl2
TqSwHNXMGlrGWlb4VRDhRPShIZ2TKJjke8jUj3BZb/fKSnPuP4PxKEkxrMPR3hR2Sg+Z2fLJkeJp
hM68LtRPFSF6Ji49ZVLIkrlv6OCpYQq3xlsgakwpEqPtne80U90L3uFHGY3yQeEG21canZdrD9/+
sqT9adchytbFHceCykNsf9jCzKZN5j5gCyuCfUiz59r6utkgZ8NfFBbiIdZyohHHSDCvnOpYNAAp
xgRRRB7W8U7lf1ndrT+2VE/w7jsWFiIvACz34XqatGVwqab5yMc7HHziRAPf34yVqa6pQydBP+Wa
+Fq/Rvc4mvU2mVGqlz6DtzSp2nOXWslfKt0/V30uKcA6iBE8ZLf8WEAFs40mm+bh0U5SgczUe6BH
z8CQeUOeWLRn4CAz5TQncrmcCaCvXkmzt0/C8sVfEhisP+r95VrQGlumWIpX98OaL3Hn1C2QjaMb
W/gCcSccWt3sUsaAkD340CLbRvrK3HOtPcNa+x3XZgz1Y5wX5cPUyBtz/Yj/pnPWDaddDpNpdiLk
4+0v99Wfu5NHQbEcSjA3cUD4eDQrRJKOXu0PR0MBKMc7aR5kbJ5Rx+KwZ+y4pwE7sMS00WMUhXsj
3DUVj3aYyuRspM9ihh4z+O6nJFbqQLJCB8IokGdY/5dkOyL0fa6bUa5Y7q461ICIbU+S1mxjOBrI
b+lYhqu8rdeTk6vNXIXfohJkzoz8s5pEtDVMLdFZ1WW4TkoE4W7m0FxchNVJE8ltH7goC712J1Dq
O63vHtxGkDM5kaut7Qb4E2ahk5vQ2kaZtnW6wN91LUmoveWX2PVZVjqq1O1clem6I27hkWe6pCs5
HOmNRsgbcU5XjlueRsFY+P5S60lvYQQ7u/sBpGKgh/pV6POMWxJ3SOk9zlBY1/1Gdr79yZoo57M8
/iTt+hthu0zu02JjONo64OD8rUz0IL2YYSOV6hInrl55XRc+3hfRjKbhyQz6l6npvpFnhzfC2Awo
rc6pZTy3NvDtGBCx9J34EtdfGPhneA5A3Hhq2t9P0mmkfo8lCvYs7Hk32AlWRLLCFC5S9jgZ7VvH
Hf9Sc/x587sWJ338xqErQBctp41/2wjSEocMaq72mOZgxHO1utfQ9QAjX4it0TBAGKb//6fftXjs
Hd9hSOGLj/Wmjk1b9yNsUoLd9Ra2zaXo+vAEZasAKOERTxiIndZENy+qLImZ5196BbfzgvM/P1T2
hwOOQ5nuBzY7IWYw1/zjmSqxfliNch1G08Zr40Ns5CFiC3Zp2CL73WHfcA5eEl3A801QxrKH2edO
dCs//JzlxjZRA6OyYLiQNP2DQoTGsU1WPELHkdTdaxwyyp+TJ8H4D958SmJfpbZuTpbdONp/W+kJ
KvjPAtbhd/GE5wl+Fxtyg7vsTf/2eToFk0oH0fYxGRsiyIzEOs7SNY+yzehr3/+MZRE8+PKSl8US
QZoeBiCRx0zjhH64fxlESJ6A0sliOwnj8zjm8/H+klLFI3EnzLtQ7vr+LZj/NA9pXUB40PPRBkPS
NLDSBUI4hiCNgA2FgeKxmw6qmRmmZGRjp25myIekHv/vlybKFEhmTD2gfR6zJJg2rtf+luFkHNNq
HtnfiTtUsiUTB6A6lPmoR7ZUCAkWNN9nYFeOfeZExwK5dhTU/NpjQEjC8uWEWYiBxLFcXu5fhW3K
gdIsTV5xJ1OsCvOpdDVmGZW96MjBLR018Z6zaLEfPWdnByYymzF5aTo2LVYxFHPNq9QSoTGoCkZW
MzjBT4mM3Z3fYGdjloBe3PDSB1slJFCi/v+X/Qq9IJa7uFu5I36gbmIsQ0pgczPS75ZWx0jI5jo7
oOG0SsetWPKqzbaK95J4+9WIlsRmuPGcWb31WibdukXLshmjnFFBwYDVmhx1CvEEQUnhj5MMgrMv
xZrec7StiZK+l2fTUN+cLAZRF+cB5D2d7DVGsftVMgO/lMzeD10KMNz0QWbp3AZGn3M3cHxhMo9E
aO0Vhj4bourOGeInDhc1knvbIfNN02vSZX+LosZ8zWIz3ME8RHITRi94/lcgxfmNjEawL/0Pe2fS
2ziTRdm/0ug9C5yHRW8kUrMlebZzQzgnzkMwSAbJX9+H/groQqE3vW8kINjOTEuWyYh47917rmy1
MPW+1X72Q1In5U3kCGabAgWWq1z3+G3XYdvSNhCtC7gfI2KKntTDecYuj1uLqE6alFOdIl61tHqf
Th31gqScDpyk2Un5C+/sobeU8UL+o7WB4kfmeU9Lfm4cyGu1saqdnItToDxL8FHse0Sue5xbxibr
qZ8CQWZSEbsvCMaAS6Ku2TcVfshiaLBbZhrzn+SNHtENqxVtKCC2fpkaR7OyDwnFPhp1mKagak9z
Rl58tilqYXzUlfNm19WHD6wqTId0je6t3KM5dDttJP7JSgysfElzdMnuJLUWV183mu8IZzk716Ud
qQ7QsEwjxZPmQzfdeZmb3sUe/0+HUi+QHfrdUyNQqWMke/o2ps6rLHcSwYuJvoshDL1Mh6PfpZ6G
W2Msw7bW8jryFfKqsczeUcIKoHZcRt/u4hiF7R3ONcaXzM1+demXnizuPiBTYE+c3ur2Kkn4ztMG
WyvlOi4DrtfFfFxQxrwoNOKbIitTxEl8WorhASOPwWqru+hG6C54g0LUklrTncAJhiBjLndV5ucH
KfRL4Gj1wRrxPecl5sUJw19kA6nBhR1bT+gFePqlewZv6oW6o0e5BvvJXjlnOTvv1idzMWiO9uy2
z5AZkm3biYHhiU081MKEtS5X/RHW27DnztexnCIgKA920gSIhoD9SntOENvqSCC79EKzJD3aOauQ
1LkhgDBpu84qZEhYmR6ODLAeXBPkLsEn50D5bPgeE2poWij0cBac1X4u/rQFUlG0fe1Fz7JVmYLh
pERYeQnqRyqV/kKrt4xoQAZb4eXWzm8IiSi1Jjn6I9lQhZuIF86128av7UdOTFhWAvlQ94NxDSwt
xxPxhHEH5FM3sMZIuZTh2Ac0VOxJnfn505Nbm9tM96d77tTzHQVVyhWwbEbliR08b/+uJdK4tdxM
gnJ2myDGPGX44NcGrjqNQrvkYCrjhCHZoH80BCAm6AdeSPSK2SnnOezb5IaA2H8uil9sDExYpeWf
+oqqh0pSJCa2TcS89r7HZDHGI0KoezAZ8oW2vLHTxUw+d1qXp6lMzgQwzQVJ9YPov8q57vYZKcTb
pC0G4qrH+Nw0/pPUJ4e39CsdkmOAT+ZUBIjgZsTvu4yxNohIwkidbqxeq+J1kBbETTM5Z6jJD+PY
npgy5mfNYYvrAgfSed2ia/RsjpVk+ExPWpGAiUP/YTQEHva6t5s6vdvHRf5o17T6+pYbv2lrO9R0
PGkDCvNjVtX6MZmrV7Z8Fio0qrzbOo2+QA4YktC3bTkTkwCYwikrGQbvkwFUawLTb52m5i0qItuX
5xbpdLYZSJAULXez7lyD3PpbkEs9WynzWJMpTexMTpShmqoT5t0IZ5vzXHFcFnHo1vYPUu5MqMWO
uet9h3NzWdxQ3fNryFs9lJAemAArnF/aPikxCuAWW66MJGm06UsQGriJdym25QhXDJyrReCVCIzi
3OkP5qBbV8oWtGrwaW6qIw4iRtaKNsm0Ip+e/X4iZKfxTP+CgG6IGqdJoVpW+p73Fe59CYFVELnt
WALP+fqtGQpnW2OltSDdIWrFm54Vq1BEvC2K3KZ7FmZCElYyTIgn7rZjOc+CpbLyZH1f5oZw17FX
22VNB+vGAotPPMDKjHUj4p3MI3Jd8VLOcrWMZJc+U6jylin/0oM3t7ja2eB9uvA2pCNK/FpA1fJJ
jc+o1Lbf2t+myBizpM5X5bmoCnNipwKth2Ou2Q9Vbc/kZnV3SkogW+Lgj8FyNPTQ5ihFYTT9Rs6B
+7CSj54HEktvDOdgD961LJKrSY/7Zsr5c7bbOCyT8mJKPTiYHVFHi4XUFmZ4vh0SZew5okVDtrgH
iXkCmL2e0Yuj6kjJwiTbhYQ2OaZUze6xKoQRNsJ+/h7LDL1VHF0IWrzu+oe1Bl/1o3vpa3G2V7H1
lKDbKYtLk9vd0SwGxslxgtF67OH/B+QFWTwLlEQisOtmnyWpcXFG9wxF/Lfo8+AaIwuyaPDs+6W7
iwlcK7B0iP7xMpwyIw7T5VwDnr2iL0NSbLfakckzkBe9CyLC6PUMSAOtIAgCc/7UBH764GCfAA/v
X0Tnhv5iAcyK1de3s7wH7+kTWwAFU16ED+jWCSDIBH2//R6GEOmkbYYRNhgUZmjQfR5NGT2ihkZ0
xDwfTauujkVOYJdfGY8t3ZF8+KU7O4EYwe7i4JihKdmkcUs2mY7h3q6x3rst1ne1WhhxiOIT7iwG
delPpMXToe2tO4rWOpzzrkUEMMQnijx08lijt4bwu0uMPXOfmc5XFlvWg7PI1aiUH029/IgnZe+Y
h0JfrjAveHh9Mr3uz4A3n4Oy3RZ2rp3ilfNFwvQap6meiUXSz4OdwGi1520/2zXNYnkwsP0CK22e
6O29VLOpn8sFvYoiXqLMSofx9jhGs2elV+QkO7VgbwZQ4l2Mocd4okYig3HyRJgyyhNtwYqC2SFb
LntjGe9OiubRbWEztpC3Hi0/ZQHpC1ILnOBG68TNEFBmTAQRWDL2E3L8QfevfXQfvwEnSeFN9+9z
KKLpXRlY6YXzvsUyjqSbNL4u0rjzgeAtIPW9BE3hwMW52KFt98MRkYcME8sfH7VAHXV8zQ+g2CVK
eAfKEDC7fZ16t1y3u71WkcodLwjvYBYgVJHZT28sluNEfDTKh+qpMwo2NEIF9cRu9wCmA5b7HPGJ
ozCDZ/ExmET7VC+AEgzNXXfOhFRXnmsai/fRks+imt5cQ8VPdIvQQ7WFeRsxWdMeAjAz5ySs5IVf
HWRB1YK3CWveuJwBiS63FSi36Sql/Zit8oYTaXA172+c5vy0nf5FPUyCutmTncJ0VCx0QfvCOHZF
zfnG5tooV1MVDjDZYjoCqKkuFv7Qgyv8n9ABTJxjZ9EzJVviuToVDURY2wksjBvQnf4RAUvgBIhH
GadiLtq4YlYnOD6vwjGjNGjrR9TYzTFLfQKm0+HRtyrvS3GDBQu2oKGUNUFStv7UArftWE2OWeJj
P56GHIM6uayrwa+dSBbO7Q9XaJwHa4kkuZWtEfZI1k6yFdkxreZ7IpZmZ9tL/OGmqG0mouLAi96T
0eaey6V19RZ25Q7p95yl5j227FvgTHhAlFVeZrzUQVYGL76FxxF538Mg7HOr5u7Rka18HEcUkSNE
1O1aP3xftwpN+FZ1MFzkgPJ38KzpaSI2/poPVvDG7hNEzoweHqPPbm6J6hvRx5ItN3RhoObjolHn
UWG/2YGyz1qlY7DUzXrPb+Z96mqiFmtW2zjXty3U5CMU7ORxRcq0HeL4uZhsAE3W9Fz1QAtUMR7c
EmM3bUP/ufQ/48UBgGIEzwr8yj9cEW7rbg3+ZltfxwWDie2Jqw3zYhMzRqwBt0gbMPYaA0PjDM1V
PR0rnSwHv7NB1IzjBA5gjJqB80ApLAAXZbHsg1JBN4AXemGrmeFDmAiQ2vovrYwgYqpibmVXDVvN
nOajbuCKiMGe7nJEeg9WY+0Q8xTnimHTsff6izml4kTeWeg73Z1vh/g3n5EwF0W77wOkGpPea/tu
JnisifVnMnfz80xD+ru9tcj0Vz0yww1wvm6qIc4vWKxZmgF4MoJ/UfV87TRcXTYnuLmWOY5HB6Oo
TLsDYbDvgbHXSl1u+5VlJHPnLcvw4AiSIaN4dTVh1Ze3VoxyD5YXn5Xhn1lIxj3+an9n0vwKs0F+
gR61QJKNC9MElDtgYdc1rCYQBhIt6UJUBi5hMqVvXhmWTZ8lFOR83lVl6XK0nSI3Vsjbk7am3qrl
VfV9cTL6+FT1ZXP2BYTfXmj7MplwdNhMwRqLedg3IqlHPxsh20qBbhMMRQvqChNnVzuye7RyDpJx
3v2c04BQhhhdlp+NcJZJmyhM5i5uNpUhgJT+PCa9daoyh4ZZ4wwnjsPZxamIsluSh0mkRBCMhEJ2
jEqQgIM5cRmyOinvYY2KakvfArvZpI6D17mHLJ6uCYLLw2Saf71udh4q3b984zqljSdFzLk6pMgy
Q12zftgojiOXioKiaVy2I+/fwevelM/SYFps64NST98gKM5GOjc+2ZSQ2b4xE0jNjWtMxOIo0u5B
c4YXgWpxK/uuilofcnIhsiEaE6N8oIUcq2a6KGc6+dQQpxYE2ICyLkLxW0DVcrszMV43Q/nyifqc
y3M1yFbZFTD7yS8C+4Yv99wMcJJpxyR3+vfhmAci8pJED3sPWeWspeLSiXbYlp24Ge0wvw87NOUb
sn+7m0SIbuNa88ZFXr3BOZO/yG8ePASY1uaH6viH39ZDAqKI+h7qW4FVKDQS1JcEGTLv8fs3MVgv
IzZkbEakVTgEn+YxmDAYRFtW/p+VluJBK03xoHjOY6CcN60JfnBW2QjbL/fYajnm0tTYE5mCgabM
HwTpiN9VZlfP/zRKy9a1jrVn7KTB6HVx2Lv0tWsZjOVVmCkH3qF8jq0/BjAu7OFi5ljlHHTRmO9+
/AVF8Wcy4ZmxPRVHqUmaYmlQ9k+m5UfYLI0wln2yw9l2SHDHFIslI3uEHZMG6QPOwd/2wEHOozGw
cQ1BGmuPIwjBNG4186WwaIkZxuD+XrZu/UNbLOK2ILMvlW+8BCU5R4n7aY3OeDOz8tjpXnnORfWU
dBRetmXDfYmnRzXbgNY9rSAd3PUh27f+MevNsxySOZLKcr5GI3MibXaOblFbN2rRC5d848rpiB7A
DL/Dtr9PcA2rq5ExvchQHfMjBQjagDB6Y42mpE/2i+79TQ36UbgyMXoPyALUzL0qUaymHvVro1h2
Aml9SK71TZrM/dFaxglnlVZHgT5HLBPZLuvV2ZwZgY6GuP4DglwFZMCfpjAnjAyDA12JKbfLEGi/
tYtnrs1xQGdcN9hZCpqVVf4cuKu9UiIcRO2794Wthejf2i2kfiIBs9jFMJM/4Boj/yFeatA7WISW
ZfrjucD5Fj0P6AiSVohXcF3Q5e+WwLgDLBGs5+PyU9vD5cHxE1yVOaiTq0y1nax0DL/xXVAFYCdN
yPYTs29PyqRZ+y2aZFBcnFyal5vCAejiJASCeB1dWMo6v27l3lYcu4OScootyB3R89YYyzf9WERm
0tSnsS++ht7NHjjKi03nQsr1OTcd06Z/VH1gHS3psaXMZGDQNKWTt35N7+aLAWw4tJx63CVq/FR2
1+9UX5LVUbj0Pj0PjravKPSm1aLSK4Q2qdQP3zv+0EOSaJpx11FtCQtfGNckNlSgdlNZqQ9XmsfM
xvXs6VdMtLoztcd6YmQ2AxwCurIFbjrdkXh6G69jUqp30TSY1jFmkR18V54XXX9c/MK4kipvhUOn
4dhWinuHQtRfi52yj392CmqCT1bhRgogG74jYY0HKj8RYUhoje/uy3WYqOPNo4yChm82Ys/8ZI11
ILNhgZhxiBeMVUYsfvB3mF/MIeqzzLhIJa6mmtyjNmMAp5d+D07NbQuxxaVb1NKdwulyzAtdhtIg
Awsu/XNbmvKp7HL7WNk9rUStundXVzn2o1Mkl85vful+6UftaIu9jziBRoU/7Oj4Gi+CrepYM/Vo
uuYOSnwLbA43X8yGgMH8iKR5fspK8BbF7K/6jewhfyqF7xCAWhohy8ed/AdwAUokWzNniV7S2b1w
Eh3nGz3k0CKWYpNDO31Es8qQTrikJbtKcjcW883C5YZxuAVr3grrUVvjiW1T+gfCYi1w4DgaqZUd
RhHrlSugwmD1HfbATwF0OXXCIFzaKx4eRkOrUiD8prcrjIF9TTNpVweZ+6nm336KO0trY0pMcyqv
eld9xUH9Y3Bomszli6xM89UcF9ym6B/BerRn0xl/U/OnIaapipnFkt7YrULbNcmuBlSys3Btb2hr
w1RI7KfOcaKFhfO5YTGaU//kcGjapZP9sxVz9obe4MMnMwXMb/fHod+ZFK9+7VuXYdDTB5sF2UBT
djEHxgc+7ZYDwPE/KmtSrA0lkytrtN/i+JOK6KWiY/TUEAUVZmlx6wkAY5KRzbslTTGYqqw4cKC/
qJp2ugaO+rlrdW6ffnbweAtCOWLlgLyjJ5W6iXzE4/VmcgR6sFrCDjN9T/RhPZzmtBiYBom3whlk
KIpOfPqrFSFW7XQTotEflVF/4Kdr73Mj/9YDNDJT5eW+UJr3vpBxQRt40a7NjPejUIu9Mym9DnII
cg5Qmrwm032AgtTsvTIOLS9HFEyLbQuBhLXKXUEFDgBsEjjlcoqzhQbgmsqMRQY/DzLZI0pOGl1B
qW9Ss35W+fQeN8SzpSB0LyTHnK21NeLOZByOeH7DqunmKzq6+WqylIXaNNHVHebXYkjs+zjzjTc2
L00IxWmXtMAVnj4+p1g2D+6oc3Osn85tPDzrAYn3pX4rm3TfeI3xmqQq8ky9+uyYruxLMBW7rjH6
V09Ua5pqOLq43TdRjFeZ6xFCDahIokLa+VMBPXlLA2zgfuCThU7ufE8mwYKMLKico9dDn6KK993+
3KREPAQ8Nw6QYrOOpHP8DuDrBjfaP/Hnz5/7uBk3+N/5w34dgTvcw606O1fz7r+U7+5vusEmCYpq
oywM/pBcGBuFPSeILMy2NhYd8pt2CjrAfABv3F2Uf8vUMzp2UlHyLkQ1u7fDKLpG188rzrLNF+Gd
23gzRVNk7pyTOGb37D6++R/WX7A3nHpB0uNKXqGqFGCsAU+ijwaH0QehVzv/58S46qAfy/N8V3fz
RX4SUcwwssATBby+29K4jiWJ9ZHW7wa1p5ePexUlCA4S/ZrORNU4bfqSDu1OAkTDLcWgcmj99gAI
cdzH+WBjxe+CbW7N2tFX9RXbXXP1h/RTNdXEjepGzK2tnwUHATJRaJBi1vUOSd1cymJUX00LDGCY
tOZhTbm8D0p/WzOZpSKylQ/y/TI2CWfMrHynk7x1OiQIhZMKvOW2/W6NLh2znONmXp8tDB81L+L5
vYvcDR6beXcnEQRH5uleAK6Kn+/eI75K0So3dOQsTt8Pwm7FSYD7/OdTL83pI7a4fnIz704e1LZT
LCQhu+un3x8VkktjIAHLYJx2YvJF+vqlonO7E+bUnILWbZiX89F/fdoxHTkszhjmvlWfmsqD5JEm
gkeDedluKv2n779ZYpIfM6ejQ2xU9SnOrYvHgHD3/ZdxM9YnMSbNaX0FSpnaf3y9rT2acHhwamVU
p++HJCcSPc54+D9f+/4IrM267LNnl7iWjfU5Zc1+HS+xWLbfL93JWupKZrrbxGix4QztKZZJs5/7
spNnvTWHPbGv/EhkCH1/Tymz+p+P/utruQDgZHRlt2VO+rrUIt11nomRSaZZH7KhQYTSRH2i8qlP
EltnWefLHh2jydJjpjiEGFSbpf6fD99fS7yupKXXnLX1Xf9+YB5L7zQLCh4ndwJ3Qxzw1tJZ9Ucn
g7JFuMqpWJ9IMd7/Rzv4/8n+L3P753/9z6/fVcbwgwIz+9X/J6TfMlCI/Ye4JPzqv/7Hn5oO83z9
qvifz83Qp/9j+9U1ZVZ//V/+67/5/p7/L4dv5bmuq692D+wU/8b7+9a/LJgFqLzAAPumv8rm/o33
t5x/mboD1dq0LJcwVw8hz7/x/pb5Lx3LCiMLTFN4dmz7/wXvj3L1v8ShhMM6jEhR54BKwH3z3+I8
spqKusuz5gDGLNkb8ehdMjG8EPjmb73pvVOjfBqlENtuGkco44ZzycFyg2SnHHf9/c2rAjp6flxd
PfEYe1oM4iOAV6fBPGoSSiMY+FE8X2dCNQ+jHvwiqt3bkLMMq2IC+G7ZIPMhM63+vqkJkytCFIqf
Qo/0dSJE0Uv+9mRpO2bWcTiBxnXmAsWQnuC0SxiJlh3JZDZEHVyCI1Y7zlYwRGta4kiWCSwMSCNM
nDMOqI1Lj6xAphQZvFBSidIGRGRbk/ZKyP00TeQtcey2uiTY10A8ipllKu4TxAJQU6U9IjFoy2fP
KMleA3hBgNhyyOAmENNjtGedA4IllH+sstnZm+n0GqR+uqkx5VyYJgyTnzHaMyEXBUp+ahZYK9lZ
+wQaN2E+mc00BRc+pFxkYqr+jZiYVJaG3XbE1LIHs0mr2Vgp8Mga6drJj7LJLvOopW+UQYccg+7G
ylaphQiOiBS889B4iNuV9bOTGWx2qg4Y4kcvM5wXJATQNDNxJAHZXpse1SWZ4gNhLehy7THZxlHV
TPPXMspLZb06gROcLQ2BWB6rJ0uHj7SU6GbAbfsP3ogT1kM04lZPKJLIJtSkfaNsr/DVojsp0hif
Z+LpZ2fQzgXzqlNa9Nk1H4Mp0oP2dXTTfmcNsEMWCvMLKbAzRswInRhsOdnNhAwrCNe0tbra7h6X
xniv2wWuQOe9TQ2B3JbDYHheQwFUgRtx1Ch4WeePbuNCvxnGPJoVfndArNsli523mMig3qQTY3bJ
kz1n1k4AvfIFTA5RETYau/HZckVGF+R79ucuwFeWdjP1ziN8RuToMgs1JO8L2eMvrYZZTAZ6H2ll
umwAN7nh0mJUKjgmbBkkW7tkJbWOoMZw492ZvCHhtD7byiA4aGvllzIGvaONuG1sXZJgaI7ue5o5
B5VzBK9bvWacWt48DrRRMbUJ1z3GUl/MD1XqaXc5ApXQ23M6VU9k7kbZ0D/jeFuQQqURVUx6hvt6
CSSUSFBYzkFgpwTQLw+tWSVHo04Ogy26C4NxuEW9bR1hoR1zRBtR71NtTiyfmGMHee615VE0Y3FY
goIZzW8YG8vJy3TJBVQ9szdd6VLOj2Rb/cajVhFxpwOxG+BEy2Sod6kIYnBJa0sosyjqFJU/ysxQ
azEka5AnzmZ8NrQf3hy8iIyWXBGHVS4ccpaOqcL0NueAcQKposaQGh5xGZyKrnjVyZnWnCC4zGV9
o0cOvtQabhNF263eJ6Cl3XODig2lqK9ts0TXI4J+TwMJKxGp0OMeVYba0R44xRNlYjESASQns7sp
hGhBL3YBju6XznyrGaMisZrCWjeya5Kg5MZRu50MzbsT0/DCEuTdlRr+ptLi/AvvdZs1VQOahOJW
rxPWjNaKgoFhdwrIcp+Lrkas0nCudsV1SjLv0tBA35e+prZzRg03MOx6sP3hqWqFOuWZy+RSzTVZ
vYNFah5yu7ldE+4s84fh2fa2FEVAW2f4LYl5SgjT2mtJiV7Okojj7O6PN8xlRD4kUxldQ1CU+9U9
nNfgC9Vpr2Uem7vMKpBfw4BAYrsiQ+Zm4VSnYSHJ52iZ0jFKLf8v+q63zgK02AJq32QaornmfdaG
7Dr7pO/lIo553dONtxZ+y1w9ifpPVfbDa8fJtZlsptcBPUg7HyKkURwYK9QZatsn+XjsDLOKtJhm
vnL0icYY/QHFJpD6Pf2y+U/cMkyB/Iqa2CCpspfiPXcMCIvQN0KdfxPU9QfOcBLFvKTZCnt6rZkW
ENDS46V14ktqSOKO9frX4hNPT90VImT5RXcJNXTRHxEFjpE3pzm4+DJChE7mOZEiBCZSA0GLhU8J
PczoE/Ja551JAi4hyfpbO09y21gAerOlIJ4BL92Ol36YgvQo/AIamK1Nd99ItY1iKolYAYoBoqJ6
YeGwOoeWUqIAxjI02i52RWtTe7ez5BXdQhY5LU0w3J/bdlY/namatq7lT/vAlRUNSPFpJstPHw7i
I1pvl+zfJznTvCqcR0J9snuSMQ+H/kNHzyXQcV69xtLOHjswh1voHfWuQ14Tgg6P6sJ+IAQYljWT
gp1RJO22w9GpYc5CbEkDJbDp/y9l1Ye6/uCPznLrqVaQ5kAx8+v8J/FlSagMR9ssdgSrJNg3mN83
yCRPCc2Xa0W82Bbp+ELMc15FlWuaJw8sB1t2DqQgnfsTXCqoaPZ8CArkaIvVvVuo3Q5UsMbGqLM6
QlP2Nac9Xb4gPy44cVDD0e8BcsxVwgVWChTzjScDBDp3182T1wlqbjWJaEmT5SAX+zf9wvRhyVNr
U1oOi0//F/UkIkt50Jvqw/BU+1SNyXsjll81obXR0nPNVPMKpXDkTaDipMPOQJEIde1kDN2n7xYC
3XqiwqBVYxgTQLP1pIdkzluqZ8Psj0XMzCFj/UYmHzPa5AewOt94xDHHQE/LPmZiNiYZkzpj0iv1
DB0I6kT8sZv078VoP/uEuMnaSD9G09jWjjAJHR7gacTaK8vSpuUtefeM5Hdqjwz4i4I6EoVrFHCC
2SY9tNkC4mBY0P55tjPVhH7ZAXXRWfMQ7lZk9Mr4Y3JngDN9fzUypE0BWSGJaX8hovNDxYDg3INp
BuChn9OUCli6vfflpP5H3MZfqY4ESrcr+6Ue6BY3CTG4abfYL6PXvY+2zv1iJCNKRZE8Ie1n0p/S
w1pmIn37jDZx603FaXAQPFXj+GCNqALMRWsPbnJIljj9IzSYSo6LZLeIywGtImxQ6JzODT+xsYWG
gcSqM9ODJdJjWyj7bwNGKmZsrMz5D3o3eCtee0TWS4a6buwWgbqTOTHptShVmFcaNWTmhTufcBe3
fioqrG8ibU/BHHTEcnIRM1Mff02AjltXPIGy0FeRkTy2c0wOYPPMWwU+i/nEEdnNsHNJGrhYZZcw
Ecy/gIaAahH+wC/FCZvOEKEzZemLm9/Xc9ZIUp1Zxvie05oozkq8svdCUUmKo8dQLBx052lo5d1U
x7jp/B9+bFucd5fgefGkFZHIWD9kHFdZq2HQl4zA7Sz+Y7L5b+2+0cJ2xW8TZWBsC5i8UdEQE0lu
jMdtZ/3NJTHjaW+DW6n1u59ySpLviIi739aA78Nssw+ymvztOLdscLkdFmgmSL2a8XE1byibQYIk
0EXQzGSRrPImnJwl/Yzv9crv9NT0J2GWmdrp8jlL61nznJ8yqJsnkqGPsz08sB6xgkAd3KONvriK
aD+Dy5KGmur3rvpwFBSSyuFU2oDPj5rF6P7EPb9Hj6CLmz/a5yWttEjX/lpAyc7Cr0nP0nNm9Qw5
o0kCdjO8wt7NGkCn0lQ9I4k4u7t2WCWZ9uYPNrWzSkPlt6RbxVp6NFTxm+ZiEUplEF4VT++ikYzM
NWZu8xJ8FmP3EDMAPeaADQ4OAOEJ+DRB3kiRdJMk6X5lB/vg3Ad9OFkZyemUCb+tekLKaQ7nWtKR
0VvYYqaZvY1rn4HSY0Eftrb01v/z/R8Zcgyn1K4AIFf8W07oz63S1gZXQWj6viFP5Cz19K3WGw/A
0fTbdxig5mbTsgb2aCv8+M3VNX3DwWNcpT3qnwfW5yPpV48avB6GSgsOguzoe1xxMP6ujTGOew5g
D4wXkihuAbnYw6RO3w+KZELiSdWnwQACR6aR0IuA84XP24NHHI1ug7QkQeVYjma1XRKa8/WcLKHu
EUTGPU9nKlZ5HRYtnjPk4e8GuZg7+ISAe8FwGs6EyKFIbIjJdPiVHM6JN5DHkJLDOTiQzS19VeX7
5XxSnC1hPuFewEH1syerDmcPjtEA+dMGrP6LmICjST+jpluSXWKWDaptb6SDmT4Kx3N3TjLAnK8g
+HlPzThEXvqTCW9x6cmtDRLqh/xGI4y0nkwF29iQ5wZ16jHWHPsyjae5pvld9C4czNZOHwwtTnd1
kdNB8vOb75Gukac5OQr0Jn3fCx7GpXxr0oYg4sLOngq1DniBpEI73Mi0yJ+Mytu3jvgT6Kn+TCO+
IcaTsWdZM4IsoNphfxo/NeYpW8Yx+q5I/I8a0eGm6YG+BoRirZRVmUt0ODUCA2X1z0vOvB+4xidU
xsPcjelBr8uPofQ+7dzdw/C8eIjZUgfYTlHZ71r3kNoT6SqIiAnsIvszZ9Ma4+U29PMnkoXdoiPb
UyXqVqFZ0DHik7+ubKk+02sejxQm5wIWql1eS/gmKyRLMIK1HX3eK6riDinaAWqXOgwafhtUBqeY
PWsDZYnjLjUgTJ/cxWBMwHfqaruEzA3bnbxT7FxAma7YCfE15sjXh8x50iR5IYHeMs4AOXzO0rdC
+V/uZN25d+/1ULzHVuuegr7CbKpfbdcDxNTdvr8RNhPjANoeDnaHF75l42gtI4ph8Dve8m4mlXlm
KDyB+vMpC8c+3oJEKAgG4fIj9kxRBdE+wOR5jrHNHeMOpWFVzfu5sg6lKN1TpwKGG4V2G9W0xWaN
KWTGTeBVoiGZjJ9JjuBJjdKEbhv4MtTn4ZmF5zEbkI7nFYfIKsaLMXaUI5EFCmZDeCE50R3IYsQx
aLVz4/gt7xpEkpw7J4mJ5/qtDRS9XeAN24pwX4rA7upPs7/LUOKFTIR7GNW8kZVmDFQ9SG4G3znZ
lnBOOYe3U5AO1t7h+7UtTHk7AW6hY9zdzOuaFgzq2V6qz9LtEbVl/Ra1xxwi4rA2nGVeDHA8h//N
3pksN460WfaJkA24Y2wrqwVIcBBJDdSsDUwKKTDPo+Pp+yD/tPorq6utuha9601YRqREDQQc7ve7
99wSSNZOj+reD+PoF7shZPkownkaW3tdWM/THEpgTNq1pOLGGK6Ga2RB1kOcGp2CFmVGbUu/BNFS
pxsery86szEaTmN89fl34dL24I7wjTXavnT2yiLLoVPmeOkcM6vhhzKQHhkj6Hr47EwJ829D/Uzl
e0fa8VGIH3vxXoo5iYB/uT5+T+baAwVbUrlin5MYVhPse9uZMJBWR6xv2zCejRNeqC+jMQ5lzJZp
Ec6+F+59Ghkfg7HtysE6moP+3qMB3lQuJfRqcXBf0+NS0RaDyLyNU7lGkj89FAkfAPC+75QVYEpZ
M5EAMCPxU2uNd7klI+R9rPkEerGaoRhAmzR+5EYnG1Kf73Vq9BvR7ypLMcZSkbnFauQPmZzu+hU9
B82fwUro7rF0pGfBVn/Tw3SFI4chd+zqm8oMyEn7JhFHyjON72nOIZ1juty1KCNcl/Yp1CLHT9LV
RkZc7m7io1ILZmqNoXaxa78prGXbzZW1wdI2YxfxHGKTUXznMBNFp5kYYA0CemlGti6roHJpCRM6
jxMwjdfZoc3noMYWTTrmSKvhD8NOpO04OiQOo3stn+/q59ihn2ZuNkXcvnhr3UUe5/edh82rSz5E
DNxTtzBWFUu2twrnOe5Z0CqkkEXccl/viO7AqS5+6p7LQUjczhjiGbeQfdVGcjqAiGcsWcsIVc+s
y0+9jTZNYz820IQh9/WEgODSCxPyhGUOn6rEuA6N3/dkdyt4lvgFxzjHxnXSLxfHsXguVOxZ5OJX
nD8S89tN4290Qy9OH+laHoJMSt6g9g2vwvtkrxIxxjbeOaOpcd4MlIJZD3HED8x0+LOKjcs4w8Yp
Sa8Dt99mZH2cHmSCXn67bXOcK4CgeW/dhLDE9TQGyM1O2cf/zeyy14/MTOozh6oTFv77uiJsXXd3
UZs+JWP9yHAOolnPAIb9DZujK/dIH9UPsEx+bEE+rjPs12icbyubXw4SRZvWVwSmlQrzhY3Z9s3c
3NXEQ3R3AJvIMh/B2g71oDNoSWJR07B6y/u2J3/rzay4oxmza31dvPbXMlEuv3TPBUG2hdrO1J1e
KGo7eOX8KwmzZmu06oJh5wuj0iPQ/s2YJt+jblwdOLUQwY+4Y97H3CDpUqEfWRlt5kP+OWv4vPGr
fxt95VNHwe3D+8BB5dYUyKYcE45M9SGpRcYzqfCjqjPSvkwccVO1df9ewSWESbHHjIpHWRzzKjt0
o4nlWeJN0PZF4ZBdq1BdrUMMak/yhoLby2ojxRAq8Qp4AGeMxe+dBBR6n78A/uR7DLsrXSp7fQRW
17tas8VzsVVu/YUMfE+qqPiuGmLobXsBGM6DVc8oVpsUN5WpLlXffPXCPIWWorfWQlaZy5eZpBsH
KY8SafZlvY7uWeU/CqOphvHeytfTjVsclLmfDfcb7/y7OeJiT4l00KLhYt0r75qlPmmS7r2AKdVL
yc9ekfaC5xxE7gYkzzZsCBgtE29sRns3YUIzAndPhQTL7QgvpktkYDsORSUm6F8slx1GZvbWsaU9
ljGnoDA1XzL5TGPFjUd6Cq8ZRH806L7UDMTQ+XcNd21TZ95zq2GNpijtPXYL6glCuRwldto0Q23x
pvh3V8rb3qIDskHVxuEU4N3EwBSX+qWpfhQ6mA0tMJGx3JeDqx3s4dosaycpiVM0jo1VgJ00MQq9
WMOVBlfsbe4YUvAWX6iliTmV57t8CclqJcldMcJvXMWckizoLtFYeg3Kl2H0Tft2xIhjxGOLy3r+
irL4o4RW0ibxyYmJ2nMKhwIFbJ3muRsN8fRE21IeA0Vpxv2ohyVnxWibFoQJtBZZyiSF0GswjoSe
YtvyeOK5HWfMNiZrmCiA+l1YqbPGbSWwzmwTINAp6NQN7ih6Pw0p/LkY2HgWHTUq6Sd26uk46022
Kbxko3Hp+xYhrA3hKlKpiUUNb7aXs+svQgM3CVkmKBwspC57IOhDw2g9Rwa/5enWtozPMv9FPYh8
dmMmBG03+CLU01OnjBXuBVcirZhq05YHATZvd8YwEu1KBHsMA12SiquYAlBAQgTZOpFcF5DRyOW4
jKIG8RMCKSf1SAviMKZ02WL6PtLhZd0tpDFqiXt7qVyeclhmrdignouuJkjhT/iEYctr16UGK9Y5
SBLQ3uMgTjEA0E7PYAfTZV5FflJn857nonkQ86BtzZ6wnmc5WOfC8kWhwrVR9FR7JCOYjr9mPU49
azLvRhYtz2jEPrG9e70xn4yYpKJw6ZGwWzoykoiEQT9a17pL26OKASkP2fjVxtFTb4cchrqIdSdC
V61EG+hd9+jmeOiH3nO2zjaHPMlh8tirMtq4KEB+WvOEqBHqdy2pV9/1PGwKps5eBCzRPcbinWWw
W1MRRaZcB+fWW0bQFOJAjJM9iuv+Lsk1bErWKnsBWTo29gFLnwoSWGRKI/Ub2b7Rchn2ZRQMOZ17
etEH8UjHqqdThCxaOCDY+VZHNzuQ/NdQacKvxDOhjeZInM7cgJuQd0Q/PzqrsLmuYf+NMQBNukWK
EDqStDB8WyrnkDfV1MGGn/VA9nAyROyP0htRpfK9yHnZbOS83YwvqP3Ddhp+0k7dzLL4nnoqaqGz
rm3276Zd3i1RFNhVvW9G7OvpuLyVXZb4tlc+zg7flP5AcxIrD6p+a03shz+EMz3Cc7e2QHWgvloI
ClHGPVAuJBsx6OSNX9SzTX8Q6CCgw6QulF5jodyBOs8PxkyCxgEukQGANHtlUOCNH/6RmsXHZGbh
dlIOcFAMbiB9Pmih89jJ8I5tAdL/Qm1YmWa+nlILxj3udbgo5YLnwssQFJhDXFVLoMBz0NI7Pf+M
+eDMjH4X6ttS7cXRweYR38EtltRXkQSGl7L5NveFSm9r4Dzt1HPF5u8W2117ns8JaH70302tMeu3
bIfOWjneZ+vZQALfUfmlL17tmclhTG6ds1Hzs+Qjx5SCUwpyl9xn+vAg5umV6WJQYOpuhXOjecPv
hV/JaJk/7py3W73mVaYI/G6zTSQVUF0gsuK7IFYVefQZ2Vj+aHqlr/csVmJpG/ZBMdoPcAL6BX+2
F2WBY0cXcDQfnZMFbdW9sMszd8ng3g6zc9HslDYxTq2+buRP49C/1VZ4s75Wa2WXsjJP7Fj3vXxr
KD1jYsFha74xeLYCPNiHSXmKirvGKd88gRNIt68elrM+3NvL+CaEc+ad9CYQx6rcW2m47SyHfQqr
jwxUaewFS+SaXiGEZAU5i1QLcRENYcHgu3DUqRXWNpbKpDAeXbU8JV35NiN09DLdYhY+F3Z9klP1
nJv0HNRb7lJa1loaX0A2zt6dNQ136/s1aAi6RXrHl7ylDhpC+EPYdx9Tjaq1pCNNfgNn7XnywdEu
vhYewmk6SJWktFzgxGsLnozE9ja1bBtk+ubBzodXQmX8ujueAOIKAcjXepCu9nJvp23QymrHOPsd
PjQlzmnz0HkPpWHfNio+tq7CxJ3vS7bF/tQQnBjEzgYWEQ7lpWkHWnUz7QkiCZWC00OaolRpsAIp
Z2vTfZ6nL7M2fzNV3OQFlUt1H93LIbvSo2CjhY9g2NuTmTM36MAJxVmI024078htQuiKv6ucgWvc
1C4y2QvaMx1KRjv6jqDjydbFnX0bmh8IW6dcjWIL3D0A1nvQvWhfTuIA/ZKN/pbCQnQoOhbmoOca
0Qx1SUxjn6TxcUjjJ5Gy8dbkbunVHm7NIQw10BtQJ22mLjW+o5qS+BBLrhtGfg5Zn3zortc403ol
UOWKuY2nn0WVBHhGHtcLv9fSzypH9eCZVo23k6o2owR4LJ23PItpOfOIcVoBVNdnBu1vU1ZtU2sm
u0wcx270V2NyLV9XvynGgVpABFRxy/sGFkqaAifwf0ZJUC88N6N5FGSLiw6evxk+CdSHmv1LVYjb
OUluy7T+ZHz93s3uASgss3E68ZzpV2mWVDh7Z1NbCEmSoWNFdXvtazG676Ewn5Vwn7sY3R0x4pvq
sieVYV/TBGDe5oU55gdMZWsIP3QrfKCD83fWxM9lme3oDHpg5nycimWT4YB28Vd4ZXqnj3utap7s
eNgypNqR+/sSOnNgW1KvkgSJNfxChjks/VYN2Wer6dc2794L7nqtrM9DnL6JenqfetLTkSm3NE4e
sqK4XxjByorZdyTaXYNFipnpxi28m5gCMp4xR9eOnoU07iveE+m633yvfkMCL+5a8AzPOpM0m+cn
VXf36fzEfOknVO4tgfNbCHQfOeSyyFl71KJzssy3ro3nRCsvizRPrax/Egrv2mw8WdrwJrmpbJsJ
lKI2L2FmmukPeZe8lyALcxgfTK8FIiSquexeLQ2SRJJsdcRGKjT9OKlvY8cDXMAwRe+nO7nUd5No
b/pF3oKHQX7meQkXsguz82BMT4hLj4QCQxyP0bUy6DQE40+p4UVj9bQg0iuX27OgEK7m/HQtrYnS
701UIEXaQ3+yq/X01bZBDvvPuYPD17CAY37xSkWohouF7sT7MLo3wnYX10T7EvQr1hkNqaSDPBTS
z97SghsWMNZVSKd225Z+dGeOOV0h5ROMsWCUJGAqi4Bx1QS9XlMFqoLBeQTodrQU8aYahT8Sb5Yq
5R4Iy5PhqEfHXtWYCZ6/1cJtMi+pEvfUXHzJOT5EFE3FxXIOmaJ2y3JbZN0HhWxXSmM80Fq+dJxX
5X6EnjrO1vyr0momKQaQqi67hht3mZ8no/mcht3Yduep695iU7071AcWmfcSu9xy2Hxzs+t/4Si+
mKjgjEX2NcnrNd/Wo1NVx7kX20SLDpnjFIzGmGzgiyHdfJo8tDi4VnNWXdJ4Ie7PHokVI7Alb9NU
F74z246P54ZWUKPcNWyzNqX5aGgq2o6O8cx06+KV9JtGzg1nnAPQiRdz5LYndcurLycd+aEms1sa
LZcfwpNl3rPn/VH8/9Cg2MtTu9m4s5viqcrbfQT+bkleuwkWu2Xt1hYPpgPI5QDh65hzHY3OWoxA
bXmBbZi/16+bKftBlzSTNPElpl7RbwVWnfULFqbx6BQW5t3YO8/RcPXi8oZjxyGMk2dRAAsYqxeH
1NxysQzymeFscg6Jx31uuSctZv68ftBcNK/DGtWNkx/Rxb0PzuSpEvXDEEO23shpm1flo4ulxByW
bVZ4X6ILG3a11lVfFp7k3nZZqdxhlaIMzx1jxOVFLsM+tbpdrXX7LnE3tokoorWI3Gx2SEEKBOYu
0y44QSs/UzwOZvpLnPHOowIh1OmWmSj41JyLiuQxinvMzvJovo0DIrZ6GpdkOyfq4LoDubD3aJUy
p+qHZNUXauvRLpmBxjrVus5X4z0zojlEIcW7pnsJ45A6PLs5unr3iZX1GhZpMA3x0S1RcOiT5QtQ
n0eDsVpYIusi2yPhbQblfJRM07B6Lnd5Xt0Y2cSvMqPDeOGpRduoo20dxqo08hZYF7ANMIEqN6ZE
AZgL8b4umfAS3uyiKTdMf+yN1t3Zbk+BbarDsq0OnmB5xDVxsRREH/YTNyR7//Q0/n/7539h/xTY
P7Fj/o9//Zdf8/+Mfqr/zf55Scryp6v6vzk///qsv5yfrveH6UogqZbpScNmAvVv1k/P+YP0HNhv
19Zp+cQW+m/WT9P7Q7rUNDom5k5P/Hvrpyn/MEHcExyXECc9Xvm/Y/3ky/ydHqZ7BsBl4bgwZajN
E6vf9d/Tw2SceUVvljTU61oVNwMD+LGVp8rkHByojhKTEyh9+UOlyUJBoOvkrvRbBqzOU5PiHPvt
GHKyvjEiV9qzGRJGf5nqtu9+R8rMq8/FkaP2PaZu2PoofnRhyoU2u7keQXc0rmsbDK5mR0u3VW3n
3WOLyCPA+XTdSyJK0mIpM5nhMDdkOlZTvlHtPEoRw19WPMzRJrdFJE51POZ3mebKehtOGvT8sdL6
dRxIP/R5oFqK8VNJQMrX3VgBcRyo1tnbuWuJvcBdCOkiFRGP8CEvP3TX5djQO1FGWVOOfrfxbKaa
Pg1eJnM+EFjGj1AzqKGu05DoUKyLml3t3K9FhzDsyecOnY0LDVUgvhtKvG1AAfvc6zq+WqqwCsSR
hd2pSHMrMT6duM2iI54MBAy9y3WHXU2WpccpLiZIM7F5NSf44ikGH+KMbDExjADbhT5UhRlr6sSm
XTO9PL700bjOh3MnZHKgm2ZOU9kS4y+VGC1Cti842Xd62GFh7CxZ0GefGOoGvZQDzUhuZC2/wXV3
P9BXMD3LyW3kIx/o1d92PMfPEWepXzqQS5bmrKG7L23bOtn1FiiWjbJk/2GT/QkDSRP1beHhshSY
K59Kg5YezKaID01K1wLBd71yqauexU1mCvOhtHOpoAc0VYORrCqzTdeEzvPg0OK0K8e6nx+8gXpv
LO9pmm6FUMxX2pYfFQaRhDS3xclFHN5ceru+X+YO+0FiK/ZpbdPVKy1HDJQKdtQZ7wBvLZ3ihDCW
9zSjau5vy5k4JmneMtG4PjPbpM6uAs7tO0nrEP0aE8wBJ7o/2R0Vwiaxadb14tYY40Y8p/S4sKLT
+2q6e1Rsoq91nmsWA8SuoJuqHpQ40FDI89Imbaff1vVoPFIlJFJIANbUXHKwt9FFm6PZeSktCgMP
qsEpzqTTIvsK98UelixIMEIs8cSIp0OamwaCMwqmjS2gdmRLpL3VeMUeR0fKq7EOeujlQCPMzOle
d1R05g4AlNFb1p3BkSLm58yT79wU2ZPWdtN+KingtECCfzUjTcezJqwT6e+acLwZkqcsyr2o5z5w
QPAymkOW8Re9bANGJPJktkZzSaIGWk1J7lbLFvoLEm1+yltb7KfErU6F0zjnOdYzjFJTsY0MxyZ0
gjGYYeX0aDdRuCVQqDY04KYHTI3iqIeR9aKrBj0t9hKLSgb5gwFCfUIHbW9NbTQfqgEdZhoXkk6G
UT7U5YhgxEZkM8Vj9+BW0fDFhAAXjp7Ix5jMI0L9gN3LzWc+MG/sfTdPxltRdglmoRRAjuJWoU02
20kPJ3zmItOiSZeQwJIoA61KFIfO4+gcYRRHmawM4oyskHegtsuPcjbToBm8CKtZC8W0TcPAsZwe
/DZNEoua20PXig7sD5wNDwAUxOsewZ9LcT9q3bIzcbDdj2aofYpEzbxUVb9Q39Xfu0M6YHnWFPW1
KWXNQPyOdqrnrA12TxV8Yt7rVo/ShjmiuM3ASTNnTPXfBf7sx3YoultjZjJBMJunE/vGQhzNbtFe
IZvSFTc6OblQpbAS63FW38cydx68keS9UnO0FTBAQK940FJH8BlpBe+PMCzxb6mPPSVa3OZ04czX
xW5WsxMuQZskHnxrVasDZwJ3I8BO7LPCBQvVYQg0CnKjfjI4ML0xMPwaDJFyhdBh0+pD/Ajoyb5t
Z6ujHxNjfsj7cxBJbR0Z7c9HUffaDue0tqtjKW8w3M+HLEf0cwsxX7RU5DytkHvcPhr4XCTXMrSc
X+1kalRqNclZlyvBoa1hWglZ7ye3wkqSeA0Kuc2EvOVIMKk6fg67XF3iASSlQJrfQYqa932qpYFH
1cwNs5V+k0JeYINqiy0YRrEfYpPS0EK5L4CsUmqAU+sEUJ18awZfXSzT/BAW8Jf5HWBalWWaEnms
qr2nrxgnvNnEWuEGeiETaNUSKWZaUu+IgOPBbc14p0VGeWxEBUfaDvtbR2GNsnKFMygjhRHneLF6
1k38ow6Mhmo0Dos9hvQ+47ZTEqA9DwQGwtzRzHGWcN/UNf54hOZLT4H4N57F9hb2CgwTpH2/dKti
Dx0uYTyD1UsraNN23Wk+ahlFwzgvAJik9F9Izlywp9R4jFdTeVkwQpZSkh7THf2ID8d75XRlP+M3
E3eopsOWB6azn7w03xU9BSKhtvqrFski2q8Oup6nBag9tWtMHMYxhsGTkejZTlu09kpJMCN9i2Ne
OlF9CBATcFSxwBtd3Ahjpg1MhDrim2GhKSUdh+nO1fI60IZivDVYOfYLLfZB7tjhZpnHaJ+aMg/K
xEED1Rd8EFqcYlmUyUwSVo4b+mHSG8bl3YUxQbItDKb3mGXz7exhXpDVwuXA0APROp+WU8SkdH3g
UukMBZIG5XGtlLUXdCmYCmjz88ahVXsL4gmXr8GdUZil2tEc3G3n0uMaTtp21yO6QUmY6O1M9WEf
T8X6AJnguvG8gyuhWzQoG1ylRRptc0wU9BYvCJkUTaVBOuo8Q1s9PzM7Gq6algJJLxZiGkZlM3NI
QO9a8xqLWEB/tiwznfS0A9wGK4CiNQdJaQ/7JbMJKZgq6z6rtqbKVR/NfVnNkhM1ZjwKLohIPIx2
Xh9z1+WwHrpd+1oP1bLDn1Lfmnk65bsMLLmzTSPSfLsu67rwgjkO0pTOAGXYxYbtWofZmKfl7PJL
ghfTLHb/NJtLTYwuHDClkuaZLjzU82ojDUYaJ9tUJMLpJhtW0X4d0vhwmJUVIpNGg6b08+C45leE
2CCgcfw/OQXtf6o1G9b9y3q8+lXVqkUx6P/173/t/vH3v84Uf/tL8Ge87GH4adX1h1Agn/rP08f/
7f/8K6T2X51vhGsTBPs/n29uf77azy77+/HmH5/01/HGs/4gJGeanG4sW7fM9fX+SrYZuvnHmlCz
JZhliM+C+NpfyTbOMLpOhyVZM882Oej8M9lm6v+d4wyshf+QZNNdTGTwraXn6Izw+db+fp7J4XLq
KozHczma/YwEhrHr8meO8z/Li/73/+3P6KnnJiBs/5k9/c9ehjVb21URDCYWKlmkuz8/CBy5/ddn
csBKMTslpqrZCYX5Q5hzm+cerjZHTHskfh8/VPsUTy+VW4kjbEk6HiWfjuf5vUDB5bVqaiAx9QAn
fy1uTMfZpTVTe/NzGECRENqYrYTBtT2MKBsAFojWs/bWT6Ebv4FIyBgvQJDT5HM/AA7smuHeqtfz
XcVyOrWVwloyXvJ0fHHL9pizo7uweBk+jnvrpp6cI/wTeNghrpO1yt5oQw2pG7JOVLw4nv05TY1E
y57D7WAzwVC2c2PpQJMyoVEyt1JtegBpA+wSRvi4Nli+p5GoHAWq7AKznTlr5YaI38Wj13RDdQJu
MtcZ7vQqHHd9ApTfXrA2K5bM1OisbbdzUnfANkDCr6/LF5FGh862hiM7xt+TGeOTmsrHDPC0D8R9
9Sblxc5iKOEC6qpl/hLxRgUOEFGTiVzFEegwcwjdGgeC+DVSLxnk8rYcczxAAKBKSEz7Un2H8eTB
uvcgukJz2ZF9ODuW++JFhbepbLcJxvaptO3vPvIARul6f1GJPmMkzO9b5Ln9QJdgQQtrK73XMTUe
F7uywKPV+84pHpbafR+B+m5MttabMlqrCwfkQ691MMSN3XFGD3NTiCnEfnzpyV9j0qgA21RPPaL5
kXo8YKEvpByWX/SJ4VBVsg80dWY8A9Y4H0fLJsVNoTkRSUPQTK1+7nJCFLAlC8wt3rIB7JXxZJwp
kWx073O0DX74OhYwa6rVORNuDf1XNY4lo49PYGndLteLessE3Vdt1tB8nRcAP3j7jAxxecgz3r2q
vqsLz96Wbsp0gQWeUxv4wLm0b3DbnhxZcEbuJVDqiZkkO7UgsquXkspeiGh1s1spECvb+mgXMuga
iOQNTbFisa4z5Eg/wsAu8tjk9MumQc7tTd20xQZPH8ynoYpgWoc4y2w9DXQR3xbRWkOUawfDTocN
3yr8jsb5ytviC1VkW5kNlATTuaZ9/qPrOMBj6ziUtR3YFi4zzfwsnSVfrehWMApFC7l17OiDTseZ
E3H/YI5SbLTVE09I+wEZ0BdR/pHFWaAb8xfD2Xe2iu3BypbKr/vy0wWFCRLL9DWJ/6JeWYIQOnxN
NFaQ9ifN+5qN+nFdX30XZZs3DarUWF68ZpoP/UB1cyiAOkymvic9Up/6MPlNM9qV5RHaCGakaoiq
YPUza4w6ODMJbMaBOUhA0fUTzMHwoLHVyNZQ/z/+cDT8buZrUtDzmybiPm1hO/YadUAhvgGrAw1j
DIwqOPSl9NLdO9m4nxgVMurST0viQXKPzJu54p5w0hm6XrmK9MMlldlTXwy/Uu4uZlg7FgDUsqtW
UQY8FJsCve3UaAFNFq/W0o8+GZxljQ3mhCzyU14wp05uokWwfUOIYgY/qXO6THt+lu8FouBFFjMD
NPRbIRosxTSL9vM9GZ3Ed6LOOTiFBFqRPaPhgxF3augonoXL1P1yGn06t+xSXNzc6CaUw9rutUrc
nFSdWOenTkBTDxYbzBGQ5bAp2DhWMw4NmgWYiQmVesAkX96FjcUsaFvrqLi2SN9Nb7wpagZEkaaU
r3POZKBnbWKzZgzs0jbqLrFvLD91YR1strEcVdmjCtP8qMN50w0XjqLkBuWW4UK9JXmCXbGw7k3G
AkbrbJLWCDdiGlCTM6u4lW1yNexh0yhXbtyB6Xy7aF+D6Sb+wlZyI+gAw2DIEAtbV4LG592X4TYc
tegmr5iG9xLJgH5rmntoaidfCvBtcHI/1ndiwQkrBxMBKA13661F/+B0RjcjDpd+i0I/hhQttIuI
N4ZN7Tvekp9mGt9YkPhX2qmoojrjhv+uK7yrHnDwaAV4xyy6sZk/eHreB1F19lLcP+30OxGCAuSi
/YltRoV9SHOwILQVcgzqsvgp7Rn5jtBkKyMiE2j3v9O5n/FBudueKrJzYtVvJYzTzIEH2Wskamzy
9axteFE12j6WvpB+GVs+ltaIepfxkBaWX2jYqJig8NvNrTuoavathA6xUXNcYZQ3vpCyrkB7zn00
Dcd4VCUgrB1uZ5wXIn8xetO4KTM57vvSY6lN1L0bls+NjlAfwqLbWCkT2MUWOxUSiLMZL6kpvPTI
fStxzMX5KTNrDhgUOpxpf7yk7LZZo7F3IMijL+bJy7iXaWh/xz6t78NWfoZNuDEHXjtyht8wYRxc
rAm5Uns5L13yoIoXV0S4lPN7x1xJK3oekXO3f1v57OxcaTC3x48exswHsd1deUnAYoSkiHul9/Bp
uTpFdM4meOAjWRuddmoMwbF3MDNgMRWn4QzAn9006uT2VyZm0IBpZkZCcDY0AmAm537ym8Ei9M9Q
nVlJt60N46cZSeOaeEomu34rGgvkZVr+9kZj0006GCy2dLDtiJx4eE3HrlPbrhgnzkbUFrRMX008
ZOwucDthVt9mcOq3bkOW2mZhi4rklFBShQV+tXolgeAb3hDVvGcf2eGTi/HrlLHy5eqV6ZLp0Lvz
Z9iHM2ClDlFZTj8R4bDKOXRl5m0xibwL8vacqZ0BJ4hLf0OOQDa2jLZqQ2IRx1CwybPmy8jXLZ7b
H0LNzjgaF6cK3Uj12IQWCX9uiHSMMhQNMbD3tibgBBUV/UHOBVgSOqI73ix/zDpwYZRg6Sol2SMZ
ufH7o6rUbX4G1EFGa+DlcJ6S7Vx9QTQTxLeNBQ15bJiymgDi971TVJceLg+SGQ5VW+cCmiEvMKz+
cZTMzivuLO0P+pR8l7yTmNwV+6uCDimV4ELPPeDLc6jOk9OCp7ei2rc0TN4gswLVkOzAtAdpP3IC
aouFn/N1PRhOm1J1zU7XS0GUqsy3vYmvwZr1B23NSFNC3+9a22j3hK6vZd2CcAJOukN9ZCtrDxeu
AfYg+bFZdBqlo5DLsxy/nS77XlL9q2udR9z5cKDMmS3zMHw08eIGag00tGmJdY7ne2BZ6lmrk/Rg
4325tAjTSL71tqoUndcGltPx25w9nNzxGr3CWzDm/NGqeM8zbArspDrB/P8lemokPQd7iCdJpdXa
U1G49QMcYnzzRxf3gW+WbbmLPBdnaoIXxOBBvsDe2UoXVhrsw+HcOfMOBa/ZNJ0DHqlBYM4VTWE5
yQ6r1Ke95WBPU0wANu3Cnj5atPFJm607RvO3GRaGgyHNigYhkn4lzzU9rHZxnK7VJytQobLJDlfC
2jgajS+2VowbvcbVSeaIMsWYnY20Y7lJy9pjUU4oI0jRiMas+dE9Ev0dus7pz/8aBPYFUpJHoc1s
G1HK/dkBrjfFKP7w6l81VWjo2OpsWoO12h5wASb9QaVqOE48NmlTz6nC1EctYJN+OxeZPDruum13
PPjDkq2cqGKdaFJ4UcYAF3Gsrd2EXS8lmnDgQXH+E3Sagws9dOHyoNIxPMwZdciT7lCt2VPvgXBw
g4x5zUdIrPQ7ZMcwbfQXBMf71DAJ5qs+yASGTJE6gWLeNCpdngZyM5cmdC8FC8lgVOeuWvT7GT6E
NBRTI2m/A7Ggm8YMw0M2V09Nt7gnEviPlldvkb+dgyiune4u9wveD1jyRbNzSwy1ngeLPhE2QU89
dHbUeyJI2QCnCwi+IScLhhqYcXPdeF1Jw+zcgMEVEwDGsrorp3PEDBsOIJvTqqSikdKZ8WZB1P7H
H//h39ws/wW1TTFw+F/sndlypMi6pV+lX4Btzgy3MQehkEJKpVLKG0w5Mc/gDE9/Pke5K2uXddux
c9EXbdZ1QYGklCICcNz/f61vuRI8qlQKmiGkcaG12RisXxW1C8aM8ayGExw4UzgGIi8zFG5/HdM4
Ss6OodYPQMmxBs0EZJTRrxQ3LxetNnQg1NiQUI5XwpTGJWrM9wSDK7UqC9+21tDb8/1C7Qof7fN6
3DfvUY0i0VFgKj3TsP5Bzqe6Zse71QO4fmPdJGiqNBkNUCjAC9BVkPbJTmEuTsWIlTUyqqCwQuhH
664sIg/pRfcltjNoTop79GczdrCQ1sNZ0x4by24PA2lv9FLQ3DpLSP6e+nXrRjCwswABv/bXlz7+
QNukG13G2m6al9+/PNSEhjRL/bE/X/RJZamQJRxX+6ZQ1CjmWojw193Wj5ZzpMPnzbkbYoWt8vEM
/d4NFQmL4J7pMMfaQ6/4Vyw8NOQ/3eQcJ+oHWYcOyR9CwmBiYjrwbwJf05uoZ8UvWG80GKyCKoQ8
7g4IstB5tMG60dTbce6yxkajki3MGEPhH4BIcZbUqVn3psJcdAJ3NyZP7aBVdC9aH0zM1F4tbECO
1uS+Ipi19qbiVDmKWAVFccFF6BHHG/rixHOhCWI4BypbihO8Hhut1gTMT5aTqRG5EVXonxq7DdY9
q82Gk00pGPlTG3Rqs+5hRMeLYExvUv1oCJ+3ByaOmPz3xbfuJV7C+5YT3Fs9zTN8F7zliLmOvl/f
OCdJXYjIvVIQLftEveNe2U0HH57naSzyY5zqzhHpfhOsG1taAM9Q6GP/DYNRRKhF1ZeWxa2Q7Jqs
gcvPtiYzLvwVK6KuIF3trYclmNv9ZA4/bE/0B3/uH5vehHeTqiszFZWS56y7agNPAqqhX+ibQZHB
/EjjWujU7nq8btZDuIJKN1X65d1QsAxP1EKMGvUdi7jwsF44GksGxPPFa0zvHU+tegfrG1rfy/QE
0yIL6LUUnBPCkvKN4RJ4wjBRg30ry6MzOEEDWR8cnNsFLUK+9uRZ8D1C48m2RpRoRPT0QVr1PesA
Nhk3CmJZFJb0zECiqQ339O+92el5L3+O12+L9Yu+zMa9P7NG/uvfOSITy3497gejaJF3/8dvWzoT
bpD4OdUT7w0Mch187FqgGxnFB+Ym6ouppP5ctGBb//aTssthk6vNurf+oMQEvKV6A/ZNcEkYMEdq
2wFnrI6Ez0Wz7vlm+9oMvbtfj9qMUtteYLhCuVXbOxXQt0srpD4m09mPf2GrvX8cOnoJlYNRZfRY
pMIS/fevN02QkpmFAG/9bNeP1ff4+NfDdQPctP/b4T9+BIu/fZIlI7qt7kXKTFyGlY4/RIugeLsU
PFlmW8VDhcacZ18zUj+LuAY7NbrA7+HKXHdJhrkmbgotYbpVsy3PnmLwhevgtBL6vHWXMi48poZn
Ql89auvZHNSZ+tvuSsXzWlbSCRoxfx0keYQzVFZ+aZ0IsNhmA+fCdCQcWU18WZF3f17+egiduvkb
Cy+um7cFZcPeUOPRSsCTKwHvz3E4zuLoDdrx4+2ot7fuEWe0n6SRnCgTtzuS3IePN7x+E9orwjtq
ULsRmC4VGmp/anzhBgKLvu5OJJxtqWn321wNvvQVuQfU3no4RS0r0CJJh6BHxz/q8iwRgDFuszF5
6jM2qd1R1+5pyf7zIlTXpIP+JFivSZv6G5kG1u1v1/e6C4GOtKfRIb9GXeQ1Kp0jOVGXv/3cemUL
opqBrJiHv13868/8+RsNHf9tWdQxlAb+Ls4B7qdyYgabWGDJ1he4/pPOIdeB9C633nhACHYYyIE4
purpl6ibPFZ7/zhcv4FWzf0IaP3/irP/riODj+y/UZwRPTS0yd9Rg8bHP/ojOBNg2CzXcFCU/QEN
0qlxXSLfHaxefxox4l+OrlOAQwBmGsJUf/zfiEGHHo1lCJcfEJ6K7v2fNGYMuuL/FJoRW6Yy1m3P
M11WDSqW9G8xlS111QaHehwYRLp7VvQINKo/Zuu0K8ZWM2e5fbQzwFfqaN04sb5vhaD4Nmf1Weo/
VnbnuvEgk4OZVixP0VIlEf1ynyXFjhhHsjL63DmlXvW1F2GMC6Vs7/QFtgmLXKertlFCkI4gPS+R
/niYC3/atvj9+efpXYjmIZoM2LuD/kDsDmQkQtfgdiGdbUdUvv4ARk7nzvCG5ZOc9exYL8tlGEYy
gjIYEMw/bIRtxbgjcLDpMGJ2lJh2rZ/jMTWm7CHL9s7oBg0+ri9iCkpCWFAR5cTs8o/L8BuSJYfM
p/Bu8TedyaLb6ajrQ0MqdlWSmVvDm8sdHElq2grHYdjUJ8KwlnsGLqygkW+e4rOkAkh9Er2o14x4
5xJm9phPkm5N30HpJKPpqBPROUXxu56gNkWwUvIMFT9N4xkaNX3pGYgcErds3zkxOSOqkLB4A6O6
1UT4ZZD41/KzkhNt+xBulWfMh6G61GadHYmp/8Xj7ylrDOPcZ9EuIdll35vujcXrjdr2udfTaScc
AthA626tprvoSPGO3rJXtc+HKGd8AuJIjk8BVxv1Xr1zVFVsDLETx0YUUv90b8xcmIwwTdz4WfeA
OCfbgWCkq5bxit2FzyMLM9JZ0oFWyCiDhH5+UT2l+rC8d0iYm/Hn5JP5U4RCARV7tB9tvkOEhyGo
yj/ZI4UcD2VTVaI2aOiRbfwIgXDmV9N+cQHwe8h80DHgYoGpN6GByINleiRkOD7ldd5vMtd69ouW
2WxP6JVktYn0BPWOe3GbSr9EtvlTLoBdhpDO+KhzejVbuyWSl2nrZMfox0nw7tocc43bdjytB8VZ
zPDFhBYhxlFNCgpI4fk8VjOoylZ/XBbyLdFUx8+e5u5hciPXVqHLTS56+im99iAMPswM0aEt5Ns0
2POOQEb8gXgD8AmVKv3XGDu5o3GLEUDLq6OEl8R8r/yR5I9zTPcrygRZzKM1IMqzP8vK59UbdkDx
vYB+JlDBT/1ZozzZm2aLbTw1OWnNNu65z7x25BOnHvNU03kYPOtHznz2K/GjXWNfBos+5kyGgQ6A
xdIXY+N6z9FSvunlgG0nSWAzJ+Fy6KqniBzbQ2V1J9B8RGVooB4NxyJ/ZD6mmHEPdgwhFPkSgQCc
vRiTTy9kvPNjrPDabBz0eLjIBPlnktf3FZb3vmkBpswdNQ1MPu1xWPA3Tc7BsJ0DSvRlW+Bh3/Sl
xR1uxOJInvOpdo1pi93yEFPd35dkT9A4jehLYVofyEZF33vGj51dDT15MKYa9/g2Sczxvpg/9522
HO2arpTmUU3Qok8mP35NvfReCO/Nld4ZeSdueA0mYGHdpoILGYGLvNSG/U0QF5UsWCSdjnN8l9SS
IhT7RAqA+46Sz8mIZXfI2vgQYTsK9WFH/XfLbHCkm1L1W1GSeJEPGkqyIuPasG+zXJYHyqqvUCi/
pFYW4kTFSbp0TUWH2jtU/I7arr61KZZS4dDqJBoA6tyM/9EZUFGK9wj7rUaATZEgJw3HCGNU8SvO
4Q6hIw2zObw3POVTlFhpbaDXmxYPJ63hJd4ZQvM24Ww524aV4IZcBMK+my3EPGjjNUF8uTteqdqf
7CV1D1auX5bFeTCTsD5WTl3vs6H7ZhUalSrf/5k01utAtOzZKCGiQhF60GcaPfG0NDu86TXBaC39
WivdlQxtuzlxznFKpuc8z+8zuX14YpcTHNzuJIpK7kUSX8EAXEaJsUDq012Fc27blGN/8LIiMFoQ
9TldsdagixueUlCDR+xxKG0JESU2Y75vqKsuL+5k9cDJCSX0Fu/HOMtthWGn08PhLh6bW+NGzSmt
yNWTyfeU9dYllPEAaoC8i3j+4vaZt29nlmG2N7FD6pZlL+9t0nK/tGopqTu4XDSB49YAiNcm+XjK
xPhrnqpqr0P1GzucJUlPqlEKZkKWCvY3wZLg0fIorE9NVdk/3PHFSfLX3s2yTyPNMHJ1eWqSiYre
Wow/oQLJxzKVTyRMeGTQTfOmxGcCdEPbWrr4migAfHZNyzAQ1bSbYDG09Ix2Q6hTGsE/WeeUr8PI
3yEdh9dQ8yn1Un4v7C9REUWfRFwiPO0YVYr72TfMo1io0U54lc3ucSAUgmJsyIrYH2rEbvOy8b/p
5JDp/oyjzBvlEZLrJ/h9GRPwmIEZ4Xhf09YA2EuWSQSOM2l0mkrNV5pvC4UNWLykHIYHIQH7wA0H
pOZMn514eU3Q+qLnTnY6GDTKN8PXClrzvhI9lBegw4sTUfSHE7hF2HXoEKe75lRy82O6tXWihPUY
tMQMenqLZ+cVFV56sR2NUkEP7MYW3b5F172zPFdubb8hJmbGlkX4bHKFGrS3R5ZltMBvlT4W56jk
tLoNZPnSAR+RutnOqQ2yiDoZ2BZaNJc6Of162zkWTDaggPKk6ER45Fn7QM8k8NDlb3IqEoEw8rOG
7EL5eOu72oWSmdjdqWkjAFBD7hzcSrwMQr6aieAR0pV7Qf0HYBW48Sozv8ez3DmtDaurtjaeQf5e
reck0DGeQ2s/u4P25HjyNnIZ0Rm+iLbjNk467btPgKc1as++SB9Q2EXXpevv6Yzm/UKdKwGiGSek
vtE5f81qbl7LkP4pilIiAcrulacOCoy5BQBNrQUaLfE8rViQ6y8sqE29BZ3hRQ8Vrd0OdSSuQRaq
aEkBqtGB63OARBp+eunU53bqvhITmGzb2U2C1tZ/Jj3zDBJ0yBVvcF+70YHgNJ0msyfONiJDgDmV
w8yurLaupes34u6oddr554lkzMPiZth5qMTft2NJAc9HQOOqMAq0qtkOKj7E9ldNN195ldC5/IWx
Wteil86mlev6RwvV5nEg6tppIcHWroiJOrDTgNsL7LsAbmZXy5mybbglNsih7VUwghEDYhUhAN0s
4SlYRxo8rIwZKREzj1VtBIBRMH87FP4wHhYLyTmt7zjHkjSFjgjSTpr6idXFfeonBuDqEMu+bf1o
UbKcnK7fgfX3rrAluT6NPVkH9CSo2+ysqgg0WaBfHAf9zMObK0N1u4yo35NHAbWqOZlSxBffpHJV
DA0TGM34SfBIty9056vVWyTurKrHbDw30MGjUuJfHq0ZoAwJ3lYVw12K7D3Fqw5N4rKfK7BvkRo6
cxf6g+gezNr6OhlcK4nVXha/ICU7s7+WsBbIuISF3OPk2hmIqI/rYSNLOmgpd2PfCJ4gvn9LByan
s22fe26OHSJrFTRdfRKtVR4KN1nuKAUyfuc+WcBWLY8uHEZGweqpMUGNApw6ZEQNvhRRF0xOjYCy
wZTLdITsHlFe054Ju23HHeKZXdM8aoJuU166MXbkBVguy5TOaVISVd2bzhpjG2ptsjc55UXKyF3U
SchFWL3IpnCucAofzGL5UmtWx0NYsy76uIuMXeN11ckb6U+5jk14aJodu3BgNkwY4d1iZN+mFKEn
VKxsAwOx2AG1uVjIrEjvq6HySoiIPpHDjg9/esgPHqXcq5MYy0PXAAJ3mn3WmfS/aDM5rjyw5ui+
LPnErLogewORPGFd1SeEoeFej4mQ7cfyQs66czdmC9LSrD1apMb7tsJnGE9wBN+6BCh57L7NVRVv
RUYXalC20sqItunIMDrp/jYi5vggAaMsZhLzSq8kAWb3AklD7i1A76KFy6wDPxt9jUn5Clqk2CEr
GBYOry0FzGNn8Fg1enlkaPxO1qf1CCno0iIMBspLdmkPOaGtkRlZQEeiIO7c8BhH8rsN+vCq82Df
hjhX09kKwe/JHzh3mgM6uh6z6JOM2v4lpnB4TOIfnTaJA/Fg091CXiV4C/K+gsWawMsPb75dINaP
HwTq3KtLHa6S5Jkxd0W/1UoqO8ur5Ky9zykAxCkrf4HnSuWVcw5QU+gDAPflgaRP7unYazaGNIxD
jgt0t/iHYQQH6BL0IsZqgyU5OrdOcqo9QI2ccCTSkffdcIimGTXD2oS0VjeN7D5HdZee7BoDBjdp
XLY+aASuo8V/cuPhrowQuZE7ynPA9c6Vpc9HYqifNIXQ9Cffei9A81YpqqFUK38YabJ1JO1OFMIN
M1wY1kvBncwaeB+N2f00T3fw3h7a3sifCfpigLZ5/7WuUS2dCD/SjPAMPtfet6VgrsznsjW4u2mt
AaZaSJ87Zu4WYGD3UDvjp4HaolruR0ch5F2YkanYKQTBXPUPaIjfzLq4TcIY7qQlwVcbPfNZ4p2w
oKqJVUeyGzZ5m2cyhd0Emh/KHIOG/rYU+UvhAr93WNxPlqHIE/QLS1eeJ1k7h8Syp+NQRHSAHeNL
D8OTkvs4nrXcGEky+d55BPTZbvErzZoDkITkqkty7FhsM8vMCCJOje5MzPmzn+mgSqx+gYvAM34y
sVUwL7grjZHJWNGQSm9COCcY5lrX3c/a0Zx9FRNzkLufEkJLtynQ6T31aLHDWUGjs6yba5PGYDHa
F5xKyd5nHDhMlkPiq5D61WuJNiCASDaITiAubafcJc7ZEpukS760TpvQ1yM7VBPGp7hHVQqyK8A6
Swq56zLXgYCRuGAfI14bp03+7BL9czdF1tmNsE9HFxECVuprljBiH9HEiHe5ZDCp/YGUAyODqG9d
DGtuDiP+pz01iH7rhED89KmsLiKj7zAPYkMfgMV5pTcg8mGaE766cezyMwSGn4vBr8OVzvKYqNB8
yr8x8303DJrtNLrvopFrG1l6g4AKRAVqcevej/j1zL+d2XU2JZO3xh24HVzeQhlB0qwBMtBal3EN
qgyQ7dZu2gfNe04wYxFqgHaU1sKtVDjqRmhGwDjlFpv1eBkqM1j31g0qHZgZAxlLndzMtBlpjOx8
1XBfN43dIK9Rm/WQwRulhYForSxyI6jVhnY/Moi+je+JDUmPuLNtZm3+zQmz8Lz+tU69hHUD66ij
n7b98yIE0Rf4P4xuP7nhwvfYrHv/u0OM42C/tO68KgIEVr+gc98rUeoQsjhYvwwqf9qDtP0pWr3c
MQVh6T0vTJzUi133TJk8EF+oHQZ8B5jg1Xc1wme47KMzVkwjKKLB+PiQzLS0troBkd0aUi9w+kEy
FzFdeuHxrQdDv3F7w0KpIvrT0KIrVZ0oQNvdR08KZM3vPQT+CD75iZ4JgLE32jDZOaMF9rqlJ0XN
pA/MLho2UlTjThvIDd0u6UgxXv27aQIV2HOaLNWqbGW0W/vnf9rpE46/nM/m3z12yROFq0THasmF
8KeHvu75LS31P18rma2fStoba0u9d/QxWDe5JnGse8nzhFHnkLv6U4S986OrKmkZbOpBorWb2jr4
s9FVf3VtsjY+AU+eQD02Vk5y1v0GtZOW1R+d1lw1Slzm6FzQ6DeslkYrFnOgQ/COPw61TAB6Hxrk
UKpCSNYCLF7uxLPuvK30X6HT42zi5G4ywfQCWPoNBPYqfPbUQaW2qbzF3lY9SZTbeR5k4Lss4Zvc
H7ieM/QU0D/19LqSibPJzkmRUC0RzfXS7TjSsO9UY/rPJlddFDI/pgPMwsf16/z9lEYtIgklMYj+
6vKCkI+p4qE1mWe9PkaVGxDsUW9TfMBI1FVL5q9Nqf4oKiGTloz64s1UIoW1P742i9f2+DDntK/W
41abB4LRXGgObfVc0V/d4yNBKzERj4UMuld6aFMpo2mvo6yNkL3E/Yuv1NNkLzGmI6iWSlmdZiN1
kYUgYKW6dpFfj8iwQ+TYdMLQZYczansIXcijUG2PSr8t7fANaNVjFCN0EtI+DEi9GyTfs9J+Y7gj
9pFkuAaB3QxQ09Kb/gqOm0B0pOOppsI8mj3x2nA/EJfPiMzNFLX5oHTnvlKgQ5MqlCLd4z4ulEYd
O9x9rln2Ae22OI1KyV6yaDilSt3ueIEG53FfKdm70r8jtvKVHr5Xynjcq5IhNf9U1cS0I0b7xZRu
OA82s1Ite0mUwt5RWntxlPls7yyydrYfWSmG2CxKn09fc3hIK36tp9T7CzJ+gudL0IJjdkhbkEE5
Wl9Bp2tCqqsCTHPlBsiVLyDFIGAppwCQKZe7iqgr5SKQyk/gYCzQ8peucJed3TownnIWXIZXbwYn
w3KBLaFT/gRPORUy5Vlwy/acYWLwMTNI5WpolL/B4p1tcuV56DA/dJggGiVTVK6IYtS+VGb5rOFp
wkuoVpmlPEJ2tgnXJkyMAOLqDcs0HBHkWTkanfZLonwY1O6pbWDNcLFooCHKwIMa7r4qJ+McjS+p
8nNQydo4GDwy5fTwleejwfwxRbYLQzY9YKlJt42Pwt7Vh1dpe0z3GgpQvfNOwyb/hh74rXQnsdHd
+Fu/uBgTFg2d/cjJ0KIBYNNYfuMDp82a7r3cPSA4IYfErI6RNH7IQn5KxgjjAPThKLwtoTsTW0zd
09ftY+9TAKEsoSLGkmPrksVcWOB/aW8wk6l8wj0dJEpQPgGp2TIUR7NycfWS9krbuY2PeGt/4m21
UZQAsIhiVV2Tj0ujLSfdIMWhGVjZoUfa6BVB7lYKyqfzP7NCmDaY0aqxZ44ALIxawdeRZNxdpNxq
IxVGWiE8SuKkus0YqKhyEOpqImc25vgzGQEG0cAthSrqqwS+xZdCv7VPi8Ebz0BjMAV/W0yvP+AN
1VmQgv52mh05U+PVNLN0b6N73rbE6PhcXbZ1n87FsIls+83CZH4qB6g05FpP5vQi9MI6RLL/GmpD
vtNskbO25zLrSIthPGPig740jsu3iBPDOhzGfxRbh7QXlG1YMXZeem7BSgJDx/KmN6oJVYTPxF7W
m9D2qoMOZm6DY/7KzbVRrYzcHfq95c35Vhbu2TTz+pAnCMZdvJVPQGMIESQFM0KXxMdNLcYMROO9
R14l7lSqHstz+6E2iMWCgIb8mlLf7GjRpUm/zpanwcMiV12Htx0luPTjXH9ES/DqpNlXCtvAWaIK
nXt9rj09ujC27kmiOjKJ28dwXfdIElEyObW+i2tI9zx7j3YPiXw2cC3RWGFp8kPT+H8Y4/CXkwac
PG92nTCdg5dr320LvbMrxa8WxdsIsfcFldpyiA0/I1K9eHbGkXCpTOKPDDOw7JbvHIpwIl5BUn/2
ldGpp5bsU+jeoAevHyZtk5dzUMfOZyKgjJs4dc2+q7jywrqxz1XVRcRSOehQqs8l+bqZ2wP5Jfbi
EHnNqbGtcltmZBkmc3nCdu+j0ovSfYnWzIx4nCYjI/gQk17Rz3eGad8zYAFwTFjcGBgrNgTFOCwu
72Mwo1KZg9vmxVjSMNBMeWj8qKc+mywvo/QqMHUGlbXFPpN5T9ipSYnWONRmO59yPbmzEv8lqxOY
2WQjHXWkvtRDEAPPyVVmaIFbpp8WzlY3nr9FuMexXEzZJpfOMxPPLyI2NcpY0xEf6hjAbtvLHudE
XkTXJGnhP/pfUKgRPNmD0eZHXuKwpprsBtiDWIzUvn50Z/fTaOkY18XRMmaCmujHsOCzwTZFFUA0
+aWhc7DRYwJ6XPmeVCOZtq3+1E0YQXpDw6YZttuiisY7KYaHrsh/Ugy0JJB4JSSQlhKIhNRxO9z0
51VXsH5j3ay6gkIJ7TC7v1DXTA/xwixl3TQNk9OBQdcjr2wDcgpktGMBZoOc67dPRdER+WlvW7KS
ctkOR6diZrBuoLoPH3szsm6xjfUErwU0OKBwHo7rpDZorQyavMyhFR2xhG89Hf9uIqJ9Qk2SNp0V
7mh/gpOg5RdZKvjK6qZTHmbXIufBg/DsIUZQffRT3SOeZWynoM6tcyZQCCLBnwKg95D/KdyCR2L+
+kf84+CoMNKugjrM15slN44AQFjUe48N5fv9MtCeTLKnMeydg0A1jqDGZ2ItCcCxk6A2BiqFBTkL
ONRTVLZMhJwOrnne2yMRolW5MYSo97PIi4sJX/2y6ENxsaKRigjLq2hOaoIWnN5HVAjUG+oJ957R
pXtL6UZW8ci6t24I7GVJte6WGImC6iDBO1zKhMLQlAHQz1P9Zz2gops97u0cmworK1IpqJb9iJTk
qtecJli1U+shS71642j9qYW8vl3Plhsmv8+WK5Wfh/y8ZnKbnWf4BJu3abbzXIjAGFcgTbL42ybq
T1lTSe0cJ9vCx4H7+FEUiXY0LaReaWjvixm1z5+NWSKlBE5LKXfdXb8D5+kQGqwXsgxgZtxH+F1K
AHxx/YZ5qwxmgeSYvJj2SmIUmdF/vgbr+ir1JeVGZeXnLH10mAxJQ5Urfk0BXffoR5MvVb6MqWMG
jJxmQMgQdwJUtjWbVEmeLLVZo1iXxUJ5SKDwzjcLajNKm/mPNFY7nbBZkUuAur5LLobUjmlJnTpJ
W4j81PMCcFoEkUVB4rfU8szJ3Rp141FtVtN6OOEE/Lot15ia6q8bMoP8gxG592s0U594P6uZKimP
dZID98lgxkzDmcKVCddOpabhykzFsmWibKA0HTTsFM9dSXGHGtaD7uDCQ3bImuevje8JwKsRS9hV
n8jnCvk/0X5ZSn6ppXHzsfH/2jMb30abxTVq97F3wKxwn5nhv9UiQ7Mnarg+7eZ4cQUWEmGcerTw
Uq0RC7Va9G34FHNEHXc9EZGSZObLjJoDE4Gz82hfU/noR5r4TMnrauKJ2pb2pTH1S08LiAJlMWnH
VfEWpQv1VL8+Aamn80a2jTwOs3Va5XFFHT6RB1Ee1r8zFgWyuw9NHEZ46xCa42PvLbRzXFAuRVhR
+LV6Xqy0yH0aCEvn7q01G79vVr2uyjXIsEhdUKRvLbKkMH2gB1UP+I/Y3PUQ40F/NP3+jPWIZR0/
sQtNIZAuWgyUploL+nEDIcgaWIF0MCAQxsqth5rbModvjjE/peQOk0DEUnRVFuYYixiV1PEUSWqe
bcJnISvcmbgWzoQ64KPhdU3EnStLDbuVuj7/CgVeX3rcvM5O3p4bpdGrcorDW9Por27HKfxQ9a0C
vwauwtL4gMGTSyVm8xw7p/VXzgT6/v7t67EgUWD927SqUB2vykGCCIiY/OtYQiiByLc8akP2NY6g
PY2xd+wg4/J21NXFFaLjuFi0UzipwUV9rbUcwoToQuzWd2xBA8bRqRSWxJ+8LpaOJXaaNkJ9HPFd
iRgncInRDvqOyLcxMz/uzfUlypnAdMLtFeadZXlbeN+wyn7OVXmka+boSFDxw3qEs+GHnAq5d5Ws
OKR9uCUrtdvqSqe7vtT1flkP182ivjEqtbfEgsJ6hFc+zVoDdsO4A+RwH1k56hLObura6qwgCa3N
Q5awCJT402RRZAEgQ9ycKoKwnl95gmlYG1FGo4x81CChN/Unc/BMoteGe73UWT7AqC5Z0+wmai3Y
v9urTMSNGQTFSEYuIydwr5U5dOwmwkDlUL5udIwdoxYYFZ+qUcvvNXVNJKGkU9bGa9o7bxC47pta
93esKGEA1xAbXZvgTwJIjnWaKhB+H9hkRnVu/WYPJv0OWzyRugOWB2/mdo7RGHTF1wh49naQ5AXm
BDqXCILRoJN2ZHoZAUbW52G+mE14rXKWk4Y97hJjuIdQ8bXqcsZZ6zqMRUmMd/Wdcnz3JKlVkthH
zzqen/JQnHrmY17U9FtmhcRwacQ5eQJiUe5cKdPfvDQ0N+6j7oLPwI4583BPHqacmTHwnnKPO3dv
GujImKQyUenHc91W37kjl02oMSkzktDjydyBwUyhTHod8ge6BeVlbmyim8zyPJfN8K0SN9sNre9x
SBAq6xOe8hVzVHwQO2+E4m1pDz6Fi32qZ5CMxv6X7jOvb2L5ODWdue0qzT+sNyNF54GUWBDGZSuO
SEyP6yjit0a6bNddvACgBWbo7sqzMPf6g54v2gFIpB9MgHrO/1e4GtfkO3jo6lf/nySNlY7xB7Px
/xJ9w3Uc4BT/Z/rGE67Xn//r3OXv5Y//0Ht+/MPfek9X/5duCEN3mO05hkc39y8CB9/yfMtSiL9/
yD6Nf/EvdMtzQKtYYpWJ/pZ9Wvw6CBq4WRGD/o/Qgo77D8Wn5fGfKUBxWBavC3HDfyo+URMMNN3o
JeMvYPYZxV/nIHbE84y0/Ihn7dZ2hF7OZktcSdmzzvTRWlUlK2Rf1w+kU90DGYqKm9fIZ69aLolh
v3oRKVgmN2SHvN1m4Z1l7+S4XBEsHEYNMUJ6jYvq3FVYdJPHpnTvx9SnzD9OR0kXzPeBVlH98Y7U
y5+SiSKYXj8SnEV3PM5IVCN/SA+JGiyonAG4wjZcQbkyUXOR8kyFakAXsVxd+oy7ZBqI/tOsIDPz
GW8/MRFMyzdSt3/RY76U2tcqiyGKESShkafml/BLm4XSYk8rOmXNSIYuw5WR/kpn8N9e597D0GYp
Oem3LM9PveX+kLNLy55IjKQbgWR3Flq34kqjHZOrtTM1MCHt8Nxb/G3i93y3+AnK60lr2j0Zlz+p
y7kmNcjQVohn4jcTDSovoiHYANcsrC4R0k5YttquLOXjKPIrytlrhWh/KMkno1NoNeKsjfMtad17
jbzHRCyXyhc3PxQvKP9OZjnfQh51MH7aQn9pYRvbGUlV3Ux8Qn5t++SXTu3B15IvYTc/Jd7wbMT2
65BF+wICcrd3K+8ezQzQ4OzqZOm7bhOyPPI2M6bxunyKRXimveln/cFCC2sZ2XWYlxs2lUvqjEcq
8gFZdEGb4nJd0mtCUrGtJ9da31pAJlw5HPAM7xI8u2DIqE5kgV74WO14FLjOazNDDNHmm1gcKFhf
RI6OxLfiX6TJMaNzqstEbAnt0wu0Ouqn0X5OgQ5qFuIT09NPA3+5wpYIFknfJX2903vzNSO6h7gs
2lOQ8/RbHdunuldZbJ3yTKNWRgrIGdbD8WXoCERYsm9M8H/ZUfyrgaOmPkZ6ai+ExV7xZj/rzbHN
xPcZNhp4CgRY03Fm3k1kKGqC7NxkwzYyxycf0ynYlhEOd01QOdaDzmS41sfbtDinYU4CnO2Zbt/j
H0EXxSdYTxc9thDXzCSm5b+8iJapmIZtMpkHYWVX014gmbn3S0NEL31Ei0VmCIqZp/fV8/ZTNsEA
n/F2W6+xmWFO1LdIf6/45t7XvwH9ezPN5q2jIBSNxKIg/v4Vdrik85Jcjil/d8UE0qnbk8wB5Zvk
BcmUjeuvn2+0ZlG9JK/2kP5qs45BokeTQdYQ0QaalQUm9zk5rKewykjRnF+YOCLO9HboHW4E714z
dHlNyrWqtZ+yai/T6dg28snKh+dWK65SDQfeN5CmLxRhn+g1kFH/ZHBKWid/7+QbNq6gH5HrNcuL
OoODmC9anl2ZSL+rD0Zdj3o0PrkJPadqeSFodycpo0mqIOothZDCJiRjpmudbINTozXLbezErafw
W6EInNBzmS2/r935vJ+M8Cxkn5txtF87elY+Lh/8Gd98mlmwEDaART8NdFjVtZ1lE4uR5b/YO5Pl
NpIt2/5KWc3jmkfrEYOaoO8JghBFaRJGMVPR9318/VuOvFWVKeVLDd70XbOLFCmKBIEI9+Pn7L32
a0ofEh1leweCt4xnsBsxspOIpQDI5RHqzWqmy7HoSA/LmvT7aFnrKHoblOgjGu+GzmiKiwk34KaK
jFfiYVdG9trySpm9fBtLOu1YtF5hKjea94J0gMl4zIGs3hTEmhb5fJX1eA3t8Z4Je0WlU2bjFQ3u
q4yHLUUvq0wRvbuB9pkMxedTM9oXqxYfYV1ilUYgDHGVzEhQCnL88Gz/E2BzhIbx9zafjgZQuYqL
WWOs3U6HInAuKPZK7eoPxcksEJ8NgNQJeKrm5JC6zsWy+zsupStytGpUf8Q8as5H8xudzGdRxIe2
VuV5es6gFBYjt8cUcknwSjtUhfXXxqyf8NAfvbK9N8AY5xTYhz8eOXuf1f+JBdoUHEdNLq/RkRsS
pI4VpPvGH69onza11d0rg1sMtCdcxnldS3unFitG/O2CTgs9sSA9UMDf1YKNUR2Jf/zksbO18fyq
x9l7W1WfDP+1y8a76etIVq3xwwiZuqPlHZ2LuiXVmiA8eeGIulE3UWNwj+k68IOeEMiuKwkqytlp
POsNtMKOPRFnv2hvjsU9z0JF+so1bOP3lp+RMoQfve4cIr+lzHS41bL32Bu4P8ITM2n1szJDXh53
nD5edINTs69ZX1tN40zgZ2uyw5/6qI6ZA2F+CCfz02zAyCACNj6MGs5s2oY7BgL+EjzlZzeu3ifS
pzH16h9x4IC8RVlKnFl5MjtzBFfiHGKW2FMSkk4eTZNYO2ASE1ChbHef0miedjGd4CxklAZb9y0b
x6tXJNNxKjJUR81Xk5PBwvRdppOJxqaXk5HOPttqpCSP8OwMWnmpuI/KSq2rCTFdw+6PPz0+N80R
6ZQZrRnpPEchCXqzatCgr7MOjz89Hkih+/eHlqme9kLA1aWNx4F9JCKYQWnwubemcdWb7QlTLiJY
0qGZCaX+kvNYBLm7Zmz+eBhUlyiLrXbDSOmzjsqH3gtRmG6+4Tj7OYyY7gdATlABlsE+owHbpX21
mUT0qks9JLJ0WLshqEOvE7uKtqDuQvfJ+1UPMjYHeTl0jHIQZBfam9t8d2pnk4y4J8kWjqd2hSeA
dtok+UxrnLQSXTg9HUAendYcS5Q1fzx0zG6PPDmY7bK5gCseNxRFqOVzsJMo8FMtvBLVUqypv15d
pnH2+2x7O+VUXFeh+17nAO2rrncPUd59hZOzzOntoDzzmCkxvuocOvpFar06+PlXZTkwItRIrq9t
ZlwtdK4Aqctijo2PVEsOfW5fgGDg2+vhiNXuDgTfW4dDjqFjfIhrFg9ugXzqbpk33wLEltxs68mn
0LFs9wtcqvYJ5BPB055eNLR9G1p0FUfGRL4psoudDXejnu6JVVxSx1+ACKDfE73jO9CG+mg5yeFP
Rf21SKegyP8j77JrEeVt81//qf9cJnuG9FzHcg1H2lKngP+zMSqKuQxjYkN2nUy+V8ke5+09lwOM
tvFSh4h0pmNFHUXrc/2Ln6zznf94Qvvf/us/bQp0DGGcHmguCboXzg/sb8Z2SIknmcNp1a+TWWI4
SZ19unIy1hcKnShuUA1hlvBUekyz+cWPVyi+H348tH9X8gyE4Unxw48fpBzN2C+LndFSxLPWEKu5
gS0JEvWW6MPNMaN3+uHwnyMb/Z7FqkZhG8bT9hdPRFnPfnoiriEdijZP/fev70Bg5l7oNn6+U2++
PfY3m8ok1Y6uFE9TSWGQtjcpMVaAcer0ep2n3S1XhAQM1inhy5Nn7QhKX5fy8z8/M2XN+/mZ0WoX
UqLDBSL912dWJsEwx7SQdiQb5Sw1RxLunrWGpLlxGChCbWdtJd23x+XNSPQYpdMHldg9aK6FHb8L
b/wwQxaAR3no2vM12KIL/Fym8ytcmyswXOCtlCHUdk42bWU1blUJQi77NokJOeQGUFW6aLlT0vGW
hSiSM3GdTXtX814MpK+lYLvR2d9iQuZ16y11xaZi80NLRRTftK2REGJx2zGGWMK+oIaFOAceKXdq
4mFJ0zZxz2fBqxZMH8mMOmtExaXsF2Z9dfXu5pfZ98rr+Pbxe10Av6NKNCz5iA1i4iVAXz2mLwXz
r27o7yH66cU/vwt/d3lgXDBs3dGFbTycjX9yLhpp5GVwj/NdaDQbi04Mdr1Dln57VNYjfKf6j5bI
HxzP698sCebfve+WbiqzJi4rLJN/fd+9QXc5m3JnBs50bNL4Jc42Tmy+xsXAhG28blwreZ9GFjVA
AQvR9XeOuweQ2gciq45pb+/1+SVs8n1enOesv3ng10YjfzKluhgEBWnaT1eT1BnF5W2MY0Q7euHk
Ey8iW8eQn2bWw45STH1fEtE3uP/s3tlZFKDqVICmmGYyrAtjPHroNCY5v/acqjKcgPTrl1P21WnI
WoFdxvme4U16Jll0EzXfXHwuYAC7lYfVeDXqycoAAxNNhrMeiUraxxiaV1apLWhQBka57moiwGrX
PxPAgvvJTz70tkPS19+NqlxnXfCUJ+PrIP17hHK35whGBW6+GSnVMSON1Da/1BxHizR6V0VrWw5b
kJnYr5rPdTd99AblWB5xZA9vVb2PoLl1wb7nNQ7s+JyI7By61ptR2Dv8g2RxnUYt/q4ZgGsCiL1B
t5nK9F1P/YM0Vjg1xhL75WTvJlbtvnXfnF6/quMeFcsRLBy3qy3/OCcVzs7oZpbd8FDlzyNTYPV7
aAP1mxNcBkzoxNGtpN4fB1d8+K51kdByf3Fp/0BLVTuAaUmX4DmBhh9CxV+vs1kS5WRpJoBgjm/q
SDfytuuv0i8/q185Z5qS/2K1/btV3xaUnC7jOc821N//6W6qjSmS5Jqy2CYcyBoOpsWvt9S/uWUx
LgPEU4+egXn5Lz8kCqukTZHh7yxSopm8NDRx0vlej3SEAwCEtIKeE1Hd4ESvJ5cBlC6OTZh8V1U2
xtwj7WnSRGGR2brqtOw8zWDSRNqQYb1JFkKZp4c45N8U9bKJ42+uw4+p+uQMAQr0DHIzFuIkG1+7
wHjtY5bqmpSHhTGvyyk7N3AxR9ndTN7/zk/eDW86tm17LIBVqXOZNOfX0LMuSWntRpOSvMnRhd9A
iO9sDjrqSdrUIeBfL5NJ6A5NCydY9275qaTD4HqErI7XxIzP3tDddWm/Bdl4dJ34nNfmGfPsmoyw
ozo2tWGEOEauErs+cXkc5+AJ3BzTMPoFRs0pie7eYuyLz3onmXmTMNyNlF7CiL7bbBeYg8n2S0gp
Jj0SeBB5uQc3NXeqr6B+nFBJUn1sv2EOvGdNvU4q+SagYKlDCcYWNODB2veHu1rBLc5r/7xu6+Jv
ChwuMc9yORUJizCVv14GuVGSLI28bqenbJ85ICzkdTX+cM5NtbScBVLJY0GmB0Yt3iNkgNuhKffh
qL0Y3jJdWXN/qTnm9RwNO8u5dJZ7aNpXrDjI923idlj0+muTjbdQC06Na5wqN/7iteBwc2KdY3GJ
zYgcq+Q9Nvj+0uAlHXJwtOgOChp/OeCezmDNq2gB9Nz5VKOqqOhq8C2+fVGrajX3HwWwPEwvx8gf
Psg3f89YzFB0nS2QleWEkM+yKT5wdNNcoHvna+PNc/ub3sHYscdNVnxVh1RJWHONKgSM5qakOdKY
3TazqXbovzjl+FqF4soBbxyspUmzTFVjftJjh9eowe1L3m4CHSVt3dxg7n1MZGqrIshuVMvCfPPi
ccFkeeH4EhUUFkKb37gLuCVM/7mkRde63xJbu1G7t6t/fqP/ZhWjcFP/002PzvYPb/MQVDJthz7f
DW6+aogbtUo0mHIYtuoix+9xtQicKINfXF/4QLl+figcXcpndmgdXvtPyyeIesJFrC7ftaH9mtXp
We1zrmLHdesBjluRZmd/aFeqf4YAkXGstaspeMqJxgsdToMbxWxQRc3kHUIBVkV2QluzhsunajHd
+QZLamEV9ULVSy6NUjleVXcjT9y33ms2QxUf1JIxROdOUywUZ4s8DlJbiJScKiybPgLfuYSGubJo
7sVkkFVlerYzAGncrRBLLzEDyiBH45jZa0boTZydJxSgaJ1vAUUP9QSy7A9DbUY572ZsnZyBkNE2
Oecm5/F4vo3pRIID64a6hwMzeVe/szmL11kXr/EszhW5qk3yTZPpGVjtouPfJhEZtLJe4ylaj3V6
UIUOqkZAtaR9cHKdrVVXpZe2XpGS+0Y/kDu2d99UhyLoiZcICU42rUs54y6mHeL24xOJJPlvReVt
ewh/RIDj2vxe48tsh+zsWFQd0zx/ZGJt+qxEibZEVapF42VW2RmqrEPW+T4LZgrD9BSEykZjDSSo
Vjp2FKZnHHfjJEX9YcGLFucypRMbS3JMk3dyvi6qa63Tr1PdpqkKNhqDP9WE4+z1oX5pz6RiSfRr
pUUHQWZuHXc3tcNH3BtDz9jWn67q49KYjsoSQbuo7qIzsOn3fnTOYYPQKpyJ7yN6qPBDsN2ptVOr
r+qswea7W23/pOMEU4fYqbu70/ChF/HLTHNG78SLdlCrbkeTXPjx2WB0gFDl3YriM856BQR/tzCX
1ZrNCk33Neun5eTHNtFrR9u231SnjSwOQlLbVS7sN7bwY5yyfVBdluFLXDknVTDp6fRqpdZbDG+v
QOKmJ/MHDuabSTXR58o3GB9CEhpIU9kYyo0uDxHBkqrX1rYp7cUKZy4YquRQlrBD1QXP0EOVkRHb
8DjwerJ6WXQFrJy8e3bBtJQXL0UdY8O8BVSpNp/cajlB2pceikEefAgMZMjaW1TCFH9sqoTZsMlV
dGtQnMiC9kIj+9d0ZsITzuykFYv/TC5LRdeZ5Vj1CefS//2fVy3dlH+3fDDS9gSUfIs8r79uT+lk
xpVh2dmukdNH3vBCzsPe9D/R56Lh0cEaUIdRt8tOtDGZ0RBszY2kes/qwmpCBX9uOQO0ALYWxZDe
CCJ9LNuPbyCNb1VMgVtH3wtv+ogJnuf7Xdi8XzzwpSAfEIcNSX2iHzSsm+dEgxgtsMSOEbYTq2fP
ycllX4PgRSTYTTuzKjN8gt2V6TvCfHTeAnjBPnJnonqjNziLxsmZuU1GJyMO3Kjey9oLV0FcigXm
63uNsA2MFL1NYQI6vuQstUsHe/toFNshhsxAlxsQ8iuOh7Dvv4vaLJcFN7haX8LZ3Bcx7oJS4AN0
Lo7VHtcGi5Nac14CTVxEhcmlDt+FSxXSD6+mGG9oiDF/I1LVDwTLrNUenmLk801slOA+KmI71BLo
denZ44pU918jvRfdfOmZa6SxuKrvpsqkwFBHY9KWnrQaQTczAXVVwPe4qG/i0e+vaS+rzoDGOCEx
xoM6aVg4UfUEHUsxfUwZT4C+fTblEc2nza4uqYKK7iZOUSXFSp+GbY82xiHJPqia72nb3U1nBHJC
oSb/u/T//4ylXzGWTI7xf7pTf0r1u/w+/MeXok7+MnP/4x/978zdBdTkStf6n9H6v1MvpPcv6Qhm
6ghHVJ4SM/T/Sb2w/yV0G/iGcAAbuI6ah//31F386/8h1E//qexVy4m0aa4Jm8bij309vXeqXhCb
sJ9EkD713MA3H757zAhxgCa4mnUfnq6n0sX875wkgh0BNu4vijJdnbH+UhzxLFxPHSxRIej6jz2M
HuPaXLmEFuWpV21K23/BMXGeYSZdbKjHgJfqc+3IpSKBOIGurQMblPdYhtsQwAf9+rr+xWnX+GnB
tZE7WIYhhbQMz/zxuFtrJr0Gl1BjYyp7vCFoeUSHMy9N5W9Zy91Ovs2uKhpkdGbwjaM64VY2OCbd
JWmG2tXPpVx3+dBtAYAzTkmBxkhvTrCRKtyuYFPFqUftVrTBWlH7V4Ws6Rs3u8HQkYEH46c/XZl/
1ylSrckfXmSag1xtRCWSs/Jjg7DiVDACIMz3wpvFkVkaYJGQlQ77OG0G+pKGX0fbJhmNnV5axHBB
wzPR17blCc/PncG48ZQb7mffEN76F8+NS/2n58aFjraWGAIO+z+U5W3TxvXgygw94nDzB2eFujzd
F8KZtoFg72og8Swns/piex0aThukvjFUGIDCEbtPMj9l2lMgpl8+r58uTEfnJuRZEVdD79v+od0b
C20sjab2gJXvqzanH8NwfWlr1MYwyU5q5DCFrbee9RxbJradMhsKZRzE0mXP+jnrw19cmPZP/QpY
FXT7DLgDvJc/9SumBppE4I/9zoz1YYNVQzs6NSM2w9XORE/VL6l/TgwzeCb3ICZS0VlP8MqXs+VE
pJmRBiIINr/kViFRlWjMosfUOkxmQP+PnmqN4UcCGibtOkWs4BK9bSfWHTuefnJ6cbA6i2NnXJ/1
8Sl2ISKMWmGTDWDMiFw0GiSjCad4+lZ0EPxdzRuhLxUni5oJI0Kzt83iS9hi3B0bjHgov3em1lzg
62DGYjh/gbboTtP3iGJnLUKHybgEhy0twuXbDq+a49XK1U7xNeRDv5oM9/7PV6JhPYYof7lPpDqi
sVyDtOOI+GMsUJ4B5IizttsZA8JMI0MfFPhwxTzvaMRmzQk8AGtQAS0ZfeIikI4e5yTPr3GYM9RG
B+xgwVzlIDuOHhbZOpPTZqp4gabutyEs+N0JKzwm/uwfQ19+lBVc+CiaPF5fY8WqNKwcqZVf/BYT
U+hSXo5Gs6VAlgdczNfEBbo2hf0+bKS4UGCIy+NPiRcEh9bprr3nVEszJH6h0fTw6fGQht5F990C
9JfurzvUKsisbryNHb6Ucdw1ra3feyufnkM4bwCCr4is9K1IZv0+N5DAmzp88sgLWkDSBAOEm2HV
BCvHKIC2gLbaQgCul7peBkt0+rjbGXTtS+RZFlGF59ZD7GHY36bOyFfjqAdnwlbEZp67dI/Nl/Ky
i8mdQ/gojJro1qlR58ZgFZ8SvWhPDomEl7biAKFHDSEfQfCcxZ/JRu92bG0NBds8HQn30i8USwag
ngv6s6trV9qqL2t3pRu5dxpCOraWjUMUJYPylJX6no0dWhSnkgVC3oK5ZTfhDYqaUxfhNW3n6aCF
1kjADT6qrDN3SeO/533/yS0LzBTqPXJAgS6r0NRX5Fm0yGrFFzv09ENQ0dcbBxSqhB7uzUwj3hPZ
g9RSqRi9e6+S0bNsgYSTInEK9SR69rU+ehaxFy4KUZHDUVRbTav0ly6XPiuzi2VytKiUCZW0MR4z
dM+nC2PUYYVdF0dVis1IxtLCalI9e04U7wsT1WZXtl+jNsgRVeDU5rDeLDtpLT1SIg6TdAcCYtnl
YxxDa7e30I2NaXyy1EMzCXPnD+ElAV9HjjgB4iE8kScMoLd4yMHloDB5GkXIkQxhMX5zgVfNqdN9
H6J9KHJUvz5OjSiKIzSi3TvsqOnaZdp47dsMWUxyxKdikjc3mjdLVNpTBHvt8ZFpiXs+j7zIeuE9
TczmnbLxDnaKwSbw5NPjwUb8vffcNKRzxOdmL3f/+IvE5vdo+4EoTfU5MMqDZIVCOGYU8+nxxbSG
opXtMofzsshFLiR6kgia4LlWD2k2u3tuEoBj6sOpYjGtzXA8W7WzfXzKAvKIMUA/gB6Gmuu54dYw
kuAlyUMJLhojLguMdns8CPylIcx+TlN8Be2AbpcSlbwwS2TtpnN9PLQotw+wxD4eH2W1O1/49VYj
heNhanogjAivXh4PY4+zbJY5+DETlkLXjkxdY3oREiR2nWYZjoSqJLKWnhpihvYlyOWaDXZmbJ8f
4s70XklJlBhXm+FFCWT0Ingt80zuQltOu86O20XhNB0mejyFwmu0S0cMuWo8FcvRr8oviCyhx/2G
wyj61E5cxKLHTJPar7rdeEvSIOVet0Km9RVMl8oYP9Ki8661i0HR+OpmZn+l7eYj/+mclil5t5Uh
RF0nBryQB/0OGXG98Ak5jBmeHVM/3o/cFzSiLaVMTPd2atN6Glp7HWX2qat93FiyrrcJmLd1IOdh
Obnw2og3mrZplsybYBAjveUEgkEZfTdY2jZeSefSbjtmkgSTcB5znaW+nQu0ZyFeiKwe/ecwzb62
JhH1FovvLgOYldedeyEvOlxp/rBoBDYHUcbWEkLgJ8YAExqHpro6Yf4Mhunuj8xwBtIdlqONtgMN
QU78pxeufTc4pyETqMermVqztp/zeqHbhrkvCeJlmP7Z7rr2ipF3FVdl8Mf6BEDPvE9cy3Xz5gqt
fGanuoBlH45e5OVLxoAoNodo29nHkWHhlk5Urkp3B8zciA9gGL9ajUV6bNRcOmMg1WpgkYBNRu8a
c31TAmS04nkXuhgcdTNc4gvHnZrOL04QEIgTNB6gf8zBCfpEMQ4e5sBIg8GwDPWmXnoh5Bzev6sb
RMOxDeQVLN6IMIyg0Wqih+aGcmen9Cc13V12lML4jJCQWC7tM361aTNnLrAnclcWWpgDWtX0b0C4
aupVANxxnC3phxccwsmgHqM2BEmA1SZ0h5MVrE09ny961x/zItY+z/Nu8jIL0GQ47TAXJTs8MZe5
Qy3DgSxleJ1HG0sLkSJCY0z6z1EBB4i0krswk6Vih70kwbSyOgieXI7aa9Axvg5HIli7Xq4w1M9I
jZ9RuekHn8jfjSzHkh9vzJjUXTbWfj66Y53swwlr2YhM40lkrnPAfn6O6EwExMDtkyojGc/lqA/W
jo5jWXinUNUBmbbBp1djpLPswwxrZQloPi4+BNCFlQAwsDO78lylRnER3u/hYPYH3zffKGrsPeOZ
36O40JaVcMy91npPemfKgz0xvcod2rYBiZvIR8wRqdesH3NpsR27TCBgQMmtaMf6WhMisOhzx3on
eqb8EsnwFSq7DTuDsJzBKqNVl2b0RHXT3FtdAJLfP9ROXW7dJrUXbtQne1EhA8GoUkYBBPhiWmgN
7ujEuSJfK7YkgeHwKJB1kT3ToutdYWWOF670aRGpJ6+1QfNcdt65QMmHS1mNWqdCLFv8lWcvS7Zz
AKUs9O5QtWqWgT5SqCZ2f9cKMQLFX6pw0kjTbRYWv9mk1e2TFYcNiMooO44hgXVe3DFXoUZFbYR5
xaye0rqvd2OzaRqt3Bd92e/68ffaZio+FC6kG7/+Tpi3CXKPDTy2y2U2V3s9rrSNS2bBLi0IGWZT
o9PImwfDj6AsJ8hpTyUSt37DUtj542ejL+GbTvwKMISJHdIKbY+dgpuG79H6kI3yXK+2XEF7tG7Y
1GeYT5bCpZnQoKAl2YAMW/aewPPI2HFOZH4wFyu1E0PsdDXXdrLqGrnmMmHIjBEldn5PrWhGzLc2
IkkMI7y5bR2Tz2oxDerKzgA05cbbiF7Fogd4w1AkvXfDioABFyFlXR2HYSWL0LzXnQ7nol5kY1d8
9uehJJnPuxsd8QPRTG7jAJ6XpwMpAQ3JxnXcGD8Njm0b8qE/yfhWdxlPbjLf+16bl7OC4ekaqdCh
1g8gL/vymEb8nNTm1mXuxtbUxhenkdSmhC3utJAsuMeH+MfHEzsLL3HvYrtkj+oBA7x0WbZPNI+u
7OCcIesOx9KxcTNPjn+mTDVW0kiyNz30r9oQ97+bEuBSI+AflcjzLIgGdZY7R6wT9tFrum4teuMw
cox7fCYaBufoGsTKVjNxEXS0S1jH6mvLx7/qymPde9bCymS4TPOIQLguKFedwNCaZ+1wdOSEUIqJ
4dqqDT7U/N+QXKWbYSjFBt3S15oD2bEPouD0+NPjQYZwaAchO2hmSJQXlbC0oxdnYGV70tLUv2ii
5ABoRNuOs/ddtka06sV00ezYJNHHMf54oN2oM3aufADLEis9xy9gjQvwoKJIn9w5+iJoAW9ojuoc
6Z6t6jqmjnPVyLUZCr+8idSwdxUdHHgQU3l7fI6BYU02cI9drjQ1SmlNucDD+oabYem2bXV9fOTD
9jkAeYzRLPKXwc7GSrvhMs5XlZNFa+J9yzWXjPmcOIb5PCURAZ4p0KkQjSOzpjbeVybWtNFBXCqG
9tSJoHohv4LurnmTuhsccJxmOwv53rImY/7kesknVPPypLfu3rUGubJEGSAiCvVbm+jiFjqo/hue
oN96FhwQwQmMATOtKdIWO3X7gD0zSrnjuFGcIOzkQDdtyAia9qQ3njhMsxAHEqygFj4+lqVF55pc
jZVbOEh78aBoE9hPI6NxDbN1PlhawBTfJVjaHN1jGWKx7CnsumGcD48HPFTw+P7343CCgAVXZl4b
vM5smZPze6Q309rRd46sSOaq7Oe0xIYruYmO1OUkHibhIstKfHJjHR9lGNREjlUXw58Rkkf2myZw
kqZS5Mzchv2YOyALIjdd4505GV36VhfON0I9ATiQ8CE82L1ZFp36QkS8scGzGOKLN0cXhvVLpzXu
VHi7WO/ITOSpTjrAk5TkazTC6allF3DtAbfgNH6toBovKyP+rDER02dBolQc3R2m7IuaNFJqtN7H
fYsDGMpm5n3Ys/UuZ8mQtv+k5SFanflLJpx55WAbXwb3sIRk2bdxQWIl3LHQDbhKG2JemgFiTftM
cfI5VDtMag3bCUykIJqirHaGHu+DdG/U4TXJHUytPhWugU1Rz6EZoRhH7DQFJw0A0iCbVQPqSTTi
ncY7db6/9hm6YhanqiE6Ud/Hpm8s7X7c9ZZF6EKv6Ttorog7dNLjBHIP4Xa/W5qEy24n72Myl2iR
XNQyTrvPywXhSvBuAmSUtNrgVKSrmJ4SblqWy8dDZkNOxdmqx97vzczvGXfNtjKdve62Yo2G4dmJ
UCu3dbI0CpyXWl664PJxN/UuFnFT01ZlTCS4o900k6DVourlGrXwN8TcFPGqvQOZs0rcVzSX2tp3
SHmsmtEDnw5Q3q6DcgHrtyaHCd5Hz3GoyPTvPi91Ofj5atbYtzWdQqBNqvfkixnD1YPxTpBgNWYb
1UHOy7n9jYXjiWUoJJHI8AhZD4jyHCTYz6z4PtijtWRyaGz00bNfA8dE1wB8I2o9OqAOQDFSWTlf
heYnxyvfGHKmh6jkCGx5frYMvSE+GfDgm6qUzwkRQsge669RXpToqq0zOupXrBzRIqqrd6dDh5w6
1bxtBrICnR6RdRQmYmGzhnBoT44WoqkFmhQaZtIML1rqrdrIqC9tAhmnabXXnuUnR/12jCcVT1Ky
fbl+SXCIbipKlB/u2lTztrO4efOlK6Niixu1fI7ApdhkiWRd4iwsR6J5KEk+VR6QsvCzU5+WBoel
T0JvxQmsRkmabstALa94EQ10xFVbH8vaSld2WlekFYp+79nt15zG0WJwQaEZIznotc76ZYsnM9Xl
NaRBnWsOjlMyRybxXoqhAqskLQaxHup4kX+tqKW2Se8+K0fT7BvRMrHh+pCuq6P485jmDn27Tu8D
TWUyjZEk0KWunooqekFXstJm3z3xrvXL2KafRGSUXLsJLeW4yFaym52jlXD37+UI7VDvkWs/9o1A
Mz55k23uKRTIMQgGkhd59qkVP7vO4H8q4nyDTJtIaJDDeQA5UUwoDVy0mss5inMG9cmzrnmsWyMW
cX1e2Ho5LyPFy8Mv7wOJz9wFCJanvmguiZaVyxC3agRNHNqA8H2ORdVuaGAjk6BADmu0H1qQQjhz
wFsqwIKu4H1OJouNL+dPKDnKg03rel4+/giVBfZFg48XE9dXt0PyPIp7kXsbLVGMvqFx9X8z+0rO
lKW0Vmn1zZ3TbzHNiMNMDYjOCXnd4fExyKMFYZLhnmw9crQehnj18Pjw8QDXHkf7//Wv/RJc3P9+
9SARepAG+OIa+VYvh2XVO19kQphfYwGvXjsa9sUpT3awYj2minwBnanDXGAoqmzYPh6hBo8MrMdD
H0+YZ34LOYObYjlSrJ38tIuAcWaUXk9dybSmi0B8Y81IPNh9eWYisi2z9ykjElIzG5fLvtMOM8rR
DKUIZ113LZNaI0IhHDbgmuebXylPtT9nG30InuW2bvzsJZL9p1q4JvABIoSEbWdgBZDC1bVxnPR5
ZW5Lb5AvuEbjhde7xGNkxd3DOH+fZQnvDvFDD3qzYOo/mO50wX1QrWypEYdakN3rpbiG+pTksFDs
gpZQcgD4dDKwbc+WD3yIeFcDkZeWHUhDIcUhsF6AQ+dlmRy8Yv6NN1uyZGv2Ht2HC0spxjmIuwDp
FpZBBtDb1HNKDopkuM7sxnVTcAKcrFVfuLR1UzorXRoUT3bcnF3s2UdkL1uPK3mlidzjqyIaRGOI
RKRZA8FP3pwsq49+TrPBjxoUMszLTkmaX0y90F5LYgs2khphn7ZB/+xp3qzGD+0HFO6tnNttP7fW
i5RhseUWQMMPduq1yP1jnsfaO6Sacmm5ek/oYphe2KI5KHn9uqQYJ5OPHg/m/wIa/Zc+CJ8dP5K/
Z+Gw6tt6abDGPKW+2UOEJZm2FtOushrnW5abLkcvm/dV0EhPuxANHwOdvqPJy4FawrpqErIiB3Ml
M2vedT5BpnPO0jGZqcnegorcozFZlEO8FcibaHE0B8IL8JKEnXMJKjQvNBP0leZ02knWWrCaGs9a
cdj/DgBzx4HS2TtEmpHTnD8leq/fabYRw4XdJ80QUdqc4CazCF/q1u/W6iNZMY7rslZeWoNYWzj0
2g6zFkitKb+HnBGWcccpOKgzCKtuX2zxdipMabwCa6NBZTtPsS3PcV2wD2nOB3L2aQ9nemzbS0cq
8Ag6IbKFcSyVfUJ6urUf4lHb1GUvz0OdoZfKo5OuIm+V3ZHp5P9h70yW3Ea2bPsvb45rcPQYvAkJ
9sFoFJ1CE1hIqUTfOvqvrwWPrAyl6r4qe/OawECQBEkQjeOcvdeuTpwzocSk/YNROO8ZEFWSjgl3
oeJ7n+pS2xoxFykxeZvG6b/0kouxjHS8jd7yh2yK4WiFCtvaaAi/43IPkjs6tqQ8pC0EMHdK5BXy
wRisFidHI2yTgM722PfzWxx3DNHHdg2NoiyFB/xA28j5IvT3xrTqfVmR3KtUyzWx0nEdm2d8VzZV
jHoPLJt9bGrpekbLSzI35RF48CP/1nxySrirSTYs+9LogTggPdr4bm+Q7qMv+CTjB04R+dZJ/S1M
RMi9Fa+PzfbV71y4ZrSRGvytlyHvbihz2jeTeHP74q60ZfsQL2VPBTrqrloB98HiktaOEhHj/Db7
I65qX7+JIFLabN7znJRf88UbL4PjXFID13U5j68R9KP7vglvoBxzBI5OttUnWjYEHt/5BMij8CVt
a4nkHeZZdi06Njhjkv1SNfGlS/ovi5NRSbf/IEZlV9pGGoyRxmA7teadNMv1Th2FTKN5jI8LJB6m
e3AcOwqmsfuhj3N8WTQ7CeQwVcfhWOGJPhTVhPOuGQyCLamkact1bDz7YM5Eeut1He9U5QDGuxOE
CNNJnSmPrTuWpyGDVJcgMj7OGZvDsqzbpPDct/Z55qRsh93dbAzteR6yR1KMEkh2tXHJyJZxGkvf
YVCzN1lcV9dQ2wpwAmffMJyjZiWES3DjCZl4O/a9flgkt/+UiutXzvaMwvV0T5hO+a1bTkQtn3vT
Sm4djV4zgySJTo5wybsE9PMGHSaeUMnp0Gw77SZtNVZqRPejTTFgaperZ4X4pmWf7QU3IbuIrgSR
nGw/BrbOJa68/tJX/vM4+c2hgfW6FW1pPrswWTjx8Ka6I8cp7NF4VnpqXKYw/TmYBBbUeaqdIfVh
LwOaOOtf+44rrFsu5SEW/MVo0sShbpf4FPVo54A67dAFzw8Ci9+hAqmyHQFL3zoTPeCagV/aWTek
9kL0mqoXS6TxjS0JsCETyYcyEpJ3Xkhod7OWPXisIki8aYETkIYHPV5zY7bD5B6T1bckuxjdlT87
l4oxY9hROMoGoztwh9tcbU3vzxPpbqVdiWsSOy96YfVHzlUvtCrgq+HDXw1qDC0EQBLCnyT1JYO9
D95lsfXn0dpM3ZjsuDqg0kVuS+EkFAeFA7ZW8lNtZdgvkvlGMKC4MddJYnBGBs5wCUdGhLWO7xDt
KNlwDs3mOhFPY5FD+Uu1JNCaC5XUAlFnuUZwa3/mIRw82Yf1k4m0/k4jbQBXnW7P9pPUWudpoehP
Cvlbog8QfnLR3th9eHRHMgKQG4ZntshCnS556ubavgX6Sz/P6zKCfYriUuQWvK0oxyHYRta2EU15
mTRQpWtks5Yy5IsRpAekyxMVjH/4J5FiAFBjEuYdPfdOfgeNv6JzINJw67gZtH+HCzvlVoPZNo+W
c5IRFBNSstg4khMGX5AILklXYONLsZ/Aux9zN52traFFwymlLtSOgOyOdS+bIBzsifwLYFt2wvVl
McLI4IpYj7ex7Yl9mtOIH8ru2TAJ2y3HkNiKsaTFlCOovEZQzdHjnzPp3uGdknekDck7ddrJOYLR
oWRHd7qjaclYvem88tZd29TWJOTVnu6wm8RHD1nlJi0R9cDGze7idQ6ow8+s4qa77EbnOOaC3qiP
BbTNWRaWV6ca5A265AN0NO/SOhNS8SXLT3FacKcQx3RZXe5AffO5bEFudJZOliRJu1y5I+c6dlN6
HAv9mgHw9WVZ4PbJ4hOBkMOR8x7xKb5wKMYW8pBXy3vsmhF3yIX/2GMUKrtWfwvNpQzikVwpfRH3
veTGvyh6YlXYkFvgAOXBaiuNuNn82yiMOMhG/1KXNrR2x3JBthKyUYCj0s3oqe3EJRmnmdys3gji
1O1R1Xo/5thqD3NYjTstNi4xfaO3iQiqxQEt2zIkvRU1+dLWBACpsYedRQHlPDDUE24lvpNhv1+S
gu4Bg9DSo/pX9BqsqtmgsnMYTIMshkb6T2npH/y42+Kfh5ucU08YCuMsRNvcNXp1R4keTbFRv0+D
/tOO+h92VVbH0JfzU015mtLCU1KbyXHsKC6p/UHtGSFBRBZDjl3d5RX++wImPoSTLTs3e7zMnq0W
0JFHOeMgS6t9IBwdupmB5cucu21DqYw+1Lch7sRWcN3ATEDWXZSKJxrgkBxL+jkD9257Klvc9tHu
JCAExBFU1xP+ejDGE8pYkLjTS+nbPwFJsijP9dUiYDwvPaPWcjGWgzoJky7vcZ5jTGdP3Q/yaZJr
0Ur9MA9NFcwlnc02NbRDr7k2sS7uS1xV3VOp+9Y1No2XrHlw6P8/OpmdPPmtoEJdJuIQpz4ygTUf
1RprpJ0qKlU9VpGqam5ZfdXqYTxbyKwS0uwKu+OSkKT+yVQ8tE/0FzLZV9FmwMSQYCiMXu/WdO4V
tutjNqOtfRrnK8Xm6qwmCtqlqHofhDFFHKuAiwYc8mRBwFI7ezbFZMol7hr+p+bLxMHv3pqpjUQh
P4XEEp3LUfw18b3EJXejuQhwMCfMFn9kXdHsUsWbU1y4bs3VVHMiq8Cp+s5rikecCNEVm/cxqwh6
iqiHyYFmpLSLgL4ycEAuWudlnaiHnxPbjYkjz+jVJivfTq1ArfBjVX8vay0/WFzU1gU3YERsZ3m4
s6fxRb0sU8vUCjKVYay+wm8rzGrEWaZrvzTUSM+VMwKmU9i+j8frwmiNrR4RZQTlAJKNOPhyqzhU
imen5j4fhrHGQDXqGCtRBvhcrjb/b8s+H36+zqTNk0EH4q5bLczhsFA7wN+g1hB//ovqsabV/JUJ
WER2fp3GJUb/0MLen4+xY247u0CQ4WfIfj2f0uGjeoFmffcNPEKTO9XyopJy1XrdpWTvULOKoqWe
UXMCbzHRHt2Pz0Vq+Ufg7orwk74niampTp+rU6/4WGc1UfizavRzKouWCt5fgbRqTk3UE33CHXie
9YAw60fCWQhZrGMquIOT7/w1FTtvIBUwLgLFZOYn9TfHanf7/Fth5gzrQaUOJ/CKxCivk2GdWA7u
0GZJYqKGx+ncrOHxBuV5ino8/JyoZUW8cGeoUTXPQDxsuryoduqHRGsGuprMbhvtoqwlymPxymc/
HZA6oRfIQYlv0Lmg5kbXBEHJzNq9S8AbWDfKfb4+77zCBXRoo9jynjSvJ1MwdA5pUU5cokEENw0g
9PiZjO4vJjieYJwA93AxoHROhmUkVv/bgQGacfFsbvEF0U0zd3jEAAyAJoy7wki9vTFnf3g+9zs0
wp+dig8surWzyDGtldWrB6BwIBZyW4ZxdJCmebXY3TaowK5Z1KA+sqcXo7HvOiONbiIrAmC7FpuT
kPASJz67fMENRKZZfqcWR6+cxiii91NWh/wzrBBNxkbKbt51IdX/ubGobuKYySFR1Yy0oRKZ19Ai
RsHsr9PaXu0haEknvdNd/2LNMiScDAdqQ4+0nwNb9q9W3t5TMTv04bPQI5jNs/ejtl87p3C2Veef
ZJT94Gwd0ATk90TJIdU89FoNjvKF7r1V8HfTmPVm39tEtf1sjO67ph90WaTbye1+eB19ltl3NTyM
9AtCiZa9mOngxAY3C1zGEwtMiE3MUtJnFoh8fddTA7qSdvatSQhAGXtwxMKYThVii5TOzVBwbxmG
94lHPzGaGcqXOMjd2q23fmDmpE/SzaEg43nGfqSAanVkPKJHgd9SiQ6pg/eYE5QgTLac5E7sDPfq
BCMdzo6c430d5/TPffFWOQfD5zbLLBji1y1M4CF8SDoMCjNhbwURFmTNkYrsFXiOMC8u+xyQd8Dw
i0agQ3PQFIcQsc1mapqejtVKRDSSq9+aj3gi/G1I+sUWbcQXSlRXfrvEtJegKE64r3ITtl5Lfklq
k3VZO+ULR+efAvLYQp2UEGYIHkADrYidSwjjGC4WPQwzPixD0uycXv/ODYTkkDVIu2bfTgPGh1VA
XX4z7cOufp07s6QmnXxP6hE0o0cqFkSS3WK7DT9YfJld+4/QCQN7PNdwU7ZELwINanWDHPhipolS
hId2so4kK05bHeXOXteabN/F3fRs5D0pqpo27xglG1hPSj1om2o4ptFENgXpBU/TXKNKglyw+IQq
eUVhk8cq5ANd9f2y3jaoRRGs7bYfxRe9nDWuQra/k83yZoSGfS2Wjki5NCu2qUW5YIkM9xTZkwud
P27ooIf6nr7iCnwLnybUxScgPvYGVAAHqJm4FA9sgdzHMgJ8kZRM6/LBckrs8XEdVC3hRtoMyJ4a
zrL30fiha0GvBIfToTKBfWMiOP52qNNnLhTDk5p0YJwnqT+m1Q2xRQvmJ/OPhgxl7rEws7ok0QSp
HnEpXH7mCRBjIxmT+8Qk3XIs9mYdgmoqcv/oklDLYaIlX6LYPceWeVPRmPUGe7jgLqVH0MEUL9wv
Zme6XyaR7GdMSfd6bzw2ZfsjJvWGp2Zq1bNZ3uGHablRF+PJE5nJWaNFbFOJKRBEzu4Kvz0QTWbe
Cu7sBnzGF4Tf75SZSWKgjEjdjwSMvLTGGzd9KeoU5gns6l0oJ/aC8QmhB87kYRw3AtLfiSSzcsmx
9TmedbWN2bqWBnLFCV3D3tFmhyM5tUGuExBa1e42iWJBlKv10AwgujQnmnaUq2CBaq8kQTlXs/Nu
JnRXx2VpkqAo4imwKZsGLT5d1OpFvEMf/nPOjUeUFfFjR3keHHLx7IyXeZH+o00qYWxnrwUOmpvQ
n+trqokvSnXTtFQlk0o/R0t7HBw+/r9XFv8beAuqKxfOBuHW8IR/t1osg5H6iWvWx0x4GYgAmt5d
Ae8HzeCzh2jxcSpkG7TLDDIKccfkdMn/8BWM/+L2ALPICVUHEKLTCDR/k7P7YdyRzdDVx0JD7hT2
xp0bcQbQxpiQmRTkjcH4HEFAvferIb61/GjrGwVsBojFW9mYBcq4KL6sYlNyo4q7wYueOprLJ25X
9dtVBaqqUf/9hlM2/38IsvnWIF9wT6DDB9y/ivR/wQDgZsjNtJrYcD5e+9wW3ikawltBZOAO8YJ1
sFdK/jSI0+DM8YHbpowMh6Owsu/JON+E0vLfAa4KLwZcrL9UFHMo/tg/EajYFucvhsBUY+5lBZKq
SJLlf6D2rD6ef5ob+P6+gYvA8x1+xu/UnlmmeGaEU3GqKxm6W1oFAVDyI2yyfxBUn1BllFskT8MK
E/s6OAmnB4tYQL/bVUaFrc7wyEn9bmdpe1wc76u/VkCatH7jyLtPp7o+EGYxbmURk8uRWrdWl/db
9Sf8rwXsaa5//t//884orwwgrLXJj+6fbi5sH7/sr//GAja8//H+b97ylwEMduq/dNN0oEtYYAIY
Ff0NXQVm9On4grNKO8vxadt7OjIADt2/HF8mZjB2fpYS4IB1nP1HoWyjn9X9x2Eif3v8D4aUbf1m
bdId4bpkyeBqwmxjuL+bWrjUTkPZ1vAdomGTDq29c7kxpSlWEVQQ9/k2IRdmmxb6po7fQd2RoZbF
9g0pCeiojfY55IK5Gexo4gwekhBqtDu6DLXWVvvOAZXdtWQJVEYLiEBM74IQDHLw5K4nSBT5IK0p
HVQTCjD6QoJu7+Q+t0U47/yUnAVflPchRyI1zzMYDHkdVhZ8ReDN0tbztqQHbG30BeF17B3btAM+
PTU3rW09eWYkDg3p6HuBgGWrj4gdUgZxeqfpZ0EU9V70k3zpovbJNvuXlnTbV9Mf92Y53fpeKE9+
P7aBOYwMXbS0OntWcxe71E9mmxxhKH4/XM1fGRTkqiajC+jT4PZPh+alcdMFY20MfIMeYu8QYqqn
+QPwyU2XFW1QGvprT/hPKnB/2vmxCqP6jYCR+0Sfrws3XsE44Bw3SuhtsUHyJBrz3aQvD9n4ZpNs
QIsb53uzEF0yLuKLH1EgV++g1cEgwPGJDvfKJHDtHu0GBcqtC/J2001OTt7aMGzD7N5ekvrQVWSk
kvmHSFiQ1IYgxGJj13/2vUBJppPQ3km6GklJCb9E82/94WhgsqW3BoOazmXM/PAWcRaU02WW9t2o
d8WuzO5QKPSbpoRkZ/njn64c3ya7aI5ayE1bmpCqXkLS7ic3QPUTU/pBs5+UuTwt8O1t2CobGyTp
1nUzuvlcaOLRII7R6v0t6ckuVdN9KbOd0XnDeegxmyQkX2/MjuyvdMFMi+7mvm5HMKRzS4xR61+d
fNY3msvYJo9IARjQx95H1KivOZl1wbptqiXVnrowqHNuP5YKJQcBUxwH3twTI1bS0nKNPL+vgfOG
Nh4Ul4Y6rbNIVsXW6f+02yG8kvz2vUxQ/kgSn/Zc3Lk1g1gEPUJ/jSzpbyJvtNg84WXR/erEkJpb
o8jaDMNg3lJ/2I5F1F5MswnQHpivWe3tk4hOABLOyyQa7k5885Ka6J7L0FoCgT1nYyXRs++Mw9an
wXTrd3odhIUOpXWSh1iCNQ/FNFxb/sWRVIYDWMB2O2jZRFPHzI8kMwP8hpUXouS951uDXkGAEI25
vZuHCEZWVr6S0CBv1p70VppPZh73b/SmH/OofNZ1bQiqIbePfjLJYJku0zBGl1YgmEXY50KWCD2y
OzAuE4QN7z9qtXfNxLeD1SDIsRJwEeYc4oXDUWjaKbNM/bZNMOyHi+buvaR4NdyigiXJ5ZwRB+Au
l5yknEigW1QdN7FlFMf1dEXSewEaI4oW7U3PxbVbhVZNX1c3rh7eLFRL9lmKFDkWYXxB+9VuZyOu
Ah2Z3DXRPP0Qh9WbYdfhJWqSaTdyF032dNaAU1yRULODD0Wb8rvQzyRSuyQ8JTW0WTPPyLYqCWSN
WmgBdqcNO1tKysvEHOwaJ+a2ocVsoQ0o8dYx2AE9aBikBVp7Nwxfus5Kn/qigiyDNGQwEmubFWCl
Kx0aRyTR6Jq33WyyJQySBZMBPVOVFjcxTYyPSZ7C5bHDk8Tm05T85ZojQAWPXQfRfYL/Wa669cSC
tNEh3Z2HS0+dw7a7mohK59us1dbBi+Dj1SCjUovQHU34WsB9mzyribnO9bFcORDrrHqs5koTxdQG
Utt/Pj+vlVb1WD3/+fDjlWqh2/qsST31y6x6arKdeY8n6V6tQr1ELf9tjT0pImczM569d8Mj5qQX
lGH9ZZXExKvy5WMWmUdFOgoTNadepCaf78kg2lBXWF/oyTUj4vOpz/d8LlPvVk+4eU4sLmF2cMvy
nqLluop//w009b3UCz4+Tq3ll9mPt6lP+Zg1/fTC4Z4fPr/8L6v+/GL/9rd+vPK336neQ+sdq47b
tmQ2/GOjqI+W7fCIg6Hc//5RHz/w86f/turfX/77r1Mf/cs3/Xz7xzt/Wb36HqTAdLTp/v6Gdb36
H2VebVpDY0ur96sJYRuSTtNvW1499bmNat861bndHjgFvkX2YHy84eNVEwCnLBw2RWciISdsceFD
QvuaVjQrK+wtuFNghjdT/VBoojq79IjOaZ3LZTuVazqNWvr5VAfB4eCE2vm35eqhvb5ZreHz2Y+1
SExd+EE+1xjS8E1rcoamJkNor+/SNfAogc9FItE6qzUz3Vb1eE6ojNEJ4b74c2EJdumUVa8fL1FP
qPdBfaFHqY93YZb4nAfWCKWo8CuxJolx6odgn3v+pcn0GoMZ2ShqrrVQu+E7wM7V5SlNpnNWLbeJ
H8KvWY93dYjW6lRQG7dGZxgckdUFDBqXq4z/jDFwefJwgUk5/HTlT87kBO+W87dcFdCFS3NkWSfz
WsxWE2cNhfp3Dz9fp97Gv0FE37Am3rs9aa31ZZLSPVGjQdc3fS9joBxtS3gYngnCwi1zfAsL57EC
bB0kjqRZ/7ewrlt7BuphM3Vby+nKI0ANeJkOTDJSWnRfw6vjgjQNp74HfUBGjprIde4j+rQohuho
VREbBgW27xKOhFJxOKuHdbfQWMdvq01OfFGTscrIK5+5mleD0Iggb70SXKNTbRi6YcFak6HUZK30
GGPoHoc1Cmr6e9KTdlQL8Ct1VVfY20IzOTiTc4/EJbnM5mJsZ21qtlPtBU4easccyqVmLyUe3DUF
qNRsc4OpMYP4y2CzM9MWb54glwbLISV5rAXFmOoBDbgGNq5RMILGh+cMzZuonWvLiITLGdsthe0p
EEij+cmNnZlZNo2rLtzSCAlPurnDagSzeE03FtbFpVXH2Nhj6Lc2k9I17knNjY4dtKZZYTpcG08G
Pvlc6BUeJfYpFQ3crInGas53YgZZlX3FOzOQFMt/wJ7ddEfSxnLqjGLequ3vrn/C2Hni1ORfvDUj
R197Xq42kIoVApsjKBioz/od5rVrlqmOBsbdvx7nS8nQgGEe1pfybKz/iA3Tt4DVRNMrSehXd6sa
0S+m4pdJNMfevDULCztuKfau6vdp6/5tzx6RxzoZ88eULFZr7TYprabaAdXcb8vmjqzIeCLE0lvP
hr5bkbod7SWjQGLHKLCcjfUn/fLYWVt43J/hvSVyCaXo+rvVz8vXH6om6idjeUzX0LcwUPuU+nlq
hytUl/Hjf1j3Ni88WTHZLUp0qX6wmvucqGUdDKDd6JlfQ1GU53ht1XD/iCuYeFWann8vnJC3IdVH
EqF+tNqF1NznRG0D9ZBrJcNVQDz2mmlmrpNozUNWk8+Hc66/jVFEQvas33fJaP8lzv2YNS1E8QNt
1+289qKMFr1KqvbqdfLbw0oiiMXff+gaHHe9GH+dzFrMcGddFhleQ7u6OXujiaMvG42fnT7TElgj
xdQkjmW9m0L+L9k0IZX98hDJ/s86ySyM+OxPavt9qlnVss+HXU5vz2jFKbQtBwunsx+ykgN4Icpo
Ht324vQOZfo6pV48GgTqRbagEcg1T/0gi0MaWZDEKTQgHVcqFREZeYAf3uDIQrpiIP1NrTYYdANy
I7pkY3CdczITj73MRh9ksZ5foCzfREn6BDEYxZWs851oaRypL9tnHvF24XpC95CCqd/zcShoejCU
eFnyRXbB2ETRpXdJRYrIvFZ7R2cW2Z7Yr6dsbat+/NPr3OfO4FKBO1uP5UTPtw0jPZjWeyMrf59E
ha2uJVjNXScaN4NaAxlBxQF26qrmg1rKsVhRNCWxsfGOiR7vh7h/QZ6sERGWR0GTm+C5h7il2yLs
m6QHyLbEY3rprBL7sawfmkxrt9biahznOfxa20Ko0ABFbHUd+KTHGWRwq3InsUkeYz0BkSJPZmrg
i0Y5gV2Jk0VncSqzQp3GsnosQtAYfsal1gfNdyYneiCq2WvI32YYrWDwyOzas2uY3Kn22ouZJhQL
htu8sPBOSh/5fsux1LZPo3OgP0Ggm1o7kL/1Xi30AvU52JBM/J5YAd0gctsGg168FR1SKcepgkKS
/t6u13k5tqSRIRjeJ524qYWuE769LlPPLimSj1Z2T3HPuWZZoucwzEPyaCNStazvi6XNZ6wy4rKC
bBJWN5VEnCfN8Gxr0thEBTSvPqfrCjUC2tW6QUovlYc+M24qv7pDOjSi63EZhf8ZS1aKqPGrkBEt
2rHbhRG5MIOHTQQ5HyUIzpRqUmpahN5e/2nR3jp75P8sdFO8sEmO7ZlSNjCYdaLm+jnrziGkgrNj
9c7JHe5cb0p3aYyOqORcskO11OEsX1/A0XvKnHeX1M99l4424QcIOLrEO+qh5Pqy/rYYYS7yz3FV
164n3XUyFOgpBoosQd5zmpmX12puXyKtW7jZBg9EVhybx8leuphe+pxR2DXdZKaYW3qBSYfD6+j9
q61TzGuaIMo7a4OXxt8WqxyEm83irOY8pQn5XOivz6w01kJDN6iWG+tZVs19TtTLcPLQe1YL1WO1
1iwp40Mt+APXD/rldWqWhkW2owT/58d71bIiHU9JqcMssn+AN+53VU4m7wixKLBmSwuknT6WOOyv
/iKyL3MbLsd0/JK2mIlMg6Dl1l1LaNq8N6GobSJc+Pbsf4/G4mWpZ2OnSFI9bR1iqQe67Uvj4PGr
XyO08IUnqMrnEA3iFcCKE2RDmmAYRO10QXPY/ggniVqk9r9VBTaOaqamFA6Ni6uvJyAJItRO07MJ
XOKifVmM+IdIDxP8oW+StiYBG2N4t7rjrqHQyF7NkvndbRMkxZWDJK9EhhiR/iHor33LtIt6HlPb
iPVuzM/gccLHRvTPDlawdyuW2KOK0L3FSiFvS0nXei25vMdG9aU0QjTHeYVnSib2qVtGe6eelIgc
pz57l+So73HL1KcUofpzGy8IS1krW41dPbGtK/KM8c6mLrxRT3Se9hanVvE41q1xtq0w2xVzDeV6
zTqqdEQq9NbeGjG5+xJm7BFBGjHCdXxSP2LuRm1bycS8qWUjgHQIDgjG6/eeg4hCrrg5km/DB3dJ
xAWWzUx1jZ+yUFNYfIckDa1dDu7UiYNA1P/VDik4rl+3JyMFlZ1jXEY39x7sDCvZx9aJCCROusS8
H6JZ3JTmTJ7LusrZtTBY28bLTMTpsZorf5/Jbnwr8DWqdyLwTXcdaomztN3sEcfvN7VczxN0dhCQ
7oy5MK9I98attX4HEVe3Xq43z1QGifWaWgwldBDf7fHjD7YadicyjZ3TMOr9U5ItX9QKx9outoSn
d5hEagKWKw/0wfoVAYQ8GzrGuWbK8h1+YBKhyE/9+ANB7PqxMX6jH9Pt4S0BadFd+3kx8hu11iV2
gXutu1hPy/xO7XZqrVajo6WoDJgnc3KJPfiK6uuXguGl4VYvSQWLotAnoEG1dYrdyn9IIwqsoO7L
H2VvnfHjGa9I/Js9N8oRCpl2eoC8O328oo/Kk+1o6VdEFOnemtvmXHNCepDwWjgGi+pHMlmH0E7I
wkhKfxebzcL4jeqogDOOSJJr1vpJxdzvJyuP3xhtGbs0MtEV+6G8nzuP0ua6HjupdumoDW+5TSUM
LR/eerOM79uWvB71iqiogkgHWCJ9t95lwLEu3BiIO8rEqyKZT4GMSOLg3H2LZoO/myb+xfWK5k4P
IeuodTi4lYvO9r4tjesHUy3Sm7KiDp3Hy/Dxin4grnJZ5LsnbTNIc6u7IfBJv7VDSUNh/ZSJcwD2
pPe88qYAy6h5Q5pZfevK1v5YhT8cHYhUN+oFOgrewKVVdO06179yiSDzeP3B7rip09n9PvROwTXd
ldfM6xZ2QaQUiD3zH/lfXwhwJeyW0bya1lhdoZTVQdaO4jt1zY/v0+j4eTUtvg21NrxJ6F4H2Cry
74V2UZ8kFjABJZe223po9Zs+jHXENrnxPliv6gVynuZtqzfWbSfmGsAW+v8u6vTbqufvGQbK1Frd
/sGQnFLk2Olf3CiuubYt8lgQ+/Jl8bSR/Dmn+UPm0Lid3sLXgX0E5KVO0qZdXUq+I4rQRHuBxvDl
Y21+/Fh7lf0Sarm2o5uVXVyhWbfsTIDSYy989/iz1Esz5AbIY5Pmi11ZWBmyMD+aVWV/qRwaGuol
ZTWtMLz23XLHNKizpr01hDVeMluaOzgJDSFr0FTWn8HR89TrbfdCaQU9CYcEqddefDdWkAkbvZTf
TRQj1vpSk5vaDXJe7UHMs3Fk8EQIr2Omj25ESbpklP9HwV6p+4P2LdWsMoiCXJPRbYzBCWqJN4GT
4PCyFutWbR6CFF8GvU1eVrs4pvVJoNEo27tJajrMgHodGb2qV+Lto5s8CPEwhYN/HOcu23VDe5n6
pn/E8Vp9bO85yneV5c/ftLSWwdB39nXEmH5DRCA9stCNvy59dlW/xa/9r/rQY2qAkLBfSq87kw6u
3wlXG4kYZYcTw1VtoIY7uU0Eov5hkGN2SuJhPnRZZD8mA3nV6iWhE+2BDxXf8LxNAcnY49U1tOom
tES5s2mNfhWFuKiXUql7TxDobDpodhc3zIuD0KZqNe94D86C1CeuTetHD7rE8FvtLevNMBi7St6U
tohv7TQDEYIx4HvhPcx9YXP85VwU0XvdmYVunOvGivfIFvvXFmmtWlfc6X9qaZQ+0V9wD3Lqp2O/
cOl2o77i2sY6hsQ/TnMovvr2MuwWyH+XFN35XSEBg3ysY/1S6iGQJ+3W09mZSIgYMLPwtvX96mVm
9NHg/9/e+P/QGwdntmod/t+xpE8/y/KnlD9//toe/+tdf7XHPfEvx3ZdHU0MaHTubQG2/8VH9fV/
mcI26VR7FPg8pn93y03nX44nwA5byCpg+a8t7P/sllv/8jnz+L7re1i3fc/6/+mWG7rxX4jxBqBF
4Vu6MOneA8/8p/rExWilxaNdnmIOu+1CPeOswtZHy+xOHRmfa+GgMg0U6YsOUE1rgOJJVU34e6IV
2Ps3naourAsnVVj4+2n1hFpW9iR3Taur2HXBd/0tT9ajaM1nXh9/zHqACI3c7w5gDJxjjg5Pqcnd
9Y7gU1eOxZv7gL5fwR6NCbCRm26hlM9qdgwrfyFMkKXNWtrLrLSghmvWxqaytXbvNCjS4lE7NZYT
bY0pynaWl73YOVibpqgZznO/1i2XERzKVLT9WeiU4DZLiPqLCBmxc53ywl0Rd6QkWQcJd3YpSMt9
FkfvYiJtFITrcytAiHeZ+4OTg6W/FTMuDMYCZxtQyj6zlvAYawiLih7keF3nd50+3I9WnO3yeYQJ
Kkh6AfBDf7nd5H0EXGeIUIu22EZxRhxti3J6NCUXLuV7PDVhQO37a92al3mKGB55OD2BdVzdKE8u
mtk/TLk8JFhXt9ZhapZlb4zPGQiWfWErVgfiA7g3RmG96k7+BIVs2TkrgCzJDdg3E06RoniYIbJs
pYs5g9O4vff8Ry8SA/I58toX4X3FKLFax6adHaZmMOv+zQyEdyMKTzvqc5XuEinBWfe+2OMLxUfd
MDTqDmmlL89a/GXs0rd8KiF3LMvGyiXBY7oIMnMQtHQg97hcFNOYkvzoaWLTu+N/sHcey62jWZd9
l56jAt4MegJHL0qU1wQhC+89nv5f4M2qm5WVf1T0vCMykLoURQt85py91z7iCLrPDUndisyBNF/O
aQDHE9A20TkwrjMyL3CJWeBgIvOkttVE/Ur6EXD3ukUsM9lm1S3S6vpOTvfaANR6XoMw5tUCCT7X
N3PS3VnAqVAvpd6phOWCD73xSRXyoKAImzizDmFnoD9syJTvlelVjmFFpmVMk4KKiFsE+se4Poo+
n9JkeikCyrtVzOIF5/1bDJ2AwDqUJesVtNzTI8KWJk/0MdbqvxaqbhSP1Pwj9TPs4LANikF/AxwL
7rxqV8SFvAEhvMGMlrHG1qlMp5sGXaUjiOMFRwmCxDpYExLM1Ts+k22nUK/q2NykSPXCQfHMTm/2
4hD7WjPuFn1E+6tPR5rJuRvcWXK600z48SZiC73R7uV4+KCgk7jzUt51nQidDWiI0MtcP5Los3Oj
fq7Q009FTwoqeJ0CZlUDv03RwK2fJwzXE+QNQYOCR1AuBfZtoYNdS9A9g/AgH6uqJTIv04dGxFYa
C9JBXLa1qn7Fck93PM21rV6K8G/Cwm5Vwh2neJhtUyk/ODsASfUYAcVYV2wy6SK3qGfqzBauxNmy
OYtd2vcvA+lGlOA2wtqhg9VkB2mhHiSRHng3jz7RSpJdliAztIX6igyCnsovtc5wg+V9mymxLYAb
3mC3s3xOoDv4roiZ55d2tHDYqYrszesLq4sSurSClYMc4naXqw+5pL+l5Ar5ElQkkYLiGhBFXEKB
xoa+xwDfwR9PimJ895rRbXWTcACk2IWrylTtyIB9RuSbbw0FLCGhaIxQPUWnAimHRW5hC7qgsk6S
KvL14OUbOjZOWrFJkD1uIstqXUGeEuKCaV1jRvwi3jzMm5c07DWMU0qyZQDZZCqXRhRBYYrQ065P
UtY5OutR2ETEJruBSOC7AAJ/arTbXlS/Mo0xlQionridaUAwPsPfcga2SjtkqcFkhU+tAScatfcE
ErPYNZxj7Ol1JIHIoiMZIv8ch3gREkRYZOVoK5h/HMRPOeVfuRi+h4LTxGroTKy+0CE4Zp4RIxJd
5jAQNnLEyDmIECk0I3a7bC3ucjZGCjSrIHagBD4pEwUagP6FPa219cksZMotGYiaPneEwoByVxil
t4z1DvYPQo+AfLa4HsHYyngZEXZoI9RZwJvf5IeoPmLMDAwf13m167EZv2U6UNiAmcps8hdN/RHy
mjQdQRucLot3RMCGTln9mGUh7+nVboVG6rdoUx6mHEzPJIB4LFaLBvIh/VaL0HgXyNtTIdgtEuNm
/1XV4YLoXXmyZmNwp1QS7LQdC3DMlgwuxECkwzBVqVAis3lnGJeEnX4jBL1jShJyHC0lepx90a6Y
u9LOpXw4LskHOzEeR+m0Q5A4uS6/DUP9pjQJWDaJfWLdK7MjppFgW0nxMVnj+zT7VQ6mqBemcz5U
vauIFglQcGoUC8uFVNoAOLId0rJXRFeIsKOeWSai9J9HG01D+6SupOlMWbKtkOHCaLJoO2pARa1w
QW1WIQ4XEa4Gohx4cEpaKIOQkqOuIaPi0EpcksqESr+Jkrt5ShDuPjU0K0kZ4cODyIPhRJk3kzVN
hDSjVWtJ4KS/hKeldtKFdFu4aSLe1eihzpmL8BYEG7IwWyctGDTG9EcLh8LLqYc5czsbToLMfNdC
3Km2FriCqgfqB8R5oy/ZM2twzanq3s3Q47N+KX4KSxccS2vonUS16RZMKmE7n+eUyC0dhm6qJ/Nx
IKmOZUPtxJKiXkIp9hJh0Q4pYcWM0zexDsxLU+qnBh/eZhb1GyHx2X9PG6HFXZ4QhdkNNYbTkmsC
aASNUlW/CALCJa1OMUrL/rp8gRoWuDp6mEQSbwy0M1w5L6KZzRiWwMU2afSrr3ttLqYsJNI2gV4i
XyqNHryaAhSJRpYPq9W3jsoWA4yMA3Qsd/kCIqxcD0okv+VM6a5omqcJmK+npQzquGrvAFRx5kUW
nsw89ypSPadwxSxQJ2WsU2vThm/6IA5YnKJgfhUBqHkjRjzBjLTMrsRc9kKzeK/ipN/3KquvIRWg
unV5fhFJEPLRHTthQnpuXEFuM8kWNsraD6yvAEqpp0mEdsSWRIbHaIJmnYhEEoQPxvzWt4T6HHaD
5l/7bjBjwMCPVuSkICNdyVqdzrVZOiqZNg54s14mDTfR2rsixp2dY28kw0zUBlqf6/idjBBXmrX5
LhdE0tZtc7m28sZURpKTD4TvwRRRQL6ztE6Vi54ARBB0Q2GSwBYoRkFILsBME6AQ93lXjjm6UkhY
ujaeY5FKDcSj7bWzJBbFA1R03WH8P5H1Pu0NRR4goCVkBkWaP07ReVLKEdIumjBCSECXJpm8LevK
6SID31qf1T6d0UuBNGWnxPdz9BQ2dGXEfiid68vRrW4dYaOdATrYz4aAhMKa2ucUEJHUyM61gV3M
Uewg/mBNaAH4E7rqIbFWAdLMStrvJ+G0WKm2y3t5ZNxTCWShIh+uFjwRNKQnJdJ3rQmkE+c6BmrC
h2qjTly9lgI7g4xrd/FQu2LcGivgYDW70ee8Nu7z4E1tSYXB+eO3ah66XCSiYl7QvTTbMRKfFFlv
fVSjJCmU+7HNwDayQ7dTQ+1Wkpu3DF3kd43+YoatuG8Jl3UjC67b1RFfkleBRjJ/yymjAlJCyyHQ
yTJYR612VTRFb/Vwnyfm9xgzXkRieVMkkrAp5WyPYPFxgiiW1ulDXAuyc23m962CCzPR360Y8+dy
5eSafPPiHNRujHZALbmcpDB7Wqxe4oWrDiqWF9aBkW/JybEsoNqnJbYeefge0mDNNN4HYQoDWIx+
uik7XHFOlfhQmWBMwk6Z9+q6iVDpgkV6q4EQhOHQr/hXHsagT1TWCFYeNLUPPVofjQ1kw6BmmN4J
tVZvtBzNnykibhVX/VtWYlQdQEJUBbAXXDbNrBv7aj2M4WeGnhSRK2QjuS6eFEVSUAYvErpMRAax
oOAnCilzmrXWYhlE/zFGim9kcMXDEQBbzmBDnxbZ4JrEJSJZAkxNxlrxWDPY+qAkolXjF8f1/TBG
2absjeEgmJMzL2gg5n5rLJmwb+PundXDU1aXQBr09qBZk2P1CX3v1BfHiK4e2QcgjmAXXvkI/axt
8NhBhdd6ICYGHrgKtfBeSEvMVUiNBH3ChREXvy5qdczv5FouHGuyEC39q8euq2W6mTJjtoOwRBYx
vBlJzele5YqTi3Rbw55669QxdOgAYSWL2BHCB7m64eAI7AjDbUAIE8VomnKNFbp5n8cbdlYnou3i
/Xyba7gcRgDqBMCGD+Uc6nTyOtwp+aLTaVmXfIm4D/QE3HNkPIWGIjkRjQ3nqn/Q6gPOroRATeqs
Mc/dEwjf9TOAwIA9c9laT3WMACaUUGddT/M5EgvisZAiWzC1YvktSqvSAYZ5TGQKZ4rSe0qzHFZr
pzZSa48r4raTZdH2Dch51NkrMGQ81mkGvF99ywurRdmeD25t/lwhWdeDKEZrIrmm3I0AiCDps3dV
w/KPA97PJ8Bmkz/Cifl1e62Lua1EQ+VdD4FuUObMwv4oimD1WKR7iyLdMZGi8azDDjUlNwld/U7q
PVFjcUzTTVgFq4vWuVDZhl9h59kSmQgdcK2MlCT0nMZ7lNWTkwn14HfPMYPRPlhElQ4wGOPrT+mo
w06uGa2Zh0jfhcnjhcVKhRco4oGzAhEajv22rVWvGxu2lWp9axVhtBH12tjS/nONmib+sP7u9+F6
WwZrwA5J4/Cs9S41Xb+9niQX8i0Mf5rJp1PiO1nNZ54xmD9VqjLO3JsanWGyGexSt25qIQw3EQ6d
fWkZgdvVhIgUZJTt1cY0PXr3L6NEA5kANkyfJcBKMOnf1RaCy2vVUyvIUzMCHtVEnMymecdWDDnI
ioe7HoJ1lpQiVrtJ3S3760GEA70t4E8orZ4zbCAOmQCd7a8HYbmrFUHfXae13zfLHUt0dCpzrol7
cT0sffVQdKrlpWZPBnusvuOXDX0Jt91hgfplJwuDL8VSVst5uVuWdDwU+pCXfl8khVdNGTAa/HVW
MexCQXAC2fIZA0RmF9xwSpSrt9cDfeUPsS/vtc5onc6SHgF99EycAU0zOt1pEh/KRoMMLXcVkDbI
uCxKNy24EEOolxMpeHRfpRDaUSqpRzEhmiFLnlIo9a9TcRESm9hCfV19hS69sfhdHXrRhhjdHojC
uItgi9xXFUsDWiNVVHGpF4F2G1gx42qUfXXU8QNIb/Af+8mp1aWk85jMnp6mpdOxinjoI+WgGSHU
KZWNwSSXSNPlt0XMd/TY+lfYYZCA+K9KlOe2SsCx0Jy1JyUuD3gQ+LDC1BmTdgQDIE47TdW+EWM9
rN7JrdaLsz8Ba4pGtmdBVE6XJY53S1G8B3kufRZ1uaco8DzLuXJpMj10taRAYRPKEYnI8FaMcLqp
4vqLqACCUtacvbJTDWqFyXCgibHT6PydCN0rfSvHHpmbo3WMqw+6zcqhOk8IQi7sQGS3KfPRb2Ja
hhEjYjkv9I1ldr5hJeXYXfsBUTzriVkvZL8ZjR5E14TNtqi3adA0xzGYAhzmyUUbiYSO0jdZJVgF
zLyXTMqDbunv5nMWStYNs2LoNmsqSKRhLO0seTdVNIerqJiPHToffxEsbYMnHWZ5iUU7aeGKNLni
WiGG+yGaCOXTJHeoUqLClZ8mKpadriXjZmE5wgbEFLysDR5KpEdeKLLASAx1OtUteFul0wcXrPtH
JsTtWSvaZ1rBKpD5dcJd4QS9FaInNJlMr5OwwIoSnFeab0Ox9QOllxw0HqNjrcN/OugLshECM0sh
ebjexFpo3t/WmdVT1+JwVWwmo4KEVV5E96r3Gtba7FUStlJOrVbj4oOsqMwEOJX4iJxVrIicKnxM
V7whOv9xGyqRf5X9XXVws9zcsqsff90kX4uulaw/dhOBj1cR3/VwVSiaeu2XJJygPWLGqaPbdkUy
XH9/1fz9kvsVEWsF+sLwcOSWxfVV6fdb5CdjyZjRrjiiiASs11exk0YFYX9d9AQtb/r6UyYlmZ8W
0tN1p1OyrTHySNpM5INsJ04UXZK+pJpEC2A0u3zQra2gV0TfhGRJQpvGJkZZJSBUBQ1IkWyrkC+P
DCGdVa7Vb3l7FEX6DRcMqR1BxPgh3E7YjJ0hgC22UC+w1Un/HggUOsyqeTDNRKL8tyB4HnsvKy9R
SOyjNKKkLZLeToL0QV9wpy0G1WNwVImtBASBV2V9Tmqea6hViYN2G8phQPSQ3jraPAYnztbKzeaS
IbLEoeEJaewRqxGdTQg6YzFsSqWGmZyVDnEue8pH2LeqdagJb3vFuCXSJPX6lOZgLctYyo1LGiY/
FLVSZID7dJr8KhIbL4Nx4czV8Jgm8O3VGlSYiV6FtoZgN3wFdkPwsRfDAvPMVpr9JoEaoXz3Mzo3
MU5LaPKkEMoBySXTJrVSKj0tDrbGShyZ4iLD4+BPNVO00RLzwbeUStDqBRF8pJAMHj72yVZ7UNKA
xBnLzblwURyyIlpqKKwtVvlOQdcOSF4dzWNKCp3bL8ZHkVq7zsqOeT2PtDR4+9byrI3GPkm9Wp7S
c22BuWp0SXOrFom6iB+HIq/LM7O4SXX+miQOXFRkHc9SuoH3ej9JqJlYvCK4iqleg4Wws1qpjhDX
KW0KiXQuZwkuicAJasZHhQ8HyyRDuS6PxNWy0kqt+qRTK82E5HsSqemOVn2c6AdAiMvf4pGQWhmj
IHgeQPcdcQ+tgPAZJD/s83sK/fdeHdB/qej1tZR912VsMb6L7K7tRBbbS77ELyGroktb8bbbOqF6
3uUUnNkzxFl4z0YgUU7dnI9UxaP7dqmAwQXMeIumOUWVP+hyeDJYEw+A2k7Q42CczGqND96ZSqDN
qi5/GrW5+Eb3VFjQJLLceKT186SpreRFvapujC47jeiUSeEOUhZ+FaIhE93cKORMGcgISITatRHw
hiKQTlnCbFYIKVRb0Teb6bnHTbcTpPnBNDNf0mdyFBizmNWaYz1oCHv7cZsqU0cxX4LDKBHZIyTB
FgPRRZZpCMT4kTwxHMkr00/gMuy2FWmb5FWzz9uR1OssuEuDUz8L/er0lDz8d74YrElbOq3yWagp
BCBhEghkd0S4GWpIqye3FMuVlW/B6r4UObqRATA7oVBmLIxfw+g2IjtwBynBpmoYgqNK0apG0OgC
DS8YPiCH5z5KuSI78Ls9Ix9jm4V0zYclMqgEe1No3rRG/Zk+EZ5SqgiLkzCL2jEPo+ci+WSnGlG8
W7vtZB8spCCIuF7dorqdYwV3H/pQTyVSI2+rh1blBDGW+1oTTfZLJB2TW3zo47ey77jSRn1lobwk
0jhSHlD8jrACsDRh4/aZDvNCd8WqnP1hpCSgRvTNQ5HsJ9QhCapLU8sTt5FfiB4d3CRVHtVO/ogV
IjrrUcS5sZRPRU6pXOpjVFpSdGj61TE7AQROqSYWM1lblMOb2ScepLarXn0IYqvZBsZwJID5IVXh
9Vj0vF19YPFDTJkfJTMAsLh4D0FXD5WmU5FCqq7QOXGk+gJUbzuy6mk7ZfR15CREBT+mxFGC/dlC
WwXpbAgXUQy6+0iVUTJar1gfJ6pukbXpGNLbSIcdH/+EiZo48xgqyNKLdYOW0DMqmI0iVlBJ2KLQ
NEHIGRlrD3Ap+zajp+DJqbDrR+rG1pxInq4AdycsDvSEBNOTiQ0edyx8tEK70QKsmGhB/SSGuWdM
koqPUyWceiDgUfjkYnejBga9Wkw6ZQWZzXUkOOQRKvlhkLjS6uSxZn9mk0JSbkqRZgVK1ScQkwA0
CXNazOoYFsB6YT5SwEtLFwktxGLQuGPms6Y5t7JJeFKjO6ICbkIn/47dHR9Eel9Xyo/cLFs6a7x+
Y3wdDUypQWT1u7zOTtFDitW2J85BK+gAoRS1DYuHGKKqhp1JTJCQvYlpymIl7pA2MpTUinxOKA7u
YPEcag3KkrpgKlRUViBZd56iCHvIsOS4A0vDX7wKoZVdqbLgctWDw9CdzigUbyoUOoN16ZPT89kF
qMaiBacGSOUdIpCj1FIjQl5U2VZjk8LLdmAlTqwA0xaZNB0bBhdNDgmxntiDzn3LHkgE4q2b7ljA
LGRbzllYOH1mvFHd/KxLUj3Q6pNnszMkS1wTIWkHZQZ7CBaJofIZz90hJadlx1iDPTTf6SI9Issg
4PLL2GAeIo+XWEziqtaS0UCNHUtChKAlk5N3Omw1wmRkQ1TvNVcVkvumhBOK+O8yoHWxxYmGXcEl
De9mLkBroo9HI98TCTI9qEa5B5Gc+GY9Te4U0YGMKhHxM6iTNIkYVA2z9CFcw293FvpGcHwNPyNx
xkYiBwea5TrY+i2r35c6AxcFLRsk9gBpkwbnmBXv6meiZcqNXA2vAswIu0HYtNNqkhVHQ1/FUJBF
iLqBSGPqdm+2P4wxBuIkA0TlNBy6kO7CxJixkda45GjpQVNZHyUlKmOhFZzAUDEM84Zero5ukdJh
OahEQmy6QY02wbrG/X0w1mUw0Nr/uO33XYRF6nBxhkXo1AXG+yu4q+iUMPvFeiOgAEUBVYTaoYUD
CznP+RUzG37LVbv9p/s3gUz/O88eq+ufX+/zpx+v97weyrWYoMtcHtL6EKbSn6VFWujiIYy/Hq5/
+/ufv17E7+f700P/5e6/nm8eK9ELpYWhOkjIrluf5QrFC9dnGLUE6f31qUE5SgjdCEfPQ/lRXPBK
GaFY+GrYfVIUI+aMqOdNXZrltmB17VWJ/gmzbDsQBVWXzIYKqOUZQalhrDC04jVZxvktyhimI8M4
mnKvbQUZ1hWbJdou4+pz/euPxcpQq002OF3fo7pa77h+b9dDYq5+2uuPqA4s6Rd2LYItRZtnvVcr
Gsk+16j3DuquhKW53vin318fzyioWP96lCux7Xqn60GXk38+0q8bVdInotX+VTEH/77f75f167F+
//vv7vN3t6kCGSsrFnQtoGstdsWRUiNZKLOCm5N/gjTg7fzrt9efrrddf3v95/VwfYDf//y7v/27
h8p70CeJwnexUgp/MwVD3i0nOI03ouI51L8Yg/+6Uaka9hy/f1+uvwer+88/uv77+mu4jHLYm7tx
bR00Pac0/Wp+DEpj/uPH66+uB/DNlMiE3e8//8tTXP+pkPPwKxj2/6vQ/osKTaZ9CuHkf1ehrSHd
2/ecjUrc/JsS7Y+//GdSt/gPtrampLMJWmVtf6jQDPkfmmbqIAJlHYqLtOq/Csjb0f/9P6r2DwWY
CkG8lI7htii/mS2q/A/d0gwTxIohaaYsKv8vKjRN+StByID1QOivukJgTHRv/65BQ2wwhTXa2q0V
tgSHwcGCdGWCcn6sj9nW0J2FjqYBs84rKeI/dExWgJme1JJWBqGfm4Dq1cIm7LmrDn2wAcPLPFRZ
xJLEtri1EjcXXGbT6DHt0GPQpL9kG9ihfvHOzhtzEp6WPHDBJH7VB8s1diQaJP8l1/g/8VjreySC
3NLQ/PG/v0RAM8nMkpybyxaP0FMvQeXqlw2otNtkRGra9D+CwGqqSuNXLZYufzoh/oDk/BmKQwb2
33zCKt+UQR/dEDXlL89OOXmq0bgvW/PRGg/iT3lpzmrkiG+dn/9E7MLYpP0Y9+qlDFz1gJkzvSf4
7YSyy3CWc1156p3UnKQjBsP3/GbZpXcsTOhUs9q9g2DcevHN/G5SmQOLcW9ATE5c+r2f5VN0VG7F
TWV+h5hvPNjcT+l3itHkVn3FzYdWoETuYWsnkI2LYWMGtfu3+jF/pAgjKDs2p7nhoYtXFluqIKDb
C/k7eBCP+XH0xS92BcqW+XiVWBkus6PpNvf1jURx+9BuzL3i5m/lI8Tt6DN54O3403Pxs2yQy8d+
fAq2em+niDveQ3M7Hvtz4ommn3zPW3Lc3GX2SKmgZPEjH+q1YhzaibDDbNZ+kM/cs8xz848W0qHq
CrvmDaAaHevmEVgORAVZ9uTIpm2Dk/kxgAiNVuF2MZzwFOpOYz6Ud+k3rJSJZfOpfCDM8mKSv/mc
jw/oj2in83GEx/mleNf9MSUTw9Z+ktoxTjruDmmf0ruj+R1uB9NnKxcSGMmOw6AyjMDsZaBfgnFE
gh+KHV68IzGJnDHjrnljFf9R3gbnrryR7xmhqS0M5RZdCjRn6xJvhJt8P96Ee8r64S3MTPSHmK2p
dTjVe8ZcbxN6FN2VrvKTeFT5egK3bboz40eXeCkYpNRO2KI5wYvcYuO+BW0enUwQnK6BR0V3UPl5
0A83qh95astez6PJpr1KX5SzCL4/LS8Q9i03P8PjeYtO8kmhUb5rKxcW4yIBOraDxU42BqkINnnk
88F8ppfBynYu3ey7ucvQ99yQNaSexVeZPuYl3NEsiljAozeTybN1rIeBTwJYageO51hD8tsm7/2O
nd5ZvhAxZT6GHzp5sIeOLIvn4NG8W9AA3cyVM3Rur9nKTr/JzyPQJY9gY+OuVT0h86pt8TH6BQEa
23qbvdDsg826xZWXnKxb64nCRIkLs3Imr3Nyrg47+x5uVD7Ng5w8QF0kdWinn9sMCiRacBhttkGs
ywvmS+MOxGU/2LKNrznzund9y/xLS95DrrAgRnOoqN8R2tHb0YmqlE5NdNxJHntLAjqIIuEN6j7J
zDvS6ULSV+jwYRE/zdug2qpErTrNTY6UZxchS4RuwBiodCg2nWHwoFX1ujvAOEK6+ZU9Rh4Wh1c6
xtlGtuftdItnFHUK4U+75LF7m93tvI0ekfEIq8jQCc9kIoWIfB+C9/ZHwGiMNPM0DLv5GW+lp9Kb
uyODYkI3uJkJQY3taTOFTivb5lnpH6274dS9RvsEVu3rfBGf2ey4EfLUi3Ruxv8yODP9/YVgR3ao
alqGJFG6vMqt/0zgkwnK0EZdrrctMr0CrLecG89m3P4XPuF/DMImT6NZsmGJa8L9XwmJWDXmXgyk
eqtJ48P6FNY8UTiavpcW2eicd4641Ezx/1oL/M3QL8v/ObuaEjpyDOFQ4k3VEpnG//zuCItS9clq
W6BE+bMyxyvbeq1sTyGdVF0R3iSNVpaV+UH1lIRgbyXzvVQQlq3F5sGgh6dW80MZoFlbTJlLDbw9
m+0CmYYiHtN+Ok/gFZzabFpfUsgEisWYAsckmxi4qNPBzB3RRbQ33cSQkS2Za5XqAVhTci4WpT6q
44x3NDH2qe6zwWuf5AotIlyiGtcqlKysKDFcmssF6Q9AWpJshHDeyspgz2b52GlGfx9qrXyyMnKG
kmpw89SgPK2GFTEI7XEyingzh0xkIOZfraEETHjOaOP4mfbZh0REFT11h7UaMPVoOnO4YR2tyVTa
KOKyM/pi8fU0QatRNBCJkNONkGfwXsfOOGZcG8VwGxe8Bb72juHAtOl8+zXYKMhHxMUhgXqWq4YU
ZmupXKmJf/qmS2/kEYAcPM77VA/UE4IXfOeLPjBQyeTSaRThzXmr1c2dnqG2RjfjTzFgXlVbyyKl
+SM/gH9iTC1wu3DKBXaYdcAt6efbsrCoG7XOTQgphS/IhCYqiWicupb4HpUCmyGOTHyGekb8j5AN
kPdoTSq8LY8ULYICeyNjqyiTqtNp7S6lujuNya1SCp+WzCsrtOVBk99DXq9dmvlXU6rBVqvA/04E
YSVDd4oELXe6Utd8Odaf+lhbPJUy9RiQNpHpLBIGslKw3qOJ0fV7bQnvxbU6nUo3ohlthVm7laav
etIu1KiVjRrOzxhnn2j1vkfnnoq3107tZYqK+yQIH+S4/UrMiYhfTuBF7XHPt8/rz+rowYIjJz1G
P6fRvCNsUoL/KfAWU+yZTAkF2csa/imsTkTdyHiA8yRRnCbBMQXYmdiQk0AwCdhjvmlT3pfUtDYC
8thtUzZeMoyto6Ria0PsfaKETuADov2pCk1fmL5nTnVRQOBZyV+BMbOVLxoGPmplYroR0n4mQbdv
mCj0W8oooY1IOetuBr6BOaC7wKdDnjL2N7dCD9iP9xWCb0DmvA62uYA0VGighYj4kL8QA0rA2beV
IWOFBk3JiiqX4TULinCz3qq3OlLyXMM7t8JSqI9hSHNNghkRytnjZNhJs6Psg0s7pvv1pg3UHxtk
Myy8Cu07id6X6X6hbgWm9tGk/GYp0c40RJ+4ZGcF27ULCjaWaMMU64fcaPSDAnZoA8nzPEdaQiUh
MGgSGeuk0fTKMRB6sydh6GbB0ljOIy1iNUD2p1GLL6R6J+sFOX45aoo0UCtbw02MZa+5CCUwC7g0
IQLYpHFKDRALbDFpXzHy2ZVitq45yOF2hoqHmEUFizQFTlUVHsp0ZDVl7Bst5JXrQZ9lmVynhjWb
bHXRhqwRElNh8ECTQe4oQdVhm195KMtg1qljujf09yQlhs2+3hSbzwWO+X0Z59nhess1afH60yB/
ckUkh0UrCGoIJdHJa7AHYYOGMeogu0MCyIJ91MvfdSgLviwPsXcbIzi0xfNyodHJcpElQLU13fZU
3iEqjwmzcVgyBq8kUmzl16TyWrc5ZafpJL1nqd0eWqQslmvdLoLN2J2+zvdc+zSZCJf9aTaSh3w/
Pyo35qtd3kXIbF9x1arn6L09qv50Qq8Q3JQf+YElO8GRQMRe+I7Qyh3a+2irujGBVpT8zLNRAZUA
HOnkdLxUPihHBIyhuk3rGDfiLQQAieVp6jb6nuUs9lVKcaaxk+7QldIhUe3mFUHyTH4tY4LqGiwQ
icSytQ/z1vwyd/V3PLxGi5smrkoPpucPh58a9M4TVg+0+MRtUylNWfU4Ke6OG2tjPJUPLOTDW9Oe
nowNQd9nKmKNYzCJFSw0lJ/sbUk2iMY/ljf6Ysambj1yr1CsENCVMuVhLz10WyBAYAqHg4x4Ntyv
zUnRcszkxkB3r23gQo6pF8r+PG4n01dYXY2e0h5IOtPoH3C1dQcrcMRTM9iMpRoqY/oFFJlrL57s
ylzX54I3ou6WnIm3d0cC9XLIvdGL6XUIyPEZEJhPHNTtU+2u+tbKC5/hVFcu9hzzxlyDjVmEEq/X
vMjVRpH8YnTK2QFJk2mOENnaWd6b8Y4DIGpUXrDlbc2kamzr7vjCZ0zqNNrlTiSYdouozdQxZiLP
xlCDVNWbEabhZ/fiu5JPi9XlN2A4pTk0H8gG+XoIPJo8TPgTw/jZ0vcpLItwqxeXcdhN1qtwwxBm
3WjaXn8VKm/Yclrkwo6P2AipVN4bN+oXclgRCSjmS8AcYJHQVSysGc0H46bAop/cmPFB/6IHd7c8
BWf2T+0rnf66uHQPU+Py3OEbS9+X4ljthi/2ZAUwr2/FJ4XrlL/3JQ0Ou3seH2PaPLpj3XDZ0Dgr
t+booDMtHyu/uUfmVBBN+8oVoHzkbNYSd6DQVfOlsd106kf63Kqr3aSPGkvVhQDUA0HCFmlJbvM8
GAAltxWvf8/rFfsTRFOuSZZQgjd1BALaDwTW1jU9iU39KJE6Ee54mzz0MNyW0ktZOmuionkMNTcm
Zjt1+BANNpI3aeNoR6n2jAM9QXagJvsavimfx6hTly+ocMXgqU+fwmVDUIFOJm9/ED5U/DGXkCix
hQznTc1C7MY6z6Cj8ZVPp2k3HMmJL0OfM5eepGDDuToQOjbtcdueEmINANt8zZaTvGDUyo7kJ7K3
pVFYsNguduUHrb+A3RyRDJDkbOOF82oGGxfbQw9W3Ra2MmNG/5F4KrVmdubRtpgIvnPTl2zT0cs5
rRuw0ZueaK2k5/9h77ySI1e2LDuVngCeOTTwGwIRCB1BzR8YUxBaODQw+l5gv7K6VmVWNYH+od28
ZDLJEO5H7L02aVq4LYhF1dkBrRTWe+RQOmsgJOBfQmuLgHBxW2yAbvCqoUVlLrDNPsnzQPIymuvo
TkdeHNL0uUeXtXKfHXfdvRHeq487dkx+s1bfVU/bWS/ZjmEOscorJsOmn51jj1wn5gpb+3SEEzc/
Dfl2vEmxkrfsTj/z0XqJH8dr45xyjIWbagNb1f4DeSrc5xeD79u/w5f85He40+k6xT469ERPYrng
tya2cN66fgmo+xoSokE6MoSK0hOX4NHKVUva0IoWcNjQlreP5qp8yKP5xHS7fXfubrn6jHyEYgxS
KBPuwQjnnWZ7PfZPeBtB0HPo+67n/tK2+StXaHsropV6Gr3yEl7q3zM+J5vuKsXpclUwilFuvVS/
uo155oQ1nvVL/JIe4blph1A/kNWHykBjESX2WXqqWr8SN+tunO2n8pUoPQpMYNIkOrDCT8w9Lnt2
iAxUal99txGLXmnpLtwwjELoEeNfLSoMjWC+7bLXQwjaAbcl2GpTBQce93xjvMvjoq0CdvKu6lt2
1unVuZjtukZpqOz6xQG5H1WP5ymIQPPizbiL8cT6SUvWNKk9E4XOK86MVYaSYuFEV6n+aeQvqgoX
umx7Mu7Rs4I8ZKV6zl3buU/wCWBIlRb+vbW2QGjWqGPIWvdhmOrdCmfbPqYiQDR5qRGlGxfQLCrv
ym/4ubrPyy58m3/nl59jztiGh/yT6QrLPPUzJ2BSrNwt+twdjtJ7GB909Rfb2sS5h8M5/hwovLLj
jLyKfLL26MAuyawzh/8iVUoJmnvuIGGEyjeqnp1jb8vkxvnjQkTN3Of00D9NW2gub0iG6QiGc/bB
BEJ/V68MQHp9pV4zf/bkHa5JQj13Dz+5lzgMdP3L7b3u3F/LR9yszN+th6ApfxNEZmHzY+nCA0CI
BlcZ52NIKxgiT9lmL2P1EjpU4aQj71zultLjUlE57T6Sz9Zep6Strab7+B4ET0rMNGzd+jqv2ASU
JaqB7dytgk8is1kS44etfsmX8rMMTsZrFT+Sm1MBhN6b++RjKTzhMn2NJY7OVU9AlrrCUHCFYz9z
Ubyp+8ozdsSE56uIgche7Fqf9rQ7Y7mIavIPve6vY27w1HJshhIA9YqM7ycxX4KnYm9vg4/ub1ut
KqqA52XxCk2uhh61Ci9im7/YYh3cyjvi+kd1wgKcfiHUlN+6131WzDe+p0P+pel3hDwNTR3cnTOy
RaTZFOFP3Hnx3V1Pt55kjNhvD/F2+jTgWbxwquvAi/muzMYu6bF+AqDELaLvnVeLMSXmuysDpS/d
E3/5A+HTQ+iPzJkZsY6ECq4SuSWnN3gmvL04mg+iH80IFfI9/4t30um3+V+TzI70PrvHVPUgUhSe
bl9g7fS33vIDrsVJfGLBpVX41c/ofhOxMsL3GXoHyKtVa2xLUtF568U0toPBSTdo67SrNxklkIxr
GvWtXbHCTwLGaiqK0TNQlOwd8VZwrvXvpv5dw7O+8TtN3FGAtv3wLzVMca0pEu6EqQQhaqY1NNCW
HIutm66rj6Sjxl0Zf0G0QoUzU9qPVfcypCtex9Fzf+r/2L+HzwBeabief8m/dI14EkmTD74bywP0
vyLK2wFPvjLfiDnmzlrspTv7MJ+nTX7KdznV5WawVsMlpcwg0aMwdrgd1H5THVvyUy/xlqRX8KDG
H0HE5TrGCrvG6XmWewZ+HC9yG16yj8JPdhDBml8digzGms/yiNkhG1bcFFdnJy+OcxS78W//17nw
qlTCdf6MCvhc/Hafw2t7RqlH/pUfv9YnaCTMz+Urzrip+Fbn20SUMvEsGMgSv0CVUnvjb9vZVawp
8D2AqcFdmJPVPMao+wmZ0CD8TOI4awaP8yjNEFE0McoEuR6HMFOP488nVNGe+7xVyBkCzQdRDxnk
8tmfDz9f9/NfP3/NHkIO8jRtOJQ79eiOMS71n0+X9lwdgumWhe1+yJPo3mCuDs1R3yzkqDjinGll
Q9KwqDW0JDxelY54L68sdZOArSPYa22byTWMRt7YedOv80qNN8gY7rEbIRNx+NlcEFrEJAkP2qG5
n23hkr8o8XqkVUp6SpozPwKQBa/TizUcn6Fit14wiS0yBgQNtWAY5ZrMOUmU2uJ6+FBJitrKrhme
1By6el5kHsJFjm6XgrtlsbWRQTLSCddPDTSVTRlAVCZMmLK62oSsau2sDhe7p7bRXLveDlnN0FwL
CKGJx+g1xviMu5icGhtTbkj0c68HtSdNiJOy4CosZdk+JNWRo0cbF9bOqh6hAGWjQbvWDEej416v
0plBCpm7uK7uSiDndS/U4Bw1+gfOMsABnA9JR2Yk/imikpTkQazFwals4H+co5E89rrYqHNGnqGk
Qh7K4J7FWJ70tDm0GqEEyClWVsL518ymR0LZELLMB6rkp+GR/vrWkh250YC7YB/HaDXFqJbciaIi
bw0f081LlNvROkEyGSE1b+zwROrxu5UWGtAo/Nx5a92C5CvraqQXrvoXLxFtWQ81pp8SkANBzP2r
7JLOyD4Mh2YFPC9Jxk6FiHpuYZIFKMfDew6a6z3v3hsFdsko2o9iSVlQoeQnwbM0vyGqk9aF66mP
kNcMkvhLPBHfskBwA9hqpSgBk5OCnyGf4KSNxnbAuErrO7+xje9R4eK+ljig5oAoqJpuyAnhig59
tA+Y5clufpG24ew7zOVr0oiZfVsDG4YQCfvyj2ka3SlYVc0ln2ocQanXs7u1otYzAIavY+SUqybS
9qJiPB3r7m5OjRJ/KKwvojG7+W2QyltfRBeLO7R3FzFsX761Lc3Yz9/NE/NbOH6qVhzWA/0787TY
Rgg3Zs41s0gEqCfx3ArjHePVvlvCq9YLq0dIbp1pdl85lSNENiE/gf0bJ+NbSSZVlNMQo/uN13rZ
vhSSHOnC0Km1B/dXTbpRHPwizemQxn13tEsK5ipng4D7zjU+CIR/R4/X0IKywGrjYU0yywlEjRdW
tAxaxAolkbG9jbNsp9Z56D8ik6VSOdHRpZHclWpMMwPWTZP2HQPyq5JANertmnpafKTV8CsZuWmc
IoDayTwob30zbg+1Bi6OPDsEuskLqNPFQcWRkgm65QjOAWCDeYvHaSJrSmv3TiytlVvE1qFXuQDs
8LkbkQfZxI/SlyY4vDFUiztCUK9pcCoq8XMQJV8mjB+mT3YKx6CFG6KnO70hJS+DfbLWe+YWCrG9
PtSSF/JvcEWa9lafJEFbQbcROvu2sKuuACLu8VC/qBJKQG8TIz016ipS24c7NFAoxPCCTYj8Cg0w
RGovwR0Na4ugXWMBZZ0s7HBfETCHJNyr1PKu89Dy6iQsvMYrdkfiiWwu7d6SMqMeydjFcIbnJ1e+
ElIO575IPuzWZX2VBNPFKDCAh84zWszTbDUb0jhSzwHgW5b00iP+xq1J2hhCzEm7VuwBFUEsgOXG
yHJtfY32L1wZ6fiUOISVELr+JTM61zLKX0bMSnHPc6W7eg2iBEg5Xt9LxZihbYO/EekAOuiiCp3n
uplQMVpw+bcADdmlGyNxkhDmMYeNFLJV+yGsY6hWF/Ya+8qWvADa5q87srjPm41oJAV+cSY7jtlM
Hp7Xj9IxkRXKJ4wil7Gqd/1gsWlrsYnndf2nwkc5ia8wzLlOi05ZOfEMuKGBAQKz6SNVPJxBvNvN
6JyVPeBXXHBGSIszfXyhFp7WJtzMGEX3Glwr1ZminQgOi1CpL72qMzxip6DwSOK7qIlEyMx8r0vW
vmMJuKR0n/DC5l7WTVysabVvmtnHq3EIklpgDVLIFBDZY+zbj75KFkIMzAtU+TTL1ER50d9LRSH0
tttOkX7FQw48jAwRTBI8G12zAkAar8gzcBR7JDUPmaMB43Zl5Roa2BQyM4EeLM7IRoGZSFaXm7+U
48D/qhir1UN/zKLwRdjjpiFDJG2IX5ADSnF7GJj+9tqu4TRbWU66ULn0izprrxnhMsBeUsTO2cE0
i/lrxlWnEivhJ0K95w41aNZWRIyjPOys9mnUmeAGg30H00MtDhWHuehON5p043QZfRO71tCgrept
k1zGykulTl51tdd1ICgVgz49A2QRq4WvZ9Wxd+Inhd//NWZ4npbpO/zjiJs4olrkIlMLYPUFyVq+
0YujcKGGa3rOCDmBppmij/WiisYeih0NZgCKJ8Zn5yeAvbs5xl8QJrEXFH1/TfFe9wkQblJ1ifvQ
3A0JkyrJN2T9TAyAYJDSGlrTl5FiPBjGPFuXVerPAg1d6fhG0iJWVMApRF0KDLS0NtY8bgYUGxv8
o0ADNCB+guffCmZPj+jLVEQssFeU24TC3jcrA2W0U9Cy40qTpQ1tY9C+B9kzxs0gLzz3GAtQnlpr
OSW0Dk13bjQyybo+2s4GdHanfWpyh7lmW/tB5xC8HTODqE1Mkly51dz5YC8vKQ/ROg7sUwWaf4MV
L05YWmVZ/CRJuVzJxnzTxsoE15B/pIF4Gepo2pnW4qd232wBnkPrR8ACAwk/bpP7fWi9G4DE102i
bEwVypEBY3cF5N7j6R68UtXeoRlD5rSYCTjLzNrUssesKMeomp9IsjWodA3T2IJQpwIwhmenAN4S
OuqfLu/qswEflzk+yjzEZx4OmQcElDKzf1laLDZNYcHsn76TMow89ILOKuARKg1j243M11SFii0m
MnNtNdNajryrbYkBQXKzWbwkcJIQQjk21ib11DyVa60n7KDQ1JdAdOGp72gUDNQRZdD16yyJn9I8
6TwWNKAmHVRBklV22iOBQMCJ63wzstGYBuYakHzOAC9RYKjV2RbjtOrce0Bq07qd5hnTRX/tdU9x
iJbRok7fgSsxDk0+GIef//ovfxwzvE5RSeMqyWtjM7RVdWlim4v++eHn/zk1IcKxCD//MxlW9rwD
OLDUbV5RteFL+hAdyOjGKsjVxg8GJkXb9EIRK7G4X82oZ8IXLT5ycmpWC/uK5Dhli6iKmWZG57Zk
5va46HyDqZO5xAGkEvH/z4duqu5KTkLLvCQENMkEekUzS/ugRWQH/HwoCvQn7YcLgPVA/NW/P8TI
C4zZlH7SWCCLlw8/QbymxJlmm+KRDyCi1rpZ3LBbaLu+M9NTJlNj97Pt/v8iwf9VJIi27x/CgP8e
47ZI+v7P+qsuM+wS/+TVafrPX/0PlaD5LwMlIMUx2DpNs0zIc/9WCjrGv3RtkQ8KFSWBY+j/qRSE
V2eSvAg71RG6xl/7B69O/xdfShamhsRQqC7qhP+S5vY/pbvpqrYo1f6ZlugiZtB1l1g3TD5Ctxct
4T/SEu0UB16dNQkYdOy5FvMr0wEigxd5W1Rad090O7qHyXAocjXbiZZ4X70S+qPocE2kGFQOJndM
OhTWo1Kku50brfDiWSlOw0TNMMyGeeuDlRMyZSG7wwvDInkqlRpjTjzkp6arqje9PrtozNJYzJ9B
hwaRW0ySF1JUR8xWrCiSZuLQVe27dGdmR2aA7AfBXBrCmQPppj8cwPVeq6na0Sxj90igMThmCdVG
i6TpVSPThXJqxt+tq5wjh6sJVEZ2NAor289jkO96Aj7fRV1vgiYeP2K4XmDjzW1VU8UluVW+AQdd
qC12z01MAAVBEy9YzejeFUJBu3ZuX7hwOtzCLR44p7JWllCjl4I2Cu7ALsvn/NiM5WWa71MQGX7v
yC/XdgvqzXQHECTz8th0Tok1R7u6U7xhye1o1Yuux29uFY2g8RjBziCG3PzUO+l0bALio3iwXkXL
AKqydD9x5+fSynXsVoxdLcv4qwzOtiz550QzN5t0lkjasnHAp7ApyOPYF/Pw6Og4mUtAHNWIUzVy
rxBq4ylGU+6gfSZN576KY3IXMK9uYcfgEu6al48Zyy143wzmu3Lv7lIqBa8ZGpaDiy+UcM0bqYGP
ou7VS94lI2VZFu2Ywc6adVK4+mjuJXsklGhtLfI9lGCN/jl2V51RJ6/c2Rsjnoub4jBPNohO21fG
H95HGJOT3NjTLLCRdOlqg1J/XqBOuCGa7ehEzdXRco2JSoBapeppSUxt3FVay0XNk+O1brQzxLSU
9qL2s1EqyP1SUlXzKUMNTshym3JFwOGLjuqgfJeN+FUpYtpPodTvQjkQJar72FndE/F5hLXzTddZ
EJOLK6zwoGvsJei6sk2vx4qnBAnOKMshHpG29qZXrKrcHtZJoLOD0QXbguWDPbdHOv94HxVddRQp
tV6KmNQlaSUPcCrY7oOkT+3sxCMiPt3MN01mpFzmyVMaV17MK4sYDiQzQzIx6QuSJRJ4bUnHuo86
k3A1YvdoNTLGcs1khB+D3HaBcCkk4YRFwjTekpANQ67YXEA9NjoDJYNSksUXwQnYtOX0WkwYivAD
ZnDnMNslOEmtnLs/CZJF36VDbJis3rMZ/6kVTtznYSy641hHv8i8yPxaorg3rZZlXZJtSlE7cExA
7ZI6tZ/mxxC3Rykr+2aLvGANvvz6hLCxOynr/QgvYNMaDg3V8mKtApJuIbkYGwQSDGX61DnGQ/om
IqO+uaX2ZIXpIQ7QbGqh8xopQXnMhmhD+5Gueiss3/OS+WfdIEvgBD7z3nkz25ApJx2vp2bzfR7h
7UHn5sUdJ8ciqCJPV/RoGxVltjHhc+86Bm+kE7KJ6wQbKzFlzibIUt5oBsdEXVZsh7NRu+jAVs4J
kdpJXXwahmS74pTJQch1M74oLgpEI+7OpZaoKH1rh0zJBA693h4iJ6bzRd1bjEV1tZmWAAIT62YY
+4OY3XfHxao2FzZWVTP/UPHDlZYReNJRyo84YX3FtqzDTnsO87a4WMC7HlWM5z+zq+hkTwiNsGyj
BQClyh7XpHdS8u7a2rV2x9V11WRbXB0aF+gQYOJKml8ntPqLpCXKHWn/YjS0laXph1XyGg7hvHXy
ytnCTuuTxKd4NledmsZ+T1rQpsltdwtiKd7FES1brCnJPqlgRyXlgOBIu5aZ6YGW63DzWuxNs7rc
cg+VJ6vW78XUvYmJk1/9K+yI1pxX/5ZADXFpXETlBY7EVUiTuAtdIo2Q/xDb2hvBAeDE2pD2VxgH
7qseTMHFqEmtTPUBJngwLKOslg1UPp6sXEGBIEzXswiZzilQb7BMys/EHIyrrSsvk9CPeW11L6W9
bbTAYGvEOlZTYWaJtvtOYrdjWoC0JG3K6GQWkstDzPE+T43pKB32trH6FMajcnSCaEO4EBTG6XfV
4+KONOclUZT33O6OcIMSQF9WdEi1AdQLSpa1ZvLQ5rnNTTsvvOsI7NPU8wfcRbMoPieLr+zJtfa6
WroI8QpCo8IJ6z0M/b3LK37TBm59dxVfN/Q/sBvB1ISSEbIIb7FDDEoHpYSdaIp2a4ofo0jlDsba
rigS5ZxH6L1HWM1q5fZHgxZrH8viPYhMuR4wG+JwZYndO3O+G2clYfNYdZ5VJ2yLGfYxUi2f6XIB
kzf5iNijZH2jo2FQyTa1a7tdm70pGNewpykZQ+4ckBhbm6GkDwVm2DgRTv16KkJyklyWyKX1qamM
c3tLexnUcjzEiXqb4zwEtGWZD4PXEO5izyrV/tAGKiZoUzN33NTVRstY/w1S+yYo8SvvUvV1AoDZ
F+7rlA0PCqOvmYB5msnGxdTYvIS9G1WALrrmNEsF1przFRnTcCiV4b1qqNMxMFtYJNeNW6VnzVCP
/+8isdlPRA7SCEhniIZlLfZ1w53Yda1GDQDQAChqtY2MJr+5WYb6XvvSpDBJbhWqTxaBjv1dj71E
clNH4AFWRlM4+7rt0JeQV/BM2CZbcYdrvdNqfZUTJrLP9IZINU1PsH2F8FvT6SCCjFgb5jhFMPy2
skcGMeUo8cDtWpXhbS1T9ZGSc2O3vXvUZcnYCIROY0JLtRm1dIZ4tO1lbCrWPGp8qKeSPNK0JRAM
B2o/0rWrwLDQaFTNvXGDo8sBdCpBaayjNCd7q26sE+PcgyUFw7wqt7H6Zn/lLKkKlCJad8Nd5ryy
q7AZH6HonlrSBp5rlrBZy24VvRr+9TbcKTbL6Dz5zHSUE047/QETR+aXG7TbCJ1LFDvJeZwBxLdN
XfHzpGEB3q/sVr2TBSTJsOJNw/xzMCzH00ivqQY2RVaqiQtjWYi5VY3oYBqFxzMNszX8cDDMcDSW
mFv1Vgn9YUaLNbPx7Uunu/ZWR/GYkAQ/SXUfDIgKm9o0NoaDlL/utehkmeXfrh4DUopVj/k3RmeS
nfxmcOqbrihvcIKIKZJPra2UT8uKkDIiFVhxyelNctLAhESaMqRd8d5L2naONmW+qWb6204oOwwN
gKRR2WeHupCBBQO/aEbEamPENh9KZAxXIzAY30YdPua9cPBZCDVp7gvtYQRpfHQyxvl0MCfEBi39
65GZ1rdu6tGpDZi8FeHMpWDHOvttqG8JaS3HVq02XUzgcqFWgBLrpL0RCzwi31viersbNStrRB5F
JMYjiAQjzPaRzuBHKNHEjj1Uvcy2XnOYJislnQUzIgK4NDs1GbsKHMBmxnYIs7dB7gmjm+nFaLp4
p2vBs63U8b6VIt6BgrkC2KUgqGe/qEhYmFve86g3MZAqzyANtcCp3/Et8x02VZ/Ia4WQRw8HaLux
9FMo3ETZ70VqBBtXncTBRHy6VNgyYRFHITNv6hpJZ2D1BNYZ1WuEoj7tzMp3+py7s5ofKUNxEUfT
uYxrmKfjeCtD7M56rPrNaOiE97mgvuD66vT8qAPKZts3qWADXfwpFm1vQLjtKS0mLLXTIgBqbeIY
HAac5PLNO7ourPIKXBkZEW/bODMD0uVGadL+La8Tw/8phvh5V1WJL71vq6cm7kj0DTrtOofLpHF2
T3bKzqPLACLVWvVkj6yUYzVOPMkiPM2N5MznDxm4dGDFkMeVlOg+9MQ10l70EAUbU4SSFGWDPYyn
JApLHhINzV2buEcx5J9JiZemVorsJLtE+n0h0D8rcXoyBxDT9ERb154qhnOSiG4yxffdmDDz7pFm
yZB/aszMp1rHYGTBD9gKbsstKQ1bYA7l8NDdSb3UNt3T8klCKiN+rGo159W0K6D1ja6ZP4D1897l
OAbO1folOeTrCW4qYNrEXXT0MyWGBCU7u76iU/h2MTW1UutrJ84xUeW8KqVixDsIiHu7RdgHu3fN
d242qui3zuQU27L7BFvFy44+YGWZ5Gwa47ftkJVIPA6o6Db9jUWAN6Re4d9HTgz1Ac1KYaASDRvU
BsNcxzvo8ItoAvaFVPJD5va+RqLjOm5aJF6VimiglFGwZ6zOSyBCtZCFyXuSOqSGN07GFcsxwFO3
bbLXxJLztZk1JBuzU/utTNfgjzEAlcOwt2qcJpoWXtwBFKFaFe9uTQVckioRUjButJGzPgDgdDTG
8SkXFjSbFqBFFqD5NyhX2pGGRWSVvSeC43lu0mkdp8AmTNtiy+2OaPGfKqvp1lo1c4qmXc4FbqE6
t4Ia1ZjS48ea8A5J9RK0drYG1QT8ZXlZ1pDy1IEYxjxNz9VUvcURMkfIvh2rLT0+VsX00eTQiXoD
9k5SBpbnNCNAtTngCY3T9w5i/6p3rXiTdmCkesc6m5qCEGJAQSmx1HoZC9yDMaZHmNLSV6X5RyX3
i2w9gtfBrKBNJKENVmowcK828NP7MuVJ2vw03LEzYQdr86dpSnnEe/W7pH7Z9kmUbKOw/z2ZFU83
kSess51TS/O5jhqDXy4nOK6zYvckBt5qcY7PaJiIXqylLTZVWrDlYxi6YUGke5PmQLesHTYgVbFn
JRptYlvY+7TCmpCCVknVuDwDhDtYNtWKEQeIFAFKRrB2f8f6iNFCllttCMGSB229t3Yu8IuFCom2
gHPbCwz5ZZnT72XBQt+5n5vRPVc98rWyKNyzDBS/GsmmrsdE33S2Pj5UbbR4DqfhOFUNbXnLIVwB
TSi0OTiTR/JJ58oXwCs9zE775tgIZCrNbG91eSviYcct3l4D7qOdwShnI5HqRwytdiBS4BC7p3lA
Wt1CTFwRJ515ok7VjQhHdxM3818nwTYwyhHFALyIIpmcU6Yp6rMVWvopduZsF9tAzoExs9RWi0cU
1L5uau01yxxSUVoIgJZDSp6TN35dXMZSM04aQVKEjwUNU+1CYRliN+CQJqLlIEViqwDjvYMLjSfP
wNaWMl5Gb13gj2grT3FHDIJR8BqRkdiJKvXCxO02qk61UxZAP935NLv5LkZtgd5LaXedm4Hkz0gO
YKOGhmty6rWla2xTlytwrDVxCtzkxarbkeA87jlYAfNU39ANTMc8Q4ueBM2zReRNo2Odi1xzGYzv
ltS3WzuKR5Vh1kzc13Sk6BKWY/kwcUpqIoCFbqTi+ElS+VbC/1YDgM1djPU1MAlcawbOl1rr9ySB
HnLIzL4yO3c1b9Rb6Xz2DSsVMZS3SiXsqmndbTnn5kbhOvBVHZtGZxzxsyj7qYB4lGvW6KUVQyrb
APaO9cOfVOKpqggV2fCetUrzCr6IgUHxq1WU+MnI4vcg6fMjQJrPnxsrAQsVNPgmVFUWXjkrLz2D
GGhCiIZTzhe91s8pFLVVBE8HsKfUfI4VSnaWvW32GumoQyYb1C+2EnjwKNJCBEtEnV8H0lpIJgvC
HfnoResNAs++VTZ7x1XV53lKsUUkbCVYdi539UVbfluSnARdsxH7bjK0JPja0odFbI/Ue+GgTvsh
aFnA4J2GEIN9LVXDb2u2Efdk1l7oCh4ZSkBteuRmhzJLKTdOmzA70uErOmPGbMooj2aRfCdGLc5m
ZG7NPJIrgxGvn6gIgN1RY4jRCJQOGFdgBEi2IY3FYjiQu3yJzmjiOT3Go16gqHARHY7SPhdlqUBk
7p5KlnusR1Lh93m9N0me2/XREhmfJiBqgAifs8HUdlW2KPUmEp9wIRm/lrwrafiVOTTvauPCIWeq
SYbefDVIftxnSUCJj9DUKRX3LMo/ztiCd5PkRTWts4mE+xEpPFoO85k1xV6IXnuub02uPsScsvbu
6GaobIab/HTgLHqDXkvCeuHTBkF5ynPFfERRtEka8Rb1rf4ZKqgfle4Y6yYcMlKAwS+Fx8QhKS9y
h6vVIFRVtXpnJKyVsphznltc2eDnZhiTizsSqGhVxXZ/GdTeT7Jh4a076VPRyZ0LpohTs0JgE/Ca
LZdhrT40DzOuGWY6MDQweNnbOUGrXxoFh4UoXpv0PloT2x3T+q3p0XDoFbu4GkbJNHJ4jsPUvhqD
HzJDP7ncy5o6YM9qxnzdWMiEfwISZgsTVJ8TH5k7TrBjcM4Uq7D5R5KsO4yAfdbhgFIGpqiyj0nI
gm45hV5BKOe66odgpbXgjMyqR8y2TCz6uUOOOtj5TokxPTDQb7d9qOT44OrUq+ISjwZv9blkVm7n
0a1UpkcJ0HWdWcalG7v+laRQEIpBfRkM53dvso1PE9XF88SEYGQ24Rg3tALTWlUVdxk5Jx6ZYL7S
iRDzQCCfIrOFiCuK8xCmb01G28txiZ+JOcOd+ci6HMt0OyzUHgA2krE+4haECXuSMDcKC4LDpE5E
kUAeWIF83TmD9qExNSeSwtqS+xm/WTZWnLR+lWQ19TOukRm+ey/Et8VWmZEl4w8npHKORte3rVQe
ykoiEBoobJsiuyMyeLLm1t5RfY1+NhGnPPahH8LW37sR8V4R4NsTshBCykoWzoHU8HorGpv5Tj2Y
CL2YBdco+Puk3isQqx27oD7irgDPSxwLIWF9heVhqNij95N6G3M99xyl+HIUDR5PSm4FTGxuHPDm
CkfyT0JyO9rTPquRhWbcR+x51zK0lxBp+2IL2Rz6ek1wF1r9hLFxmj0I7F3pqTse1OUDBnz4Ok2e
Yse0Ebe1sfkkGKF4bRB8KnJUtkbJMUmGOrqpCqRjzcRV4Yt+0MVOF+2n3BHrWiKtbnpxXdax3rCw
3u3GQAXaYSuFLFnuzUUj1XJ92Q0WdDAt2ipOXCp/qwMtSFU9Ro5nJu7E2Cje/jDQfwLNR+BTDg8b
s1siZe06utFWbGrg4zs9Ny4idE1PJNal6XBTDLO8G4G25PIukJQ8LLc/P+cPY1MF97vVs5ZAblDj
ilu+2F2Jm5Kt5gjYN0Mjt6ek5nAtNYI0YnNJBtSj9e+WQ/vABpuQ5mkedvmU+lLOzeHnQ0i5DnZa
+JNkODgM6DXzcNtXbeCZffpW1tkfwtAR3TXhKV+2qsVCw9fN7Nsuu3nbhehKGDTbzGmKlogErCTp
ZO+GUf4eSZFsWByVSnpKavdjDt5/Uqy1mWRKDJsrU0HMby8fQqBWqzCa0MYXxL8KxcHH8X/ZO4/t
uJV0Sz8R7goEAm6a3pDMZNKJnGBJogTvTQB4+vuBVX3rtKq6qnveEy5J55ASk8iI3+z97Xzs/5La
zsi3Q5g1817xp+GkbODX7NXvYNw3p2nEB1VGYAAiQupDmT5BrDbXlHvodqZlL6FYN8O9DQsgi1k4
0BGaJj/pIr0VxKqunLiwN20M34x1NNNBmF+LsHHO87vJG609pa41hjy8E4tsdAKjBCERkwS+Mwr/
R1hnn6Wa913lPs9J9osM4R1iqJDlDYsMbkmHZ+X4FXZtWkgNZCReA+EOJ6nwr0zD9GFHDCkrf0MV
mO3b0bi240IYRxqN4dlkcJMbp0kgog5C8hzriR9EXbwIC51lL3B/xgTynrzxypPLFUiS+1fCOu6/
fAeu/lxqrBxmUs175hM8PGH4OqhBvpRzh74sdQ82h8DRrd1FjVcGGCGmFz8DBPa1I5nbsjlbxfJ3
PdyZ8SQeDNCM717ZkZ1D9WFjZTxVpv0cGaPcCcO1TqKYXqUena2IARmMWMNZY4T71NCc2X2ovk2O
jOgeT6EZoPZa0tWZWGH7r1if0Ms4HllDOJbaHHm8aY/5ti9DhNPM6RcUv14+TG1Fgtay2v96LuUI
Wpo548pQzouKh/tmcp9z/9PuXps4uhkTkJG5r7+7oGuZXGBvKQrn4uXCBleW/h7FtFF+B26CQGTs
fQJxnfKOjIWNVdt2DqjuoGOvo6xDVbjyZPDJkSyWgSM/Y6fo3OUyXgM7pij6Cl5QzBB3DkRp5ydl
iu9YWyzw5iY21J3O1I2J4zpbENeG8r97svoQMcqJojgPKQWw8zS21zkcP5SPrtdwKxocPXwziuqt
/elFD0T49Ihd70SbkDXQL021fGlE+6TIHDc0Y5lpuFVev0EFsYm4EkD2RjzdqA1NOAh17r+kTbQN
DO+F7Ivh5EbmVltJerCXTPgxqPRBz8Y6Hx/CuraObDf6E7GNvMROgX+i7dkI9VS8MxOyut5HBRNt
lsxrp8P84d3pjnawNhGT21P56KUEbkg2STA4Ze5vaFjFCjh+NOOi1eR3M30Pb6msmUYU5Fvlbfqg
jJWcucKn+Clk/ET5gqTE59oJLQ2sEIEgdFTyP7544y7CIDIBcGX342eyoMqKQxV1G69pGBkYBd99
hJ9qsvJjM6tD1OBTC2mITLJtD9aUrXsEKwdzOXu+eL8iUfgoqpEpmjQOLoYmot53TuIXh0Fzb1c1
7k2etc88MtqtDGdq5lxqmnxGX8wH1oaT0FT6/n3suN8oiDELB/UFpVN56isPTfdom4ewCcU+NuHG
Z8SPsJmgxUi8GLxuyHsjEMmZHUq4bUvkusOi7vGrOt/Nk7gbApzu1JPM8HqxDy3g2EuyQ15TVo8u
AltnHN9yE0MOxNrXavm0ICRuwqv56bTGIxUCwtwsuAjOn6/r7uvDV9KJimGaJ7aHMS1C9x/x/QXY
OBsEVCcSXJ9q2+aIDfCeoo0DQK3CLWcdfGUQSSzohlPJhnr519YBr3sULu6hIr+gWiA2K6DoK3s8
MYIv4Yd4pvtL1c3p3kl5o6clCB+N4zRmj9YtsIMCwjT4UcHbjV/p7PtAVBmCvFFChDW+scDEb1nk
ryNekGzt8MJWFZrPicK3opxhPOsFa1mAv0FjXAFSTnL3xn2lccrWN78kpIGmdD59cZyFacZMztx7
fzRHRIDDm3RxdIYOTk50WWsyNvkWpERt5ls//KU6sbe+xfFsFSzVIF8AAAq8U1qa3gmoKBlTJNcr
aVr73tSvts2dsfArwASkzON95F9NpgAMVfD6MzjNCEKxQ2Z+wNWVEZhBKKl/ykz5u1agNW3mmONs
7b/ubQZY/dFov1vCeAa6eYmWJ8WzgnMYOofaVLcWHQ4eaRfreZeSoccZsHaH6dK3pPgEyW4k1Kde
0n2UVb9OQxLyeDcPaTeeLSZCZ4LDtpPVQEVvIEgkVcBR7Ix3/CQ7hAD6ORz0hcr2kW7N23hL2lC+
5A4pAohskwOCXnnjC4V/cQkp4p1U96QWBcQXaWKMurdUkGk0L+lGxZJz5CyJR0r8anVN9VSiPeSk
C/bxwDBP4/xqaAFXqdc2FyaiTRDTsrTeIZCwUv2MoCHdj3ui0zkFl8Gc5S5u0+c6MfBqRxH2JbLn
04wxBrG7kNdPZmVyMppoAftGB9sW+WzSud6K4W1+LXM8a4Zj7BurDvZ22maH0IwJ4kkmtZaGsSMs
VRyF1+6KsGVckHvvcealR2FSxLjTZWAlcm5ij2kCips+1pcuRARAYZI1/fcgKX4Q2LYIZSfkwmbf
btBvWCtN6BXRNh9GQjAVWViiQtQvkh/FkpJFfjNqgSU5a1wytGjYW5iXaPaLLILzeSuJuaHjMbkl
V4kvBiiipL9xPxYbPx0NLgPyuqicX32tpoPZfwoCvVpTBkerQgsDGL3wTfuaJLx4nZs2ezMHEhTW
ybPLwvbQEnWSDoF50jauKhy8kQqPNr3kunGwivjl76YMwA7hQapQdcoW8D1GYFAQ64QK8qBVobBV
2r/8qoWE38KsWiikQR6c4yiBFDSP3nqIq6NFuNaWbyDcCYcBmbJTCCukpLEAxcblu8VKjWSoBYSp
8RDgMmUgFC05a/0iDIBCZS+b+cDPL7HOwoPsbmJAumNgZ58IbWtj0tuWqTNhbqQt4oYg3s1BwLgR
/EYvwW9LAlwGr2I1BD2jRtGAXYfQwnN/9G1HsyGCVhFA6mXS9NRA6TgiwZrWKBnahz4ZrqFLiCYg
gNw3Pxnf21evd3NaqfsOXOhmCCtjr2PGdX3L0D3LLiYNtp07zqYlO4MDKjl4JQJaWmnsK8cqE5/B
kpMXWiTmxT4+NZZfFeHixT5gMMRpRZVCzh6YDg+XduC7w9adp/M4kiuniIYxGrTbo0K1ZSlkY5L8
vnJJ8rM9Mv0g13RgbNxfw/28HWPmf00eALVRylyXTsKyfN7gtmeBtgsS9SGbZ8slFhXkcLuJx0Qt
+yuUP6g/tqJ1MBgy5Crxg2DneURc4e2AbTQslJEw5N4hhRHN1AHqAUmG/pJpyFaGNh6C7dCRdygh
NRhLAuIolm4NhU4Z7xM3C8+OKL+5o7PJnd4H8IWxHbUnNXVE1yFx61ocGsaXAyPNf/iaGERU6qAI
KqTX9TTdySJQqPKXuLNIfnrMg2txNmAQbcMofc4qkh4nVMNWbdDfDTghaoMimWvORTKDHAyTAox0
dN89puT6RpfHJU129rrCO2JCF8vifjqqDB1QA6rGBqMX5bpYx3P+mDMo2Fjx8AMx9RMOpWHNmH9T
VckxuDielTM0ZW3E3HFNVMJRNAiR1dicylZunUmkh64vfJQycpcEmu0hFIZMWe1uTHntUNje0Cj7
64ino0rtE4vRbF0H1T5RhrkPUMHbowBXJOG1hC6G67A1f7L6JW6sci34DnnBRn28iiTJN+ONDqc5
2fG8RmMSE906f9RLQmi5ZIVmhIY65X1I7Cj7G/Uj0xb4Fg2ApY95n+fl8I74B/PskkKaEEfKItjY
Z02OyZmk0swbb00x9lR64Ora5atoRyi06hWjNlROHapsRkHHxDKqRycvrknW+Sf2N85GBdPvkkzt
g1UAZsQks1pC1Cgc2w00dC7etFQ7GUaXVEMKCDoFP0A+Ec4IktozV5YaSJziaa3qSoPDISvJYW+x
CcH+NQxSMEjl29AI3xv5WHTF/FIRNMkTpTSltZYSP14Cb711uYtsgpUOk6uJNYFVgG7M2rATH7f5
vDADnG/EqBE51/YIXcanEBfWTtgSF/2SVysIrs371mULT5atTahts6TbCpE894755rE+wt3DfAWZ
qGeWBHiTZYAOcYdEgzad5wMRmdU+WpEXnVlT3WuEhyuk0zFJXebZc4K3yIee2IOUT5ZUI2dJ1Mtt
LGlM8bvWQRiz5Pcm1P8zgb7zkuybLxm/OJzIYhDDta6yS+COULRMHhtPNQHivtogzC8+5Y2OHppq
ek8eCJ/8aWW8XaeqeKm6mi3v4H/EiuThyCeLOMomZHD4PTk2z+QcAQEcOt4TqMFg1NO8AQHA0FOf
O1bxseRextAIo26OXwMb0AVuHWy9MO0dYXcnXSzvxJEamrMPjkscMkWqRT9058p58Vy3O5JLV53c
pbr++vC335K+C4xQwQOMCaAw8N0x5CAE44vD/EU2/vrwhTP+x2//L/4sT9g7dzSes58BrPMY3JK1
XuAAgUctRvpM4iIBATTYwxeQZQkdtG/gTjSpPiVJB9h2+VX0P7/6+u2/+rOv/+Ufn/Gv/helRpqF
2AaGqYjtsOJarpK2iS4RHtEF5TyuRdmhzJsC6HuwYMh4TIiGbF6UVp9hHzbkOcZ6GzipuyIT8Vx4
EdMRYiJ2CjkycQTqUw3ITMm5AJ+1RUNUnXAeMBCcWLv2HdNCPSR3PHl7jlhJVhQ1Se9H40XjDelI
P9oU9gQZSXZsKhlz2KxqV6qPzyH/fYrQHaNjWffzgWFb8PFhpqZ/r7LfnJnjuhQcc3072VsSeve2
Askhze9hYpHhG7ThptBMkcyEU3LBI9ATMnw3T2Ug3z2OjmNAvPJofVQyuE7gn/YuLfyyxDZ6/UNW
0HQCwpnNjiWoQw4fedcTL8+FcBCLmSHBecOAokg63gqHKwVyYLz2+W/R+vmTNt87c/rFcDXazCJ4
CesOXxcsM6vtqlOZpuABMHWBFpUK49c+JW1gF2g6ez2Wn/OU3FO7cA2K9hU9NHNpEPxEm2QPlAt4
CBFekoZOsInZ3/KABDzjhorI2vBNvejG2dOlY2Y3BcZJGf9sGVCsEoJtcXcP+UE23nNhRGAWtJ42
pCF0a/rlizXn716vn8acwkEs8XI69xcjkmLYEoZnYlItkoWJU7MWf8iwhHup0nvOCIOk5qWjG3P4
MoyLxo07TrDdmuYhW9J5ah/kRtA7msXwJ+bxgHU7X7BsLQh0Y8Ig6zFkAlu7XXMux4tkV417edsT
78JFs4lzGFFT6RfbaMwf56l/inwoWoLIwU0DLYw0SmweTg702ptI4mrtQh0T1i2kRF5r7Wf7L+8I
4+ZDkecTycLwMXwSlQDfZefJL4Hy5/qgBACMAd8V+4OOSIkGrYRf8lqYYS7Pyp3faBRXc+cTX+vr
iFyy5lRVKZrvEbbN8v2bzcVyXEYoo3hgW36S8+TQeedvbppe7XEh6aJ7i15VgArIE6DUiQtK0OHb
tz6h3iE5+vvXF/LtO8tZrCuakXOEW7NjZjBEjXNAtwGHY2YWCysyRM3nBafOkPuc4NtDHQ3DYSB2
xbLFxNJKslUnWysGC5o9JEVyKvOev5cUMjFBswFbbNjBya0NHhzqYTSudP+pv6PIe8eZdekVEC2i
sAYSdijfsnRcJfG9Z5tv3WgXa8sHnFmZd1bi7LvMfZ+L7NsIMekQj+XB1cG7FUQBW+ykfxosnPCz
iE59lNPVsDJTlkLyDCmUTPBvZk2+imslDPfjCa8uJtUqZR41wJPfBknAD1ZE4qm061+CdKsmSpNb
j5BhJcCiJDrb61TFtyJis9XP2avruf69kVGv0z4A9Sc2cLK95II9+SAMEC5GqaL7pCNGB0uw2Ps5
Uxet7srRNw593LBxbHxGQjWQxza6mPBQjvZ3R8KiwaJYLAbK2r2NjHJCNo4EOhPUMUWP2dJFaRci
lJzRLXhsHtg7JuQl62ePoKJV1ifuul22DmXl/0hwH6Dm6outuUTeyuXx62xG9X7Lyw67ELZl25Pt
DCU9TJluCSrSdUCdsQ+K9iEKHfZWVfKWVJW18nVSbL4A7rNLkBX3NjDVQhPfaJvOYtRFBwzMQDMK
32aYV9bz5Pu0NHbI8c8tGw36fVgCW60lzOjrg19hbdWSuUEVN/eFOQx7k02EZyEKymoSYQlvDDop
WCNUj4NpH7sw1KevD32FQMVePF+DF7yO6eis8B1UK9eOyWgcxs9clC7cF6TOWOHPlExlutwgwNKU
DJ8L0pvhaqAoGBhYn5xe9Ce1fJjLgREhJjfO/Lg4mTJ+nUnJYo+A1zZxJLxa0E5z3nzKOC0YrvI5
KABorJYzzRHyt+953VrH6lU1GOd5NLDZWew8h+beQ9/0XlVs8CqEZkUwvjXLBrvEsLoROv1ELhUd
B68SF9I9cIn2imFgbBAutMnnIL4iMiaZ1lCa7iIlsqJ1Wm7NkT2AAKFbeUW/YRwXnWfj98S8nk5C
nZ02di6A/ShAZ7P55cEKWWf2EK6VNrlVrG+6Z1EsBGIsW3vxJVX1HfPzDPRZBoJN9fc5//rGL8pb
4No/xtZ6ClU0vxtlefZdPf7KrRjEr7bnCEgZO+2ZwAk2OBXqZC9psYKXrxIHaTLbejckTPAnLANz
xBLVl1UM4dd/t7TdfE7tmwv3JivENewUkN9WExFSWL8DFzEqBkkDPqOXbINB0hsWCLYsvCgbMwoJ
j4qDX+mM4S/EyR0R77gKy7m4n1wkoo05+0/uIgH3y8b7MPWxq9prJ+ybU8fgoZowPbYefLi8fmFG
xeIqW9wC+bxDGffdTq5qjKPnojEZo8fwyljq887gZHPr5LsEqXG2iX+96zqr31FlV0c7RFSSluUT
2dMYH0SLvrgVtLP1TSMbVb41/PQ6T3OV+M0zOYinhMp2ZRc3Z+q7u8Cct/VkFiccjwFaAYRdU12F
OGBMTFH8HJ3IrY6hxwxWTr98K7srwmRfplr9ljVAygbJN827s4s1L5TfW/al90zzyFHY7xUKiyc8
X/S5eJp+2eHBnA2CgqhwN2449+cwsnHM9Oa1IavqOjasFV3HATlY7qdS1/dDZM3X3umjfSoBeIyM
2+49Rzx2yKWRL7fFPR5PtqsJw9ShER5nem++t3KBjafSPbnLmuLrQ05PeErfdNRV9wVs2fu8iQlZ
qZiu/u23DPL3baemtUWtMqlZX70u+hZNeLxyAoQ5UCXx7gE8Tp/o86COqy2xDItNBH5FGnXrwLBd
zrsxBfYLziQNnO7Yue03151T0HPLa14xuVEpWZZ1arzYvfS3zAGKbRf9Nl1nuSKnV9ZBAz3qjB5S
oZa2WQf3AesmSlagZ1WKyDWbT21kBw8DegAr00RMTOnVe9IEVx5gX4IYLHsEEv6YgTU0ty2JtqBP
ckpiqZglVZhmSg7jg5EX3tYLgFr8xef4LwDItvhnw6CNn1FiG5Qu5sE/wgX6KMjiqouTA7GCmHjm
Vt4PnTjFsvMfebl2PbOpU6oskIDMbbaOmlpucTb/c4EphVIKMXs2xRmKluR1aD0K3CUuOE5j44B8
BXy252A11pX1dyuUleFZLhs3I7ayPThjnJwmSngUA5nz3GV+i/cDJo+VosPHYi0YJIh5yzwpOsgq
eM8KS9+3fp0cZW9dqmAO7//xwcuLlhCf/jk0a/ZaijppQAEHTsOBpdu31bYS5q13oeL8+5dR/cnI
xnfpWSb7LiDSFi+l+t99lzrCEDFL0GGddj+x+pvvfZMAIrBg4WC6cZhwDPG3+Vs1tWh+3MzaMMa3
bqgdbeQgWXmEGWPd2L+2F1fNOzQLGFjwm+MKE9ETb1zMOL37LKbWOKZ+s0JfEl5hvDpEwmbAOh3n
Z2Y27QlxcPQosSEiuYg+siZDUzTO+asZj0Q2lvAqOKLdNfLP4ME1+6M3TjX8I3RqEp+eautjx96Z
+qw1Xz3F/vzfv05LKMaf/lSfUD5bSAebrOv+kbRQWH1QRugCDr0MNmMBVNOB/1/pkm83kROlJKxQ
FEfdeRBIWaNhl/AM7LXVx0fGww9B4Yu7iA2FO2XN4cvAltgdzPDQ9rc5+8b1p13l4cWDizNPL/kY
P4wiH4H1oWU0gvzdIJ/tydDqjIbn339v/L3/8ptz+AYd5MKmWv77X8y3xYSLtRhmZO9Olh2RlzI+
3enSij+iqsUCGZY1byV+EGyv1M6qW7CnRmwADjW5u0qK4CYDPE/S1LbwWLayPyU9Fir6S+PbeuM2
AH9THiv4RnC4GV21l9Bys7/8KrWjB1da3cPUA8AzZNr9BE2EE2sq3pwOZpO3R/wznnDlmg9z2ZId
Gwr3PagI+1Rs44pRvIoueY/B7b5Q3fT7DAfMQbm9vBHmTfpXPyDE1JODRN14Y+rjPGGVSFdkEwIw
pOcgJhTGRc3e5DBlzpGYct455llG18YjrLAOTe+JS++EtBxUeJ1Fd5XvRA80sxwIAV7KJhmDc1sX
b0PrDL8Gll2B6j7KfiI/0kEKKu1bN6BjSN2FgGV36qlilr+v8pHMKRrqjWFiJM1r5HxuPzjf6rG8
mM1s/+JoPTD9DM6OAyrViQlA7IAIPSeByra9aTsP2OxwXBj5AdNlzD3BDDLacW835N1iUdE7QiHb
d2xvCMfbI+9d/Lva7+5kgstFDVxHuqm+Fa4DvR+RAlosdUoiMCqd1YCa6JBiDomEM1N21jajzIiC
0nz/90+h9c8nke2CTnEtXwrhmn++w1jwxIaFJ5e0GMyWAumyxWjz3h3eskFeY5ecThU2zpZhojxn
JvnJUUzaOhJ6On5PAx9Zdo6xkD9ymzmvYne3dwV7cgHNYsinaTP72DuA+xSbflHVzyDs3K7N1/nE
DLJtvK1V+szvg+gdYRuiDaaja5XP96Lj/8w8bR8IGv8Pb77FXv/HwYKaAtebYynyeIT5x8Fi2LUx
99KNwKmVl3jB/siJ6A6HGOGH0O7PeSHJaA2L51L6yOQH0T/T0VwMDf5iatr+2sL16AdXsv2xw3sQ
W4Sldsyh6xnPcjWg/g7zAeXgIoScx+8m7r+VZeAADJPkhTcRQFR2YmnTPjhWdJKlfWAcne6ykby3
xq3thUNu72rIMOy/NjPrrP/wEpjOP//oIRIo23fwezB9NOEM/PX8cQdR4Qiuo8Mgq+EyZaF33zcW
+zL5zXG77nEOnehUh/FPV6HdUHH1pmOgvW447hxXMJDL/eo9Sy/dYD5lU4qKOZfWc+5CGawLGNVc
Ime7boY3P34PkClcBz38qEchDrKe8LkZSrxaibtBkcI7rU3wq0zlpbMC5PussaMyey1YvF3muHkz
wg7saJAmp9Zo+ief/KKgqJ57JkKbOh+rQ9+X16wS+gLqZrwbw+nDE+2AzDTfkeCKOtx2XtspsS+d
VOrCefktU2BTHGnymHZxd0M/ZN3BGniQdW/TGubYQ7Rx3+MqIixb2dtYz9WlZVWz6SZ5/6Ut4cw+
thkt/yBGD3lIPd8q27x5fVWe+7q5WVbn3Y0Iom45zWDlzyiO0Uvu2bWejbLCc9IRp+D1Nm6K2dv3
sCk7UbMq0NDVGUs92mYP3N7pBKEyIeA2A0EqNsWQgMdV5VbenbRbA9ES8pdRZbQeGiLk5Istbup0
hQWsWOs+C65Zbl6YOGT7ZMiabeWhJG6LsNnGtO9bYeb1ZvRcxHemkcIQTAGLxP0BySnyvZi+PJgZ
dttmCHcy0skZTTeoJYOhuR15wdasTblXRKo22SvFFfVfxkTPiDA+tz9skwyJZp6Qcs3Du3Ctdj9H
iFBwRlL79RgcqwKSwpDQNzRz9LvO5BXd5r2JZOuic4ajCoephzBnVdN2XZusBy7n2tZ2nBi4xBOJ
wgC40AK6qC2mWDzjMy8fs2gEPurwmUTNU6vP3itKsRVhUoTr+Ilzl/cTC54qMF7+/YFqSv+fjxZX
usoxPWUqx1d/lMiRaTAYGmDxsk0Fxcfu6EJ0ZAC3qltgz0C7aaJvRZUEm8lsCbxxFcGEkfkxkPwO
PYHBnZHAlSh9f7y2hoyORP6N6zzyn23fiw8NyILd4GrzQArYW1cABaym/N4u7fbSTQbSvXpoV1ZE
+oEfGGvf9koavCsJ7tF1Wfc9UpDirTAlfLoC1W/Act4TMtl7A1i4vBv4vJBxClEfGbeQld47JeKH
wdb9RmOVvrdVztq8NAkR8svvrM2ZVHvlfR9FxJOYPI+xbboPMuvqteXE7S7SQAUnE+t2PnVvuZbu
VROwbeE2W3x6uzw65Ubf/iQg/hiDPUVoeZXyB+OL4WCUbMvLZDdTRDy4VLjcJFofgIegP3GSjeZA
3uqBvyWUDrCmPJgPlhNeuyJBckMLxmpuOsK9sDdfPnjbPVsOY70sqOZDzsQGnrD2X7HR3qdTDZ1C
PRYzmisKb+sU2T52wM6tD9jnQbqHvrVV2LDJzSqsSwo/bkaYdIcOc20aFcUGRq8mQxmjsSadnSIk
0SHxFlHbooRAXI3exX5OcN6cZhco+RCgxUzSkqg2D2hcjB5kBluxVSFmPFSSSZjkP/0UYYCfSOB3
gTxL0rP/FqTz/zE//xnzs/Rd/5P/83/A/Gy+p2X3J+Rn+cS/Q358cD0OOB5XmsqyyQXiPPg75McU
6r+EcjxfSNsj309ww/6vOED/v4QQYEYUkzxhC5dToiU3+m9JgQitgPHwaTSHdAb/L5Af07UIOPxL
raNIYlKWiwGJf6HNmWT9UeuQb4dUZXTlHWE2mahOXx8Q4VtUXRYILuHKvVykkkblwH77Enz+4/df
f9gJmMsDOtFNi5j4NDVIaNd2cxpyZR7RLhIWlzXLGacna2WrfgQzXyIkWrkmiR5NuqxzIgPBFpPQ
rw9ae4BfYmvwj4ylvhaVYUMZf/iKcv36vS2DszXW0b6HdnisaflRU94K8khwP+avGZamaLJuIszE
oRgAIJozcrUYqQHz3QCQHVrJTZGwGcet/9KG83NOUs+d1vnR0BIu4CKRntJql8AEYmaF9DVU3qOG
+qGCCE3hDNYk5Sav/akDDVT21CXq0JlmDgS3xnmEF4lFcP3T4pBiteZeK4sGwktvbR0+TqJ7y+za
3UibCoJ8pi2shHDt5tjMjDgGoGoHd6TtYiCL/d/OuMkbQNv0s5DRYlb9RdXdQwQhVkbfq842tsZs
v9X5dEE19WjSJJIRlG0ynT8WFQHmMgBmJG4OmgB4cx+Db3PbKQnwIiR0fQTTsnzBLmrfqEdOilTx
aQR7z8QFPKBejEihP8EhqvCW2NjY6nKAmF7cSjQGa/oO8OFQyRLrLuoKON+8qmyxSZ12soC7ZD6T
p/leed4z7vgns26uXuu+YFZ7bT2XWAudHPzcgfMU8Lpzlrn1ozRA0yKdSNWwnsfqrLklNlFYf9Yd
spvSKj7xfo4lYqZsDraYRhk16J9aIxm2yLbJF3F4uo8QeKJYPQWtferDeDca1c4SMSlO9Gup6xwb
wWCsNckYGAo72Jaq/i0lHdckoM9FPXvL8NF35SXrzF82pEiZVc/5gEypI2N9FUX2b6KO1+gVz0kH
Krh3l+G8rrgD+KYxI22AwfJauj0PXhN9xLpmXeWS+97Iztq50EHrzCXbyv9R2QAmG91ciuKbFhZq
P3YVa5PnYQUs48l8Y6pJaoaZw0tVzk4MwZ01+rvleapEeSiFx+YRmiY6CoIe5uwaZ8dCGxfG1ewM
UEq7zkUSfr22ZpuWJUadxdyYJdn0OZvjQ+awcwy7hBmuAAifYqfoWQcMZv7YgIBd1SJ9bczgzSr8
h65H/9iLCfWqYbNahUVgELukOnE1sJN0pKpAkcAM7CUH25IpKBniCkZwz14FQkw7n33Z4n7OiaMY
AtQSDeh3waDKpmD25/FiecxzS00AqbRiPITkhtUOPJ1WXQs3QEaTBQ92Vh9y7Ee1Dwm4Tw+N1bJX
mmhQZHzfeN2zTklzzPycpHeeZKKkSVdyKEG7kJnDOnfQhWQllKquSg7Nkx6gBXcEiiucL3qijOEW
3/Spg0bfDh+70TrPmTgTNGjzooqC0buXYtHNquk3f8F7HqurEQE9T5v4B965oxhydqLNU+AkP/h1
zJzDOXgGxrMx4d97rOIh3VlBchfXIa37Zuj3eijRcC/fT2uTKGBJZvcWYNm1VChTbRviygR7BAPx
pTVhCYT176Qz6AwfsKk/d424+SE7387kPQ3Y89qDbmU0ivqufXSs+FUrHEEtapy664/agOsuSn2V
xXRzGc1wS/B4JR+DBQYEo8Hv1uuo6KEZgQwfz04mnvyEh5lQvBo6iP4l7IfAJ8wj9MhTjH8F5mji
e9U35hNwFIvu2SzJf1ATiiysdyCSUER6M1dK1AdPQzT8bK3yJqrhY6z4R1pz8aAkUuAOzxnf+cZz
1TXyi6NOGJS7ff7dGOEFa2szSPVS4iZo1eytceHUJr6+IRO3gEsA4e9v0BnPWtd79N2/x7A4J+O8
M2TV4eHhNulY+qwRTAMUg4/ak2+B/CEBNSDLB2pzzBD2YpstiPr21tJzCSoN0NekFobD3NmCMd5D
G/d/OglnRU/R7Nk/50mNW3xRfJGYLRVL0K1dLPXaXHirblYPcIfOYVYsLtC3IBa/3GBBTCgGQbPq
gb64d4Ecdv6oz+RAB+shn69xACJLEGK2iLqkXVG9ItWWxLKRxirCm1jKw7y7s6zjmOZXlQdYTl0E
eX1lE8DhY/JHxNuZqIWLx2zIfqElQYqBQs0fxu+eNYqNN5bXoQYiu7y7xrnegbJa7HXRr5kUuUGT
cR8weUFo21DbozY2PpyWGXTa+kzokbyEetikadGvqVce4FH/HIq5oEKvCOabf3QyfB1HAnM8BnlD
gpII7NQhZpy5al3xrQg6jGQWoG/Dm45jbQGygqEn6+ZuNNLrFFFOgE+lfcWnb5Dl4Oi9sOebSXOG
B3c4oNZDljvydVN1LwpQBEmHtSxxDhVI2tp231gyROvlaWcFaO5bD11JSMhLOP43e+exHTeQbdkv
Qi94M01v6EUjaoJFUhIC3tuvfzsiqypV6nqvu+c9IBZMMg1MmHvP3cd8j0YCOvAYPnOreaTUgdrK
hPT590LoB2+efgUTBoMo5FH/vVDx862YEClQDfyeIK3ZL/54aheLekEgAiXFv3Uk3TmpfumCg9H6
COEmqNSl+WQv4gyRCwsZrGLNOt0FjftACStifV7kF88BtSCkdz7s0Syk1PO1WrgRdYTSKBXOLY54
G8+paO+oMmO+Ax68KFMQ8MyvC4f7ZiB+1uCkhq5owa8uq787Y14je2E/CQrq9iFc3TCkWI+lTu/G
HWLZzT4qsoNb2SekiafB5Quj8HwJpvzcIFvnir/HxhAfk8X9KVKgTR4R1WTUPgNSFuvKuXcSERzH
1LrtMkRUbZ396EYHYnbFRLEFIZ6O/lrXIZyMlIzt7aAwz7FjbvqeooAqLp5dogwbhC4flp084+gI
eaipf1kzQS6/fsHnL9gmEsxeZNkNGSVzFVJwP+nWSznwuIrKf8UnzKn8l3hAsGp54VsKHmvriObd
9LP72S3xIiiTJzcPfxVFo28p2KALSkC5zASvqVqIbdC8ekx7M3YrK58+raqigDfS7yrrcykNgLbZ
sxGgSPDe8ztycowFUA4QVadFzO322bdt5m25/oZrIe3XwJ0QouceWv5FL/03MGUugx9vpYNjIag5
nlCwdQCfRoSmKBnId38z/OqL0JcV6JjZ+D9b4LXEPkZspHxsfmzykQLaeVm+UNOEPEzoDy0FUqsE
1ZRvodY1O5ckPb5uWjqZVJ9F92Rlyf4ce3xBV1MavQNoR58RfdTpcies5InUzB0VN7dgEjF2y/Wz
1UKKaLExgcq9a0GXkfidXueCmrR8qb8tvvWj0NxzidsqcPMMHyX3pjT4je2E7wggQ1CPD2MZvTnl
BAgoFUT1LNpdUgY0fxutsJ+JUugrzSWmH5CpL+Lpu5OAQs676iFkYM1PodJ0hogApJBOSET3pUNc
acr3gXlwMgQLBvwnAsk4idJp+fNXQvWsHlGK0hCG2KF3gB/vnBmRa3buE2EowTTMu3oMn4lhdWu/
06XhUXyrBzLZKByLCpHH0kKKkrQ0cLPInmQWF+uwiA+QnBiqAD7Ibj27PoJXrQgtipUgk8C+fEsN
KZGrv4rWfko0VIhZJj4mf/zuieEnqfVf5uJK9e1nHFA1V+mcKxEi8yGFSJaaIECAl5XdJQdkqdA2
8v3sjDfM38+uiQXcHDU/EP36jDuaXVzuialXbQIWL/a+m0l+Duv6t+joYmcj+zGaPjRpH5cGBvSL
mT4aPV7s6DG/RIeHkF6Mt4ae3gfGQDG6cD+7jKKBwsNMKJUd3rSmHy97WS46NrK2Mj/6LhqsWa/p
/vtviOI+rQQyHQXMexpcAGyoEimYSHWb8T8SX6oWpi8anCdLOKsgfBzRY6SUERTYVJOcQwMfJ+nG
S+tHZD0UDRKkOwhqqJ3kZbKL5zmK6P7XISDUdZDDD0hHEj5C6m20BOCEyUi5d5xV7UzERlFelIBj
FuHdjyEkQiqgNnPdosGbmAS17jr2891g9jd1OX4zUfFSMVJi1mZufD34wtr0qbUyXLb6+mEejVe9
8klWJTcaehseXR4wn8A8BY4rqMrcvGO+HjXcOmKeqS51UY4Yj6nm75sJL7F0iW9EQQtVB6+mAWil
bAkeWjEVNbpn3zf4YKed8Zp6Yuv6DgiOAQP1MT8kXn6ewudktKEHZXJUa4OHcRM6wJiIqRbf9mha
d6BdcBYtUYLPtFFBQLIjfA9Hozv2+MIYkUBC+Kzp8KkKgvGrVqrnpN/kiIYlzL0XyxavPvyPcvTu
Ks5rVPVSeP6rJ/9p1MNNYb7Z5vArFuHPaBm/wy/47IX7GtmMtwMfZLb+AEzsd51Wj6HvI4OMq/1E
QHSNzGeF+Br5ivMFKeFoGNNNE9+TgO62cEj2fklGBMKaYfWH2mSwAAIeyt04l9vYJX8UldVzW1O/
nhCQSwsmtYFOxRpZ7I8cahQP56Qx4xPvormHtwfhvKKbDzQoZHH6ZC4WzP5Z/Ep8e9dHzw79nulu
v/rRyE+IRLwDBRArVXytFmCsCDOo1QQaDnR1I96qzTynlrPiXiehPZPMqaAwhLOU5mKlNMhIRBDd
i7hGxlPAWwuq6qf6v2yKCK43dbQhYPvP9y7lxxdgXbaO20SXz1P7sKPt94k2IUyidBUhdJiffBn0
GAYDeRYKYqpOzOYjlPvUYuRJg1TZguF1MV3L69FFSFFDTprJdG61mHeIgpiQgoBePoxIL4NWkIdT
JdBd2n4b5qU4ual/T/AToMolGDPGKXVM6aqTARqSrx16ZRTB7b9+bSF/l+OgNNYdJz918gyotcrA
SZY2kZ1BPuVkXky4VNy0gVSCByiVU8YlclUuSi0qNqm2r4lz03mP6YLFLb8tazWc8v5YVa/2Zhg5
PLXoyi+rZBK2buHGB/V5U9uSsMUdtkvfKL25nLnLWYqx4iodqb6Xp1SdlbSjz287g6iL3KfOvzrX
ak3tu9wOalstsFDIGOuLQ01FYzf2T+rCx5C/cHiVp+Z6N6gjzYQWh6TTghyVU6G+pDk0nJ8uwvXe
7Ah3zE79CSp/67cZOV/5JnbhDQtlO9YuD0KHu44QSIHnmiV2xVKCr4UaQwPLC+UiT1xvv0QL2Iya
y4quvjhQdtu7MAyL8n/74D++g1pFDYLxvIn5nvqKl6sXC4SjxWCZm0neHELWDfe4bBxcoFfTU5Yh
y1GnaiLcl4JJ+NdT42N3Pa/Vyfv7DFq1uKNuyddgb1miQE6W+OKH1uf69nqGeUROpufDXvzXDVRS
foEQDcNX+V0GqoUzd9F3le7A+mpzHvQRj1717dX7qP9Ua//tvqCvFnIOIt2oO4GMPrEEZPrqK4Oz
8g7AJkg5/vMhky+AmsYLbIbFVTSTSeDmnXpnhG8ky+TrbeERlgp9+aT9t5+Lyc4RZHe1DgqLUnr5
bKqPVN92SW4pgQVvYZUupWTqSVO/WIU5r3eX3Fd69la2SI65YLDn1eNOeNmDF2nciOrOU4vr0/rH
LXpZVccXwqCQXaW+lqf18i+dcPbaa9cWu8tVLeqo3ZtRc7w+4ernqX9R+9RmJO9CfQDc3aWcJi/e
qWO2utnVK67///ctqLbVVVNrl/9R25fVv46rzb/2XW7bqnYxD1SHypxRlJPhrFUBqsrMg0EV6Fof
XAxS5Pk0AweLaxM27kwBWQuT2GmZDckrPsIQIid4Xyzdo4cHbFiSGMVhZaH4rhvTx8K3DmPTn53B
rk7EGh8p5SlbCBTQwbA8LimNPFga5LZa6w/aDHxBLUoU9afGaICSqm0v802KsvUIbU3p4X5nUtzs
F4MgClpzRL3+P68WPv4uo29+g+69IAV5xgpInEe5COORXkBth6aLrFOt9iYUxriRUqYJzgT1mtFZ
HYgiOgrXB7Wb00LnsltSi0DemtfN677JmjjF6vBlVR3y1W1/ff3/cPz6zvHklQe7MZPpxpmaZXf9
9z/e7rLqya/zx97LR/+x4/oFr+/yn/ZdP10dnVznRxE28DesloL1//lHm/Lm+Ovtl6aIQCh1L5e3
u56cv173x1e9vg1k4QmZOXMp9Wr18Qk3l5Hp76Kg9hhoKHGrP1YnSfcw8zk49GCx9X+lX4ypoXRb
LtQ+tabyMmqzndJdD3llr/cxHABK26kSk1WkajGrnRGsYGZoEU6xqhtRtVt8GRr/63aaV+6aQBWD
UNXuF2oYIxdkkmn3lDdK0CBZKi3jUWVmnHykv+9k66XTwSHRYVLTqLYNbh1jMQ8SsHwg/bFOTtMl
p1OrIQSA9uhgp/6W+TIZoaIVQt+qhE4k+yMdD6oyLtyDKmzLqDjkfMkCuGuhm9pEzPwjJ3ewNSQG
yZQPrVpjJLEfxdIQqYyjFdn1GDxMz8y8KXBBT5BRbgoJA/IlzaD619pf+5pGhymX4PPU1mSwOgPu
sVoo+7/LvkSf9iCu1/piY6nNCwY7sPeiZiwprycF6fVJrRmcmMua2odQmnvAAb0wzwnk36Zl9Os4
VOlPIAQRo8nrr7bdxnwNyzLcqvSayraR+uaEqCt8zb7NFf7XzK6JGMtxXS0Xak1d6b/2UU3ZEhis
vzBFo1u5ZOAu6+pCDwUxtc4P1upyqkt8zci5qiu6bMsOy10YehVoJVUyLlblimp1VkWHQ9vh2BvX
v6h1r6jTpl7R1sCb/3FF1c6kKInNMlbtNZ0zsIgGFyNaeS0B2WfLaxsO8C6YDLINIBVWbZ69OBLx
lA1dOZ6xTuuOs/se6kFzAlb15+I/7SMCc9Di1tgLw2pPM8KCy6IrCAO0Hr5M132zdPlJIqLLUBXs
jbLzWeJPKwqqIzFIZzu2w3fHWHgG1XWK1CVSq1SivYQU6kJSbLnXr1dCXZjr1RGNwSTVg4+gLsF1
4cnG6bqpnsygc8ttOqe/1GVQF+g/XapeXp+xNKtDRLhLXZTKDXZ2lbt79aRdLpF68vwEx2eAjqRE
BOwsZEZroFbzIQ0LjPMSSZySo/Ojo6H8U/CXOK2+QjIJ21Geu8jgtGcYSlFtKrcvq0HkDWtdMH9W
p1CX5/FyvuWa2jRsoCGgTVeXJyMxfdgU/ptqINWzE8wTuj+1enmWSjc+uiXxs8onNe3m/rS2uPow
T6iIFZphrnWENMyKzPQwFZigF4JAszq6yJYiLKhWcpcKN0XupdoG8lLKxXVTral92P2ReGAAoe40
IU+DJt9D6QX+v7Ti/yStsGE7/0/SivuULEaZ/7us4vJP/5RV2P8LpyPDc0wLAo3lBCgu/iWrsBBP
uIi8PFNHdeFz6B+yCsuTR5CxImn0ffhQ/+ad5BoOjatL8YL8X///RVaBucBfOi92INHA89KQ0g+L
j/t3+WQzpOiHXYP7K/bO+JKZMICp3PZAcGSheB0b8qMT3KmKwO2m176lvmER3TJgWKXA+fMO/C6S
kXUBlJY4QQoGjWoOcE32Ed2WdtLR0xNQPhVN1FhbEDNiLOIzda3Mo1KMOEMbn9fuc6qhuYM1I8vP
TNvyl409G0AQg3SHVsU/LVYO3d+Phk0iQFWZpeudKtd5rZw8BfJJX9/o+JMNLTWcau260Oz1ZFJn
R4AKS2LqDdUhExJdcfmnesTOLM0jjLG19DXIZhPhVPSPRQTMhOpwfOVShzGD2kxz7AIzqkbW1xer
A2oRy/9Qa+pd1NpcQI4PHAoPCTijkfgtWokv8nF+WPQsP6sFHDDSGkuIjhR+szub5ilAOXe6rHXl
JidKt54XYNyRQY192MOFWJbs7OcBc4Qg0B77OvZ20mzdB0+MltwlZk1m8bpIyJasma3gNp2GpLrC
eHA2WEV0pO7M6hy78Q0hwGXb3uWuQz67RVFXoEeh1ix/MEf/y63oHYd6Gbeunn3PlhyT3bj64fsA
QPCAfQxHzBh14UI5Tvzi3GJys2oiyKy+9t77AvnwkO2GWkvXRjAtBxIMNzjYUMje9N7GnmrzNupM
43YaZ5vS7w4dcRC5+i5pKCSljOio4c7nmS024FVviBtt/m0VRnE7BBmQ6yW/xb8J2IR9huDTY3LQ
b5PO/IT2OlAZ6mK2ouvmLarpYW00XbixnNK6rRqHiuaBziXOhm8z0ZkpDeYbd0Kj2TgoASMNd1Hi
J9yd3ZLtRup1IOhYB1DY+R1UvAa4SDPsLQyk8IFMB0zbm3He25gDTTYVeJTSUrSejzeoAmyKqDAL
GScqiqbSudGz2N17Pi458lhQjZw9oCd5iJWgeoGbQDY2G21v8NNv8Rawbg35rbtWvA6aDDzHdN/y
2CIXbpzfz6aD65G+vLgR+sGOkPNqTovlBvjVfDO6MefDychZaF/e0kW7BSuI02gsyd6ZMbDB6Jn4
hs1QN8E4bUdR5b/tGxsqldM7vBUWIDsiP8Mj1Q+z1uxg7zHTlNPNlg9nQCtX1c7rQpJrqfTKVjSA
uKdIvZZh88kJUGm1ZcrZRAp5kEQvFjUuuHkZsNjWzePiRC9TTJCYe8M8l2g7EfufnImHBT+Ih0za
usmS3hj09C6NhjtFJe2dpSJf0oCXryFbrKDlGVQAPaSSnVclPqR0P/+hwiEjef1DGbjrS8j0EstR
0VPUrZuGsoGDHlbZsv7KfLBqCMTGkykXYNBshyvnB0DYCsk9VATEZiByiWrzoHYFTU3SmgHFtrGM
ZkuTQLxZqhviahC415O31cso32JtgulGULewQmSPTsnFVzoNw1bIAXsiF7Mcv6s1tW/yIaqmGSp7
A5pbG/oOKBEq1zsClPiHLVu7AjPhhcGH1QTZrpV+j+orLXn0YcSNsb2cyX4E0+sT12Z83pygCm4I
7xNpCjwULs5ikFOxm21QIMHBOwNHclnVphOuX1syrOipkTMUzeqkoKGIwKmFCUFfmRQE6oVOMN3C
XjdGGEClZVzUe2TQYpdr7kwpbPdiyer9mjD+zixJvYac9HhAq5JrIyYgoTESwdAL8HvkNdwOA5sx
BnZpzlaw9loIBlFx0w612Dmx9rOQoryY8H9fOJCDtEv4BbsvugoViVGBrmvwdKx9eF4xoNxS07F5
k3HTv8J6bVk+dXoPekkOelU02HUwjwa3RVAu7GXnhYwe0VZCEb8HuTKWQBFNokXgbWFaluHJHXUW
peeD+WVSC73FiouiqKV9VJz6emwtagBIEr477a9IDv0xmZmZcMhBq4eXEk9qESAmngxhrYXv/sY/
pgEqwiszSJibqQqg2clXo2mb8dUAFBgm/dbLE1DFoxmjdOp2zXysSWYfY/DMTNY0vK/mGTz1Yr+Z
2dNYT8Pxr9+uNodL1JXqw7kFrqtOA9Vaa1NHr6y21ELFKJ3JhYg/f44SH7kkrsU0ySq2TmViYygx
kWYeU8Zci3Wmc3ek8gZNIeQu8+KtGhNYelgj31bAveVu8iyCwJpBmA/spV80N6PEzYLcxxPdnShl
QvOzCWUwX4FXSW54MROFxGimE2jDanLi0yyr7fVBfNM7Ggi8H6MtDPVmVU1eTyB/2FwhvAuBIUJh
ckbuOYQPgjWoyeooBjwc5eQ1x/giSePwkLn0BVVTbSoZ2HAl1+a6UPvapX/Uo6bbqeZNLSzZ7F03
ddnk5bFGYDDymo0oI/rWvjqopz/SDVoDtaoWfuAEUBs9B4Fqd4O22ieWh6uLO4XjSS06oydy2gKf
lBRW3C1vXYGuAxcFIi3mcM/ED391W/+hPle1t+q7/LW5yMhN4eYAXZn5e8HaQAdzDNOKONxQzzYc
3OytdeyCwpNRP6lFq4HfaXPOSKlH9o3h1fXe7BAfMv5Cd6SJs2lrm6WopgPaJw3CDTVk8s4UMCtL
yu8w0ZBBmUumiOJsCmmparnEicewxgPCWSWDMHY4SbxjFoupSbSNfeLQrWfSMNdWeka0l+5VzF4l
K/JlJj1xzVuoI9fDRn5o+x4bFJnTuO5WaxTJVUdv+AFZiTMAugG4Pm2d3ML2lDp1GSa7bl7WLDc9
WuBe+9qNDPDQvLhMI8Lr6jxWjlsO5wS/KrItYEP4xYVZTCc7yfSbBLSKtGQ8DhXp28jDKSFuil9x
PhgnQ7OME35d+FYFweMs4xYKjKrWEhl/KuKGGb5aVTuvr/lP+yB2Yj6gRen6+mK1BvK9OZB63Vz3
//X/6oArYyVqrZ8woNQ0y748elWVA1hUT2HduNgv+xP1zGaZJ2tAqBsYPLs61LODInJfu9Drplob
FpsKBXVYbatu9rqZo+3DcgV8x9TEq8LQp63qckzZ+TTDzIxabY/yOXJsoOw5ttsrIcMAauHrEwwC
n1rIw1CP69Gq+hu1mJC9bmZ6ZDD0cbupjIqKdDJD9Mg00ad57odTuJRhe0AYGe5nvNn7+mDPnA0X
ivuyVqtQfxgmw+khnvTXoT9eFffJqG+nnMCAelUB8qusjotH67NVoZRWPg3XcCc5q/YfR6rUJYao
DjFrqckMy3joIhMqGJuVOYX2rM4qMnx9F7N1UFB505CdMdJLN6XKXBgqW3J58z/3XN8ylCFq9Y5q
39Sa/rH31mr3X68S5H/ny5HLqvr0yxdRL1Xbce3xKrV9+cTrW+kJhZJm4HbF2fMAUP/1/tdvcfna
18PXd/+/2Ffm58Sr9WbYMRE6LuGMMCeV7rHEhjcQjSprOejj/Iy//bReCIlSu17f2YlOHhSLIird
itckRt1aBtVrCn2Fwezi7AqU2nsj9B7adKq+MxX+zRD9o/NEvV2Iz1BYqWEiYvJyowR9mZsOflKt
eIHuo2/6JEUdEWBAhqR7lYcoaVv8GbZZjI1GV3bPVhnT0/hklhZ6FAgMw/MyIlDra/2N8qaFMK+B
Ysg7R0Vy1gQeX0gf4J3Jn2lPzALGvt1lGh2fC8ZgnNNtzfh0PXUJOPyuI4PdAqUdmirbV0X3K3RF
zOOLuFHow7vZTajD3e9+0iHSqRJCkITP7KbZzZPxw9IgCw27oYQRb9Ywk7GTsI5eD7ydx+WQtinB
L85b1tpnSoF7mr74Xfg4ewrxc5w/AbDC0oNXCoFo2EWFeOsGksEeDux2zYS0wC0xsqy91VX3RhV1
XCpc39uo/+lS+VzpgbM3QyISKK52EbLSLXy3N8TkPx1t07gygJHP9K38q7QXfEoxuLPSnYMvINCK
HE5u5m5FZn2mYfYYEJp4HfJPiHbbniHX/dyj+sARAQWIBLrpDzXBR7IAlgnN0mvgrRXMOOy+Wkfu
jwUreUAtAbb2KQWHegaaNbGAxDPL3k8NynpE3RRfkAEDNhzsA7/70JdWbKYmem2nIDmnQDfXBE66
TcX0cQsICMufFNZw7mynxs52cSWg2Fv+R8KdfkroqeGTDstOF1hfTbjde4AGKlNDR8sANGe0CoXV
2E9deBp1tF6imsglRsY3f2zsPQYjR5HX9lNs+9/8KrtD28TsPYKngEab1Aiei/U0gjrTtgHhjE3I
Kd/HbrDXRvTIUd7f4EEQ/tSG9oY/xK5pirHI2Mgqaxo4MHgtxS40kzHpDGoyNklJJYdjZydn0e8D
EoTHNOqak+4lN/owz/cBRZHHXMvuqhp1IB6OmO8g4rOBIw8Y0JJTbbf2CPPT7xdrN5lI5/oAiXhi
w02zkVx33afKPvhgR49j9aYBjie6Ck7HAq+bwFdzcgp8i6JzbjGpQxo3QJIxCYyj5RogOg/eE7it
ZMZHOAM7Uzjp99pyPp3WebKpPPheoa+raKKwbUv1lV/3+nqclmZv4hdwq+u3cQuoxZvIX9hm2fAq
sgaZBQuzme4wPKHAHChSajy6Zd8+zMVv0kDwcVr3TMu6glhI2/fs3dR6kD41VXmso8kmgKVRA2G8
FnG4ywQWIRXALjfBmCuP3A5HBJwt5rSN18XQ/gxF5mxCO/jmeHV7qM990tp72waVVbs1Erp+QqSm
ZSN6nJDHzTktRLUY5vkEzCuE9dRttBki2DHsfzHIpWpmwnc2pHEq86Hddhn0297TIcMHp9wX0650
krs6NLot1sU/SEbTB+BJ1YqsQR9Gy+fVDEI74j5mVTS7VIRvQM8ShNGkuh3sFkf9W+Vp4QljOkQF
gC262j6nOjU22gSsKDHGFHpt+3PsoKWEtFFUUeT9VprEVja4q7hr7woknlQdurvepWzEfx57qH8B
SrmNb+o/Y9c8O7OF/mWMP5Yxk/Ue+lqmPyitMcJdEQy3eH28Wo0DSBN6xA6Pbaa4r8OQ/a7iFt+Q
oPEOJXgKR+P2rT4IU/CbBp2zY6TvQTgdFrd8NgRY5LZMKR/xonW5CAqWpaJW2Fb+LcfHExTeBgRR
/5B5N61FugM0+NMA42gTwQ/ZjlEHPBmDnF0wW5sKm5WtMJZqG08ffTT+mHx0Zsv40kUZth8MLKc2
+xbEw4s2kwvNzXQ7teI8a9N9YbqfQ7GDFJetYy85BQOWBzWkk9Ib/c2k/x5FpW+gRv/2cTzHCBfz
r8AbUPtw+8UVMLe2Wu4MeYJgUFLWT/kcoPoOvqtNzo8aHypEqmJTWRChA8ZHm6mPP6tx62dlvU36
AUochQvUkENXY+rp01VhJB/0t7ih+lsLagMia1xd9ML4iUsueu74u21T0OJQc4Dh2fDZI5TCRbzi
uQBJGAsDL2YypOaPwavNdVjhlEEcqiophXB7+y5q422oR+Q859mnnmntdk2EYtPFa1AT77Zzu+Qh
RXYoBcWIKMgO+3fbSiHkQ09sRufcu657ZxTittHLYhUFlKKkmX9HvNnfJRJpFkWYieF7hNvMXD3W
mXGgF0Z319m7xMNC3UyWN2AvyK+Szt0OrllsBIPGFUUz1QqL70c3Lh10kMRIxPRhw4reJFyRts1e
G7FMjBnNX2b5EAE8WNs4RG4me6YpfMXy9dx+VCJ5sRftowtiMrZhT+XVMqRHpqt3c1iYDAvEvTUY
t7Ywir1T3eeF8eAvCJaLIKl3gzZtl6Ar11EXgYC0aYxFWAOAsF7gvpbotumXCSA82Zr14oU0kFiz
649VVPT7pkgswjzak12ioMp7yruGKlr3XR6vRQnHf0pAR4uAauKufUhhvZleLG+I5SbW84epxLs2
4ZLlnnecIxKJAEjA9nveWSsicSxhbCPKyEDsgmMGx8DIr1tHnvdSpc25L8SDF9ftmXK+T5syKaMC
yGzHwBSgGFDQSCxQAFd1e6hLoaFTgNmFX4aYnvuF86glgKazEGcF+jFkAAHSh6BmBDuYT4ZjAU5N
7haolqZmdVtdIDuugOpsDHDWpP8+M0q8diAgRvRlaEaDdlhZjg83fogJojIEtIL2Xp+bfDVV1nqw
vD0uXdvIKaNfzDmI4gMtDN4arXgKqmhYGXY8ExKuoBOcxqLcj4WXncwkZvikU06Qmtau6scnZrl0
1Dx1jaHRwjkIrZF/QxiL9LVpzM9M9r5hCpXejDFGIVlMlAwSn2sHt0JOQ5b8CdRcBqF32Bh+utzO
VvVoxLpx1jqMbQrt3CYdSvkGwS2ls1RQLXX1GAwNsWbf2C6RhcNfVE3rpi7PhMQFIj9Gtx5zPu27
5hGBa5l7rfEHp4Q09XdEm4qHKA68e6AYU1cGP2iO4A0zmN9VnYF7ej8Zd0OTnhtdPwUBPXhsRLgQ
DAXc0SwmA4Nz9uxYxxKZYWXP04Nn6flW1wy4NYkbSw9U3OeITB5slwS70R+Qh23xDyrPlGP89hx4
jz190kbvi68ysX/GGmOtzOs1CmkICI2ZPt2P0AHTEXwdbrUmHvdbN+uP1agLEHoGRfc0DTSIgf44
Ynso0hoVt+8cXZvYbjYGW4ZJGsiztIHpTd/ntHepLRrmXtO4KgcClIGHK66mt/EeHMcGPlBzHI0m
2Vtuk607aWkLq9XNLHvdmbG7K8nc0Hd89m4OdSCjVY4hkm2cNrxJSujxbih+x+1tgq1yTv/KMBLb
trx6stxvuOYYz2FjbMZobHeB71Gem26cun5vBwLnfWe+2iaD+8CzHvPIeausdkMA79EATca8r+i2
k7HggoL59UYvFxwLtGENsRWeC2d8FlpHxCeihqPqD9l0HvoUIqIHlcyengDLoiYrxxzs7MnrRbK2
c/OhI9G57nR09oU/bwZ/jMEFsEsLtXClN8sr1eXMC0ITX5siXlGeTNpHa6kiIDNnVEu3oWaEIQx5
MQppKNcUpPzpbcYue57zZlp7cf7TKjy8jqmvYD4GktaIkeCXtXmq618wDTrKqUKcMNP+FKNWKhsX
HodHyDcVZUUdA74KiYfSI0MCzSwHvU0PlcHKbzOXT85KB4lkSwHvaN3rcMAYdaWwOJdkk0p0QhL3
P3ra/jVgLsoDU/e96ZKeBs+nhsD2eJj6D3fqntM+eLTBW031QozBoLYrXLZNi6DGmqePuaCgNDeD
tyHHaUH39NVS1S4Y1YrpmpixnOnHLYG0M9A1wZOaE9InAJT7FJk3mvyV5ipyknug8t6AtK7NcXg5
D3H86cSUnQwNBZKO+Yo46DfWOrvEmZydGw2/7Hm5y1N5Ad3qyDVj2mbDvsybeTfiXQZlBbBHHryl
i7GvvOFXn08vpohwJ7b3DOs/wlTMOAgyWC4C90kHbYi71HOaYJyRaR1gwX5flM68KWSBrJ6vHJ8H
skTsvhms6baEVFqGSOQn7wOD1nxVjVGwXSoTDRRem6+RKuGOSuOm182KFGU9nTv7jtRQtHEXLDbE
kr/oach5khU7Vm5t5my+Z+5CJMjRzh1jUlrhgHCN3vWvC0bTd8xSzBT7hHbhlFVzSCVaY+9m0X2R
t/0t+kUeIvAYmdzarv1CK/GzJnm2q3Lqc4eo5sEQsJECWu3QwUdymaKbQRvoRCOK+MisU4pMaiFw
hm2g1a9uhNEHDlyR/8TTM+K7yywlxKvAJ6GXxT/1RSwrL3fey3mNrysOXCmelUEsnQgI+nFPtp42
kVsx8WcYPOIjSwzZi2Bi25S/xYJjshDzQcTzp1F05hrThWMYyi+gD8XBEE2PiIxSU+17H0ldqOcB
Re7frM4Cpjc8WIX2CM7oPki4SnkSEUrNxy8rwHi1o39iIl/3OPXGsXiJvJAiWQqtrCj1TzAmqbbS
BDNkET0EZoksKQfOxyyUEQBAy+0Q4FsQdzYRZlq1GZHLVPhESoMZjTej934qOCEhXaStUz1VOnBb
I3I3YqYsSZ/BcscwH25SIgyxIzEM3vgBKg46No5Xiws4tkLlko3J62x8CNN4j3IcubvWqUDF0Tt3
9joejPYOhKuXaSRKJvfWtDznLFm1QFsxp7QBsTX6megThe5o4w9Zq9d3Qwamq+9f4tkJbxtcxX3s
oge4LRAqqervhx50sdSD0SPPlbczOl3fDmn6G99FEpO1jq0QUszWEigYccZYB9aI2cWMFizvDCKJ
WL9msGF3vfOEP9JLP/4OBFFv13gZnbpfYzL0Q3NePM+ll7MGHFZK7xBmzBbJE628nhbAi/j8Jkvi
Ncmvo6i8O6fS8TksI+OmmDHY6Rmp1onNyAG35Kms4rXR0oLonbfO/fZBaCQF69SmeUgeAkG9Ya9/
GlHY7Ge+wroyaPn4zsLyy21NztxgONoE+q2co8JMCldGaNQ8kPwkrF7eegT5gH0NyFemCWHWYfjt
YgNX+Q9xp2P7MWabngLvLZzZl7Rtfnd5+VtqSpw8vh8KChaZqYRSbFbHr2IM/I0Zo+aKM0bn2ncr
FjiWts5868VfdpY/OPniHMGR2aucceewWPPKrK1bvdVeWuw5V5NbFCBo9JXxmoc9EKFyoDGmoM/o
xJc2AFOo0Vn9F3vnsRxJEl3ZX6FxH22hxRg5i9SJzAQSqgDUJgylPLTWXz/HHd2NZpG0mdlzExYZ
KaoQ0v29e89ldk8EVvXEQ/NiVcu9Rw7FOt9a8jgZaRKsx8Hib8RfsB5qkzQGwdkCAJuct9gkk6Ri
bBY8WKPxRhhqsINktLFIk06IvY0s7xHuO6Ys+5I6SAwyOOSxiK7U4zBKjenVc2ifIrOo25G85OQp
HpYH/Mb3Ip6PcVfddm2+A9zupOZbyZ8QAiP26u8VPi8xkjvoLJxe2nmKwTUUi7eTE9OFWCEuXAa0
wrgjuvfdDK3nxezJ1lj6fY/lO4m8BnwCWrlc2pe1Zx8PfOXolwEO06r5SBHhzwV//dVehnuTo2WF
9hY7F5zGR39Znmp7wvtHlBKNSwaIzErXXjLkuy7njGnsolz7TkOYOyn3evN18byvGGUpIRgXWFy/
+jb4avX9t6L4Nrahh8lGP+dw+Wkj3dcasV1u8cvkP5st1S9CXx4zp3zC+rEglAsIrim8bwHn875N
+7eCATZBQNySYMynKzjH71nSHJvGeyxiWkR2RqFgOtpzAW+uenQcctpI6vWM9nH08l000Sou/fDe
nxYqy0PzK/XT+0B8Gck6M1sNGEiCETX7Xul0lRpPO2Vav0MyQnaEgFnZDHW+dtqg2phG/aLF12qJ
39Ku/ZmLW4voln1VkSIgOv9SmjA/+uguhBAC4x3+oPPLIbkaJIssVpkWyEezXNNDo4rESDuqtp0X
w/R+sez2EInXZhLaMe/mey1kKujBos/ihyXe/4+gr6APOP9fBH3QSQ30bf89K+lRsov+5T+zkv78
4l+iPvcPG3wn/bpAoZKkZu5vUR+sJBcqro3UzzMhE/4t6rOdPwKbRFNKaFhPPc9C74dSQbGSzD9s
30HOB4EJhqHBt/73v32f/pf4WV6xhwgC2n97/S9FT+xZXHTtv/+rYXm/MVn1gN8AhGkYLt4PHU7Z
fxT1kWFRELdba6cE6QyP6RDKue/36950yZ5qAXwLMlG0tn31HWxT+hzeJFP7uuTaNZtDj4k65TvZ
GrcHGgXmgGHfONAtmDPS/XxBka3fZF68UGBEsNr40qSCowyc0gYZYLYr5dPQSPz9FMBmQOPBWCJ/
oELzitRhL3RujE1P5X8qYIn5V8gWJdoXbvRWA6bH7cN1ZgRvOtd3wMgUjRsJ0NN3v6J0ndky+mI+
2cV841NwC9Li7KQGJpLIuyDbstYIax/KDv1zAqhowTGpuWBh2gf0e0zxEchtqz5i/uWU6ybJtpk5
OWfMeFUbxxJTRGtHK36hyd3D3DlRhCsqBnxtf+2nzKOP3B6HyW82IQ81pIxIxuJq1dk2T3Z7Q73x
i+YJizh1/maHu146tvc8qUEw0Q9eB8L8vhj2du5GYl9q86HO0hvfdR7poE8ri+AeJiTUBhvta+cM
T1VdvEPSH7p8A/TxaCQN6SIW3Wxga1uFGdHdbqOP3IOZWzg95VQ3hjIj3IvmYe0xpi96MlyGsu5X
2ghcL+fPTdkLrVZhviuGK0opbNtmWIBViA6pfnST6qErpgNuch/tTHpemD+sffregHXj93qOBlDp
MWBpP/1RZtdUwFgQOLB7rOb8xi7tK/hCcQyJg6AC06KWLAYBuUTTbkPZF4id6VuTp2eNdhCEnIys
pOWBu1zlftcZtY2gWW46dsJMFtkDdKdDQol9G3zz0/ikVQ2BtH34BNvpCjZrbRI8SHzbcHR0uhX+
VHtHA375WkuZ3xmMvaIseu6t0T9ETXdJKySOTG2eSt9u6fb00N4dSSGkcO607a7lYCIOYpIxJ8ZL
nsHVdS2EKQSTnt2ypuYgIyun+xZrzAHf1i2ltmoF1MFdR0PxmvvVK9GpMyLDL7aXvlQpoIZ0oDZm
ejisi+L7TG8gKC4mSat+Sku5tjHtGwSYgLGiSgIif3QfFjK3yoih9FyNNwSSbghyw2MtwqtLvcEs
bj1NMF8mwgTq67SuicJemOE6VtNvdehBVpmeumkkA1NSDz8XrRuTnVbISpEvAohKacEFPc6vRLu0
CNO2od/97FOwVUiCjdWS1Yw46/y5qmSc1QA8VwjKjfZbDWAeW+7QrgpPzgLwTfPgvs+6wT4InUDY
WLd+1AMgLIanm6CJjiEY4F0jFWCW1IKNHmRUtfa5DVI9nQUQBcgw1KKXCkS1prSI8mYMHdR//fNN
cko4e6BaYUz/XNeWytnkPfOMj/f+8XN5Ck6qYvZRmTZx9mNH3CuVZPUqbdhNWyNOZvLL0O6bUwgP
sqZWSam/IzG0jYYbv4chq7sTtw/6gAdQbDuTZCW4vuR4Enh/iJISjElQorqhiNrdiAUhoFpDWXCd
59SAHvrXJrU9aczbeEKy+/n5WH5CfWzmWbIhyybHtoxzyvQRDdGV3pPwa+6b2MRmo7bp8g31EbUo
ROgQN7P/3PL5KcxSfItA5IKbm3GjvvnxS6BLeEdtGOLkQVAI3PkNZ7czlI9t74S7tIjtpzHXTjNB
N2OavAPP8TJS6XvhW28j6I+F4WdQx/6+Bv9yNdqwpnQz2ad8GPZ93SUnauBP4zw3l96MzINrFLdK
RdID1F81VQHGhRBNckWoOizvUzQ8xCCZzCWlSyCBaDnZxVNNqTZHKTvNwxOaqXJbDOBLQm/RNtDE
/JvGM2sKg+Vz6wM7p4R41qqq33ZJ5dFHT7Zd1J365XUyCK3zZ1RS4fLaWMxQHe1tsXyKMVqz7Kcp
6W7LtD2mpg5Gc2nf69bwDlphtYd8Lr/RDIsJHIM6HLUDcBfY+rnrkQ0Ya+4W8Q5wPl+81XP/s4j6
9sHVw/JqMp60KAx7Wtc/LUUfE65SXPtwYjpFwfTFJZgBcNZDnkQh/CsXwm1E9FoLgmjoomWfipok
24AHbktWavSjr6j6m9F9w9m1G3PZmQMycWMUc7IBAVJvQtGBtKCUsOZOshokf9CWJEIXJKGSOyXS
z4aVCWCheu0P60TKJiewCvlBKbHUgqH33TB44045hz+816gFRmSDds/MbwAHYisDkecNxjFLEKJB
yVin0se39DGBb1PAHFZK5NQilFbARNmQPl/PlW7uq37eR1NpMg2YUMWpBUgVH1kPZ2hz40pLFf0t
yhFYXyppjBEpPpnm7zW17fOlJ5000lKj/61LnZXjZsZ7E0sTjiHtOLE05ijJkC3NOrFJISTvJFzS
hWxXFXN8VNHgauHQekf8LNVfSgcG+v/FdQcfcC+6XIdRgalsQ9JFtMiFipQ2/n5pSMtRKM1HuS8t
SZPUa36sKnGSeq1J81KCi8lWfiYXZ5P0Y3FGSk2w8j0Rf0S0OV6oTpqiaBb5IFYxSqnjuiiDm7LQ
Ew7g7mvprZJ31wi3FXu4IrcKA9bnUf5NEKveAIj9k6i4cvuph1VKUHUiqLXPxVL3UMuIZPk47koF
qhZKKavOhSqXJPawccUud+tndextZUxTq2CwmWwKrX0lbsnZoo+tjnr8TemVQ2ltS6XJTe1RJXFV
C3DlRCVKW9znNrW/oWAbe5JODqG0230uNGnB+3yp1tS2xX2rpU3P70ayWtU+VaebWkvzhjg5GCNr
db59Lj7Pwc8T0cMaqEuP4KDsgiLz4ewi3VNx42qhtHuOEkyr16P0H2YYEUep7Ps4dh/XqLIsqlWm
A9zaUkrrfx+43533n8fQ6gNG8Ahb1QH6UO5+XLkf605SffcSs92qA/N5iNQR+22bR2ccsXeB00Ze
wurq/VC5qmOnXqt3kOMy8Y30L1iJ/7p4lXtUvW6JjuXpM3j5kWHfKlZWY3XJqEtJSdnV2uc2Q5Bf
05r2XgnU29BiHF2AWmsntO44Wm3lXJVq9Y8PyG2lwIA0ODSCILa0N7oWIZ3+e+23bZokpBA+aK9s
30fyGzNz2HnSmTtF6OsC6vxKU2hJj6daK6Snd8Hcqw6hSqj/PKK5sgOr19DD3EObwJiWd1l1SZbK
SiwEfHIgGf62l07jRpmOP+6zt4F0I6t1SzqUwW5DspGuZVf6lw3pZFaH+B869soy7gsSk3bqQBdK
0KeuVrX4AEM0dcjJCyXyQ6oe/AZD+XjdglTa2JnswBQTncaPIywVzUrHDLiOjfnQafu0S0hT/ev2
/CkeVmtqoe7b6iMh3e4QAP7h83aZhQsBa+rO+bHK778VgaCNlLb27tMOD9cWIeOHh336h8edvh8t
aKl3nOBx54dPG7sy7H++FKZOFd10tW9DVUXRt7BL872Qf9JgcCKrtc/Ff7Wt0DSGmJ+fEbncC//V
T0zMVUidjX6pn8nU9+ifnRzHivf/+Np/9d3fthEI6m4WGFCrWP5f1buYRt+90SFxWG4qp27ttrRl
cTH9MEb5OCoMjCF0mv9cDC1Pp89tYyJ9/aau7fTG9PbTmJ2glef0JeWxUF8TM8YZtLT8jPqy2vjb
z6iX//gOjq+tA063kH981FgvRoRDVn3q4+c+PjtUEzoVn71hWEO6V++rhSv/vx/vovhd6TknimZX
krw4cn5Rm0Y2QFjbeGzdat4OlLqbw2DgMnQ1j+CfyGdYUBR75ZxV9voPO21lJZTQu9JIb5bH3+yz
AnkshzDMX9FqOhSLMW/QEwqhvo5nZU0ngSpfNXkcFudZo3/z6V7+NDP7ymiuXidBbkj9AbmZ8lL/
WKjbtlqtOotTyJ+7e5Rj3Y5Unx+5XTVb/t9wE+RCWczVyw/zeVIQogtaFytEiQKBO8+gCzKNGK2q
v0VtUi5gtRCJgS4uz/Zd4JAhoRzSygscy0ejH1RknMhHoDJBazwYmOrJZ6CeZOmazgzcHKAEUh39
l9VcrbUdSPueE1HeQB3YEM642Nte4gYUX0CtGdgm7LjtAUpz653kR9Va4xKyamAL6eXNGaEkIUCj
ySmoWAPq9WgjnpnpD8OFhgwcy+GUJ2X1iGLtrRDhazcs0iUpB4soXP4key94h5CSwvO1FmObyNGQ
L71Sao2ufLAj2POS1PCftuYllMp49YerBUFtJIaHMFgqaYLKC+lTU0bvkrm8vq4jbVn5PW7PRJon
xkjbRcDS97Tm4e2q2OJZE9cahuBOnTiAjgtUjAUTcLVKPKPU/MHEJn3gqLTKOvWsea1WlSEeJu+8
L/rkA0kwyme5Mr9zjHguqFW1EaeKtukbTGOp/CM+F7mfQF5qPTxuf213pBq/E7TjuhZhAnKRBoi0
dq9+TUEO1NrnQhnsO6N96XPhb9UP/QNlAayUHW+jzLOawTl0JBoPJ/oS/SFCeO/IMbhaqPjLyIk2
VoLLTU81yY2Q72qlxeSgq99DeWjU2eYHOaIR9Zq0WFajjvg4rbLeMUOdCmVz+mQawMVAYpAX4hfF
vnprUubkp82ABLY6PtYVlolAjNLbYyP6/Xydi3o8pIg4VDKzCmou/QErgVFHtALV1hjP1tZ3iu9F
USPmD+bhBqTacKNe/qdtSKO1AP8Z9s3BLMq7esjH2z6kIUVQEOMaCkVDvApQxO2WHMlD52qPMNIT
0oRCbxeZLly0oCz2XpETf7jk9Q5od7xtdH+5GvkDPT2oT/QWCL1/rNrFBwNcPi12GB7aGFhiZ7lv
yH2i84hVqikX/dr3RnnOxKEK/QvD7eTSz7p1Qp2+MhKPC0JE29GYO+Q19jrzrSvKL/2LH9vpMR0Q
66EOeUhQJlCFocM46N7NmFKonJIhPDThcp+Gc3yooVGeqnE4I6YMD2Mt0Wmjs4uFPm0QdpMnA3Zh
bpP64HqRWGujRcDv1GKjabPbAh8WHNO22NvoeFdu7fbHru/JZqJZI2rHuRX4XBBTaJSC55fRCqz1
6I20u73RWhkaDhHT0Y1jZ453VLZq6eWtT2qtT+ufKCYH5FhtdbYiNcjNrXUKug6OKg3VpTLmdd03
w7pQZjnhOQhQcJkDZYpvs4w+tcFsHBroekF9vSJeqTwkWSQOBT04ej533M7GJxQe/m42s3xteFL8
WujjXoCpv0tnEjWx41IGIfHeSejENt60my3Rn02fGJOh6lGE2WaCKjEuN5rvX6yiKXZeDVk3ojaj
aKx+de9U2lOGYXTve/HW6CikkhPz3YnLEylX45ZS677HZL6yexZhB2AVkPrWDocf9FCLcsZZs4zV
pg6tJ6fIp0tYEWhoO/PzpJvRtk5keGFPYnQVLT5izP5raU/w7wsD3TmV9TnRv7ktRdxi+FEJemvV
olPhDw4LHlsiT/oL3NBuRT/b3DWWTiU4Sx5q12j2ANW6Xdha9N6dSb9vbR6WY5FtFnDjoL/bmgAf
xA1pDUmyQyiZBQ6N21Ksp5qkZEcjX0szJS0YwWcJCn0HpGY5i1n0JBnE/c6a8/FYLea8ziegAGP8
Y8gOBLqsLIaw50VLfuqAJVc947w11jcPJgjJk15eXixLSyg18Q9XDkKmbDaiW1j6M2NZz6EYXfqb
rqeZgWPsZ+fI8abEOqdMMFc+j9qedjVVCsHTvEN9aAJ2ja2uO4jC2IcOol2rJOE5RG+HNiHYTJyg
66L170I9PwWam55rvzvoGblyaVp/qyaaJaVhdZv/6d79P3XvHMulZ/bfd+++xI2Ii/g/4Disjy/9
2bnznD9M22UTIwjfN32DEJE/O3e+9YfrebZngxB1fCeQWWt/4TiCP2wiURhr6pbrmoqh8WfnziI2
xXIpC3qu55smN/P/n84deBGJ2/ho8R1//Pu/8r/i37doDrqIUxxdl1CQf6aZ+YNbluUsjEO31Pdu
wE3dTgsStc9OF7d0+wnsDnoeJjXe6cU7dSMKzMHYu7ljMzmzwu5mTsYeN/9sHU3vtqTCbZh4uBWa
qwTDdCAZZRtQDLvJKyQUTbydB+15MfqGBlKPihuZjYUohtyETeYOeGqnBw/+jej9G7poj675vPgo
YFue2CuvvGSGi7s4uk1/LUvzUoXTa4iKb0ejM1vNYvo6ttf4S+MAb27G0xIPGvSG6mvSim8Kl0Me
1FrQDo9N90wbwtj4SNQH7Tgje2w2oFEwJ7QFAhgqi/OBdJp1nJo8sqTGW4AVYG7p3pWFZ960JUQG
nyz41JHFezuirgp15bjYtrtyvRgsdgUMKpjpURbFLy/XHcYX7l3dBNx3AmPczITBJxNozIGw80b/
kgU/ILo8WfFwSeLgeTKsAN0e5Xmwu90Nh+8hxoewE3Jwq0a0uYMIFyC67kzY+HNsK2XPTc3uNH9d
kpvL/KvA0IaSnWAxWc+aghvyQqNN0xT2a6KByFuSeN8tPK4Im+HzlgXJn9P+mWj019LZ9HZWnGav
/TUhND1XsXvKav7svO+1G6wnK3Tz8dWEzLt2wgJRoIOp2IiIA2Z6fbBmEd/leveDB3tPlZU6YETf
4gukDePLvBjHirRJk5jOlTnmDM3HkJSxReQbvEfGwU/urdRDuRiMu9qP7LthbsKjH2ckQDTEmKQB
sGLaJL1mIdawiPOoiudqZk8FAvOTG9GjNWyBUHEyycokA6GZfOPYTBrfG7J9GWzsCDkTJ//XHjP9
x1gtb80vTlxEO1dWcOKpoTpNFrbH4fczXWxoZe1ngjGdMXgaI2MP/uzH4mvfIgbEu9FEU6yHOAEa
e5tkzJvJqYGbae1Jzjs3csZiEsqwk9NIDCKreGnpHvFnkbJCD9kweDSJgST1PB9BS0CKH+3yOM3R
KW3sFqVlRvK2mz8S2w47xpi/odwbP6YkQT+chctc15OXmjPZI+E2CY8wWYFViybHKQeyAxSknANq
YjZJysB4paa3nZzj2r0GGxHbsZpaTNlb3ARvtp6fwwbRH+ptO+++pz5W4Y58iaTB59LaNI3QytKb
a5B6mk72K4+T/uOUjVtx5vYSs6PLH5mXvzQIcnZhtmUW3qJWdSgxl55+HEOYz3J+rRbkLx/jeRn3
amSvZpcMBxeSVyaZ5eBpAJITRGardPDpxxPjY8kdo+X1hbLUc5p0h6Qh6llPnXabDO4C4ipBN5eL
cjsWVFrLWKDs19v7pnfTPayAWx/B965LnVuSxrS9G2QbPElXD/fdCgNrux5p2KrY+9EqQXDY8Tbr
suWI6nzXCV2C1vq7KAkQtyH7W1FfgEI+wnvNxgYdLjxZROENBRSsJ4NN3n0y+BYyH/2urscEG7PA
RQlt9+P/GTuPyLkIay/h7UAEQHlVDvuwpqcQjdG7H7X9jqH6oyo/0NmmJB8jz/uhp8F0Y8pFuFgr
f3xIxw4RZK8zxu3WiudHkN9tJTx2LZz4tEzy45QRKjhR1jfkiVJrBqmuYYuGAipzMDakkmrkDmnF
O9PffNfPxpWAiArYWOySpd1+mz0z3lWlN2/a3iQT0qhJX+ROgxPSWddxStg4You1aSbzA9rDs8tw
aOPkMm8Poa/bXG3Tt25p/9CJ9ZaTkWxdTt6dP6H8Xyrx1EjNRgbwYhWOo8cdAR3sOONMt+29C9To
xnTSH+Y84jB1ISw78LRPHbErmxqITwS/Rz2IMDFeWpFUm1kU43ma0sciDcN92Kb3ackwfDL08qEJ
gr0wmubL3JTct1CDqlekRSc7D+P8xupexgJWkGm0CIUdYojqTBN7ij4GEA2a1UUo2Ou4WDci0OkP
pgSbG7X5sxvI6mvK5j71z6Nto/nzu+XdjMrbqJGhCbmczQCa34R1YL2waykJzN1p1quJmDykq2ba
ERQYWzilkA43AQIwnpox9ovQYMBrj+ScCmnyms1qD7sOIw3U54M3hcAdbQ3+SaYxv8P6hYwTkhUn
PhL+Fh8ZIcfiKqJvxK06p7LG6zk3lbGNpv7aLIvPLb8GDE4TFcTQlF3KSXyrwsRf21PKvNfwj44D
zMpkNHqDeffcEJu295qx3BRT+kJ6vH52qMjuNLewzmWHnYXJRboBQobQuNTsbZhRKW4FamqzTb64
xKmuEqudNqMT9jc80xFbR3RZgzp6cZ28OIte61ZVHHbbtCI4iLRP8wanMjh18iEf0RnbYdbeEXJ6
B4ydwG8a6JSPTULCowWpj0HrOs+AtfAUwdO0bOrUP42x3R8xlz3Fo6EfwOLibyn68rT4hnPIQOUj
XRHZBeW8u1FvsAuJ3qlQ4ltckas4vUaxeaUMNDwWVuHuy1aQahB2K3gs860bFAXMJ17FevJAoGG8
o0DxJIR1hGLwhRpx+LUl1wFFcVpdECQNQ5I+okyE32kjA5iWfkOGUHfDvK17J+M400ftJlpa9KTE
qOL1Q6qyzrMeCEUdUm9NTigjSDkYKnd6GK326HnaNSH9+94efQv/YN2c2lNgCQKXBpDAwE7aQzlz
VBeSbI+mERxGgqJKv8+3Q572nFbZu9ajR9VcJqRus+6doT4L35vPRXWmvmetYofknt6bLl43uJuo
CewdOv67xWvHXZze9ZMljr49iG0z8KHFZVxWheNbv/jiSpzrvjDrYOt0/rqoOGWBWz5yiG6WiEyN
WXQP2lwtO9fQXoc4zzf00vNn/LSXLEGunybNORxTqhVTu5z05pFGisacecxusXzomzk3ypPZ2o+O
TmRqnDfaXaTP0YXgjXLlf8UHKK4MIvR1mqLv6m0CWJNkXlVANNABeP3zYFNH6JukvDHauH/u/dTh
njmaxBjVeOe52ma/rJ9z4xVFQnMQI4enRD8cNd7FIB9E5vhwOEg/nTaZRQxP4iyPXRwb5y6N032n
l+ZLbO59q3dPQUdQkOEhESPd5aQFJg9fPG/nJFkuYTFoN1WLW2GIgmXXLylUTxgyKxKSq31lx9Z5
HCLnEE7BWZ90G9pYZz3XnF8EJTjzNnLFe8Nk5C6W0VHwa51DIlCftOBDsK/G5TEjJeR+Ghok+/P9
QNPpCYjAtK09q7+kyIBuIsBoWnaqkjnZmVXiPTeWiZ+G0DwJB46nDgE/CbFo47Qro7B8i4Oh5mWc
nb06/54kpba2NJQcS9I7r/jhU/GV4NzhLmKIuJ1bfFF5Y3dY4cgdm3vrIZiZzHPD97ZaiVGmciIX
3FKFsR1/3V5rvZqqtbBvxITEX7O75mAIkW6WVNpuEWw/lljaN2nRhvdT2b0AMUP5J7zqWTcn/mOD
Hf1whopLj8icZsHOAt5Pm7zmuQDlQz1g4q5eL9Vbm6BgKwxNnICJmVSOXCbmQ/nNyxuqebM1rNyy
AMfQ1s+0Lf3KiL6hZ7xzynwTz9zo7RLMQzhXGUKqvl31vuvx9IDOPoEEuUnc/kuEV4ZUWeoajlMB
MFj0Pd0KjdtUI1M42uUS9z/bHKz2PHoMnqh8W13KgHhwOTvYr5oWBbsiZ5AcNi9zaDRnWwimcj18
g0FzraOTz/aBdNeNmUTuqQmWlLTtAsdW7/mvUR6e4sx17me84+hGmnNKcgeBR9T5U6/GRR4k7/xK
eKLl56+hljjvxKCbd1aEPTsORrFn3rddwsl47Zgb1ot4EBPSxGUoikOZR9SUdL2VuRgMHUllrjpv
vmZFMZIi0+JjIJ1yQySMdEB79NGz7hcglugxTTGOW974UjTDuMEulh114qpsLv/jslgX36A4BEyA
09ihWjvG4XXIwvs+chyuHO1XQWvm6GpHwqWPIoHTUOQpYqqO7jgnGpS+TsMkKkb74M8VNc5Wu5ja
fE54fLbc7O+8hGA9AP74jLCvE9hI6nPLHo11ypKMvu7owjMzMlN71fjtkYcE1ei+jI+F43yLxgWE
FMj4FUYhlGOi9YhdpmhLK6y8TJl7H/fd0xhU6YHhr7+dhgoMpivOVU1JuTPNkl9euCREcGgXftkj
QgiZJ1Frpt5sApvIO243jDcqo31okqkisidC5oHVcstdkjSLMAlvCovgdHInByqTdbBxQ3E75X5/
G75RghhXadA2h5wiBmBsnXSK3LaOHWjFuNU6mayM62iIQWO4FdgHODNQ4i+LU8cQ83pz2/YlgrvI
e52taJ+Tq/dckEGjYWQu8ig/4yLqOT7pHureKgo4agkQvE3nTKBMxqLeOikSDa/RzRs4bydNDFzq
hH3cjGg2A6g8pz5d2MmUjLUk7e81jxMzMQhh1s0tCtafS2/Xp8FM+d8X7nsjkHyiZCGKr+j0Gw11
2wpiSXA0EKvCDQbBiSz4HljKG61DEo2rWDDqA6wBHyXba4kYt8M8oLLLsCuliXWYJRaFUOXp4CBX
g7+RX+MI7U1VlubOcH0kd4v/vZuDErO/huaZSK/QIS6qq9Px7IXjnY33cfSW4D7Ikh51bPqkYZYl
2+nR9UV8qW3jqmukOFVD+aA1ZYDtXxC002j2ZcqHM669CS+/dy4jN7iLHGh4BZl4eR3vZ4TAJ837
oZfgDE2YFisvQSqY09nSy0fgK9ZNOvAWzIFt72ZCMi7io0++qVmb4tQKDfNUa4VPNpLqyAvK7bRU
XzsMBHliXHHfRm/I46ji1LspMm/bAZeAQbgo/nQ9WVt6k8PYT/GqyicuFi6XO2Y+HToUPOtM9PcT
mDwaGYl+ED7WChs1eOTCL6mAb64K2zwNpd+dktgCsWEwQPTbp5n2yFZ0ODhdnM8bmlK01XQnJkEL
y2pnZYfWC1ZJ5yRfeVSb2xz92Y3bjzBARX+MWnuTMAs8kjH+TBhQv0/nEr2bWRDkpWvmjfucaTKD
jpELWuDdFMi02tZDqJBGX/DMMqzJuJ5M9veOR8Cq+jamYrqf0EWul2H4YUzDU4RXC/6hc7DG2kGD
Zf+Em0EM6mTucyP/7rhpc4yWbhfg17kwGUZ2jGloBZ3K/GLZRyRXwbMZFO/pGPqHJVgYvBqV2Pk9
JRW3vnSFhRA+b4tTbxQYgdq+eodDQDSk+Wq3lKrL+MRQMCJy+1C2PH4oJWSvUXdbm8X8Egpk7Vxz
2BVrO3/ILf8YlGI+arBOhqH/YlD72Bp2wOMgKu+gjXYnjWDfVdMYZMJ2vn9fwrhrA/MonLb7zmKz
EJ6Z1hW2o8QiGpKwzJGYJc9rOOMHOlWNCUuG4dJdHLcm/WMM2YKyk6u1+9Rmj84jZcPQbd5cD3Fp
lIJQi6B3CVLnHgotfpwGhp5zo4X7/pUez8D0HTsMYtAN2xAklna71opqh5gARtZIgK0jM1kr7m4d
nTUNTGZkDh1wI4gWIfw1fIw4mzlM+XpyKfgNxnu95OX2anrTyzCW3G+mkkdhbzaHHsssh3y+7Uff
vnLrd67EWeKaz3hQuj0xT23pn1zd69em5jMic6ZN3VTxmxkNRyZU2dd8Flvb0wxU6HV0yQOiWX2v
JZB9qvED1JHFvqUSQ3JGe2fo1F+Q24cbl4QpuvfZemnIvLObmUqqlidHuJQkbyzWtdUsa137kHsm
i7KHHtD0XmBz0FsgdGNy5pZhjRGh58m/12WDsZfkMav6mQtm/QZeUsMmLKmmwHpFWTHux6zpePoT
Yq8HsXMJXAMA/dx7284337MlWKFMumRFNu1nHugocNG3k0vlmnl5i6v1HGd6eUpIrGmtPn9yINpa
uhvv+t5+jEfou3Vnnpq4x5rpPJVkyGxQy8CNdOvoYZCLyC2+1l6X3zs5JyizPldUu2xEWOID0131
rXEXaBuvv2mTFGN4Hc4rbFrrYRYX4IKrfE6h4bqGDunEKhDcc5G6QU5rqfIAy3CGYUT8JjNxnaB+
MWBzIA98n2LzayOgSYROu5qa4q4ZrX5TLdyxgg6xPiQK9vLQUCa5c8zqTUZVpxO17jy+X3gOMs7B
OV7AuXUWEorJDCQMj2fnMwbaa+UTg2fSQlyFsvos3PaXDdB4VZbR1tfp8WSMePCLmneTS/qb6ez7
sT9Rtm5WxAdNyPZxoMeYX8f5gjbtOYLctClj7bnIhoBhZ09gcYq/eIkiLrn+zZotsRkcnIoMmsp4
xEBuuc5uCHCYTkn+MpoMrEVVvjjURjTGG86Y7+t5OIOz8DFn8C14fm9mfI0iRgpV9so5+dXOsYIM
5PTsKrd96zAC7Mlt+wJUFApsau9TTT9Vcz8eeMZjqYWzYRtYeVIG2SZURjMxHpwZ6BM1ipXrgm1K
sa148uS1I8or2oNn1Mi6R8s7UXz7IoigXGVRUVEhsPtNk5t0basAyS2kkbI9mlnWyoI2k8xSg8rN
jtwYcER6ZGlrcOGbsuHw6cX/oezMmttm0iz9VzrmelCDLTOBiIm5IMGdFEXt1g1CsmXs+45f3w/0
VXfVVzXT1XOjsGzZpkQAmXnec54T/+jQB1eJLX22mNaamuts12bz71RzzkkwezgH2bCPG6c8S2dj
JDCfMbN0e9WkNc2o1WfnjJ9Kg2+WIx+AlWHvNOn7OtPEiXBCYwSSOt/GXVeoyfVYfcnIf59lQ1Mm
/ZFekd51saM2RPZP7BlM/C3KrfaGLWBOMuy15+TcBcQYqUfEWGCo+yJBpelrm3lDO8BGxcYwF827
nzg3BcR5pc+c3g23OVF+xhEwYUp/rAayKAUyC4dp6u5iqLdNdKrL8meg2MjNUbStIVpcDHVyh/kT
tLfmoaa4Wz2muGeIPgN7wFTuQBzMrPtYn4yDUTlqVUWxZ3c8o/D9nCV/ZIED9vywYLRdNl9+JRiF
12CZjODnYNr9GzuVmEdMfiHzvxv84UWx517bGsN/YKwgVgEa7muwp6uh7Kr3xNdnYMMqubYTkgPE
V2fr8L0tRZKrVqB4A/nlyu6t3jPL+jDOxPxFbOPgDxwiVbZ5FyQqOefMO3AQvThwaGV/UFWXvesM
Xb1M+63FZnfsZq44gjPBQWCqHzRMUXpLXCt2AK7NzMGB8hC2En33HLoj+I+yuXeVQrQx03Nrac7R
TCkvLXp2ZmnLhcB4o3oSbGlHQ2PlyDnNFvwduy8M3IJ9t45CTp+5Xb1yJKt/xBKz/zT22t4Xs+UJ
Mm7r0cdDA2Q4x6k+Uo1E1ThVWe3FscTZzYGeBI2x7u612Xc9amernaFQYRo9W0oTHYbHYXVocDnk
Y5/f5eX0gF2fyYBZrSfOnh5j8pukmLcosid9JnqS0UrDGkY9bTg42sbUUNirQruHSGA0PHhNECFd
V1xBUD3Meltu4iFJ1vFdVi8JB9OyqRB2Qvgs4TWoAnlo+vndN/XPzqT8rx45JHGO+eRxY7QUGVLq
SlNuA9PbAKweXqK+Wxb1ftoqEDRrWloxFjdVsMEoQKeyDNWu4fqL0yA953qaH/C2s9dpcIcPryGQ
BC9tApx2c3wgyo6fJa+53HNCTLX/24/m31Ni2zf8GTTrxeMt6ThJRgmLwqJa2RKenop4Buhzbnui
1p5URXMmC4OYg7dQBKju5WqsxpsxOWAWTfODJkJxIspxDw3h0I5FfMRU00LQY37nV9ada5afXBEZ
PvzeL8uLrc3ZytGN5JK77CgYLAXkotvnocc8PnUzVdNpeRha8NCtA/cP6JyXFfVL7LYPsiqw41QM
5TJMwkyC2KHL9CMHZL5CmX+ZCokEMFeG10UUdPX1JM+qbL25Vc9NpRs4wAsIZ3rR7OvIPFl6vGOt
y3eW5n66RTa8pfp7EVJHhkei2U9V3m2rSTP289yHPJoaf18dgKdwzBm2ZqJerSp7UmjOG99txtdh
gJE6M+L0ox3Iiveh8MW6nMNnA6o1BDQt2ddKNVtKkoN3o4Z3NGbZVWXBnrEk9CbIMVMd7vPoDRQN
Q0s3Xk8aGuws0xMaPJkDZIQ50w8l2cy1iy8i861uU1lMCQfH538wHzSekZwPjafY91mPStpdfIk/
sjKY6Y71thyX2Br/E0kNSTVE8ZULIpmF/DWUGdp5aYdekWgFEilb/yq7dhU/sXailsVkfjexLWSW
tO8KM1iLJWzeA73K/JJG6qJ7aE39feLFbf1eMcNVw69MhpSaZPp0k6269Q3PrWqstnYN+kHIbhmG
DPVdaqi1M5300Oxuk1kgVeE6w+W0rRPKWMJ5b+ewi2cxe3IwdwGzt/UQZNNBNOW2JNN+NIbu1a2B
KdvmS9MsmOdRPWFaeTbb7lHiqwJAsQ8SuQ+yITsEvZ7clz3t3zHbwqPQ3ceg7PUTcZhLEsr+TvBY
LSypXZl9yfKS1W1x7lsWWV1FBxVqqGQmR2n8CPlbTg6yxKtlJ41zP2bVPVvtyhtC6+BogXGnJXqy
i0rWqix6SYRlnrPvXgJfv+ceZgNcsW6x0IDsL9ldYG21JBXjrZh8ZgQtj/Os8wZw+x7t3E4+XIeZ
UzcL61SOB5lWtx5zz3q0q7fuZ5Tp/T6f5btwRbTL9YxscJc+gkTh5xZBKuKcvtF62mc7ZEinQKIw
JGPsGaYSXoFqcjn9zFisshiwnpjMW21E2ziPaCGlaGRtZz09jLw9zV767lNij93FZcSQ1R0N3L6P
7pCWRyfRjM1CvohiNzw2irF/XOGPYzxShfYzraJrFjWeGYkFw5Wtlz7hCmIiWsXQztnJeQwhccPC
4duFYjl0uEl9mbYZj/UbuSWe7RF5Kn2sLrNr1p4xmTydmAIwPmAPz4UZtp9xaRge8cZtMQ6Ewgye
0IXRDLAx8ZID/Y3n6QmUM5tiayBcxaHSTsyvFF6Rl8yMJ0NNvoj4dxdbX8Ncn0sF2G8kK7xxcGny
zSDqORF86xlsWjUYCiTFAkbDxDGj0LrVC/oa9aZW+6JKoz+OQlwjTqXMWjLrSrhqYw3+r0SZLd40
oR0qTQF/H5IPCGhgPMSDYfAcpZf+2Zmdh9GvJwbrunkunfFgysHmZNyjfdbFz7mD4G7NSbAHG2VA
o26J91m8G2x3G1cPN6AiP3pDekZfZl6pPkbVobenH64x7WERuivazLK1KrAG9h0UDdhI1Ih31MRY
ViS8Qovv+ixcuybo4rq/Orp/4ye4lb5/j0e3ooO93fed79XDDG8kMPI11y9lHlN7rwXL5Eo4E5vq
ct25ick4bDgYs3U3TYWiN6P70pLXChBdrpxyW0vrbl4gMt1ceHg+mLlYN7TfNwAmMCg4XDbWxhkj
zXNTyf8q7nOnDd/GuR42EuPeqk3BdOmc6ndY+cDzinHbRuVdPM6/tALukD4Nv/iG6MCzOm0X1g+F
DtXtNs/B8MzAayukU15kK+4EI8QpET1wCg60wvcfkkw5iJ0FDr5ZUP1aIfok1Y7L5yKr+sq0lsRe
Gz4YUXBxKo1ELjCytSXUsQ1xwsC72ZiRS2N61LwSQ9ow5xhAcPIGwVOfmLS6u7Zf6kVzrNbhTBrQ
JysqFUIGFFqM+gEHfziZccbTdQGoGrKizApzTEwPEepYPey1gYLyyayufRG+MfKTmyiC5elq2GzU
NfXFrTLMs6ZbD10FWROF7iIgDWExQgvCSfzkjj+JnUXrcjLxZQBLN1JOgJJmeSB5kqywwf2WsxxR
Kty11pKXnsRp8Taxd03ZFjVDvyl6eH7aVG87rohdreudZ1UdCDo1wLB1Us41ofQ9pSiob0PCn2Ff
bBFNgKfJKDn74fTWOO2lyAk5VBlZ3wCCftpKghTGPjY4dtnjiAUlLU6GbJttF9XDUsxx12UEmyXz
p/UYu8Brc9hkIYenECBJnTJc8eVh9PElJRMri0NRwzDiIC3zj+VPo2G82LW6Vpp74uAFwitaBcZL
zCuXhKpLiSIxyK1tY84Jh9vYNi/0QoGF1p6Kth/OaWk+6fsGO3MX1hfDYlTRJG5+gNy6xo3+4EbZ
+OSn2sYIk9jD/ETJHGUXgZP1UCnBYAEXRB/oqUnUWkPzcjyfKzWVl5mKEvygeJfU9ywv8jiaT9de
hgzFgg+S0tHamqi2l5GXdsLZtmP/OBpskuBf6htbh+xs6BJyZyMAToLL2ZQ2lqYmCWBbZc3ytumw
HIdIAx/TzEABuosaEEX9KIw803wU2D42aOKVV/j5xQ+bkHmRaRwitl0ZzCYTq0beY5AakuJKsy/e
So73Q5DOZ9MfTwnvyVo4w9YJULCtfPgYJsbOwkaMaSjJOfROcUD79hLL2ViWW25t6u7XFlDTJk24
z+o9BbXKi1woqsEPP4FiBGNyY8W2xp6IgLckUhmSdZAD6GznEk4uGDEV+vQnKpYt1WIJGqkeiWP/
2ubiQ294G6gZgZrIoWECxLWuxbbomxhwbC8P9SZJ6u5OGuew1jMq4euP0QAUzHk93SQ2SEtTD65d
jLLr+OmCZou3tj7+Aghj9xzVrLh3d2nAGdkq++4mIUBiktoX5uRvYiPdxwxh+qJeutJz0K6pjwPa
gp8odVxHsDVzTN66LXYROy4v7KKYry57Twf/RRKhvWJmjA7AE9h8g+pr62tuoYtx5z+a1iLdhPke
4+ups5xdA8Nv048h94lZfgME4k1c8MqUqSW4eObH2G+qnayeuzmfPH1SUKPDGKG3gdI0PbuZeIZC
Xm6nuN1hKPB6hWiU9lOFZ/cDnFy47z/bSb5NTB9WkY19B6LlQ0q/9EZM6CJuJD9DJzW8KKqKTVdU
vzETjdoyvM0hNKSCLXvFaUQV2XNDzUQaX8ggVY7BrC5o9H3n0lUbyU3OeJmdVj6LjyQep43GInGM
mXhtQlLqyF/5hSg/x0vuJ99K87ckKddlHv/KAenXQ6BOlmTq5LIJHFmuGnTQDWfiA5ja6WWqLk09
9e8ipDVLT3Rslgf2Yi6/pi16FMWlwkJto8mjMD/mbnGzOrM5m4Q9icMytQ6KBDyIxeETHz2HZOXs
QUPHK7ZdNdjAsvioNRChRW1uBE+vgxa5u876HTuxfdJ/UlIaeHqniQNsMHTSzAzXERYEHgJ4uRKT
lu5Q1OcQIz8E6d/R6C8Eie4JKzzygVRvnd3tokwa94bWGfeoc2C6AoRhi7Ewoz3a0RnJ7dDX6w3Z
MSwwvXjTo37L8EPXA47cYc4iNYgfmUH7Q2reRpeKqNx8ZZ3g+44XhJsVUDo+d2gqDkwthZsqiYph
Y0M9SYnEJAXva5mgxRpUnW8C2hlh7LKQpbH10vbvPiPD06zX6W4auxtXUfbN2FSwMlOtZnOqFrGW
QVNT3oPYkhunhnRacb5bJXX0Ch/T0NrsuR6za4tOvM0HkM8sM5uQcR7gdhITU3zhLagecUbdT/4E
Z5lgAKU+D5N0Ln2V/2gpglhLF+6pgHzQJqTeJAh0zZSMoyYcsW2ZTgzwLY9QLP5SX5HAr382ccp0
elqzDT+KhgCEpE6TFK9260d4IUHpMuymjmEsrK1os2FtUw67NovlZECiggY2Go6KbNzAVFCsqR7V
JzA66fNal/4M0xi7pm6nsKiNigsb/m0zif2ksvmQhT6bVVMgLnc8U3sMh+tWFZ89C/5xdhyAw/TC
dDHyrm3mr+DvE7Rt/4obBfi3Dm4Q1aCps30aggn45jXQLLQhTQ4QOQdKU+B9cdur3nBPWGANgOsJ
Rmt+tsV59ZmFfbUDaUunT9bzXObHbdXITSYH9fWsNBo2QhliII7VncsGypnhrST4qbzJKRFYQm7B
ybUveVweCuUKL+glTwKhXZoq+/LjuN9ykh71H8CTmc7NI17aB9FN/alWdXsA3r6vi579PRRB2Dm8
xxY1MYHr2PsUY8yEgBv3hVeI3vBETv2MjMVd2PaYGNHRWFI5wOXY8rjsVunIZZnB5mYExGmsZecy
MzebxvgBSifnrsZ/NpuPvyXc0nQq4ZbBeGzosfJCm83KVAp/VaoK78Ti+cuj6BDZKeSW2PiapyzZ
BCDw/mg0hhDJeFMOB61sxSGrwzv8bXKLgTsGpqDXpEfMdEvJiLmuqZHjAwO1HgNhMPrJUa9GL6G1
nhWESHOaVuFBuHR22SATcEYVa61CnBvDFzt6VIYxM5H3HyxCeNtvi2delSCTG3MvoOpwPDTR5Bez
JSvB1Z6xkLlOcpSW2e/Qu8cjd9gF6RlxpS2fvmtk+wnCSqg32CeGq4KisANVOcAyhXV0rMFCzaEf
HL5fjr9knSs+9ZL4caiJjjPDsb1MTaAfvt3f3/G/qG8fELur7XciUDPrcqVD/gOQtMQELTQ9zAiz
n3ia6G6dX047wSZginF2VA5IcKCfq4Y2Ck9O9FpICjvX9tLEFOQgPx2tugIxwserRz9Lp9gPAzeH
1AQQ2zAiB0OuZeO6v/qmJ8HVYxmnYW2II4TJhihRwoXYZNlDxzpM8HQxlRaL71ZT+UehZyZwnVBQ
nGi73uz08YbA2Y/FicGYRj3NeufgOsTNSSthYO+UKPZdmGWbZtbeDRQIxiv5rTV8AWEqVxtu2ws+
9JixqPmeL2VazIv4QJHlIQKoWYZF49kBexjoKcbKtxM2XvBLpfmQ6CVhIJvM5NJm8/2hSsIjN9y4
o9BpIgwWvckcy6uh38k2OQ0TunYXjMc4Mra0lDCrw3MS8FsbDI/X2gmfZ/Vh0cyJqwPLcErFtCVi
yYNLHBLD/B1ovcsyO2H5c2mat1PI2niWYzSwyt5UWJzYZiZsJP2k3WAfLFa2wLZNivTFMg2qGHjI
AaXPD9B1nKMPguFIiMMzc6WtHIu+EzSppSU7nORnapqLhZH+mHDikmgDOa7NtvzgiPvqjMa4njJ1
YQEEPqx307FImfI7oKK3VVs9YJ2GCJKpB5fjgOBEkg3tjnQkMLIcVXOa0hPKc4XdibtP42jz2IzF
yxyS8hkK7U02o8nZ18dvnH58O4cVu48/vM4TIurOjt0bBwc2T9OHSJZwQDsnuwIGoea6wXHWt3kX
3OHWpjtqbqt1zF44CGDollQCrxk0U6KaU6rA+4btdAv2DXT70ptVhIanESQj9ETss7bSx++7isaM
hpr3sNmUenjSbP/e4t/efF+W367n7w8zVHSZ+tdgJAbRajdVkTNBEdePRVllW9OZXmCxEbgb0SeV
DYCtSoLtJEL/qJE+NfzuG0FsHCmyWwY2Zx7bGJOXV1sXuFcI/wWMJHSKNaYg9PQYbXyUw7I6TD++
c8ZaBa1oEEReStIEq+8wNF1fVzFzXKkK/y23tIsv42hv8UySffaQkk/YGt9YlDTU+P764MvNB9a5
OmaPgcEZ12i27ckg27Gp7dtqubpj+48M7Xfkug0Dew++aa1Lhj9EkRHMAn9XzTbOSys7uOynEOZG
age7eeX6refuv9PcdTf+QiBn3Rf0A0gW9O8bMLB4JGjmwCRTQ6xeeoSCfnnImcljZ3SbJY3WJHed
ITrQvyPGsCh46KGFrd0+pc+g2sK0wHVckivDB4n3SiWcUf8uDvVXUuCfyIDEm/6ULnJ1wPREbyxU
OYPcy5I++vnxEOXBwhH8n4E7dBzMxxqHevw1C9v3YkFcOacnFKOSAIfdc/2ajrCpei9NJBSmZpP8
cJHx/mBQ/ola+Pevhb/0Ty/Gpm9YmDb8QluYYnmxf/di0rCfpNAbOjV17NNK2PU2nYC5I3heTMKw
nEi80K+pZsV9hRQU1gw8LAKshjPjWy6Cl6J4TLi1zioCArg4oZGaH8owSe4kShktKDS9TCHq0+hv
htDJPWWG2tVmOxkrMCpM66xjm2atR7CgOfu2wkTZMuk0orZet04MYTBn4zQAjYjAyj20rWljjLsr
fT/6zeT+U+91Z2+YZYgvF6sRS07HDc88Vs9yf91qnf08iS2RgGCNJ1i/abRd7JAtxCFNmBqIgr29
Ldj/BCnLZmDXQP5jY8vlqP2gclxY1aFYVJSh0u7MkWFhFo5ACks9ep1pgfRkmm+wjpBQgdMdS6c/
dDa9wHopSbGWb2Y9ZOcg1IpTZHGwoSHiAYKec0SGIFZQ98YdtR4g0OqIx6QYm01vLSvm7FhXfZkv
5qN/dsFZvyCipAEzc07d1tYBRD8o8IKyYSqB5dbapamPoa2InYMuipmpduruTB6lG4Sfdof5waBa
WX9LBa0EmnAe7CqdLwVitNeWNu2tNKBCu4ybHfasRYuuPyl2D04jbt+jRXAaiHSqnVEOf7FUGMdk
4mUmMSLiYGTOyfatXaSG8axyHoLF1I4XnIKAo21x1Yeq+BzDJFg5N1aJ/AOjAbA/2nOYWooPF9Mj
3TDlS+SPIAmZUuJqs7nu/eQc2jMLPdJikZnmk6mRc0rn+EcQDHtVpvTk2H2LQ9CeXzOXih/gGb+t
0jR3esbFRB5lwj+d1C+uat+N1BjQPpHChinVISvX2cH2s/tu+SyWPfjl7z/IuaAultmmW4cGxZXv
VGnF9aJmFEGm/fpItBhulDnSQMLf/P47UIFQjGBa/fGFutKUJylR2vsSVQL7WXK0KZNZdWTZVnNt
siUVUcdUR1iHULjjQzPWVCoY2NxGisUC58WO8Q/kDKJDR1ESFKgZzyxlE1NRXWjH1T09iSEjl2ip
MzspXCDg2bkn88dmOOEdyu71TJFPl9aakfx0dt3BXaUS81jYyoM0KqqCtfqr0miPdVXTQAtAxaiT
hZtV1PYD+01c1f41rbj0O6L26yw07W1Q+MSh+MFe2wVH6Q6Jc9HrPGYnDntfIBY+4D8voBu6YNHt
hoG3T2qvz821QYnONRG/q6Afnh2cNIK89aZJUOlwZopTFOvb1Cf4kjitwXKIw1fJGC1wUp8OAIu9
Y/b22Ydz2WhBeRl7yRzTGLdRaQ3btqSEwemAUcxFnXr8zOqtb8+MchFyNDwVRInmjT/KFaMOeGu5
dRdLfThaRQGNs+hOsVV/a0wtZ8SM0gHgj2sAjsNJuZhKGU7XWwyjNEfI+ROJt15j9oNOOhV7J3Xo
NA+QZf7FQrEAYv8+hkoAVEggtw6Pep1Y7D8sFEltmL5soHLgKFiz9a3XtpHHR93M4rMYTKp24+Sr
5jomMZNiGXDgpDL6B9cn9Ohs9trVqDgo5TkhEmYtv1ET/8VLNJck7D+9RFfapHjh7Zr/uJY5EEbA
TfASRyO2Nk1QG+vBYYCH18s86SltTV2WxV8+j3IQEeC/YRUeU2Lh9308eIZ+S3Ok9xD5cN3PTrvr
61FdJGa1qHDEGl+SgdDNvArNkHQ5G3qkzsL8F6ug4f7Td+HoluO60rF113IFvOC/XwRLDSu9Po0F
trG8utiBuCeAt5IcPjxhiPzSZEeI5ueAZyAaVrWL6CNkookhj6fPgL+9fLZrwLXu+ME4CddcUcFe
GDIyYf/1JWFb/5dXapu640Ivttx/+nkTQ9T8gg6dfRJLjFDA7Lym1OXepNQpDyoSMs3wcwzqW9U6
9Vsrf1Kh2p6VbOpdC7XNcfzsJCHseaPfazuKT17zSp0yyEFnBxP3pk5Y6kVduWywTXM1+hkHlrwU
x56KmZNgALoCH2ft+qGmbCrLdiZnildfjl/9fNUmZ7yVZYAHOgVCGrmStCxWf71F3kkUxgiU/Qg1
aV8Div1jW/W//rSX+YPA/LMop5q0X/sPn/6fJ8wdRfa/l7/zn1/zzWz+22eX6GddNMXv9r/8qt1X
cfeRfTX/+EV/+pf53//66ryP9uNPn2y+o/S37queHr6aLm3/gxy9fOV/9w//7eu/FcgHi82m7v8d
yH/6Gj+a//HXf2zJt1t//I3/4Ghbf8Gi7Ti6NBZXC4n3/0zjM074C+KBqVCkTXeJ6v8tjQ99m9ve
dQwdlPw3LPvf/prGN8Vf8OwsIXqS88px9f+vNL6whfHna94w4ASYjqtQFXQJs2O5e/9ui6q3mtZX
RaHD7Kj7vWz6x2oJaLUBTodCyYt0LaQsv3zIqFNYuTMuZsjF0QzvYuJLzBRGCe2XWCBB8Dv1gyWy
j5rDA+lvRUfyvKVX88mlOw6Yf3grhfMIlvZcE/RGzhI0AYQd1hb7OdEk1HgdwRjK70fOQEzDmlVN
lYeh8ioNtbIiKoLjAvRyCcbFSbeqa17nPBEE4fMzQJwY9A7jO6u5E+SuaTui1bNzR4LolXWfkj/c
5M28GxwyQGN7Mrs28IJ5Xtfaz5jT6VaSul8NtSI7xAFBGSYlHvgdU4NIkTrUEVUJivn0hqapHeed
l6UigKE5ziQ332la9NTgPILygie2i5dd40AOgCT4Tg+mddllW8dv3tHst11tnzvSLKvRDA9S8fNY
WwMRagOwH5UoxyitslMxaLwAk0EdRz/zkmWTflJYWr4/g3FqXr5/ZTAPPqS6fmFNNu7miZ9zXqCb
08dMwMC0mzOH6PGEhQMlcJwJv0tXu+YUd9371hzc8yyl0maYz/NkxZs6bXEWiEq/x9INQCjrqHpf
Pu0Kv7rHepnoEYUp5sTIXMDKVX1jHgtFHE1k+LL6wn8N/Fy76pRjbLsg6tdKc/zr9wemMNq1NAti
hp+ZO1IBMqvWXDmppLMnYI9AZxCJsozf0+tqo/m8y3HEVnVtZaVczUlTkC4rMI3GphGeSnZva0Q9
kzPIknHNlTrXE1NnbSzxiI/q7A5FTTEJ2/aI6st74r3RXUQlYkbVKcPgsOuQE81xR7PpPVs+7SKT
id3PFIU7KAKN1ynRPua1sG/oRCBjQ9uon3Wt4IP+Hliz//j9iYkgYQ9FTwcG+MIhls99RogJl/kb
QLsUAxXTkUQ28dtc6mi+upCbuLHexqKZnnzMDz2ULZJbGONGQA63noDtkfKqcRP6+rAeO707TVzT
ZOG0r0pqXMBjeddXho0KQ58JswnaxPNOPJlYA1wJ1ZetV+Tltfk4asX0y6lw8+Amwa5D96yhyfBH
MXCLc4CpE0JNbIrlQwju+J0WFOaTRuFAzuFQGDAe3DaDZNvM5BLmbRvsK97nG+4aUkyJI96dOTiU
lER/9ma79uljdMd2eG5UMe8x/Gpbp7Gat2RmF+hL80pvVbfSB+okRk34cCqG4CVJHHtbZgyanJG+
CgwvwPVEoFMMyZ+6WJkwVmMdtJkWJRiyXlVjvE64r+4bm2nLWIP6d3xMdwJP06/sQzPQeBNMEGuM
G6c06927ZsyWMbVk3DhGzjk0zGhts614CmW3EzH/ddqAc6riuX9y/BomQG8+u6Z9scs0+MiWmRSS
5XxfGPp0CZMQbE7GNM3hZjtVpaWOI2EUHhTu+Fhow/iYm+a+Ey5n2oYBMWUq4yPUCArpo8nYfH+F
amp3X/fMAeB2rXuVTbekVuNN2O1wQS8//u23eC8TGFLRKZISI/qYl69E1jKUzELbfH+Km4HRe+jz
qrLgVBO2eBVGcvVhO9+YRSXPU4HBMxneMUPMFxhb+VOTp3cREbjr92djMCDPhPC2Eu4JII/OE08g
Og+RqM9TlOivGY5ohxzn0zQO3T1G9BfMkR7h5BSEhJneGNHuEKfQouQk0PnTDJvAmF40bPWFRf+Y
E5gyWVHJGxEMerJNi6asyFHbQvnisWSTvZpSv/oKGfhVMUiuSqHMaKULwCrJLzmEtSvvn0YqrOcQ
yCl/r7vFS2BrzaOWG9mpY7mEIhCVWwXLfTmXXQO9j345jnF1Ul37OW47Qx5SFUwU5VIF27nQvb4/
9Yo+tL26q8xD3djqLeWqSkMjebXpMD2pGYPLlGXO2+DOzVrn8qLisrSYQwfFW7dhya/fALn5J8i2
Faew9jcVlPLBlMa1HLL+hYpogJSRkR3q3mek4DLwtAPNv+UGkRK3sYq13yrlOX1l39dTk697nVu4
ysk3dFROYTiq/b20w/KF8Riha0j+pzHK7/yidDG64f0KAxUw2zfiZyVSHLnp9Gb6br0FRRI9ZnrR
3Zw+W8bO4WMFC4DSBkljfFGQqovbc1I5/b2dlBq3edy91kLbxlEBjlXrouexqZnUqbw5lFUUPZt1
lWxA32vb7z8lp6ASkos5Q7gg0KmgImk13+NZvCFddqc/fm/5NO/jYlNm+otPB97FWT58/2rIeT2I
ReGmHZP+NCqzP33/KkmJwSaQzgjj++PGClh9R8KwrA2N9BwKvLBTm6UXU+mLGxlLIfrDnvLc3zCO
jJ3bd8x2bJJWPZFqgEnpMQKVsDUchlgzPwSuH2dvBZm75sJnrlL9sKQxHJIo2Iep3h2yItpOWszC
TscZvmDln0tO5HSSxXfmkcLO+4xJ603jKUvGEuy9Jr+MmQ2RzaKwy3TmkInZkBJcChJkpD8OPg4F
I16G45aPzd+p3W2RlAfLqn4EboaC1NPy2YM4EEP9yUMYmxI2m2swgWGRRfdaAba/9Pb4YVfQ+js6
LZVgfYB4q9bl9Bj1KZpDj0K9uBqobxxXyrZbtKWfaoqfZrpR3SlZD1porJoabzJmZX5R4XfGGd7V
uldJnchQa9xreK5XjL1+WeN0SBfQSqbwOLaaqPBDAcQDzghszm7eZlxD2P45S+qpuVUSNyqoDp9O
T2Z/LokBqtcXTe5FawWambVxhYU9Psg2buS+WJX508i0S6v0O1hBAJnsH04Z7gbDuXHIS1dxOnyp
Dud8hceJ0jbydV3zkiixa6QP7rujZaycvogPyJUgZNe146vwy5/g8ntETEA81qei0QrHhu6heq6G
MLwFM1VsYqsPOi1avf9euBjR8l8g3LmYmUMRUqe/pfP7tV4bO+TQ7UQrKWw90az7KPhpJoQU9Ezc
SJC0Vfoziuu32RbenPa7fOIMPUQE6I2UIAVtVrMwXotWf2RK/lB0rruFh2Er/fcgV8MwvfiTtSHI
yxCWDL2pHYO+vfqzdqzp9eBqoqOUPFd/PzbO2qmxqiLuPvSWRo6vuemBfmhAJcSaZA7OoZUnMSmf
8YkSJhQ9xKtVsvSmhd3Ckp9Ruai96NMHEIRPZvTvhL3XcuPAtmX7RYhIeOCVBnQS5aWSXhCy8D4T
7ut7gBVna9+6p6NfFDQSSJFAmrXmHHMu6NLpC9ayAX6E5cf3nE8UsHHgGVySbXpoDAxMJirXcSi4
sk3nqslM4pubp4rKqPSZ681jUjc3TUT+Rxt3V6yfMiq+qMlotdOLIsljwFyMH2QDrBAwoEGMX9js
Yt+9IWtqZbYmosYyPBkNt5ZldyIYYIroj63C8pz7/SuejxNRZ584a+tdp02PgusRNQ8ycsuFCmXM
V0PdIANuuBB9oVOzst116U+3+oSo1UyJmZcesYg1X08bq4cpK06FIFmv9ASh5SYeexJGA051cHse
HJU5Es+iok6G9WSFWTNBapq+zg39/Q5dnuw8ykWkLKCrpbTW9c9dYb5CCgS6qNuvUZufTRUO64lq
OA2H78biGjG15rOvk2HVoXdZO09u4b+hRP1IvS9mgNuwRdsBzsBGJruCtvfjFdOH5RhoZzpJcnTR
kjKvbrNuCe3OnU2iTe+96REUaH33zvA9Jc2VVX93nYXtpyqurJJGeMdXbufxZ2wndxL3xYrkz3ed
mI0rN56YviiSCuaiPqnfSMTxyerxdp497qsYg0Xe/0Fe/xIR6deRFu3V/l1uTLdVtSB7i/FVeOq6
glZlEcDE0shAtBN/0epqLidgYSHMzqsu6FVK0Byl+jZziKSYSAym3yxQxuSklXW3YUlXdGhLTpIZ
YK2JC3XQhltNT2/T2nqj0HYbMf86GnnIFYadAFnCVdRZ+6Y34y1pRmuRbtK2uO2xTezU7JLnS9xd
i2WA9i1DVkzqHAI8TdEDaDDZ1t6blWH9a+b5W3lDt8JnfOqcMzbIbYwdAK1+4qF4czKctslNlyMV
dvT+1pvUqsrbt9BXhwpfK6Up9LY5gTrlmFyrph+3UupA6pCB61Yj8EXYWyhM71XpqIPljuAshWaf
2e8HVlS3rDfwVVkO+2OSi5d99RhfW+SMTn4X37pt+JhU7Q/6MlI7wLLA1KLeanmf0X364CnzAcBL
8phV5ktIPRUBQa1ttBDlgk3OHqusDh0EpxTmkXE/G+WN1Uiw1VZ+RWEJ5VcyZQH957HdNGzl9r42
IDVJxb2WPyZwtldIaSywIdRoVX/Dzs/aRBOjSdSjtGv85EjHyQ/woYdLPKe900YvZux2nmOZVFvb
K29oPaXUoxT18NA9ZXxrJ43/tJPxAW5FRLc2v1kswJsGNAiFQHwHoggc3BwsWlp/UxPyQ5VZkSai
jW9O66oD+0Tsw7D3UQYU+9bOXhOsace2YBdfduJLl3gca5x4G5JeiV41YZAaxRTkumz+dLDjJWaS
iY3/Q1Yk/Qo36LthEgAdVYx9b7ZG2wvi27yXFGIZ7LAeNSbF7Spx73AMBWxrvXXTevcOANxV1JoI
Wx2myzY3VhqxCZH0bjq7vJtCBnjIsdcdDIwt0jQPbOYJwQe5Wz48ndZig15PYAkBJiMbSDatn/yx
c4zhrT3Q1BE/hD7RE5BJua+zItrqjcXGOvKDTkHJbtFwIzUgu4ux5H/uXx5EfPyCCs7dXh4fCoBr
Tjf9/3/v8nRKMDe7sWZ3+dM25+xOKEb8c8jLkyJkRWiN4upyyMtDQ9NvyKFaErKYaEMzKk9A6Dt0
1+SKINnuTPswtNU5nSgklcN3XLCYxaH/h4LHdXLoNIGHQYPG1ckbS7YHj7LPKkHJVirnj530H1k9
f7vp9N2YaJLUhBLRN7FqDd9zRggGaoBHJrETivvGl+NaFguTmZj51WwZ3+Sus6cEOFjr19WUUPr+
mufKRR7ELNDb+lVTOxsrKct1pSDwuNLHBAA9hZFTymO2/OgnyHSXWzMtk1U/oEgzlKv2akCKszx5
+RFLWQTzYD81GaC0nuwwwFHOUch83w9Ww3bVXQRV43o0ANmlFTxAQbT5Ri+L7tgYhK1RMiYW5XK/
Zo9/xNCYyfyusnWx61IqxmVXDauQatLkx/ERVVq5NaFb0XMvXnJrjoPZJX+mmXVIMXH6NnuwXnts
SCfRm/rfH8Z/bjnU/1hKRVzEY5GdPAgWh2kAcWukD3mBzLEzz5prf8GptE3xII3oGSb4Cbn2Rib6
tW+3nzH6LzcZyeflAx/PBXSqrLgCjYwFsDxautr1UINMfUBxYRlXkdZsiTxdGUpsEohyydiwn9nk
MZsezg02KUte3CmsED93NWQFi62+m2CeMPvjRKSRg1fc194aHRn24JYkSflf9eQdEuzZyxLBtlnO
tgjl/fwO4cHJLdujbO5G1Nl12Zy1JFqyFpB2kzaH7Y/aH0t8ACDA3fA6v+kzvUi6OEtGck+NLqSa
0kqKDeLWK33kbPdlZoR7Uw1nfzSoaaKhnfNg7qxTH3i4rlaZVl9ZWOSKEVekanTmfePGCNMbEA5o
ylIFVKMcdj0b6pWGh3DduZzBgCAeK0XhssqPNrsoL3+cJouNoRG+6BrkPS1lfwH/27ixQJsFIpcf
oQdoukXruqENe2tgXRQ08iyz/snqCRWndvQmrzshpTraDhUBj45EP/rVuWbgX42sWmwk5EY5Tius
OfWhs4vt6CHslOqqKcKnql7anlZ2kzYuUN/6ZsJQtmut1ykMHzTs08SGx8cqvVV2XLIMwgMPFt1m
3agjtkNGVOJyywDXDVXxEirIMrppr3NaY+s2Th5ra6cKl9SShl0ACw5OfVqxdfsws9wHP0LWc+tE
Jm2o6QmZBuNI3xJb0rzGlB08movsmDBRdZ8W8DeJ3GubJulnWi0tlIwVazYhgh+urSx/IxC6PZpw
i2jatMRT13vpxFCeaivEMRJ/TZOpzsnCFIXvPGaL+snzX6BrtKtQqccUza/roN20yuFPg+gwlfn3
4HQvujXB4Jg/pY8jSMGACGzDZWQIhwMS8dxYmjYIlAHVTWtbEEe7qPzhUKLbUtAusHOJBB1Bcl+4
4iYiBbuUIK8ifIG6/GORjqrJF+UmRxOJ/KCag8it+xRd1lq4+nkgOWhNXh1qehJXW5JXNRJYSey7
qRpa60V4jZSRSDsc+9RQzl3efzdkuEbprUmia44PfVPWRcFq0sH55DCi2bYM+iG+8vswekV4/Kk7
2cEkKxaT/E0YEWWf3JmXJFkcTzXZssi2/U3EUgSl40PTiReLFFp7LB8iA5NCPjBHZ6e5yddd6z4U
pNdapNhmS5ytWIJtqyXiVpJ1G1t+vKtn6yNMnWLleuDGC7t6jOPsoSApN2agMObmp8Z9L0J5l5Oo
67r6FdZSlxLmx5yMHyGDgk4Cr0cSr1T1ETH525TWb4qkXsapTbdE95KuiDtKrwo0FAwr2ZzRH1sZ
r+0S+uuT/tt5+kPerC0ygbm6niox3C1h1XUI3A45a08hnyBhl6qZN4L9nJ7UEjQcTRV4I5aqYV3+
SE3uhKEIJSaduGUKUJF+Yy2xxQK+q06OcUWeMbEjxYqszmumvoBq212uo8KwPw2msJo8ZM7gV1M/
K1ZvzlSeq3k4yDG6S0lRdiwWZRjxQqwbHv4ph7Rlq8KPlyTazSiLY2eb6Qr5MGrGRYDuPjRLZHOL
8dMcyEIMParT+usg/Ps4rtE+EPbssjYUS/zz0BAE7S6R0FU+82kvMdHGEhidb/EKAOerxrvlI1bk
Svs5/jSHESFzYjREJE8vEdSo9lnm8C/Eryk6TPg55UYuodVdCnFm1K8Hhzsludbt3DJ6FqBibDKv
veSz74jAtpLYX9m29icnHdskJZutFVDJOXtuIyTAw9OwxGk75GpfLiSZc+rXPyw+norErfAb55t0
ieQmYrVZIrrRclJt14jtdsnvpnam4VYZX9wl2ttYQr6xwC+mWqbJbAaryb4IqDntMY7VA7fgjGFG
J0J5CQ+PlfgISRPXs/gWUONH7noM8n5zG+mS654E8gmb0ZrkaJTJpJN7y3a7AvArluBypxYUBDP/
zLd/QAdLOvISc66N0IcjmK1qCSqMPETszB1rZ4lHD+0nm7Dq0Yby7+oQkSlw9MMPa9xnPKo2kuYg
mQh+GBzMx8v3FJroamg7Ma8kHlEaYxyxjpwwXBDdzqbvxx4csW0GL8jG6T6qef1cEfheK4sJlQx4
ItkwqQzHdAmHh479NECCKDrRnOclQF4uUfKdOBn5YlJw2Gj7A/5NhS5cWaxLO4pPwlvFPcH0Nmp3
7CtBTEA11yniqsTQX2f9HRrT80QLBtAdLA9/GSGb7lUb+3fHRJrnDfHWKXr9ystZh+ZeYaDh4e2N
FXw9G2AJ1k7mjbGk7o7Sjt0ZokPZIXl2yQdwrcBRqF1bG1FpnyudcC5WExiscXLKWN8lcXTrajE+
v0kupdfMw23oBUPukrUNCqVV5OB1LapS6b/MmDTMQX6qxrNWowVM27OjGzf37zqDKqk0H2QzvtSm
f+4jehl5o/2hYmsLPAFjXJX7QqNECZWUeZYJjW78R4K9IJkbAH1Z+zM7MzSwnj0rfb71NBooi1wm
gsFPsXLY/iFMPijbu1xCM8V0ELqm8dot1RSmja/Rw6lWuHxx6P+2M0zGSHfv0ajJPoiN6jm2FIJb
3kAfC3fV46PfzL7a6kUVXSFJ2xBZD2SoWrqbPbCepkB5bPV2IHX/k+XNUzSzy0WPvYkU6kOU0j9j
LD+BIwYS7dnC8IEKqDtsIEF+lgvqQapn3Wf/BGYIHDhf78mNqCdN1XCjVWgbVU8juFNIo9rsCaEl
xSjksTtIOa7TjKdeAJZEMISFrEAVlEZh/CxqI6IMEvlbOmwFBfJ3a3ZAzfbq6Ib9NQSXBEILkmEZ
j5TXuoDhebGGsk+nB3X0Op+gw/FRwDV1I8Y83FcryD3TwfXrdwvtmo6OUBYjRaz+G5nhjr7KS6an
xgqh3RP24ilIGkEVPk6xutaHMoMxDfj6PFXdd6k1gGU7M7Co8+v1sy7pSxO8QDEvST7q09gVKM57
kklrbNnpjVPAiMsm71t1HvV/+nol5WpNW0aAwqIFPWx5awUwgqJd9X1BglkpVqj+AAAZ/osz8om3
Uf9eqikhH2Pr6228lqYSazr2265z79jQPsbh8G5kIFYmiTcQu+9OCvO1xVuwC6WK1v3YvnU59S3s
UOkmHq1sqyvMt5N+A69lYyOmJB6Jkc/Usmv0mwEGCGyTnJMZ3ZStETKls2Sv92DQaOK0DkvQ3NvX
KNInBZuq6LUucKAjWIIdDNoeXZmAhQWG6tTBYo5l8KuhZbYeyvTRxZW8MqgErNsSgJVDEZBXNugI
bHraXJtR697sMEblYrIwFiEkfxc9td7Oz5EGoq1QxCkNHkBDp8TXp8T4qVwesgvj1lPkXXjjMaLz
sqEwxqPjvbTVjPkGmUEMLd7v9jUYylUIRW+t6ziM4DuuakPr15Tc76fODzeTPqMYbUDoGZ5TbLCn
LaICFpP2S+iad9YY5eswoUro6d7Gd8vXCjuwr54V3DUQYP6E7ybUT2a7I7kDjoOhWNs+urXhbnoG
mGMxEyAjjSChre+cw5wrmc6TuU9dDXBrZIkgNHszUCOTTO20E/OP/p2w+VvH0CRi3w7aCpsKBuKh
yA/ZNF3FQzeA4JvJvracw+AzxaVle2AtfVcpmj3pEF9rJt2GJB9xpMI3Fbk4RLk+72ePZQg6ubUL
9XH0u3CnqWxjp2aC8oolgtWOgUcoGRMMMrMUXh0XnfanApadNGEWYGPqgCjCnkJIHlFQQemnb60p
XXw6PW73bGYsqvwumOT0QXLUfJ2LfkP3LN+I4j6JxnmNs/86VNlIk5YLgxSqqsJRV4bJQ6gGFh5E
v1GeXaActreiVbtP4ixI6U6uZKvu2ccGSgjokymd2r5082NfVrs5OXZGeWuXNBZq9tkgcfP7oY/8
FxIkqOFUta19UZ3bztLZ5T0KyolpxvJBORtev9HSPtnxeu9xXzNqIn2XLq610aqrwOzLD5ECAekw
esyxyxir4buaqIhYUXq2S+PIFHoPEOHQI+3d2BLnMVEp1SqFRgGXziJN21UU29xP9D/lHoJDxqie
Ao1ijnIqYpcqI6TpQIVnoB8ZufpHqYGQV7V2gy/uFLvukzcR4BJiZrvR0rXd5kHNv7SPqigmFsPF
DZFb9A8ohyCNOJDEvkZyNK9TUdxiTLsy3QSPHV0iIbvbos1odeDg1g0XCk5PLLbby4jmEjum1p23
cxY/mF4JHS4CcAjjQdx5YUQrUTOfGr+672Op2HbEbDl78ykJm2C2ZnJ9aDoeer0mht4H1ErNPxAd
YvSwnG9z7WwtXBnOu2sz086IClB+LHm/c09dgj0c4p2EFK5Ze2/i9MnDPStOufY8WNPBJAl2M0Q2
hjefqUd8m0M/sijIySBH+kotiI6DehdsvpwahRDyhrsefzAhVnyTszmycvUKZ2s5Gu1Bc3jpDQyb
Y2kG01w3iFtmMtnrO0hwxiqO/HKTFZL0+srxqCN559iHNYp2FDVvCX8PazwME/cUYTUIbDOjtKZe
E9RDuwkYBad5SKHiWmjxK9VBdiKyRVu74NkWT5T0Slh8MK2azDrn0J4GgJ4EVe4hF4KJpbmsrRsH
ob8kVGPFdHvqadIhH+4/nMrSVrbVlBuz/8PYXtOf1L/0zsNZ46aEoJvC2xa+uob1EPaboYX3D/mW
PS/r30wh/MyrhtXhdlIJWyqK8o1JvhE9yxLzPb3RJfILjhkjtk2aGRztZU70mZ/DcDrDDXaZs4vT
WOt9kKlGgB0q9hbRHZGeUubKfqyqhaLDN0Loi4mNNDkqJDHMA4EbWx8TNlrfJtUDBH84ufxW0j/J
Kn1ILcqW8ZCSKjA8wVBaG718m5J3aUOSytGhbGNhbMB6loFVlvm2mvDmz/2wfE3pvQSRuCvQ/+i6
ug1B1Jd8a2z3i4fMAs0KbCjf9ZVLjlwFxz+myyOc6jEExI1s4lXRfic4noHIb7r3OY33rKSFO7v7
HCQtDuzqh0bV89wHDOW8PlVbiB7q2dXH627yyJqYKNcNfSHWZQXDO8nfnQkydOoYJxLevkKHCIuR
tT/rW++xd3ZxbzpBlQ6kpzeLPxT/ZBLvEdaobUgRF+OV0e28rPvK9CFj88kKOBduc6ca60Tkk49d
MwsaVwuPuW48EOXU01WhUQgtNY/DFxpTUCY01p+NjCk4Gekm6xBYF0yeFhWNdTIWb47nym21TEte
PDLu42ZjHl+rPN3VBWhGjRnTHtlP1o4DE6PovmnFEV9iIryKIDb21OnKyc+JITSXYOygGmh2UdG0
MDNxwnFoRoa0s3btyXEbKh2W/6DFOeiUvvtC2sUmKocoYziT3E2m2aHmcWKuY1S0CYtNXX+ehfbV
Qr4j36Q6tMLP7r0r71Ef4xKmLJ6SKnWod0YPjvnt5Gl3W6XzXUQk+5oskHCMx/M4r7hE2HF1WYve
zs5W0yKFFs11OBf9dSVR8XpmLdYJIZ54umS5bjrAhp4QGN/s+9a0Pyo7+xMVeojRbRIBo1rv3tsU
WHcmQd+EwMdgbRasXFVK+9rBVA4s0FtTZmo3wsWPGtneYaxfsm4eD5dIYWE3H5jrG5KKcBKE6lbW
pmRgYIlZKQo+dasR5yHrTRTZO6wFFYl02OqaxlqVWn4OCZ876DghbnRYq3kkQUIlrTg4s7ihcEAN
O513bQWkisFYxKoh51Dv2JcMYiup0MO3gF0cDR0L7KG7wp8SfsUFLbYRx3fq+DvNCfNdSH9pIwxt
qxrIdxRHdqMdnkl/Zc4yOQ0we8KqcR70KjTvrbw6ECxhEWesPyT0ovZAJXCsSYI9bUfflYRJ9jT2
j7rnX2uuEW7EqD/pVAhtq5+xzAkNy/CgHw3Te09ryo5Tu0REFDbNw8xZVXrPrkXOAGUVHKKiLtfo
u7KTL5Jnfe7iDbCL947Yu13MSFM68DOmlgpZGMtdZsJV1EFeHtgIQ+gr/e6ADkQwlLzlSCqwQ5Za
QO8dXDBpRytuYRlPxC1G7Ixdt76eVf7e241+o6t+OxQfobCz5zzM75Lc/LBzZyvrQqMYS4BDG24z
lN4qHu5zTgUUtbLFw7jsfrVN6DpfspUvWgPoKnHKIHRxL+WVYe8a5mVRt19OVLAw9V2wMbK+GaTB
TNkfh6qet30THRin2E2V8cuQggbPTKR9hR/uxmXH+ZV4sjxbSfJaV8zLBeXqhECoxZ53JGSk2pue
dQQmTk+lYW09VPBt2i2BIzC7ovnNZDM8ktzu1Gm2FRVdjET+CQ1ytPxMvnZA8tYhJbw1K+Tvoa2B
tXcl8COwUxs/oWjXEF2xVsOUbV03KDTO13lQHaLbjpGr5c0aJTCCJGl5/yltCPdUM9i4lTVTHRYv
gtX9xu37RxGRYNEsZWKrSuqNquRjkWCgl50zUXOCkW3Halq5DE7EV4THyS4FoabxE2bnArSAhXbW
MPt1O2tlADctRdIZN7jPp/dWFj+gDfCPhVAyWwG91J/tIKfvsEa48pwlLAGHuXxWA5+bZap5k7vV
uRcNNV5jHsHtD48CV/aetBB9M+FIxxQadnaGTzo8AB0f+UfBn/nQqY/CBq9xuUU9BbHm//sxg907
cav/+cVpOcLvYWqWQmuHjMKS+BqswJdfvPxO3TgI7S73qeN70/r3FcOs5qnLffIBeOryB/918/f4
f5+xGWwMWM7/t3fx903+fUXmO9hX//1IRE74xm2IQT05LUlKl8NcXv3vG7m8mkFQcbH/feFay1hC
XH61yZwlnXx58b8Hv9z8PcrllnBHcrJ7TtKD379FjqWOHrSeA2GRxkEuAdi6h/39citE+/D31u9j
3jzjx/29nyKyoqr2n9+83CK8DYTJfx7rsGyNYYoHY3n87xEuz/7949/X+v27fw5ja4ush+D3te5Q
Rwc/puusG6Kb3zfSGLBb1pdj/ddNvBetIM6Z170cHNhoFBij/ZQVA1vzPhMTnEtxw1VYHi8/0iV7
N15+/PPY793LrVK6V25W+sE/j1/+/vLY5SC/d2dWoex94P1fnv194vfFfh+7/EpOIYsK/PLW/jnW
5bF/DnO568sGLlNnx2sqILvf4/39dy/3L4cqVZ3O638O8/eX/rfDXv4mm/2jD+h851SOPHYlyzLd
wth8ueuG+Aft5cc/dwVcVAzc/9+nB0EgM6wQf6m4CLgIlz/6/fHPYwL618ocLRto2v+8wj8v8/u3
/7zU//Z7ug/LB1Xn/xwLfWFzhHxyefjyB1aN3/bvf/Z7gP96/p8Xudz992nNL+r9lILx+N8+gt/D
/r6P//Uwl1/853cuj8UoyMgsML9VoiA/9TEyQp0W2qocJK0PvTBbeRvJIQn+DheD+azZhBHN17FR
g2BinKgo4R3jlBAmixy/mBmc6kOxNbIMcCJe1sAxtWUSy7ZccO8S18GO7m97mpAhnezlFtW61mKL
7dTbHn7zjv8ZEjmlM+FBvg1bsfcX7hNE/kYllByBVqxcsu1WY4f6TzkQrcP+ptMr4N1MHKFizdwV
0+1U91/kHW+yGD2BmUr2HvRhqQE2i1wXpJQHvIzU7BBoofjy8/FRr/0siBtEEcVYIS5q7dWkh8nW
KFglRdl1UeFMbhMB8Gmu4ysHFdR1tPRhKrIJh6k4F6SUoABq7A1UOgQBLIXpogPfymR4VzcK4Asc
K3eYxZ3lOcZ+HnhnDtvV0X1hacLWRmb4DTsWOobXRUEil5UYPfC+YKvPZ7qp2Kuw07uxDKAo9Hy0
baiBM17qMZhaEPrPT6aVH8q6vkalS+JNZ702Q3Mk/TMPWEAlW5u5nRXKVRzRkUpjym7s2KtNVx6m
WF1RlWCPAVpzpUGj3URkIwiTLkAorSQYGj47W5p7qCPxY0QPETf/QNqIB2+HjXnnTTdZP/50Lh8M
uPdXeuq0R3ufFN4sXScAni4EC70GnEDvDEeniBE9pexb2vil6X/SkAWkEKwIxtn2duG8cqHU7KVB
+1trvV1iOXzSBEKs6m4A8zEOz6wlxwCILlEUsvtyk9siommPLpC/dSgl70xtmu4NDQamGjRW5oB6
8GG/db0fb2nfF/uajF2ECHELJkgfdtbik0ajsTVI9FhH6Br3sLvHxMev2/GmxxnNZ4QV4ChKvug6
MInUWNODJI0v8mCQ5VxL0mBnH2s/EpLZph2vlzPISB15ncfzNy1slskd7YHGepOaG54rQ3020HbX
BpffGhlgvxonpHJxDF/KEnjHQ9w1tCmGTYs3xOrITsuRb5lWpu3mTKB3lhNNkYLeIsqXlzDJEPOD
qEKzRvZlofOGeS0HJdmmlED91dhP5MPZ6Oi0oIjITZp0uZob76POS0IbRPQ+9VoA6VhbDzrrMt28
pp4Qn+ISK5cff4EHImIRC/xWH+c/fjNhL7X2uvbt+hCWjcRMDqYuCmDm4m6WoQcxB1hV3D9Ouoc/
zb9SHqvvSqPymvUt6PDsMwO3FswNC2MKj3Wgec/xsoK2UxLO27xUG6svqYVo1RWMH29N3ARFcV2H
MUJ1oqD7qsS73Vgseya336r2ocsaomgHoo+oVDp+/arL/kwPDUaqKYNc9s8VIUNrCyT2ug0JJ0QP
z35DHyFmYAtHPkW7I3XjPUhAwTpZv3dS61mDF2thW8tz9khd0QhoaPXR9HSAJLra6yaCSxBNL5Hf
v4dR09I1rr7S+Q/MjgGZWvwpEjgcnfGE+f6px31wKhMJneHk64Fwev9dkq+9oVw1Tojx0ooFuRMa
P2WOnlo4r+lgn9FlvvS5fwU+CZqoPlybAv2dnK102yNpkTXYCfQhlKbgn8WxQwRpGe+nDwesUpg/
ZqV600kLgKE+3VqpBv4Hz6BDJRGTBGO3RSMM3DwiKQhsaGE2EecEKfEKdVz63vMhrdoaIQw2iwMs
+HiFTQsnNHtEcthyGHNXcUfcOODUwg7vUKPI7RBCjV5ayLClN2YJ1KKEfIAG788QKYixC663aylH
dF3xUttQXm2COfIxSzZRBv7EaQUFmZGOGCr7baflz05qgDlbitMvvUPXlxRKrJQIIhLjq9KyryIx
PrvGpMrRLrHDZN4rt8Axo1iuFWG2TnSENF5OVyueoj86KgVSeAqG8epBpM256cgJL6erWlHo7ChY
GQNvODbIU8R6J6TRbkfNoa4p6hv6VqukglhsuhH71mg8VDqTAiTwzKkD9CKURyXe/pRcWrrqbudi
HsqrM0zdn8J0D03jvHcwfKvRugVJSDKuyPex7jarKJRyo+ASBI43HCWd9cgBgN4w64IyTtG1kxyw
cTR6N4j7JvQN5bgJTe3Ta2jwhf24MxOTzsCARsl1INy1j5Y+71xZWCCCjJ09D5Cly6dyFIGl5wjR
Y+QhU0MmLDi5Sqv++AJyer+OYm9l1809GuBHotHI9ZX5xmq7x7idP6vReTEqdDWUhgunCZyI7D8P
1AwFV71Dyqo7zjWQo7VXdXRSK5oyjkVeQYhCJXF2AD5xl6BUe6Vr/+ZH+aNTq6vRIZlJDAhcyQKy
8tds5JxI4aoairWB2RM5hYhowucGRM3eZLVxm2gtIbFcnxly2nzPrhv1IfCXIAGQ6vEO11ybb4A8
3qKOnqCbIwn1KsoECR3fIvsc3OTJbMbXvpm/U5q0fWTu5j6BflI80l+lI0d+aI2rVCUa3fFM54cZ
P1gzgpSKEOptphM7UmB4tfzovSMnLFLYcqhubkuvQPoh3e8OgsSGuC5oTMQCrkuL9pNAbqFZw6op
Bck2i0dIlndZJNglIYwAxeLvRsc/vBYdOd0Nbc1qpE2PSS1aaxP4yZh8CKyrpyZX7JdDBO2Wa+wX
HXUD5GlVu9lJ2p+iwHgkhj9kR6uDqF+SmnRfMeXPfqudGPkekpYMNKVcPvrorIMtrmxjJ9NhP1Zh
0C05aQGxPTaDBFKJBMvVaqBN+BZPNAaVW58Tb1EvkPEJn9MhhJoEr+ohVyZqBqPEpMLVCw7+O8/H
Y5UNNsEH7QuqkCvDl7cKAKKrhrtaRm8EgNIG8SlDpUP+6vo++gPMnutupqhlWtSGZ86NzBLOikHs
pSFxmRXNuPVMccUlubPUNB98nMlVccYbgNoGMxCeGS4X9eJIynJzDpGli6qbPKVAgsuHTxMSxcqE
NVw5+Xe9GFdA8g1Ir9VTQiF+38Z0VRD0uLgW8BigOy+j/oR0K16hYXzDBrNhyDUCp1iYS/212frX
sqqzTROipc8TPF+01k0NXQEW6iJDnepFsMbM2abIb/Ihu3yMLjAOBnS92CjD9VcdHnbqLHRWiwf0
1KREEdMSoKFe2USs38t+K0NHPjLBsZK8878guagrHRg+wXf23gvlo2ZN7OZ89YbmF44W+ZT6oN5a
Yhmi3qOrkUw8i2QODOO2pSuSVxB/kc1z8bAIa9AENhHtM3p9CFKLbF/MvXfw5vzFZVFfM4OrvkYH
ztp4Grg8q57JMLmy8GP10XAz+imnS5PcQ5uDVghcCR0DWcx4J6Kk+nEBpq8QsOI6M5/CzjsjOPkg
A/UKbyewUh2TUJh4Ae3eaxU1pDORgEeRrfejM0sQkqntayPJnllrP3uOWa/tSEcfbYyfVKVotnj9
ePZ8phr4qpmn3iNwNanr3GlRSnncaZBuN1wdgKRbarc2PCcW43m2gl/irp3cCtIo+SGCzZInu9Lb
FX13siPG4ckGL6ob9sjCSmNuJeBq7RD0MYw0e4H3m9TG6bl+UBIjwiFja9PMdDHnuN+hyzU7+tu6
Vz6hIPpgp9ys7axB9qrT8Xc5abQfIzTekyo7hA7dwSSWp9o6F7WAEbXkaeUFC9HZjhDcgb73MeWk
s33dKv8RVtQ3rR3Tt64gsW4XfPeEUxqCfL2VfXRLYLCFiKR5Hdv0qMr5fjYpzvT1WwMkG9sNojFR
xU+1hWR0rEG8DwhoGxGx7sSUj1YWA7iHloOE+xBxCu2Ved870yqBXJwqYk3+D3tnshw3km3bf6k5
ygC4Aw4MahIRiL5hT0oTGEVS6PseX38XlHXtZmbly/qBZ2XGkpSiGIEA3P2cs/faAIfWEqDTVorp
ydQxL8U8gSFXOJFRsEjOviwEJZu0VStqxNCwUYKM3+eRfNPmOVU8pUSiV15mcJ3kIK/BmF0mrMxL
kWRyHGsuTWK9ajAGJDYy5Kr9m9mcNGNrQ91fMdd6lIXc9pJyjEUK5J/u4AOdXpzFuzv4XgnDyyg1
cRJh860PxQ/T1qatb/aPOgTkqTVItgjSdB3VnAgtl7u/0CbX42ACWz8k+Ygzfhsh6SsS8VMwrljZ
Y/fFUPvXurmKKgBSk6nfR6jrV2GlNonL7F4jNhkQmfluOc5XxHwJq2BxEOaw7yfTZfJgPFSWi3TK
cBEVC6xzSWEt3wAm3SJpwZQA8UlWtAgyNBBFKqN3OAfEkGddJDyIO95iozrUfnvSECiSEiaxTZXP
QIgvoW4f+7oigojz89ACqcI8XMEiWix/8WZVNPOVVsBbKT8nJEllNpMYVCAmE013r/Lhm2qGjyhr
9zNDbds0vqPvtDbwiRLS16qVP9bY+uaBgQA3Tykf+0TddwxDV1OcXXocSxozylURu99iC/0J+qcn
v33opM4glNJ9RQpMyqjPhxiaX1JLnqXB5JOIQ8+eYZLVurqVVB09YIlNyFTAlcOz2WvPutvlwIen
BxxuPZgadZ/5LoPw2D9Qar057oNDrx2RSaZIulwMC23MAZsDpq3wJcVmsZkGawmzXvV1t2tViH4I
13P6XOEAPeqxv+eeXNdlKLwxJiMGuR1/1YxyDyovnedjE2C6NBp8fgHpdG6H9xSG5lDpb1qaHp26
M3f+OO0KAoqKPsX0UqkOSVX7EVbNZoKSxfkCTzgHjAHMFKdKqq/hpicHTtLWQVuUJ33kopDpbX6M
7XHehyou3Le8EmjwnPhzUuFb2IbeNGFI1ghJWMeuiehqei1klHq+uUvBkKzyHspPg6vFjhntye4t
yZmw+0w7N37Mp+aS9MyGMOB2NLBwqj1/LV7EV3byPI7s3laBoLUcOHL0drt2HZJ2GAIQLazcoyw+
S18FK9JRr20QbgUBXJhex1OZmD+WNHI/jDuKNvTIVfsRDdNzgoptqxWuu6p44j1Xg4QuXB6lYWiu
+bR1U9yqUxSg9YS67CeEYmiFH6wr35NpT0grJrtN6tMLiaLPwk/PukLTRAlmUdZbv8C4+5AQ4IXY
BB64MD8HgakjfTaYXe8Qvn1XqFnUPNI/cbNDIspPIj6trSrSzzjF6jv0w7Yyw+scIFSt+LJulvm9
Pt/q0N2ru5HdlEfxilP5PTL9rWn1P0GyXH0Xn1fEGmWo2st69eIa44m8Q5QcFVV8IepbX0t0ZUz/
FNOrxDV32tIKD8vpnFp666URwT4RAkabYfOqLIcXnlHUIEaJyGWQtlcH047vI8yjW6C24cFI9Wc8
qNomYvr3IgnwQ1/s37fhpzu+Vo54RT/zpDJiRDqoKxY6CwIr/GiFqANFElpKRbXAgZdnE81uUe2q
2t6Kb7pt4v8QL2PWwaKPyKPg4tEUFPdaCuGwleKth/thBEO/IYsXiWTqBmcsBE/BbO+NRfcmg7Dh
KEyYE4IRkNmLSRF/Vycy+nC4HnvzDhjmffnFwusHiPkqcR7D/j6VVGp2Da81HiokBPpbWDcmDPni
aqXD04hOYQsd7i5W/Vm46MgcZrKSMeyGIvA8YPMeJ/FovCOlflc4lxudGzOxXlRoP5pEReDPv4Tu
vEvaJb1hOjY1T0uAddoZ943Q37rW+qEpJCG8rwOmqi1uXJoxxESDEI3ESjf7Q9Vdk8q+NCwAriT/
qG6Nb/5SvJKsc55rtBpGcU5M+Ota33yU1bhoBV7SjixdOqTQ+gDq6ISdElDE3cIppssLdz/ruKks
JsiF3/7IZX9fhjBCndiipukeVSpPiCyaNUMKzlRI7R0mlrwwTduQ4vHFAcBgKLMEt8TFR5iFxI8n
xxpvsZ5Yn6FT06ciRHEjUyPYjoT/TeU1sZNxXVfpoexH/CR66VXEPSdGc6xBZdWE9Xhxgv82bsWP
0M/v68jyeAmnLrwRTnht5uGca9BvErjjhHXd/EE8+K2GO8P/Oefak7l41nDsPGnJ9x6NgzWbay3Q
ySQcTLSdWbkRrfGhuvZgutEjRJzgUOTJZ0uoNRcq/T4Z/SvhlyxhAqdxU/Ceo+FKQuSliKNHLBQE
ptrv+iJzVgUs2XL63pXBsKR4xWstc5N1OBdyPZsKeXP3q1M57kaWzI2YaM3qkQlslmhjLfzuYgla
ZqrnjPAjVNAPmTPIldK1b2SwnPXKhUaeX0yWcKAou7YokBgQDT8gWCSh8S1Ka7n+WVnlhyXSH35Z
+hzgi/tMq1ZI2FhcbNwxPuYPuzrN+eD52F5tOnppYpQnkWaPiCFXuUJDkqN+mQYsTKHhv8Yxqlir
g/wyD+oUzVIwpkZMrxXBzq5yIgHW7TzGKwWqdDsTJZAW+bstq+9Ix2995jtexH3KE/KK24HA5W7j
5gUB4w4p3nW8VgMQXaXlaxHPV83PjyRSzrvKEp7VQfphy9M8K107Jk8XKsp+b/UozBc99ehgsVve
VCnch1HRvAHTRFXOiY67OL+I9AWCDMmbxV0dtm9hj/Z1uQXnCY50zvFoG9jcKPTyr9j9QEzOb75q
r3Rub37jg6j0zYHVyfCsuDzBcn5sQ/NbNtqSQi/kWDuUO8edvVC2bIx59Ih6gX1YpylD87jcU409
tlP2VrbxB9Xv0+C07UHhBxE5iaUQBN6s8lyX/jeOB6QJhxxRfBr1Z82RXo2Oao3YPgHFZO5rDRSy
Hk+CI0MVnLNJOxeq1K7Umq9jRm937tSWnNh8g9JioKZHiIOhhs64TJN9Xl+IE2dAwD8Aw0r7oO4l
S65/khGZwOOsXUuq8kOw5IvjFjv20UDRqAFmnBoi5mJE9+Vk7aYmM45aipa5mquASYSiUHNCfZf5
xm6a3OpgaQ5y/Ml11jjAgKFODZoayBy7X7/97c/8bB/zXDK+Id03StAClyZ7VUuWo8qKXRo6myAf
3xwZXRj8dFtb4amq3AlAfpbgOFDfbfrIJC4DGxCdtuf9bGeDg2onfTp9BnHyjf0yp3Wz6zmh1wN7
WF/TgIzaRwLd3rsWBBQZfrg9tOEgjd6Fy/pTKRDeU8poqKJvPDdVj1wSFUGDN0XrILUXgqO9PRhf
uIF5aDhhZ77/g4wVsDk2LXSoSrBqySbUkWDVNsuSUx1xjizNcw3RprNXvvoIXRPzCyTiiUXY7/yD
mKOzLulYta756oJQRoqAR/hSLT8uWiYwwjbIqQy/D67z4kiIGE6+l/hv1v0Un2fdfsjKWxmDYUBZ
85gHONwxMh3qUtLSVDc8jKtaOZ/1aCk2Q0heVnofL6MDV8toG471SerBgAtC8ES4+eR1envsenSP
VVCNK3izGw7XA4+1OOS9/HJ1i+oNfgo6cdjqdEJtv1sZqmy4s4RamRPGOxBStzru38as4Tg0xtga
RfZziObm0ibtLqC9rVtUyiJw2WAnICy4qjw31N+iSV3c4CcqqPik14sXgYKzjJyc5TF+zIYXX2BL
6R1qtDBAHltg/R7bApVwgTKDyMYVID5C5gkWjiPdeE1IOnKSFkhdQosFGpS1M6KTJCprZffySo39
ZOvZa5M5qafVGAx6AwRFAAA9c0wCqFCnxCgy+RADinZ9L+kc0qRCp0nbE+PvnDIrwdJcauQOaPZ1
tJJkhzKI7zJPglnYVnfs9xlDIrz1JSaD4Uof8F3NwnhrCYApNHJ2nTx11oltG54/909GSmi0LmBd
9pB+VoQoQ774JND1rgYEvk+nxV2U4hkx5aHNWtidAYOpZqb5pBQhaTT52G0KDbMpHbOUeNEg7pcD
tPnNsvG/0q0Mdvzt+k7P0CwNJvK2ZfTkf6/osGBc0pp92J4xDmAaxFAZkMDTcRi5h0dZAZmj2dnp
mrvrr722IGiyrvTc3Ko58zP2sPvBOXQVHb9o7gbmZdwwrggSGBz1BvEc8Ls66e6rjCFQYzV8NENx
oi9/CSy4Ch19mzFFjjzQ1uQsVR7iHgsN1dQurCTYgS7SLy1jdxylLGLKVHhsoksu9ZtbSrGTeldt
+4nEpCrGoJGQf0MW4WoO2ByCQDangX574mBpiJPxxc7xgertM1MzPn+yAWkIZHR7GuLlCtrq1K3M
ltEX1qLf5rogJqLKozNcZUXC+kKvF6N2qrmLYYABC2yRe1JAvLlu7uXWcv4sWnI0+oOVsJKmUfGS
27PY4zmLWcKK6SibZSZEtsWqMzJ8W4rkk1am1qroaKvJkNtCG4iuZ96YtTxolFm29ZKl2MaUAYXb
kevchBJhDSW+WR7RpnSWR/KWEjWK/4RHWKS1tZaSJGAu8Bl/7Wtrc219o7Wh7CVoaHjsN9n4Utu8
48riR5oJBrMxsFnWGMlA3n4lMhECMIZvh6bkKSjudVoo3FEMuvlUoJA2UB5BIng+P9sop62oWEKN
5ZSlmPV4NsjndRz0e0nhvtK1jOTYTuY7hsUitPKtiwwzDHt+XvWu27J9yEzf6+PpFRzDuexVDzUh
LtBTYq3IJ0ZEMwCBMZr5S9pPmWlcAQtEurABEhNtTyzcTOPQJSgZgAVtc7v8BDzNJZriu35x6jq+
8wKk3dnjU+q9oCrLVYsGFVZ9te/yU51zJ1s+rikeJMgsBLNOS+rlmJsHZeLs5Fhhcc/J0vgcAyKz
zJ89MXpdXt27ZexZVnU3N7Z+bCKM5Y3/jnaP75amjaH7yYcstRlLlsyUE4+tDf11YMZs45+Kw95r
Qu2bW0sHqUKtr1nvkBRITXnp7HyEiWSmw9hrjTKWs8bMWYQwiIC6dmcWrJXZOCUbtu1DLPzpaGPF
WUWUPjLvOMwGxUi8iLZLy+ix1VJ9Wzt3ptQ4GOrTSz8CqGp0usJj/dz2TETsAd9dkJMxPLjgdcZ0
5tUHl7Bpv6U2IzLx0+yjO5i6E0Uwu2Lfj6/SpBzo8KutQpcUs5iAGouk3wJXwpKkXnFWGRr0vEX/
DXgEmm7/knTkUcvuc3Bo6JcxLfg+0J5amgKFmborsuBsmh/iuSdAkF2uzTy0IO/ESkAeUhPksEge
CBC812QJhMaCbqNmQogLl/610VPzQY2j+V/mXzpU+7bXObHYw95g7dkleQHrM/2Bo9znezGXaA6V
sanqB95RzF2Fr6gurXQXCjCec7VJtHif6bCFal/cVY0bHwt0yWtRwUda8oFK98R9lK+NCq9N2A7D
lUwSIWuELCPorLB7n6bixg4bcwoWK0wlEUzUHB3IEiJWNGecZXT93bi80+fyM27QgrRh/GiSW7QO
K1qvIflk/IrGCQa67pbb6yjTPui1D9+1YM/0FRm7Jq896POnecw/IGAbVyUpjeqGkB2cObGhz7sA
qt2N0LjmZtF9yzRXHX/9ET6Vj96i81AmNu+2cZ4AF4z7DIH4KkECQYMoIVDGhSxY99OmrFiH/ZJI
XYLYuA/016YMQVCbploHYu/YeMbk7L4GUQhUpqanXZD24dU+hUw2EAIUr+qxqA4Enz/1qpx3JgYk
rwemNCYEcrDI4bCuIcXz8OAidrAotQ7eX4NJHEc41lgblT2VF8mgom66a186D+Sekdo+41ctjfra
um25SiKQlHw/AnitZbxRDfGt9iea/LQZcRT+GDoDJqliLB93xouwK4W643tZ5f4uHDFYF6DLanXL
mIhtsLAjJ0Y575fatmfEaqSEPRVAy2JMW77dYw0viA3qxm0GnbuP/CtQsktgU6tQlqGDLeHFakSw
FQZ6aLckCCoav1hygbEp584QkKa7hDaMDYljYv4p2ZfIUaASwJvp93exj2s8skg0b/Ms2Gop+LfK
cH4qq8d72L6MLUozWXPcUBMK22ZifRbzpxydfS2gs8Y/lc0NOmfpRzVC0tBVy9lPQ/WfT8FpEOVz
nSCmaLm5zOZpTJqTW6PwwafpoTN/NhK4BsqVH7Kv8ckLA7Sca4q1b6qzGZSrlPmL1wf2wUXycyzj
8dmYsfAFpca0veACKPkJN2DXhdoap0i6HX0n3gxx+gQhgrmpwsmPjBw53XQjt6GmI+F/C+9QoLCq
rP1h9jqz3Wg9ybddQnZj3h2m3r+VDQNiRS8iMUakOop/ExvUa5ZbX/VMgCV4A06pBG+EJwzJcP1t
W0MQ1GwTiU8rWU5nzFFudhxi6U4aDJu92FdWezAgJnXZ+KhNs3Hp0AKZpcU2EO3hUlgc3sWXmQhw
xrAiNJJv6HMlbAZcN3LUswrRE1FCp5ZZGj23d1O27Rn9J6s94a9a27qbBo6yK0Pulug+LeDyBaz1
Rb1rpHGw+5StHECylxrl99Qmr8kfsSuZ2ldgde8ELv5oISpz95tk2PG5yGhY44NKtvbcgKulCRnH
madpMRM0gZ/PLECCSFxsdBiY2FpL2j2aZYRPrLDHuI2f+fwf1I8av+SGKAV+nkPTn7xcfIeUVVbw
NTbjQ2OqrzJtX52peWQKAYWUNA0uesvcGXcZieyUHMai3mGOquG5tiV4Iz10nVWXzRUlv87UWfni
VFbGD8MfwCzl6MSWaVbeBghfUgdYWF4e+tE+9fVxEtNO8QTlqPcyFm7f1t5EF/2sTZzYsKzHXQGo
mVRgP6y/ctW8umVANzovbpXcGj47J2s6+VXuPpP9ZQQogXd2YHjidU6EpE6X5TbgoFoRsOxZi82F
xedTmV8MNB0vnN3LiCRtkxvyI82Ce8zC4RGG0HG05l+G8ksJIIyDe3a2AQUmeZXtiFHTPWRzFqcL
iI25vTOGMTg3bVltg6Z6wAfmkSrC45/IY01RGrSVhlEe9EDmVi0rPEay+CuEuIZpoT2InPBxH5yi
tOniLNEUiKUDT5sGLBChe6KzsR4boiYdKzK8UeVPYVnfiY74ZKAOvIxoM+Cj3Th0y9c1PT8bYO6q
Yly+jiYYekok59iu7gNYtytzLJlYjQwxxiymWZXuqlYDUFLe2lk3oDYTT4c3cYMtcZeTIF7koD46
esJRDnmnJT7QIbcugl+99sMq9/SyPQYO8RWBjlAdxZEBgNGDX/MaUSymI36XvuEI0AZw4Dj0A4D4
DBjoVTFgBTfQoo02me92W92k3u4zEs+81uC8m7a4QzhXa+s8LWBtD3dtIH6U8hQIVs0xGhTjsJ8u
GodCWhAre/eL8LV3ml+ycl6YoOzGPGBWkpwERWkYcIwYA/Om4vEWDkiqhw61h3Eog5RgJtoDdmbf
jSZmONpT9a6s9CNcGdBmtfnajPBuKhqmVgZmpSWjxM3taz6LR1/ED5I1ZeuobkcawM4tjaPPTi5J
C+sKBmQ2yKQ4phuJBS7GImFWBIAio+R3TsBhp0QX08Az1lsyVwtQ1b2xVe2SKkiz0c1HJABaepZj
/enH/WfSMKuI55VRPaRV1/HQTFhhijd095/RaH11feH5kM6FnpY7XRuZl02ADCuqdjv8QUuWgT0G
Mppn2k0U81NoKYKFxr1uigOmzGqjteY5GrQFL4tGp2NDtBq8tuefaKm9Si/ZMEjW6F25tSp2WH34
gWT9Lk1+SLEADpIDTd17LGEmn1/xuiTN1qAPsDoZzyTOoEZyv4Ud0nYmnWcNTMIKoR0JLtl4tjLn
Ea8VDe7Medbr/tz5xe0Xyv//px48TeXXv/7xju4s30RNW0cf7R8yDCxHkhPw/049eH1vQhK12iL/
i2/7d/SBYdj/dA1hcbRzXGFZkgCW4atp//UP5Jjyn0oQfkDyAYEIObLB8F//kO4/dd2UjjIc6Mh8
JRDh36kH0vqnJRHaMXA2odYavLr/zXy4+y0w5bewiuCr+Pfvf5/LZSyJI/+XqyIdiywSwzUQ5RhM
j8hW4b9/vD/8b0bYXMxVpzWdfZ8w+ACUnkyHpoUKEcDTDbos9zJBsUyrmV3CSKiAilOu6wWuRvTl
1NagdOF3x2mnX5hB/fzdlfyLV2f+MYXk16tzXcNVWNalzQX6U2hYYI0yVWEr722jAFRZyAvTVnr3
DtG3UWrcF9J/sIyC7bGIkacWtKkUmIU9yY64+DMn8pKAbpQ/468iyGpRX7poq2gawmULb50fccCA
UzPD7hOF/+O/vPzl4v3p4qKC0omncGxl8/n/8eLWQZvgLDTk/eyO5bd6LuJrBX14najlfDtLc4PL
370LdeKahm9ToLd3rWGeMmbhZ5CTROsEsHNxRV+Zgq6Bnnmts6wGZc16B94xz8hdjcyqPvR988A4
pTn5gQHYa9mdSl2dMy29/y/vabnkf3xPykTFrjsuOTbC+PN7MkWE9DpOxT03er6rG12t+5rYeX3A
iGdS8KnQsJCYDca2JPhx7xOrcLSMcIKl5RNh71TPzjhVJ5WJrRtXBi1HELxRx2EpkQ+EMaF2ZdsE
gN96f//Sl4fmP186z47kieKpEn+6m/ISOBPhu+Y9e+Qaz1/8MBm7IasA1meRv1ZBH55QTzAzm5JL
36Xjd7SRLUHkKGR6WkOG6/H4YvkM5nHLuRFVajJEO4D264q3cNJi86L1ADAmBXrFrPPw5mjCow7V
T4C+mo2i7FjTYnKxUJFSw71BsKgMYZrCKeaWJM+6zUzXq6I5XicQmreVjXNeG8pir8TNCgpA7bKg
pvVnAkQwUVQ+lVynucahmoJrFNru5dcXIuNVb2c7yw6Jdkj0yzRW0YEI83ZrMP2Vvg7YOCim7y6O
H7BD0WuvFd0lhpTgsVSMuwYFNkNOA7yr3va3X78akv4uiVuMkEJrHoTJ7FevfES17s5ZzIDDQnK2
kyd7lkgXxsTwNEO2SE7qithUvd4MWvk54Yk+ZFHzZubs0vPoyPvQgMGeNfX+7z9v869uVZv2tmWb
lqELqf/x8XMGR3SjCs17zezOvYIwkDp1vfMbIqK7VB4cZV4HIdFtTs1zSO3oJRnI1wJuBO1i37gA
etl1yDsMjidneEr3A0CgBScu3IkRE6ow5pPu63952cvL+vMTRqnp2sphSeb///iygQJz0LJq4362
MMjqdvgQJPZNKNiTpp052wpIJR88JyBHOflFhg2GtuSxcd91V6czqkc/f6WYDQ79zyZz6X2EmSeq
fEbA3/23ZEfjL64ywY7CUbYOoMP58xrd09pNoH4aKH2c6k6fkBNPyXfSRc5hV3QoYnLqutwhXFGe
DTJqzkYQP5OY0R7+/rqJP0aELZsFZTVRZtIhY0tZvx7/321lYBNatiY+JQazj1ViyHP9moaxjZdb
0LjWupes/5YUuXyM5uQSmKO7buF+3X5dyqlp4YkN6bXOW7mZJzRBa02PzQP9jnJVNwaehlg78+EM
WHXzfT9m6mBG/UOfyOKaV0Tp+gbqTR9Pea0qFK9aPh21OH2LE0r6v3+r5l/cIkIgfRWWoSzxHysZ
LcrCrYhZved4/SG7IT4Ni7RtroXapLEFuyf5aRfOvUbqs1f6Y/o9tsXFmHrbwwIyb8sYL/SEnPMQ
KhMNeoaWYtZITcUksqk09Lx//4Lt/9zIleJwwZ7B/5DILZ/d7z4bEvn0SBO9eV83rbMxwQ7vWKR3
s+o+yqlVN8eC5QBgEvC4SiyPMVNxyuDIIfUwN11i3RkhiXuyGD8sp3fOBtSvDQzP71JHG8UGTPKQ
I5IDxmZyIFCfmHYvDo5EVhw4ez0UNf5/9IE5P2HfNQLVALaAjO7ItmauBBlRZecum7Iz/XmByeSk
zJH0ZNM5t0nvek5cG3ttRICZMPYg0vlKUgTT3d65xSO4Jj0378gQsX5qcbfOo9K41zp1FHEXMCwx
Hg03EM/ZqBFpahbySJ+ViXc2EnMrtGMWAuZc3pS5zFT+/rrLZa3401oC8UlxGaQloEP9aQmMU3xw
zuQa965bLgaruX+YEF+cZkUKpK3Z44PmklMJPzA9T9PMPGWYCJxDXNlrWU1flxly18gjfPydzLVr
18FksCQ811gP+kNcIf11iulUBs9d36CDc9wt5V65selDgOnibJhP8jHIbXfbx6Bgtdx+chxGP/jw
ZtGZFyZPICYmf7iYiQQhnOxLp0gf0foLfPRymyFp247sg6shVqWXWQljvoJsgb+/UgaH7f+4UojU
CROTXC9L/9OV0kazI25IGvdjmb/KCuwYCK23BGvBqakMuUG3SLk41DCLoiw7WYzAw45OLyCV8kRq
K/kA5XTJBQmjf//KfkUb/v4ztBkdMXflIGlYcLT+/MogHpqxDv/8fihFcYqHpLlzLeKI3eTZrzTn
XCs4pSS5kNEZ1Xg60nznV8jXHZvm4q/btxQJIpEJ32RrauJSO5gToq7Xz5PvXpbB6Drw7ZSGMs1b
CtFoC5WDrnIHHD8X+wBZ6MMgXgebfVEbaO2AsZf7RLXvWg7q1PBXOYK5XZZalVdITAIjFfRUzS5a
2zLFFQd8rFlufmHnUOXBexBYCMowBCQVueHWUASq5jKxaDUsvr1MHzcDSAOaqNM1Sd5jwhTOUefR
W5Mbzh4MFwrzJUGPv+0dAS2uLLOtGwxEA7iLRCEwKb1BKBBZXgQblUfpf1t/XfnHJEdcoHwOPFCC
Vc2UijzHPy5os5O4ZGdPwb2WDDiGNCA4qLVpceQhDX3tzMDrk5TZdqtmGM1tHB1dkYdP7azVB4Ar
qEjJGmXue7UmnG/0d+d5I0tguhy9D0rRHcVIN7VbixEtiu4fhFBT2xDY7E3uoF+LJtpiVEnudONb
21bGA91bZlS2fumKu9hNbnpPH4oLpu/CuP6IOjBAaCVH2mBWCPrLtB+zVjsmIuhWZmzCLZUkrkTj
1uGRBu4UdZd84i31kp5MES++D7r8v4K9uxjS15g+AM1Kcb1zSuptd2/T04yREh3LEI6l7Uz5Tq9L
gohGaSLUVMNZ0EI5//Yrs7sfMwnEcGQGG/n+2YhwpyRjcrMgMGUFBhih1Wqn0pw4kA4qJ1hJDymg
sQ8S8wFXBb7INbPNc24Pi3AofjUGVe9jsziODJ8ZzNL9r+eJOy2dm1245GlWKrphl0LfGpf9TsWN
2vHPCiA4MUCpwacY6/DRJtYYb/QCe8bIoZfx0NtUG8ahy+kIMg1ErjuCc6uI+qFflXl14zUu54Ha
H8Z73yE/2Ig7GDDkzBNq6dqeGLMPkqcmREch79OS11F2Z83i1aCp6IL6JqJw4c020AHFIFYjgNZV
prcF1GjUbFb/FZtDetKR4WZ9qu/IGhg3dYfse9a6e/SnDLI6nt4yU59GrPnICtDLzAMGBl/vr3Hv
iru+jb83Yn7PnTzc0may76cchwm10qF37DtZ+29I6+e7qBi2kmilTW1wQ8RSYzoKI4WWarq1iuZT
pqZ5GNXMiKp39Ke6LQDX6zOGcUwymlNgcpiMvbAIXQGwcoU+OXtxOZOMk6QIxib7DibMvB9Lt72U
G+off+fm4dkpui+HrDV6CU18SY2J3AVbNNvQbxrAPlFzTWm8z1lXH+AMZifTnTzaGagjfPZbENRY
j5ohI0epuXSRwlQkCQhVDcPv0tTWIPCGLVOCifwrRPaZE5bIeUN4xDSa6Y9nmN8mmMKkoXM7zAdw
ucl1SH8WKQ/YmCp3bwCBhUd18TlyFUEzXibhB5vOkgSQmPR0VhUncBZkEF+kC55au+92Q+1CeE3q
+oaZu7nJdMbIK0wua6inpzqFBVMAtduE0uZW08cXyXcRQou0sJw155XIOJyC875sXJT3s9Tv0rbV
76Z5Gu7ig5VnmBtbLlITk7fSZciVMhcCUBJGwbXs/WNLb/echfZ7B6bIs9S8j9rRvhlpX+0IJEGo
YGkWYxWQi7YS2Kpr92NiJJn2Amy4o4Gvb+DEjy24M8Wd741jMh8JSmStDdsv1cbj1V2+qBL8TuXQ
FKK2UycftMWuH9PPKQuCu7kd2oNm+ncF83CtmuVTkTeXuvaDS2QLY9W5db83wvolqxLz0YaAHzJS
ukb6TtF7wMdnJiuN2/ZHNM+fk68pHH0AAo3W7c9EYuH4Z6UEXomy3XoOS2qhZA6Rx0h48O6s7n6d
ZYKY/JJRi66+qjG++CG8kszfLYI95ueC811fyTULge2FTV8cyTuHMwcOpyvG7+CvjikjwUeZwMa2
iM4kheTNCqcKVikDLKOrcJP1qngaJMIzhQkFKBLrVLgBxbFvTITTKmz8rUr6jbDhjrc2XnEDFOk+
7LUv+rviQLDZHQnRIUPDTj4bhvmshfMIlJ6AgymCaLjqgoKBz//9kuqd3+9GE4gU1WyFSLGrjpRF
5W+/NZux+FXnVkcndm+syvNWugBgrNyZdQ+hW3n87fc6RmQUPpiWFohLZUKK+fWF0EKUtY3ajhqX
taus+ndfaswYUWkdVA7VhhjeufGUY376ulsfpeBcRKg6TCpryfBcviiIukx61UqzzX5fGREmtrI6
hkMP4dzMDnGgTV429e+//XEYnUPbTHZlm3dHCAzdMROwKrsIIrItrXhDiEBzzCSaSUr6fTSOE+la
GgkSv76EBgkSms6XFmP3/7B3HsuNK9u2/SKcgEuYruhAJy+VqjqIsvBAwiYSX38HWPtE7bPjmnj9
12HQiiIJs3KtOcckp6Tbe+SKkLLQ6x2yEM2cpnxL3OSt88YO1Ttzo7Cuyl0ekCFR6pITUJqGWwd3
CUEK7CxLN5nw8vSLnXKgruyqpBQ61eMsjhNKAz5k8dfFP24uKq+3C7BcpsN9vlMujGAMJu+2saL/
lrg53S4Wf5K/r91udtpwo4mApDBPW5aRXHAulqfbzdu1RAEdRMbPI/nc7DtceRvHrx+62XrJV64X
/IkEX7tPSiYH+62dauQhdrgdmXAdwOa8Wqt4ckpIppkK/WgS3rU1guHctaQp+tZPU3pXpUiHckz0
Mp2PRrEI0NIOiF2xk7V4g1yA2kOrMJcrbCoqb8ipeoXPke0TUA44csqvKuwPSPYF82oPOPKEhCJW
RBN6sYHBAhldKgCk62a1RmWYTdqKL4p+xUl15i8cWl9DIsEyg5A1Yu9AkgzlsctRS5C/OfcFaTyT
gmibd5eg0PVRIO0LWs79Jc73KKu/Ej26VwEeK+yluG1EMm4MArbtubyt1Utkg8aLJzI00TEAzi6R
AogVwC+AfWdaQxE6RDaIG1KIPGl2tfWC09cxTBDU3u7KV4zP7Xm3a7f7/jz392v/x4f//AWR0hwc
JgPAzz/es7rRgv68DQO27LCaef72t4vbc1D2lytp9yT1KvH588cZXDPdStufXS/tBf43n6K5kYKK
CQapWljr/WYSrY/8ed3tX7ndLBJpU/OT6ZRoYyu6HOR3Pe/znD2ECHWHvY8FUtAMP/IccO7sAGtY
IATYv9E7NyLPerHYNjTT3Ly5xjnga2tv6wm8twXcErOjvQkwXm5y4Ztn0ysCvHpwDeiV0wyT9vc0
z7xjZqbiVE+tOOFXxrJdi9BENpC+qCBgT749fLsYWQedAlDNJJhLjJq1k7mb2yOcBcVJ5/m5y+EC
3p53u+t2cbtZidqNDCG2/fpHbvcjBfzrmixNugYmfP4/L6CSxyPFapl4DR1EIgZSERjDEVPxchId
J8/YMHt7U0IxRZEqovwjUfGLqARpTOsxJE7EsAAa42pdGf1CDkyAD+l2x+1CeaY0d3lCmYt+Lr8b
WyfcxhZngNtF2ACH+HMzzeOKE4LLyPDPncCD/v6cP6+7PfvPzdu1OenLXdgHHGOUubgw44Dfb+x1
8yxc0rHWmv31xiGymQH8xVq74YduF/UfANvt9g2l9ufhf9y8PfAH0Xa7mdzgbP/7SygHpjvfKvDq
jvQ6fsPVqgr29O+rEG6xuf15sz5DcS045QiXmLWUTJs4QJP/GxT352l/3tTI+B7/3Lxd+8fzbtOw
P/f97YPfHvnHS1SIknlxrqEjETCHNBx/v/nM+NySv1l0MkbQ+XLDO8UVyKDo9s3IAtMgjiTy9ypf
RLff7M8vertJegwLsKopufx9/Xb3n6fert1+XmKIkoUmy/qCCVPJikeuloOTZxGOJep+tYRy1xN8
3bIQH9fDXIc7E7bdugXMi533H/N6vAhvhw5Uu2tEl2Lh06/ijBoXX0/xVNvzXxddHyC0/3M7Rli+
MXoEyNICM0XALCuM9U+vfzRdz6jCthL6EkTKGgz6BRaMzAzU5vat3n6XjsJ3b7fNq2RV9xskivd8
QM39VmYDUpJ/4wb//Dq3+/72E8nbZnp7/G9Xf5P5snH8EozJdx8H70mIrDnrZplxLQXwk1u/fhrn
+DyjX11T++bnpiiKBFKl84jDOUAquM9y6R+8GBrVvM4w3UKtKMgx3UkkJgdy4cjeopS8y+2luzKC
uBJn3n4Sj9BGnUtQP8WWSI4Fbg/QP0T6NQkii9T6tli9e9825qtQgDDs4Z78z5UQ6D61QWdHNFq+
ZfuMVJF71y/KHTojxCslU6K+7eBptx5uo/R16QyfEsF9xdOX41wKvjUcrO7GMjdJ9p3SnUFcwwbE
0pe2qy00DQhHZteJj6Y2zmUsaY155pcwDbz9ZOdrYJz1WRTJsgM9cTfaSOmbBGBnsbT7bsQWFZNs
ugf10jKS0F+zZf5SG1NzznI6UKbJ4okJ05qdGnp7sqxZ4Rc4xGanmY94Nr8vDID3Cl3mSmFNHs1+
lwIvqN3uKU/0O0J+/6hr/0cdE3Vn9mMYxUIpvGLhMxTO7Nnvl/Ygp/xtqtxhx3AYyaSWCTKeJtjl
lRJf7YmGmQPx/tAn2ZEYdaITG7pVWVoiBsuaK9CkT0K7WCbqOERkOuP2NDvcsQHgja7+bgAKuU4S
5xdyv4g+KPwMRp2kNqRHQl3uQV1Mx9IrntzQrF5JhAAY4brfZlub710ZmWS6n1FM+fsQ9sgWidlh
9KaA2mVCIxQkO6ULToU5rrfeoWfA7/Gd0DPAC1KcM/wF8N2LPdOhX1VDn7Iwyd8z+9raCGARd6eK
OdClGgOoDAVrMeeVROPga5lk0Gvs0Y6sJikPPvlGgI4uhcdBQVh9+2j3RGGI3jqQDB5e2gaIwkAe
lzbiBV/i9DBpWLq+NevnLO0iMaKJ88X4ZA8IZmaHwDpEKcU5GYhr8suchR4nOiPw7xc3To6kAsZM
h8A/QqIeh6dhzIvtOLnBBU/xezL51hHg6bFFMr8fNT1EU0ggTDGo3gCr63lWxpcxKgv3Sc9FeClT
PDxmlU7nzPpmEKuICo5xgu4T4LXLEMKcaMXR8aDZPU4hUvYA5HYm70Oa2LAkg/5HFSbZfR5a78xv
qGBZoe8tSyE1F8393LJhaYWhqurQanX+Syod+1J9XRg5vw/hN1vqZ0248pOVuV+c1p0fkzkWp0br
KyO86l6sJHJqlenYNbO5IUbjvcNM9GK3xZXMrPzSE+GA9R5V5Jh6V21UCsoQc6SQ6BfCK8dXPIM7
Zebzrq6KLiIS7105gTyyPj0iiiDBw5kvk6uZX2QTZF/B+rfuzpNFFpRt5/x3fMHgeF0D08zylsuy
eyVrII/t+bFwMP8l/VNAsnbXeCcjEyWtYqaiVulTIpWAuxc9HzrMvweGNvOGYjO5S3GOXsATNQcI
btglVrVsmHmbWkDJsDmvdsWAVRbpyXlA9TxPNpKsHtfzZEOSRdFtbrW5lFsndp0zhde8qSs7j6zW
2Sjpb2JgV/DT8g/Ml2ABlwDKezd8GA3ufHtCLG/49U891B+p9Pc8pd472FwZ3Y3y3IJdeUZ68GJ3
Nv0EbsKCWaWCVGXM4r+F5WLd1zK4H9OiP2rf+AxzH1uyxDKsU3uDeyI7FeWCfLEKvttm8xqiyR4S
TfCV9KNGLNe8kh8YA+890c0HE9SBEZIICy1w2yCl2eUhgXzr+NFyfpr5UVlh99UCtFsvVyM1dl13
lP5ovWb6S+Y7zrGZ3C/KHr1ozCfCOvJfosi7aC6Zm4iGbm6VbifWsq8gciDu+Lo7Vvo5QHa5QxCK
p8GrlxeFi4u8EH4Ax+sPPqvWEsDAm2WbkY8Uuczt19QJtjPjgIsgeZHwudDfVCCs7zRxLWdNlHID
c28S+tNCONFOJv1wL6Y6J4qiDaELvJjK7S4JitQNMPEtbrbgQOIqOb+Gnxxy+lEoSEFIZNiQzdK4
Cghxwyhf7D6gpeXIh3SEnBNkFljD5VujdPcU0K7DCPxCKeftFNODuVT6w+mLq+OUF7xv6UuYeCmQ
k7w9tX0nialW6ZvhxNOTj7o/I9xnqxdvJKbge2a73TejR04siX0jZo2Nlm5kzTJaodH2sU92UHDo
ARXySQ+c04KylwQ8MOhjh+iicXmaBvC5t3uI9OzOhCT8JBCsJHx+3FS6wU4715fAFQYOEWooe8nS
bR+zw8gmP2SS93HzSV6TfB73Sij2ixGzppUX+ZsGFdklTUo8YpU/4GHq2KwrJh5ohLdqrslwECUO
8XLFUDub3rPPY8+JwfckOMdB//DEgEsbgXlCDoBhdv4xIVsF1xm9aF3DmesoKim9SFUvh5nWvUb0
MIIKoYZ69L3hcAJLJ45zgIXGnFbDtekaLyWS0cB1f9V6VO9S5KfC9DKEImT09dgq7vosQcKfL49p
WHx1Ut1c+4mAnp459Wl4MnyGgB6q4pwD/YGxC0t51z+0uk7odxNMONAVtb3j1HjqjdYKm6+BKrwT
DgCGxD2hO19rJfWV5rx5KHOW8EGrQnKAQ8RDhCqHczHfd+opkZ95y+Wo+Bb2pNN8pB5YFW2mclPg
6mdy7+gVyY1Em29mI2ufGIWC8sJAQF91sX9HztknjAMxEz1iXlJl9/vO07TmTGa7MsY4aPbpZqFS
JYiwfJuUSwVLizWMkR+T04ABIJ1fC5JNEJe5xV6p5GHu6H7mHv9Ebjg+quoyAgcfADA3aK4kDYTx
rwzvLEKPxwNfJDJc9dmpe2vnoR1P0B2vXij3aYZkhMo5vfjh45xM3tauy5cmYVOeVgo3eS/ljhKG
rUIvD9bi5KeQtbIa/P4By2+/g/D2nrFqpoO8ZK+xN14T5OqbVujlsOgQk5cbOXn4I2vn8mBO7K4D
AqJd7veEdsBkh9FAjrfrfzLdX1R1ZRTayt/WomZzGeVPhjnPYiS5AXYsjWRSdjl7yV1BQrvloquS
pf+WLtXyNU08QklzHOm9Q7ziPBXB2S08Uont1jiEPk4tQ6jw2CcnTqHmu9nW33zylcKM/LU4Axel
3cWgzRaPlyVJw4v0qgdYF9T1qEd2WTlmUV+w0uiopcEA0EYGcGP0a+UVlxHpAcWhsIKnpa27aFjb
JeaSMWUjfoXQklbu1ext0wT3Q4+49y6tFAKIHK5IXOTeZ1B3XwJiuO6g2MOuWDGbaNTPUBmxRBTK
jIaiDTcqcUhGrYJHQagpLnnaNio7MxKMaGUTvOcun9uwas4tBwOQDO3WGmnDNdA3kW4TAdCOzjMI
zWBTCm+IWgM/ZOMV5ZFhFa+eGdiVFPspOXwbM7QviBLoFxM+fJe/SSIuEBAP5W7wTYRIYfAo51Cf
Ctv8PFel3JYWJxTQ/XU9TxdKBdKZOfFF0p9/tMJ6mDXcGI9jdeXH57YIH1GBPtgWzRarrY+kFBUE
CffbrBL+Y5s3n6VVnLMRn5xp2f2dseB0zJm+HXrFv0NZlaOJGKZjalXPuTamY7iakmYj+EXB45yN
joTaLnSX42ypo8e57cEGm9e1iqpiCmpauPNXr2cA4xpj9ibM4qFy+9M8x5RNXr/ss64tdgVwqqAB
/EHSO8zgEhE5DjSAXl/gS/g/azyFbvM5c8wZGqj5AN/uM4a38MEP5ac6LKzTYLswNGWvqTdVzBRQ
iMiwxjPef7lLM6R+aW1VV69lBcyJBbnlVN2jxTql69+sxICzeeO1ofU6lTKCGFcxaVsCEvQEoy8z
eMZNtis10aZlMxAPpdHOIS6sDqaciFrDaLRDbfuL3vhzmtZ8WQ2Bvj6x8570dLQk1udGxVfKo/4U
ON6hy5Pl3sxQG3Tz41Rc/KT63LrKerTTkHCbtpVb0TTLA0ZA7046RCwE2ERiPDeNNTiHWA+PZKCN
x0KQNuG+eG3pXq1hEBtcRM3VXpEuORlrjZddw7jUuJ3riYRwiefNSjd+EKSHmzwzyUp75xJQsuf4
uqFf0jPkEB3TIKA+TTrJbbcW44Ux33+7xS2PeXJ3k5dURBsHpunfK91/t4IGjfvkXaZARWbQL8fR
AxzCt6AZAePed9Jse9vGkclui6SSR3JTfiFDPIBg47X4PFGQlMxHbcbVCPY5YLvndix/tgkJ6chw
yKNmdHzyUI96cWU94wZ9TwPjwpSmAVn2xZAINQNAB48IovFBtZzvbxcFYtdrW+lPqiDYmsqvuiyV
iKqgZX1WpxXWIJRIJSlpqauriOXNK3xKCouPvnORSoYW/DxPxnsX3chO4SeBL46EprGnU65i55rH
7ftfrYGSpImkMM4Nd87FhedNe43cdBEyvNSsR+5yFs7bgpNNVITBDyb+EQeD8dz2xVNbFBbJSp67
hxB11g5he6RuGFc3VMsmbm1va83Gs6v0T9bXJMto8c2ea2JBDTCzKl1xlgYLdyE+GPDBCyzSEEGu
+aNZYMH5oGH2piv68zjidWG/ieTUFEzEDKB/xkg6iY39FcADwXoufaGGHrzblSGw07Yg7rRqj7SA
7WM7cDOVs4uOQJsnw1/pZi5uxL6GFpkz+DiwIsbSyc6FvVWW57oBxamr5dErKwNsKizGjtlNTYTm
3Zq0u0OfgPpq109jxCDC+SSaH+ZCfQT98zKwGjtSh39im+nPvfMMjtV/KggbNSRdmgFEIskj5vyo
sWoOQ+pt2EzxFSWu+yQIpKe/QNJyXl/LwdnXSeVEnonRlSUhkeKSCNU0Xg2wdF5P+LnGzVT21PPI
uvYJBDPidbNPPT3Fq+iwn4tkgDQOUmlXpj65K9rEtROQA2/41JkS1e+ZP6ZdAs183erI6z3Ubh1Q
CmNtkKyobJlN8XWWyaOdTA9pFodYFzHAljUOI867eNckvk1QeBC2HPtUA2pE5eASFYFQcOf4JTo5
Me6Y+rb3VQk7aigcsDta4nhz8nnb4FPFqvKM8/tno5ixJn09H4pYjJewKsII+C8U7MH6ZfSmc/V7
XPxj1z4obPxbL8tOC1vpZu6CMao9xufFOtxO49K6N6qo6Jv0Ihl5IYSE28x8aD41fqge0yU/efRn
jFQ9qN57k9K4eo7O9q5vQdINzSPiDn0d8tC9A0Y/ElhZPhgtdm9vXZAkrcjvoWt9WsZ0708F8LDJ
v6uqEGCaO9pvikNiOHjZK+5mBr+TDyfYbr+EGLJIzPlu401iPW6/tMLIoiJGRWGHzhoKNlZPo0dF
AodxHxuSFGn8v1TmMqRZUT8iv3SO8eqYLmW6oxgjmXPw8p1P72GDWiffoqVclwxqxJ/k+T14QeVP
V3smHrZu7J2P/T+CaOPSy2Jwrrp6YYvUrNbXoiS3rJz0CtYIjC+ZtMsuWhNbQXshdgTm9+oIzSdk
zM/AgPjHOceLMRQnQpzg7cbBljzF+IA7dw2cw8LQQ4Nnfmd+DamgRNvxHRfyY4L5fxqFnT+TSBWg
oQvcTm9uloQgYPFiupjXU5nU2ylJvrmimBgzPiccLu4Bff+qtL0RDkvyoJiR8qRgHfSE4LIfa477
S2lCrMFfyRwF52+ZnRIc2hsQhfkF7Dx25Jp1o45JggVwHPRv4NnCXRFkIKqr2EHNtPh3Q7zGlTbM
7PvK9U/FoCnTMNTuhyazGDi5e/boGqEkO2rHLC82Hux63hRT5+6S3BzPZgEGOUXdVBKLMKdHuR5m
lSbKEYKgPDRT+1KQWIwI/AruyYvQeZOnWrv73/01s3/OQyrqTob6QS8sFzqjzPdLHX/SkpyAxA6g
2ZSyf3DUI2ej7GL0/setBVP6ajWx21ZUfHaa0mKGiyCo2Qzsbos7M0SczG2fFOPB6H5mHdimOVPu
Yz1NP0TlncMyVrs+N1Hql6B3/Vm8iL4m5Y7A36PR6jUBMXyaYIAeC9mxZnXmmC6p/MXHfnLa7A0m
r73taZluMAWzkpTgAIeJLopaJRxpbH6Bnplvg6Qwkd0OEGsJftrD7fce7NFk0ufu56XLcDkzQAEh
teyNNG4jG/v4HSM45uCOLJ9tq3wLpuw5nBP3mCTZvHMnChDPnKq9GcL2bCpxP/f+eJYMEcx7t4G1
IKTzc0RicbEq6A5WPmzDEPVEZnZsbqEHqLSCVZwUnOEyKpXtksHfbkfyyfHqUGBMaBx7Ka5pMVVn
Qo0eVG1iFgSFpuTVXtLg4lT0kaoc94nIlx+FsVLXzZHtqVva45hlMTV38/Mmho/n4FstcSPf0avK
71IRxAeTD7kDOtc/eIrcXPtNzLP6BX11o1kxIY5zp2iyvlFwZRg8bfp+3VxenaB5nLyMZmNTOvu8
QZ5asDdv6DZvKjV210YFF5C39TN9W0DbmedvqabehrzNDoybUQ9kIrggOPrsStmd2wSPxOi7GTD9
2IajWBKf2fYoHoKZ0UfnXbwYJqJZoUnKAcNMo8lkO2S2Hybpq2YkgVQXfQjh4Ju8BS6AqniMetO6
LKV0rzGyaHD5ytUvukzlUaRdsqethO1zbT3mSQsOb3i0i5kuvaGLvTvkHy2LYWyvxjvhrckhQPN5
Tgr50GereDE0trbD9JRksuSkwmfp5z6xVVyUhss211fPJSZmlJvuz5Q1KsJh1HN3yqi/6vyeKrm5
AGCfPxUZQATs87WVYm+oi/BVuuFLyY5wTnogMH247tUFzbi5pMWFAfcBJVz/YMvgEMZmyTF+Zwa0
XQ1MNn5Y/mrDydxBTOBE1kuCNCvzzJBlOOqloyBp0uEk0PxD87lA5C7fsjkvnrpvdt8eari+b5yd
rQssFYhdwBUMO38xUdZDvV3Tu4gHvIYWqAQS+g5zDzJr6vGs3noLFmyMrjUiU8kMiDIKw5T5hxl0
WWT+mFMjPbcTR/vCMV7qgVv2KLZ6sMKrroqj0WQ+kvuuPWGA+5K1+J+tNWe6WWNQVECXN5sJZKao
9d0ayOxANCieFgc+bQvtxs0inVcwg+DSRShEkAvpit5SFQSbyYP6wGLE2xpx+2L2znxQVrofUsd/
rn3SvQe0ek1g3Vd18WVYVgXNJPvnuliZkgo8DWu1s2wI6strGoVW1gzn1kgPzWybD2ndvPMVEKKy
UIJrx3p0Uj5+zYRyg7i92rfBCvauffD7VMQHNLodedB7CQQUyZ5nX3RpfAP14h3qQC5wPrt6L7P3
AUNrRIwzuea1N9FYza6EOKabBE7HpQxAKcTzWN13xbcQSEgW2NXXnKMpSTLdFsdPcpXFoHYwgMjn
tHKORl7WbMWMicMgLONDwCem1fGpaEpSInvj1ZGDvMfyrDdQQeID1HJiocPlqZun+jGefxF1POym
lNUFLR/96KVx/jATWWn69Udnyp4c66VFmmcio8mWCY1sPQCOlPZuEqwfAL1aahJXTEd4y8Pie5UA
dmwCbTww7H8hX8Ha0K7r7ueVjxjDZeq6F845IbT/yj+Tfhv3xP2CdjeiKXym7128GMavUg/NgZnh
BHGZpY6SxWWmM3ItTZC2AYFyhyLHJuwVzkNO2O5DaPnVfdm//b5hT2wXSLI3RoZgz3NrYDQOglWj
Jrwlc12+ZBZnr5mt2EisBKLnAPNgGiHJqG7xo5vhwlZUUMBgxYZRUXMITOSNuRdc2omRlZ0QB6J0
/mkE1wj30XxsGFj16ejtyrk1Nj4YEjpRRO34VE98BFS/OfjXfuD3zTneB2JAYOv5Bztbxo2/cqDT
jObdnM+PImHFmcRPXWrND/wHVOhgI0pll7sibuYdmt9Dw4+1oaaxQMWDUPOW9utS5dMecIE4tYnl
7d2u+JysxxPfj+HwDMZT0mNPNyc9R+gYwXdOvh9Nut2xqH4qa0dBbByMQ6swlsNl6J5kz2lfrTh4
F/4tSX8PKBXHCElMfidHTg40uwKylnUIvgF++UT6hml4NJ84D7dWjybLr3d53J9bQfZhL5HNTRN+
Mz4TmsRhOgQjDblktt6nhmVZq77TwCwi7ep0H6sq2FiyAymRIed37MG5SGWdpbnkD6yTJUuBTGyC
VDCLqGWDWTSh4ToI65WG/kSnmx5rJHylX93czZ8SDlmrI34yff2iesEzTCDvaJ83k1zLM/AJ8WJD
40FpuuQQ63Wjg23cwY6SWGi0ldqvvsMnRcJbuTb2Goc2rwrkT88p3KNBXXxfK7mhEQdFJ/O+OHgU
fQ8ey+gMHJjG4GytB8/KN8fI5HczyGnupPYo/qxi20EAiOzGp39XnSfUfLhoU4FGerVPZrQIGWKd
mqQFZ0U/Y+PNtHr7IR9OErkFM00P7NCQbYFQiUvn2Z9i78uceMM7P9ZbRswi84pO3QlnRF3gzaw7
zdTdp679NjnNN9du1X0cHOwq7Fk/swCScUj94VXPS4oheYb3IEb52faNnaqyl8pWAKlHb3hcmuro
tgDLRQrGaZ3MgeJT6B1UEA0W1DTXBsHetbZ1b0Ny9/Xr6CJA1w0xMpq4mocmnRFoeeqzCBw+JJns
duNEBiulS+l+M5DjHhIIEwwlWk6bow8mg0Q9XXrgVRqiKgDBxu9VOoCewD1SWxCda7j3u6wDehMk
KJjLxU22vXYkgaS0YAd1HvWkHl8TxEpnASuuyt8pndotYmYAUAWxeyOI+SB2GJUYnnO06+oNqfR8
Dt1ZnTWTorkXzmlURXvtEKwcwmD55kO3Opu2U51v1xoh67MqrPekhT8aA1Q4JVAcT7dr8wLJaDb0
mZDa/urDxPA8jLaDQCfQWbHe2DaysSCDTzyPzbPCPsQkmZ+5JiqNgRRclsYnANMsFutVd0m3aX1s
7F0SuHdznc5XYEubm72sZrz6suTfEWLBRIm9zz3rlTS0PsvZH58d0r3PvmoxvyvouJ7hn51iNRVk
NAP7ZrkSxqyenPwLskTxMrjA4HU4ITAbzU11bmQ/bq3GJt16+NVk1UdK5X9g/EBXF/U6J+XF31Pb
nhiZUX9V2SlL5g/XBI1upYSPhYHDIrLKv970EXMCsShWWXtdXAWKObFRlyuiTtsggLpKglMa5vbF
SDlS0ob6OvKP5Gj17lBT/LIGQUKYYDfuTG/VqwznyXXfK2t+Rp4H0wY2cZ4t1cGKjTWcwCJqXFzd
OCCAbMC9G7rjNs80C8NgOoOFMc5hXJHBkxRbtZJ93Yaq2xlG7BohOZDCeUvwvZ8ok7ztwJSb7iln
h4FQ+JtOdurs+0xqZ5+twuXaCCTjQFLIyrHqSfNOxA59d7DvwYptMgXGRNcps2T5OpYBoaUBR4na
jDGeM50CZ0OwRjESK9vPNMy70KKtqKDvTF2R7/pqJFWraMRTlnkl+lRxzCFE2/Gb04McFRztCYNH
kZL5Jb3RWhNHUbWRKU6JYXhXWlmU/eT9Zr1JMlTp/6xadFGcNw8Vk5dq7FtU70GG65Ke7iLIxql1
EyGsUpFCglCnNJ7bKXKUaUZG9Q2jCxEcTfaQ0pC9w1lCfgsQ+d5Th2LM/e8qItZypxY1Pjd29xCk
qtt2wiiJgqL/CViCXItiAthUhBaVtm09tNNwzV1sy1XzAbwSlIDrAuqy4PfZ0h/2KmaV5yOa0GHd
7qKQkIdDD0N2PyfhjKKvKq9zPX6fCUFKirg4Otp/ay1GJMSvGHezm+MWH+CTDZJAKeYWWAQbMsyC
0LqyQHnqgEKfpOg+J455b0MyexzgQDmZSq59YD3qMV1o1MK25UCoT2mCod6sTeZhzJ9Y/62aR3Vv
uL557Jb++eYnIJf5FYFnc4QD1d27LiHo0PGipfbeB5eEtkH6GpeK8UMozhRVWrTgfsIQu43CpsfU
iZAQy7nUw/A16drhnE16FZCKw82X9/+JKP8nEcVcnfb/MxHl/WdXker9nziU22v+wqH41r9cRteh
5zAvwunuAFj5C4fiO/+CduObvkegBH5Hj3f6NxNF/Mu0uJupum8CP8HA+W8kiv0v32aWwyMCf+SK
V/l/QKL8p2VW2KEQVhj6/IOu47vYQf/T2RdY07hkKJqjxAu/B+txLXsifxCVTEI9/7cv5vG3ifPv
+JV/eNbF6iN0+KQux/LQ5Pv4B34lHqfWdpokjjgUFHs7WCFyE4layF+yXbtsOvNH35vHsQAgxAK0
Dj5aYz6WFSf2bKq+wHw9NSWpJJ0iglANalvMOtm6xQoHqLM3mvuvEnT/xvOccwYhFz9Ui6aow6Tu
ElMzz35wl4vs0mCTVhzidgaoWLy/3eP//kF9CDd/s9f+/qDCMwNGlaw1+Hn/81tNKdjIrAjCSCdu
NA90sJ08QOqVCY4vzDstCjqR2d+JWPtVZowqVxhvRodxiIFiZnKgo1xFqVn9qtzqUpaT2qJio87r
xK6o6c1oL2t3NpYXDkLqDu71p2JMm5PNcRXUgx04x8nDSrkkrr1rBhrbBIeWuSQ5AIHT2Dgg55nh
h37+niHyOJX0l4iAqCu1kQwAN25JImZHW5VxBv8pY5K7YYLMqWDX4PIyyD5Nhg/dwqVNkzZKA+ut
BiAGy4T5ERzmKCc49C50KEOIM/vFyjSqpaKRxA+Q9k6xte+wvf1sy/axMJNfXsGgdSmyFzli3VDz
BKOu5xjuFp+bdo1rIsQQBXu+qTzSsP6P3+o/OSm/fyvf5XdCiibYQ/+xUZqdK50KsVYEqZvlaxu/
5k7xJRyau4lAOtLzqDq6egSR4JKCQE45Y0TSCBdPRD1CEDjeA40uTFaFE2z8IjUZ2ni7GNbC1s4U
DlH4paINPuaeNBVgM94diy4yT/MKfV5y6CSEja4cYNbqJ+vTZBIjZxP5JPKQ6iCDgUk1B/i0Ybtv
J1RUSoX0WsNvJePxk9O1H2VaX1j1svbKsAoFGecsUZwrW75T7j1WDRueP5OPoKdLZhE5Kljp95pY
9lMzqaNmjkbD8z6nzQxU8SL8TTlXiGb6idaqJJHDXq0s/IpuDbAPS+mTaSlQ9RrUUIrJPQz11ndL
9JXFLyBquEXJLQjZYv6P3+m/2aWgboTQoeCcezdIxN+YCr3rjKP2VRhljiR/FBEd0WVC7y2Wg4O9
lqMf//sbWv/dThwEyFCBbYDb+CdhQ0xWDz+Ud3RmGIWe97gExGy4687g1eMncPv3jlHAzwnGj0Kz
Bf8Xe+e1HDmyZdkvwjUHHHAA8xiB0EER1MkXGFMQWmt8fS9E9Z2qzLpTad3P88Ikk0ZGEHC4OGfv
tSNS20izN0gZzmGwR8EnkpegCvZ99+Wf39t/GrOwPxxGC0oT91e2j6GTWg3tiCAYpBJ0oXZ2yFtj
VYITbdkWQDn6I+isfnMP/sPLLmwFadkQUIy/IWbc2jCcdNCcPZqtz9FynmgTCnQK8WdTdT5Hd3Qo
jfP0z3+rLn7mf1yfUJTv9M5xZsq/r1FxoBvuwIO7Fy38iyi4CwaS8cIhPful6JfqCrb7nvg8k/w2
+ykhnWVVjUa/LmzxqevuCXw4NGiWJR47NA/UlauYScaHM7Bb0C0pTJ/JtVHxxZQFeSPpukS47KUq
uzebiPTOKXrNa+2SmwonDpd6omPnJarYVLwuRR5MhamptnE5tIzNeyWLwbMVNMMkzQ5AyYgCk6DE
YHcV78GELcCm94oKYKzoRHOqKZCsK6f+1pKkUyaD53fDHRIsGNvgTEDu2u8t+h8MhszBiZ14SYWU
wncT2tGO+Tkiw9B9rGNx1PZI40ghTNJuBStJXR01DMt0nM9mwGIgTGKNJ24bCEoNH/sqIsBgLdPp
SfbFcwdQYZ2ytK5c8ortljWn0lBVdpH7RKGMN+ZycSn1vSlsywiDWB3gP+Fkq3LMT+Duw2RfU6Av
OqTRo4mUboGV/2ZEGGDffllgkVLoAGEAvDvKda3l2f3LbOAbfspeux73gUve0UBnIu/vSFyc0WbC
lO/dCx7jiZMnlXGJNSlsbUzis4YxPjhMo+l6/SYFp7AENtTwTcVed9Atphk5URmxLiV7Fcj0pOSg
ZCQbsyN/ztCfu7jRSRflLIRAmwkdagR+x9BEXZ1Ts0Tm9Y2TVUVBenE2ZbQSnYFqBfVSjugWwEV7
jTHdYQUhpSrMpk+qvkfbiIRnWu7XgmNBODy4xZI51OsITpp2ByeEJsts0vBpiLzzpydS8Qimcyw6
jWC48QuW86MUIelN+YNTOUscXE3oWJEsRhPjze3SYQvVYWtlOXnBaMc2LWm7lkNyKc6ON8qD2aGd
ddyJOjjanPQnjLqvinTLEXP9zsnkM3zaL37RUVRorNd6QuGUpdEjPdCKbKrFPKx5hGafnRSksWo0
uG8dbRifPIXWvvC6sFJsF7RGTWCBMy0dg0cZl3v44RtHYMBXyXBTEzHvOVwhXJzEjb60Qwp6vOof
8sr6JDAD6Cu1k7wEhkJEeuwpm/ftxyFALRybtoWvSCX6NnGJpEtng58Np/XoQye3Z3QABaWfiZwD
pJFcPcqsFDrdgwajuizpGSEkIySCeGBDTR9szZzV7OJoaydMk0SdbamWexO12tVMtcJbPGJdoPq7
pimjbT9HONGpyFexLAAGuCGjgSERlVicyeTBlBlLtoCSKPQkQTCMXRrEvCUO5bI4ywhhV7rUrMwy
BF2cvU0WurexCl/ILXiMrQrPCEEICpF2lUwkUYD1ybAhpJWkO4y8z7Z2oclgQA/r0ebr2OSOCcNu
XwkwpdQ14M1N7gVRcYn2uX8EPeuuqUk/AwfADKXLC318DWtvctIbA3BCd1QJv4alRO1o579YlXWr
BLq0Rg81piG5ywWrSzVWzIJGYOxESCHeoq1YRM85tbFYh48zFEKuCjIAR4OIr9lNob2OhVxlnb6z
CQnfA0FhD5Fg3HA1zughcRFBAoomn5Yk+zBc97N9V1CVmkN5N/UwUTTtIyvGC5vWFauNvYokhaF6
zKCV+v2X3sgfAsH9z2ohTojUjw1HbaNnh4q5Y0UVLtvmnfYofWbmOWeKNYN830ThOo2jS+zkPE/O
8NBoS8JHR6gqfTGitEjXUzpPNb3l/ZREwMNXI/h6UhTGJFuVPqoFbYhvkhj7cJLtqqr4UsuiQURs
0NEmrQdGISldYyo/3PYICOY7qO7hUA88x2jsAXP4t2lVPeaOdbhsBze8oVoEjFzLb5DobxW95NIO
QcD0PyowLBSt/T0z220znjpVfWmr7sltjHcQwkk1H6vJiFaRW8SLUhVsap3H69keXhFCeV3rs+nG
EIhaZh6xX865Xa9iwosIBCpWRKk+1ylaE8D7H4lDJZDclMcUdjl1arlWRH8tGVco55jqKWQZd22d
wlnrQ2NDOYUAvlHfaQYyYaHg/6Xpuc/9JyCx62EsZpD0Aa0CI/0Ck5n7br6UYsjOWR0V+ORLlBXD
8OriwV9pEIAupebme7toiNTUqwuJntq24HRA4BxsKloKMEF8zo2r2J7osBsK6jjN3BW/k8zQhsw3
2T9UIS1mk4e5LAwalWb7TDD8RVtcWrKNvRyVcTwAyWwdZ1Mh3iXd136mEkRxK8/MVTkCSpznpkR8
A+ahQWDotGG60V34Q24Yf/jRUw2wYg1QYxuG8pIHBKjMUGaU3LWjeZXwP9m44ce4VscE0Q6Tgt/u
S/yamzbBT95X9Ots0970nZRsJWEfDMMzygxr1RjY5dwZZb5+iIaC5XbSdtHIvcIh91WL3nnKm40f
D7Fnue5L17iXUWetDkAlNWW9M1EhLIKwYHURdRYcVJPtkiqyN4ue3QvLql6XfbcVmTgLh5Mf+0ic
ah1mxlm+la75hfqxUSLvcwrWzajvTpbCDS6Db1DKMMN8y0xML1kFhpTd1DMakAilakmKnTUcDb95
FZr7zc+ivSrJxYJm8ZKoGYuajsMSQwz0pDHZd8J8I5/pKWN6WU0phDEbMHtrI8buXS8ZOEYm6bFz
7c84Nkimc2reaF+8Dkvqnk1izpCHt4UM3/zgjQJ+miPmE0Dq1rF0d3o5jsD9DZpU/OxAniNs6m7b
4A+aRlJWJHXd1aBb0xpVK7kGdGeC4TVUaJhrzYkJPQYzUIOr2tfd/Kx1KRnefbjPXVhA8HIoyzLn
tsmnhUIC0VRCqsSkvxYz2Z6VsDZGZeobgbgXRgfBqoaoucHOCWbP57i82OwUPGpB+hKW5CJXJZ6U
KngODY5raNj0ePjSajAwffvNCHTrTcP6F4kHUhPqDZh1sG/ajDCblG8CTLMM2J9GRRvCN0bvHU66
cWOVoOPBZf4IY1Efu+kjb9X9MGi0oqgiHLRyfGvt4NyG/rFHDwsOL6R1oz1PqI4PI1mQRJwRO8iG
Z6ObOKJZBlKKqOZ9UoLRyw9mTe6Rxsm1QaOpLLETCzuDA2D9xwfK6iQBFlmPIcK6sF2dt4VE4e0k
U7buZo26zgjYRRiEh/HndscRuujx+tmfH4KlQJHFSeeJrh8ABvnzsSc7bsKtvwNBXB5lKsojdgy1
befiFmvcfAwrXOhxFoGUwPa0XMvu6LSGjbFr3FUWUk7HPQVOBiQzbW9DnErMnflLjR1sm9dte4x8
g5VjQEQZ2iGcpFjfddK4KS1xI3Lp5YNRsqk0bmKDtl+SPTPEWXbNhGherDvwS9iNWH27qrQsWaSk
JzB626ohp5B4uR9dHd0PcyaxzOc/LD29sQGcRpw95im49/3xhm0SlXo7vB+K5jlvEgiP0SlD3lMP
4wnLjwdK+cPp1Lt5dJbjZ48FpMuKH0aKkrIlxMnAuFfYtktXBD2qsxBeFet69zyiIWYPdeqrZZti
hl4sZpY+imEONMB6AjCDLobJtOVVZkTxm9LN3jn3IXESHeBHSehqT2g24dX64hpAt9QauXnoyYY7
lpiZFjvz1T6tDAKgra54UeyEjogOycTgRieNdQoyHlEtKsiAmhz/eP2QD6kGZgVI2DD46BMZsmgx
dyZSsR1FmopuToJANcpQVFV18RQn7bdmgaVc7+71s+tYiWaawNHks88G+BXuru7vP33gjtmhaK0U
0c+hu8Y39KQMzLgW7iyjyMB+YF+NavEFNxNzRp+/+Iin8qWgIeLkE4XyEwemvZmS6Ujq1dlog2cX
/N9uUi7vV1goWFjdciL1gOXAlZ+o7wTtwMG1b4kBdyGfZ2ziQLi3pJBwWDeBDGoitzaWQULHNKDn
o4bZxkvqOuKRAOWCU+CjKCNrO9fdG6c2tkdCE6QT3yiQOTHfkMybm0FxPPG5PHUbf9J+Zb4k7Xrs
Y/DxNX8APLyVVY54qWa4+iZbzKPN8bK2iUUYp8nYVOozWZb1pfR3PST65EqVCp2NSfryVbN4PXLP
Pb8brde0yvr2UBpYnsbl5SJfgvOZNq4TMT4o4V3LXIRgPlUifa/mmX1tkpG5lcbfGj/5NCFm2UBO
1MjfF9e3odAwQgYEgBlChJuoFQ+xgfjcJz2NeLE7re+LlVuwuiKwzAFrkPraoSYuI31dAireIkVZ
960+e7pyQ08Z937bRyzPbOHiqPxwWggUdb6PJ9Ne1zLZ22n3kSmEh1FvHFJK5Gcjgn2bOh4K1BV2
DWMdKmPY29RT24+m4AS1jBhi1JVXLXVMNRubLNyC1KQZ19JRtqzRQ3EarQPosZQRuJVEEtCdxB14
GC2e8W4pKw5F6PJnjZfWBtivFlDAAFhSp6fn9xQqVNy8Aljb2RMVDksULzqhdQQW+NQwkuFUQwkg
wZxVe0AVWkg2TdTcczxfNg1YjTeF6vl+7AGWnTqdh/t6e0JmmiiM2rXy4/eWG7HpZ9g8gqUspjI4
WMVd7EIYScQ80LAdHmZa3PDE6adZibzVpHMRFoWTCDnHCvTpg7bkbY7u0qbiqmB/IX5QRV+iLrpo
PrXe66hLxhBZmeiRMrE7wUSz5qvPeWb/EMKyWAohSc3gmemZEyVEwtBSX0Tl8pTGJhLk5Xuc2ioG
1MGxsBfxUjJcjtRLJcbOrEtdE8lRUhtyfcwiQvyINHEL+TbskflMobu9XtIoBrcnIwIyks8p4Bkl
bRUNLr+tSD7Y2xZsfHrMaNlSx0X5tlINqm4G+GZok8dsHG9jpCWE8nGWyyLTWXUiNdATQDoLMv0m
LYnapNiwslgoSFteFreW+3otbucU46hsD4cWdJzAVuVpCtx8gex3n80Z+wW0d8ZIYbgoEbnp7dIf
nhLKRpl16NqhwlYdvwcmVRhdO/c6RYk6LkD1mA9wiMmIclKW49DGf6WjMdRATGJU3bqgp9Hs5+3e
9R9DhPtoZGceWtIBOH7lQL09Ky4S1EScFNBIH/RoOtSa9RbQeuBUQBZvDlstSL4OKFcPSYdKL3Xm
z0zgM2QAWyGFNc1dAMg+wCWf43HOi+D+vtdrccHSvMsk1TkRU1aarSimLkTJgoFH/cJa58np2pNJ
tfiT8gq3eXCecODcYkC/kMCKFUffNGkGwKCE3Kh1yeo6xmaTIHasQFvdryYe3drYiK66NA1wubBI
PsXMTIs2VTJVrgQULc+f8O900OYNaMIeBXuRkZhmEG0+9qmXiYa6mlYepoSgRAGxjkmm+UY+7s1S
xfWTc1sR8t4HryLjoR4VWdepW67dvlnqaOyCg945KN8KUTpyoGqS5kdVJvV6isKTRY4GpxKp72OT
AqkbD3uNOWUdwvil/kCrLQv6hk4+evwhekAr+lFX/ZEl1vNNhNBTcHYHkvYEDwo6PHaJI8ecxpz8
ndFqdwFxNjADimpfC6Mi02ebmMMuKMviQKfgNTLbi2iGfUFFSjcWs5KDqcLm2AHWIeR+vKgWSFsX
ALwc1JdaT2l0pNOzQvimZ/ZH72jfAB9iktc1k2TAeVvJg9LZFkZxRCkKS2vN+aY04tcyBUUXTeO7
bQ3aqumTQ4+dGXAp55pcJ8JliUjuFYxD19hbrfEEZgNJfQRWPb3FHXHpCoGTJIvOs4tZy0/rvQtk
5VQV6qvepW9oJc8ZZtMNwtd4E6eMR1vkni/mnrXIetP9OdgOTXWruSbQvymKT9kMs0gTrHVt17MT
TooT3oP+qNrLH8K/CAfUnEFJs+QP9F4VpHxoshvqzCHusn8rdAKBofkvX9dL4mNVDEetKRwsCHq9
k1rwgFhnPuoZ9jIbXtC6XzQ9DWha5pLKwwlJQXQW4liEcspWEwAZqDJ87YZkJkqyxhOiO6kuyvzs
05CdIXnRq8O1TLFgFUZGsMkHgJgDrrBJkygtkgRLICumjiQhMI7Xz64fsEDQMWXt3qTtZByvH/wu
DTnjAoxqw0T+8X/Xb8zQ56j5j3gLqBPWcCnjQD4GnSR5EdvYUGU8eUlhrE3KIvvcpz9JyZSjcXMg
5tOxTmKJPCxYtVd+Hovjnx8st4xW0uzGDQFG+Ukz6+O1EPz/RQm/EyXgD6el/P8WJbxGzTfIktHP
KS1//NR/yxIc9S9HANzXLcOCnE8//v/KElzjX46jK8N1Gab02iy+9W9Zgv0v4YDtdHS+YyAb4G38
qUsg4hjAjKVMtgzoE/4nugT9V4b6UtS3JLEwkl+nK7kIF/5S4Wc1CJPOCjGNLFZg8IrjHbmglo7F
2aqw9DpFH95aOQUfnOGHHF8RVoxpE9lS7DpzuPnL5fsP0gX95x4Up0Hejm0oklkWLLXS+bv/+nYS
LkpJMcQ6SfSQ3lQCVY0Jc57s8k7kH8zdJbV+tvxaX94N7pD+MdK/jf/nPyfX/Apgvr68qbi6xJA4
zq/dT+bDmYA92zzVo/+lcPru0Rr9vWpJ0RoEAasDs7jXl6T2Wv1vMw9+1ohc/3aGCmOFbAlhC/OX
v52eRBh0CUiTZOEGYXYhGYfMxWzq2ODXkfGkxcGJcnBS2DPYifi7ylII9DE+lsZsdxIjxQqeYYhh
pJn3v7kxv5LMuTKMVZKGaNWSnaP/Mk4wY3IWIbsZQlND9HRTfbEWy3tV+fo2a6D9dA0ndOCXnmbl
AGujbJd2S/OuNx7TQpvIzF1Vw+hs//l9XaOE/sox533xNOiuYSndUfSsfx4w4EiBlo2ReQp739wB
kBwRF4J/gaX0yQYweDZFvJNGSucEiaPXpD2wPXiQx2IJXUn2TWxCtmp6UJ4V7lf2FVtNANYa7CC+
E/rRdXvPHLv6URZkaE1A8VFJRvppUON3FdaK1fSLqhp77yYmGckTwLgoKN5V62JKM8wH0ifvecgS
fB6EZbaxflEi3qaBUVJtmy5d4H82i+zbLzTw6Q2KkjC2v2hoiYWRu+d/vlr6z/28ZYgpwWOFZEan
y0tF9uerFevYTqH3m6eoKATil8b0lIVXEuMCdfR0iWsf0RXTYQ9oD9TfCuiO9Lv/d29EX2ImqOHq
PFC/gPGDGPleOE3myXLa4diJ8CYjG+Zh7sZdabSP2OV2Vjk1J9MnfJskNjhE49M/X4yfu+x/XAvS
I5B32cJyxK8RIxHGSE2RqHbq/fBTM/amnRNw3k0H03XvzQi3qVH+bnr7+2yL/kwZSMH4lyXhl9Eq
+ti0OayYJ/Cn+7EuLE9rDFgczj3xStoWjfF8ynClGi27eZAJN9goV2x85AtHvN88Osbf5xslpGGj
xZEmN+JX4QVSa72fNV0CK2jPAAvkWUKjdoAxijh1H4QzfbNA1Hn0M2nNU5Ldzn1+o9NiODQzCY1Y
c/SbriULtIFzdxyciT2jSh8kRRbSb2B5VnXiU8ovaD400zYhgNHSe/rxWK5/I5kw/j5zK2GyjsHZ
4xMEEj+PbN/QITSpxDzhSUORPpf+XV0HWO3HMNuNoOeqRVtfLkAMqqsY7xvszP6EYaAoqwfQUauB
lgYOiyQn6o8ujBzqxCtw9x+6QZ6I6tWwugQbn2RNT2VA2kUHi0mbAswDiM/JcE0mqj4cy1AU/S51
6GeNzB9jlexwtBPLcLWv0o2/rNIJVJQxS8halIlV7UetRIUieLsDZ0t8YG9dMBa/CbbSDa7YzzOr
YjWSDnZktiF/i0kbS6cuartC4me5oCqCYLonCuJeLzHiuxYcIJe25g6UiHO6fnDYuqrvlHez3yzK
v6RosNAjRkGG45rsUEgb+fVJLcO2oG9XasfWT7RtpItHM3WhyqkAV+eIatoYYrEtyUvjjEcUhdE0
rIRNLfeO0XQ77FBeENTBI6ejevfPk4j184y6vDdEOkhHFYp3BuCyh/vrhqWEob6E7blHsCxrRVjD
Rrdacrb6zGKhQLPVdyjQeG83wiZJTW+hx8NnQc7Ve8EABYOeLb2kXmqnwSLPU43R3oLht9XdivRc
y93VBcM4zy17Pw7OxmVXtooWK+No8IPxZNE9msBF6p11pk8cwBMk/8yJVLWfWselYOhfREBrLnDc
Td5Yx7YuA/jujtiNIWelq5E1CTOiNpJxS8E327A9It18jgwvjouNrvXuHlGKuB/2kV4Up3++gtzC
n0caylpls4bz4LpCSsXu7+drmDsjR/ZMmscg0LFAWOpZzCE9jIhepMqzO+zJA4t2J2BOtCgYee/Y
aRT+F6cPOTDWyXCMY9aRCoDWJiJgfCUKwpMyOVEFBmByPYBFSHuIYDff0XoeZqp7jB1EbWE5Spi9
Sh5dW13GAU8lthMgVSCdIV/gAkgM+5g7Tbwb1HBbBeRWUEmA2qLZzTE0A8Bfrk/vl7D6FCtZXdIQ
yad5feWgX78ecU55jQsXXtSSRaYEhLIlPnAt5zI8UM/vSXvFRxOF9FmdCAr6MO6RJk1Ym+YtEhzC
CYYgX7cGcbRsDxhCQ3JqCS5dkwOyZ96ILqqVuMjAMFEEeKVG1h/mMH9AcfzAvBbul20RLef3CZc1
jt3mMTSIC+2hX2/gxo4Un5UPDw4ngMjM+5Y59G7Q2gId5hxulCipluO0r+KwOWcNNndOwvYmQc60
sqfGPbdBjYzGpejWWMZ4xJvrr6s5JS6R4BtPZFp+lNTM48p4swVl5yjo0rXsxw8aqFDCSJLK4zdp
7WkiRRzG25SguYhgDxPD6DyIV6wPBAHq1kdHcMCmbGLcYktycKH7xa5ZEj1GW2hAHnp53BZ5tSS+
k1dv9bdRJ9UN+fG7eSz6U45GOW2hzQ3B7NJZ8beV07Y7d/bVkQyEZ4KHhzMVr71hifAA6vJHPtJQ
gk9QbVJ7SVgqIvASekdrLyRAF8At/Qq4UTJtwvckn+5MJ9+jyOkfbIN7Pkg28m33oCh4nf0U4UNg
+fmmilObbXz4ZCaVjbDGrzFNsfHIsnoHRKo9RA6KjyhPPxvVBA9a739SpaNuZSUZttHU3Y0tsuzG
SuebPHhJSvpqtLq9qKNL24IqXRmz47wNZY2KJb+p4mFJUDDLHRtVtHK+PYBfxPCBNa9+6hB8uDWZ
dJq/lk4zPThZuIN5Pt5qCH4kvvLNXAp8+Qzrg45dC/yBpm+c8taoZuKGU2veM9YkcEIsyJrOvZEu
nM/QyB0eJZTEVdAtecaM8DqnF5/5jFSXzxABf7pR3ZyKufjuBqzBrjsX94OzUDGp+Zbh7O4CGSck
/Yjp6HZK95rmq8aj8exL5A2IuJII6cjAzkJykt6VIXa3Ie9vliYyDq7qsZHBLjAH/75VrRdPjcb0
kemeq35EudNurKyut40W6ms36YsDbsZTA32Bpk0cEuwdB5cprj4o2zR7FAjlnsCcDx9NIBOGe4vb
CWF1OhSrLgaYh1ruw3T96dRmxadm9sNNQE/A8wuKVIK7ugIzET1hTTkjLjg21IBfTP+xNiJGRdfZ
3xEFUxjHorNUO5E+rfE71HdNniCCzrJjSkMUVNSnO+jaDUbbjyZdMprtHqHP/DUQ+ZIcMDUbWgjF
Lonqt0gcwJLZr5h/3iN0VQ12wTtVoBoM/MD0JsdNbvyA1sZgS+LDeMGxsNHGLxCRK+MMkfttR5OF
fjN3SxCVvXKp2gJ01uIzCZwvNcfhnTXACawRkTERFN8ythSrpAEWrevlfZkEDWEwyZnaqQ8fCma2
MeePYgz9rXIlzcz5PbQWPlyFa1HX7BQqq+n5Vf9e00rCuUWUS2OD14duCKRmiY/V1Tly9D3quJsY
Wc9FopEhOX2rWuREJgx5Hrui2dRLJpxGufspt/cB/fenTpc99DW0N7TkzlcLY2WaP4JFwejMU8Ix
mnfS5528pGXprDI1IPegmHlLSgS8IzvtvTxEnM1ine8jG9sfshwUUdXryA6N5JugRsHQjeesd59C
tHQ8b/1Ojrp5Ryma3hD9u4pM95XMrekpOI+iZ3dtigaZv7iNCgr8fQB5T48D9NacqTOCIJqmQjLW
6veVX/HjxPz4TePcaDMuSFJEr4eznJPx1gBDRBenDunNOMj4amzy68GYU/aLj3ND4XMcTVx3zE6X
BNJbkY9AASgsTsl8n7dwxmoDdUKWRfVGxM0TZS6bBjIMW2Bu736mioeMKL913BKVoCD3LEgi+dqb
Ov574LGjxuQkIRmcM6P5MYPHpX0v+0Pu+wheOA2tBqvqNnmxGzgzeGFoThvYdCODxLgEGjkFyuIs
4Rp+yKMLYNdWrbkp8/TJ1sb0LJvz1Nfa3i2qzgPhEWDknEtOi+V43zh4B0xikkhEsc6loT27tW6u
fK1HlxIE1m7sSo7xCaKWkGCzTQoQGJMHVhVNy46jIAbVGJJuldhQTKrBfaua6Q3sTL0nUarboZv4
olVsswMAgsBjM7URuMW9nLTEfTLDdboadx1zaL5PsREwQUbilMC/W0HyTjeVCfCmkaHnaJY8V6F9
aVWV3TmNjjCtLcct/ORz37f1hX34zMu5wcb1rW1a1uEpbcyKRN+6OGrWtkS1cwSbZuKo21hilltV
hBShcwm7x5FiM4SJglEzcrqUrWe6Wr+LZl1sRxSjGr67FQTl8dzD1UGdGtfcR9SmwBM4/ZvUb3RA
3+cKfjHQkhKPm5Gu67kfjszDIudI7NqTzXkcn4wqWoCArrqri6pa0wBEIWaGYDGULk4wdG/drv6O
DQkILYZaVA5/JEiNjbkxk7i7bXwVkTKQuKTRu7dxJSn0zWWxG3NJdGxLycuglsrib8TbdiQhnay6
ZZ+cLOG/KK+hsg0bpzGIF3FN1Gcy87eZjOKbiZQOY1VVmrVBVqvdxFUIJwLGFHrKL4ARBjzdrlhT
yUN3YcTWmd4a0KasNs5mesSiAt4nn6wDOD1n45NrcjOygu+kIn13rB2BiYQAK6pRGCpJuG+dz3Dx
dzSO+d7n6ntZxhx3TbHJffSEJIt+TTQ/4kgCZnfQ+vs+ay0SqUbGP+K+spb1xicHVkh87ArLdWC2
XwzNPbTjiciicpfp5Q/T0t+la/B0GaiF/THe6WPE2mF+K9DDQM3J3roiCfd9Qp9eYORpdPUw0knd
0jeggZ6H70qdlmLYGEpMDMVI0pX1OeYz5hsj++rY3avVJAdbqK2KRvxcRRawiUMHMUT02+fmceSR
3TSk3sFPfm+cMtllow6SPetXQTW2h9QN/G1t5l49gSLzCXAzqxq3bNzcaIYz7kWOIlRvt85TT+cU
Kal8cfh30rltRNK9I6RVWxCodJ6RQ6ZWO3Gviw+RTR8dctBu0r9Zmx6QJEpychwn5N6lE5NwX5r7
rH4B8Wis4YzBT7caWmXWdwOZ9rpJatJ3dGA0XZrQQBdfC3wGtNQJ7CpKg37haN0iqyzWQwWxdEpJ
C5RlQ6RnrHFbkM8NhMiswyC/9KIi0HLqNrpskTQD3HFQGYsJrguZGWEdAf2xq3M14rEG90nncAhq
L08rdr/KK5a8gxSNmjdExW0Rw4pv+61t6PTux/axK2mDp5XRH6AZARgSpquvGx1Rnjks8Kk+Rfw8
7nWFBHbuS84euJlDq+Sw0zb7yQA03UNq13or2ZQarJkM6zmBio25gpCEUR2+kx7pGtqjXdFGkMft
NFzHLi1KNd9VCZKD5Auw//csJAqYTB21bjsN+FN+p9lgfn3RovVnQuek5rFHpOPdRKjIYWt1VfSD
E+/eRBG4qU0f3ldtvrAw3LMX/Q6Sr2BOYuUO7NJj3zl4JtQtR4MlYqBmk7VVgfmsHtJczyEAYiZO
IOSxQ6f7mhyygs5bNzLL2WJfatWPyeKIIQvau235SjoeGReUkiyZsa0MNJ2UZeNRhMwWWYbcdLaL
kxnj/s5k8sip4jgPTUGPO8fC4ue7PJAT85jau10ZeXEjc1JR8Dim+Jd3fvIdysWPYQTAFEphb5sp
3k2j/RTRC98kVchCEPubLAulp4LgLHRZbWWL/rF3+oWb7F+ykrA6Z3go2QQzfyCcN1Fq9hpTZV9T
pqftE2yJc1P0fski9WRvPcrBnGnP+89DLb/LEtKr7CicZ3bq1VXUe5WxHXEW+LrSyW1Aix4ULD9N
qzJUUF9lfj+nEMsGV7O8xN4EmloPc75EZsnCy3prWBXF11RDHdPmQbMHeZf0A3LxordW6YyrSqs2
+pQ35wLHytDqSL2teq3a9BywEcRl0+9zm66saZU2M+0YvkIrqppbx7fw+Qzwo1KzuRgAUDbaIjHh
jRyIrCHSQZA/2PdoiPh1xFomZlnfYjPktA6ErQ+hAEqLLqueHi31xaoRKVhmMaJG3/uxoePrtDKk
FqjiB6JpVwxdh+uf3Bp9QFyiznHcpFi1MQmAdDhNMFV8jd6L0cUHOo4fBPSy1LvslB2D1aWTSCqg
EWLpNK0MOktNaIuDdj7KgweT7K5VmcgO6x166yZQ57hmdc10awfu7VXCaxqrXR/U+t4gAtJW/Udt
vaVG+53GN9uT9rgsYcY4dV7QmKdGkhTKKUeSMaefIxSu61C0rYfK4mgO4d7OgpdclJ9IkhANjiWb
XJfjsOWsWye9DVjlfAP2UuKqe62dCDJNk/VMeXpvqzlYG8J9GMg9TZu8P1MCHR4Dt9A3nC0IVHGp
EsmZbA7LyQtWH8gFukj3UifXZi0hN+MyeqfiKY61T0ow7QLfC4mo3+uBY1PCGsW208huTol9WlcV
Bnl7iIzdWFQ/8PHpN0oV555p+KhHbLQ9196KHlWcgf8Kk8UY3/J74tvrZ+mYx7dhkN1LkoIPf/5/
05q4EWbAGyah9JyoBN5Qg+fi+uX1A4eSUnCZWXFLSXhZZ8ZIfpq+3fVpFd6WUiaC3Ww/HSt/OLTL
/9XX/5va8Dte23BfjHVwOxjaHviIONpVGNxeP1j/xd55LMmNZdn2V9reHGXQYtCDdgAOV6ElOYGR
DBJaa3z9W7iRlc7MrraynveAMAj3oAs4cO85e6/955qphTIM26XdzZH9ok3mu55r42EwZ4pOeQdU
Oo6kCz0fNq2puWS1wSkEEduBxxs1ierXSV5/zfdVPdS7TsqLQ5mgol3Sxd6V1mi7g0Q8hlrIX5kV
z56lrNNeBCuafIVK5CdF/dGV6YYeTnu3g0BvTwenZP5jQTndY8igvILEFN+rcl7Im1Nk0zrxlsay
2w9GBpZI6m5aY8JUhOI+p3nIhbPQcceBNDDay0qi+y6LqI8Z3GYyY8BWFN0hVpADvcIkJSt3FGUi
N1mZzWGLz3c7urQZ+HQU/e24PHeN9o3QTNNjevJrWDfFld7wA9pqjLHG6J/U5sKgSu1SEqWQ3lrt
sdPX+BHv+6VTtfieqIVMSeKbSS+DGYX2jdaZ42W7Uk4L/JOEVNqjVm5s5whqoR1hUQcbqXsVKWsk
eThIuuuhv9hdg4htKO86iJa3dZRXcFAJSiClYsM8JRI0ceWgIyre/EPqsZNn6MkFQY9aFT/Rvbix
VGDotg1cra1J2JwJLL4zBwK/uvZBznBQtQwtdiuRbU+Kwc0kjKB1S4jLz51R3HWGwc06yqcDAlPo
pNnicMXu58AqkfouNT/RuIlQ2Crpca6ApEoI/Lt+RZTTxUnQqmN1L1MqQ2JdIatzukuYIs9Up7eC
2AuP9oZBom0JXLm5Q8qVXSpAc11jEZxXJ/HeRiWyg89oB9w3p8Bs7ku5s3x0fMoDKbzZBjOZwiR6
G7vi1q6V+HtV73sbhX5iAoWrGzKQJRVWE7+WL5WU5wd8c+vuE6C1IAaqrJfU6rm8TzOBErzVTCEJ
cOY+EMEjfcrTY67q1dmIqx9t03ZkkFbJYR1tQk9x+VuqMX91RuuVSDbAi61SkNARx0FdAFieZ6LL
J+3EQDULWhtMEA0P0DEloYVMbjM09jfTcq+u4O7naIoQpZF+AbGLJJwO5xwdwWnXGe3yWDO876Oh
OVdR9YaeWHYTnAaEUWTSxW7KJwfmoCNVzd42uf/3fV5cqoL6STQy8Zmd6A186jckuMmJRPvHZcue
QHDxouSGclZmdd2Z1OhORKa+yEtcwTjVjky3ba9qFN0Vk0+1wuIIe/qGSlF0P3QRSKMSAm+mRU1Q
UD+8wTQr3+R6qtx0cl4BctWdPdwFhIFip3jMVBrjjf1UArWXdLN7iHWZwDnSuPcJPWAKVgwB3In4
gAUsMMhOvT9yK8T3OQPh9YaKNNZqCzwuTG0h70svx92ITfWiDRPVkTIKLPtZqSXiM8lR1NZqcasS
OHbD9OcwTebzBuo5NG2Be4/AWZOyaFBPBEbbQPIhVMOg7tUJA13K9BmQJAYO3GCcx4+o6t7l+R0S
9eBBNEIzq2Ukzcgj30EML7CeAcEBYvS0kqEnFyyZeSjZJIAv+DXyarnIgaSO0pCRnZ0cppSAgaKK
PxKt4qaKA0kvb2jn66TgGuW+wEo6tHh1BxNp65JjisviHxryZH+FD30iwI/URyKj7U5STxBszaMc
veK7WU5iwe/ocdXTH7pkcyW154bLLqUWVHr04Sdq9mKtmrcafp2qnU8QCbXTPgKuxqTfc7Rw3kKU
F8blBp9KblPSJPN+Oo255DIaOxGelZzHjWE7Me+fevSpFTkNtrIzJrIGCVHYlLSYxLSa+omtXUCK
F2eZS7McSfPeiZUjbDMwo7hejl3LJERdzKdlMn90Eer11BTXV+V5amYjwLX6MLULFmMu1/5szHdJ
isUuGdHzYoZvtXGTgCI/jXSuX50GIU0aUqDzCDAtrSfkaoA5pM9HS+/O0jrRq2Ko7pmoYLOManQT
Vb+MFqI4V/8DVbh6pw36cshsYkiY8i2mNgXl0OYnmMYv9WolDwn4fpvYiUFvTES0vOLZkFJ/7Lk6
MiVDit5GN4pZYpcmUZhEi5RRVplWEIZCDYy4H+VWsmu4ciLAh/MaN7POtConLZRwMxnxJM0TFIh4
E161UVLPuBie5lbeKiA7S4pMMmQo7tsR/PB5cu7kjAKVk7dfR+aSRzBvwOByLlH4MWiaoaAddJ+c
1Wa3dnK2H3LU8mpKehJ4MUQtlMEWdcHKA/d5IZ5EQ0I6YSGkyh9gfnisaWm5xjoACYJhteLpMwid
90mg1CmDkClTSPQxjFrHrzsdCTbD3mrh7Akl7UtCak4g5e1Nr7fFMZ8Vj+YtQPo6D2gp2G5c1Kav
zj8ozUnM1ijpmQxDqS9imgJ7uDYfMkWiIoeBuTRbyWdGuBvX3yzCgW/j+WGNF/2wZvK9EtUocB1g
BVNp3ybYyI6VCspskIYdyMfBraqWNraS+rXaRj7FkBFeXeHFqwz+1Rx4b3bMqK7kflObPxu9GPak
Xj5ozLOZ+KRuLlVvJjeGfQRi0FZ0stHCL4UjT36jOCT3FCOGxgxlZsV1yV3RMvqz5c0L82r+GM0U
aKOeUVcPYxaGe6X+3lEMP5gOMtrYwftsPkY6suFeDT9aU/ppRFrujyEEFQZ+XxP0PEhNGVzrOa20
xmIelMTWSSaTc88F4oXgiCcZxrJPbMiXqTDB+WM02GMLw83VoWvIuOwHLVBPry+sQw6yhSjP1zCK
vjitBqFFW2pAn3bkLQvA6IoYEb9kthrjo8yzkGaqRkq81IwoZebcX5m3d52m3lpL+trHoBKnrH1M
2+EHDlBOxV9Twmihoe0ErqQ+A6CxuFLs7ZSiSDL4q/y+tnBMwNM3/HlUnjX4ydXBui3hqSaoAdOw
5Jvz9MOptxIHHWlv0jM3bUmDkKqIYXriElIR0BHmjpfPiLOU5aJQotgjIwNDDLN/6vJXw2xrD2Ia
syGDQbNTY3VNCkh8W4L7KulfsUKYXA9syIdJ6S+mXvmOqrUudecJc7bOxULbTm8JeMoie23b5L65
gMKiOE3JQznDvNMQpC9c45fmA4kYPw9S0OSwU+GRY3Xo07j21AEXuUIRaGI+7lgMwNeRQgYZh2R4
vEhF9eCsMHkluT90/SSfmhovY60vBFfIGJ8ZSFL82kLSE3qkVLVpxM0tEjAlfZqZwp+nytPQznkL
Q28i5FPGpKBScRfnkBAnYAwSXraTkbScQc36BdJO/4Ll27gzYxgHoxM9qF14cIwpe85dm8Zqi+Xn
MuVcE4C6p4GKGXk/yaSjF/oynifGdqoVVfuhOCK0rC8dBGDHeClt+5uZV/XBXqxDQ+DIXY0436FO
v1/h7e8Js7pMBRQbR+nyO2Cv+M+0+amgZQiev39eIyk8x3ppX3TQQz6/+gk/ZbAOuhPUFgOluuhS
Sk4a82CV2VFR44qAWlR1Ju38BRsrfQPOv0F5AQs++52eeWVWn6RRj56MNfk5SBqlnGotb7B83xqD
PQULKGZfrosf5ToyxUi7jmgS+xuSLXUX1Zr8qkZQDXoiyNQy6w416I4BHzMN9/m+ZMB1guN71nXn
rdqaHaEafdXm6o2QMWVHcy06MCr9oVa8m2qE/2AXBS0j/L9Bn4IurfoeO7up3MtRLQfkJQItrBmu
JLW0V8BJxBnewc0ZDGfSLUqg+uRdxkSaVDKtYLpEIs3MiMqPyhp+6I2cBX2o3BgVGFktGQ8ZapJj
a9c1IVFAOOJKCwDzYFkxuEPTQ7K9LiYjbgBefyh5OmgikEzlEGGZku2OmtXmq2+07/Sje5f24AME
Pz3Q7DyFF9XUrty16A9L3AOpuZCWIDluRtqr31K9TIyaDtesP2BrD0yNmSi5PogXWs9IuLoNuDix
8OLkpLWI2dshSKte8EQmzuPQGqi+IyBF0WzDOppDt2uKm9KYMGku2QmtTgRkyyp2VTnQlqQfrsQk
mzsRN90wXiwAeuqXcOSbixFH5OpcozPIjjJXThfkDkz81c8MHGAkQ2Kawjk+t1QhGUNTEfS6tDuE
gJpPmg8PS87pZ2Jsi19rMIe9zFCkonPjyuhScTtl1AuIM+BWA8nTIIlxjyuXlIsVeZSzmvUZV/c5
s/pjObbvrVWUwbj1BnWMKa4Rpr+WhPTSetK+z0YmHwZ7Pen5wgy9iSKv75aggXd8aTOoTfYMmNBK
YqLJpUx6CpvAzgyvTSBGUY4u7kyRWPTTkko3mmv9UvUzgSaWqu9I8cZBY6i4xPektEtwdhmqai03
b9Qzrk7upASPie7ZRLEVGtRCZ63vugarWs0ZGhMQQxkUX63Uo6/AfoE0p/Q7shm0Cgt7mkEkhkK5
i1Ra4hI6JZfaOBMEIEL7pGDyGVm6r7aZcwJqnd4jonqWUaXtqgRnzqRLe9CypZeqTRgoDaFe7+oM
0pj6THHR6a9Lc/qFWbbN3ZWg6rA1fgElUfzURjKoJIciKSI6IMl22+hQUjvTiRvo7QiWQGdaemd0
EJUlpbuobdu6uRkhoR3qy2i2N2MT9ntiVs76WAFEX3HTdqtiUTkQCVF8du0yj545EsZpRV3MzWtR
vHBsXqyFnwpxki+1PNR7gNvUy+XuvHa4rSt0GZ4xGuvtwCeHnqY/6XCa3bob2x1pUyvuoYimWjIc
0cUcIrU/aE6jMsOVcBYzlKP1wNw1JfpxB9ieqIUI2dWmmoePRQcFJCsu3KLyF1AF95MBFIM7ju3b
Q3NBtdD7pb7eS2bZ+RqzMGivNcIGyOeu0+mgv2tlCcYFvEGrWrMH45cpqIZnNhtfU9fsZPXOqnB0
z6Hc7a0ZBUkMwGEYGoDMpFtgdKeTU4/0TOxifIyQCj4RJHLOWj63RknDUyjDApkHH+rFG+6d0ZUj
Y93Va+ulkXOeZufFWFMMOPGBceHArTf9fSH2jX89IPZJZIZzR8AbZcuZ5OPffZu3rO9ky/NOLQDB
iG1YFTvForHs1IUPOmHdKtugQqIZNl17StW0PUkrnjjuGGxfd1qbR7jh3gVPaVsVj+xCzrO4p8le
WBbz74mrBUln7UL3nmcX5XoOK26TmVzxGsT/HIuXI1blgiBnvAfcQMr6dF0045JD2/tzJ9CJwU/M
9IeUwoJpeHun1ZAf22lp9rpRGWAwukAcuz5AbkKTaWttgwa3ms9Xq0Rrl+/ECxeLeHuz1jBexiZJ
Gdab/alQZxbbxz7x88+LbDnAjAI8q8nYwrVib2xbxAfcOaZJKXTbErsmW6v2XaQ/6UVacAWNMJ9n
WXVMqLD2FOEh4Fb4rg5jSJu1KaJv5mp8iKdn2zdT63aLSey50wkcIONlxemH5EGo7P7PwvO81D//
8/99+9i8lEnXt8mP/i+MUBO7hvioPj0g3rf+23/8LPukX26/FTzzbal4avQvnvOHgUeR9X/Imzxa
N8BM0pNBs/0HV1RRFA5ZYDYRNGFaxjPxT/+OAVZU09GEbqpQ2HFIHv/p35H/gbnEwobGiSMjrVX/
N/6dv4rYDdCXhoxrzIGoqPP/aJtt4zdhsAKAKWsdOOJa847R3eL20Uj7cqZ7co+r9rdP5l+4c4QZ
6CoJ/u//29/Erk2kyfU8bdTym+XXPO7M1wrkE9eLB+gEbbkz3ipCmW9odTwn9U5/x8P2MwqSo47C
YdcS3ObGl+lVuVAAP+LS2ypb6Pj8noHgv1GVwnX9qyKcF4uine9NhWXngM78u2Z6UTqqeYgBSJuC
zUJqK9lf28KZNMz4tCFBaEQx4+cecI1WPhPlPR+lYhmxjjegNXplAuaxrXGBxnvM5MKLVZgHyDnW
nTpwZxULcpDTfajLX5u6nMF0TOAiKe8TIVNXrthXhpO5o3lbQ65yoK0kHQl8W5FhtSk7MIUsT2Jh
i8R7xtwphlzGNtoWW5+I6yfztQoAB9ujuLpvm9QX70u7mfbiMkKmxepWSk1/dMOFXBdDVLUnEEXm
PgLbgaarOYkFuaVKgI7zcN3VKkkNHAMy/o4PyUH+SmVM3rAfg1VzXR6GGqrZjAdf3FMMa1IPJSNe
cTHDt0jxzBRLsUPeruKrDhggzpWFxLI2DDSoRtV2FdeJFcHExEVdrDnbmtjsWsZoino0mDsyoYi5
bIvLuFignWlOxNHVHjpdUOXb3YgbK5fyUh9wE/+5XaEQhxcYvsE+PaBoUymZZVzeN+YIN5AbOenD
vdjVCz4KGEZgonbyxZab7hQBm7HHtEH5ypbYJRbXTaVJ342JRpTUQDC93guoGM74J7Z3Lr4Vu40u
pJ0lwfVdirVw1MqNpsiHINtZvcdB+3R9h2omAfIW21Y/tQy3teGjjkHWi3urPdecpNc3K9YUnVI+
Pwd/kYbuJMlaR5o6a8TdjcFITiZFT9rNlvEqjuUJQekd49iRPjzfGr6IORkaZm45/7UDbmNvgxT5
3NRsrTwtgbqdCYZhc8Pe1sTZQaFbPUxUHMR+sYtvnOalwzkPIomPqFHnit5cTudTieHp2N24lfcl
69Q7eJp1o8/orjSM6LRhnk7IEVmNyqXxiXDEhu0k8ylR2vk0QZPISEY5WNtrEKftuL3mz7V1eCgM
Bq6/na81mr0/NNkd5NZ9F7Y34tVU4iX9uTA2cAqTTF7mti/sACwk1WocxoWTJrS5VBRMS09iUyzm
7cB1828PyfUacEC3EPdRMRaSF85QCjiMn2gnWYHp4Ap3OHXF0XVb+9tmucHOHGYXHonPBq41tAkw
D1TFF08xldUia2N4v/55sdZjVT0M+fj5KLrW/OrmJQXLzOdF7ac5LdtCrIl9lOm5fJekr9PujTcR
HQ9c4akwl3Fy//Pwb4/s5Z/SKBWI6rlmZRuBRqwhLKvbd7G6kI6y+mJVLBrb+BZzy6CRLjFpuR4Q
z26uO69/TTxGsguKBaWdeuKTz/78+E2dQu5OUh+HuJmODffZ1eU3QsQoGCa+7KJxDhOlwUm8NYse
0ef7FW9a1Ua0I5F8/jyqmyvXu3jZrnqfx2PVJsRCe6sWpnJmql3ChXnP9kc+HyseJbYrRf3jL4tN
cUDs+/xzvz2nlIYiWKb8rDC1CDRZ2mMI4Ef2r/7MdZ86aTYZ4G3/ge689rBmueTJMhydjE29bX0T
W9BWyIHeztc8poAv9k1YtE5i7br4+75iZlBuGloSSHwaW1A7n8D2vHKNfy3bm/+XzxVPux6pxPOu
22Lt7//V9gqv+9CRxLLDx7AAjgWl8ItmDLCP7Tar0cyx5jo/oDZ+10N05+l2mxOLabvrkTAC/kui
cBGMiEBQivXUjTCXEv/S0hroF/RV2xxJLGzmCVpatHtkRcCr/lzI1vj7pjhA1fVnl5AVvWz/j0ze
ult26eym2wC9nPpNXzSpwwY6ailqcPKLhbrdkK+bv+3b7npt1hAnWOXbaU95k/knH3I5dQpMPVJo
OnTz6dQUe9XRj3Y+QJRo+698HONRUmSC0uI8IOZtJvLxZMjFyDV9fNLv9CzLPv/PkV/7yRK/oEav
yEbOCPmwZ6fyE4OPp22ZlRqNhRIh6X21p7MiYE9j0U0M2bZbZbwBucSiJXB4F5sRE3NiEudpCclp
/SE+GwO1M+ETZY3tj8LE9omIT8ncJkAoZmHZrGkQdZ3h41v+NaRacx4Scihm+1vTxbAirAh3bLeg
Z/AGpUJZCH0NSMyx20ZY8zY8cayBKeRYh49JNTakSLBvOx2wyOeHdk55wR0UtuOkkpzNLYR2eOfF
YfZgKs5rz1h3WaLslEznCuI9Q6TCDIwoPkIgU0/KRm4Qi5Vobrq82YGu1IHsWJv0HgSF6vrcFOG4
T5fiNE71Y7JBhirFoiYnAX0PS+sh1dvaVXt6NfgPi5NYbBfbk1MA8b7uk4kzQSVV4ktLw+IkFp9n
gFhNwH1CZdsgVWjimG1It1YMSUjuKAO0sX6Z0FC5lkrpt1834Twp8P1sbC1ENC6zyrjVHKw7c4Wu
VsvGyA21UH51s0wG9TZUEwtF3KUdGptis9RGJVhN5AKV/gGU6r5E2XLKCKI+ibUmLWYKhXHrxRU/
woJ3sFlP+WZ+23ZkLnbIN7bdmRNT4N0ea3PpGI02D667xCM+/wYZKQzJmFmTZRVVhttt95ZmW+S5
rW0tIFYR81CcBNkF23xgRCRPDv4E8dA6Y4whHiTW5u3OJdauB8TjPp+yzslHvjVuxT6raZzAJvDO
rAGX2dtCXksKFmKbk13ZKaAnPebv/UnssySdw3V7IdfDOIpd4mAcTcM2ze9PlZRF4BR5efmAr8ay
ZR+0qH0sB+N+DolP5kzhlq7GxxxlYkAUegZrU+zr25+RHbW+ioYRrRUPMwpF8mS6EsSUsnk9cN2c
7mpGuCg4aXrNu5GeseRxAihYrgLFHm/zIEIarZ0Vxzdsf3orf9okjYOOBvOpBgjqnvNbph2PKFkd
+HreWDwuEJpnquzodndqeKZTS09yaR+76dLCh2GWlFKNOi3j66B+G2GAxVmQ236m+nH2qqd3Shps
akqCptM7Kw16ld9MYClnG7CORK+kvKDyauYLFghEsaED3evcS0fbQdr/EAGlIhQoOWYFtJ3KbZEn
8772oL4vtovskSZ1/2OF0eQXv5rYbftgQCQpfW1pH/H+n3rraKSo9UhTJec5e1MRE6S7yItfcKs3
3xHT66k7qs9D7OMK1BV32M0pGWZuj42Q4rIWWPLeLI507qOEeM1do99hZUtf2vS+k7/nN3hIdxfj
BL9sl97Ou5qfqJu46wl3jJt+XS6dR2V6r8En241+5Un3II67cofeJQC2eFQ/lIfSn47Zu+zVr40H
rO3grLv4TjuMBwKcd8m9BS9sZ94z6Wx3pBN7xY1yqL+TXRb3iOV2aJAzHQYoVL4jShfzoo1ePewV
Rti9Bx009L7DN74rjyizn00shn72IN1GP5cP6vC/qktzQeYDPdov3ku6dEyzX/rSM27V5+5d9372
h/V8HL6GR14VFp8gcXnBjENO1f1Jmw9WUC+7RcfbAPKaW5ZH5xYCceGbzXufHpL4EUUOHVscU5hL
wz0ZAru8QAje7hzLNZ/W3NN7V/7QqweYwssXemES8DzNWxdvplxLAXc4zExrU3e2CJz2Gdf3iCzI
z0DapwAUbb+254v1QJTvQ3k0XTRQ88kefcdPjspGSnvT1kMVBSsCXBBYnBwvw34NL/HBeVA95CL7
+WsPa/BDvUDALTqP4Oko8erZW57yzDMdnAQHQvCm8EgAUWU+Yv8sv2n1WV73XwB7pOpDmdEOuJ32
8o9a8uvV92PupNu/BAnOd+sDD+dIlptB82JnyeeQofDkaneKs8tem8U9G88jePKzsq+96s34iLkP
IlnsOJMuIcxkz/pCkuUSujnJF56kbQd1OmUHnJnPTn1R9YN8Yez1kH9VfiK6pjIhf8dzk5/Gbygj
0+ZCDhWjHxIxPbhYEfIBlCEYOEiX3iVQ1iiovpVBj7cYrcOr+X18KO7t9+Y4w1egoYLk4sLPXxqP
SD2nJ/q8RbgbPiK3/enw81H80nTDypuVfV7tdT3gFfLnaY71s6vcaCfQu8C+Z98pEOzskp/yzfRN
+pHfw8ZzmaQ9q+/RR/ZMQ5mM9WFwKcO64W321rwho3mgOhDtY384GyRB3laHHNrEe37Ub1+XR+NJ
Omj36c9y6yi4GrlinvyLkp95mvcYkOg1LUH7guTzAVDDWT5i0G1f1dhDe8vd6th58073pXcZRd2e
rvxu8IbnBKYekXsus4KUCMLcaxSvp//CJZsJxMP4tTiiR0LeCAVLJ1r1EnlcU9905UQB96kKPd56
5RfIlncqs99pp+7UvX0oH5wvmUeAum966yH7igPOl2o3se80WtCIqV0uml50gsaOTUZ3w1114edG
r/hWI72EIhnn4YUAWmVH6etUTDt++SoG1ds0du15j1vp4Ud4gBd7Cg/lYeWHiuTXvu8P8hGr4dju
daTtXAE1V0ZM4DVPfKbH/jzvMkCJlVtypkaHhPcwYjnAthbU9zia0LbM6ONdGhaUx4mnJ/K1ubXQ
bLjw+bsANuUQRD6NuyD9Mt1U7Qtzr1RyI/6iszfewP5VnHvQGy62Fx2bC36bk/mq85oDOo2HOXPv
cA+Cxqv39UHjnuLq3NXdiHIkzPvU/7ncZRfnG1Tbl+gmCuLvpeKS75wDV7ze/uyyoeAjbpEal42C
dtWB4tFJplUUxFp4i7WtpjS3zdIr5uv6Njcapgn2Wbd1ClT73Uwp/EMO3fDCWl0jT6MCdhq3p4i1
aJuQiLXJ0Pry8LnqyHhngJ2dMx2nd7I9Jhezm//52RoYcLfpVCYlPYkw1WCSyQcI0rawBJUWE6rY
gSr95yJt5eEkaXDRxJo40HX1V+DDJnUkG3fl1GKCX9d9jOn82FG5sieaX+tKBM3n6ixTe+yMukHY
q+Ol6mIGnBMKCzeyx/lE4xppXAFxjusuNYhUbIcWhywt9xbEqgezhZsE5o42vWNTIBJrfbxNCq7b
LU2bIInlsznquUcaPZZipShP8raw6GZ/rl33Kc44kRww3Ify6CUKJ7+58AUzPWGm25RK7S2pIgUh
qSIgakiMzxmDIIE7pnHbBcM2lhaLPjNum0VS9tNWXbguom0qeN1UJwAB8SjfiSqbaCmJtRYtIReE
PzteaCpBRidt7IuekqkOJNOv+kGUg/utJCjWhJc/yVSZ5DfCnE3lCTlQuLcdSlP1PGbuUnObCIe6
IahQQayucT0eXucGjOyUTPjBZie4FpBkuxzchdwSfowJSLtkwyQXK5UYrW+5qmOkRUrByHPAADoD
svzclKcENQRDJQf6LY1V+RQX88SYbVWe69Zu6DRyItAHmE+OMmuBltiHaN2+8VY33oqltv0xR+Ds
plu9Dkgy2E/gpog7RmYq2zd3XVz3oVlcjmp4IXm7OEHIsBgqDSDgF72hH93dWsx6NCs0SQrmhi1K
dFsXxDXGkaveVk7Wu62K9Fk8vhaTVXX8ahiI+mSpQqlVgVkgVJEYUISMqBm/Q/RGZT4BkNlXHT5S
kv2YubGQYVWXMq3jrkXzL1ps4gsWi+smXJmEN8nEUGZMLr5eZZvaSwvqeldpHLCwy2QTXW1T3hGt
w8/FVkM26pad8CZINsX3qDVEO/7W+xQ9ws9tAk6KT7TK/zXj/k0zjlYaaI//Gaf3X/m3Lvv2eyvu
8xn/7MSpzj8cS7VNx4YupwP7+mcnTrHUf8CIUWjQEbWn0nX7sxNHLKCm02nTLVCnmkFGyZ+dOIND
9PQ4qmkQqAha+t904oC+/BWYw+tRVMXQuTrYvFH77yg9G8ELtjNZ/7l2/a92Bigaw2K9ZRace/iR
VyJXTRwQffrRlIO6Q7usPbRplx4VyxqDiv7YHEMqjuJx9YcBjyuhgtVT247dA/ZG8kXy+kksoqEn
eyoviCOJlvopamr9ZjDse8tSCOXoN0h5l8kjhWueQX0IIas+w00h5sTlt4BBIRmjmxW3RJdXW4j4
HwurHqsbO+5xkC0JqqWO6pR3PSzWxGPE2jhaEl70zz8idpdq+IqYZ9jrkQSdIm6U99xSbo2mHX4q
pJUsyjB8gdONR3A2TEpJRA5kskbWMOrZJ10e111jYROwSOXkClC1N4UaNjc64SuYfsOX6y6xXyyu
+xqQpV1jODTyeRJZ0N1lGh6IIDcZbjf1fKZTNZ87PDBnscmZRvpBW/y3/baaIeCu6rzhY+TRYvG5
TZQCx8Qfwtl3bHNmNJZ4vPH5rLKcj6WBeQwx8kjLs+vIwCY6WV9g/he5XpylcTC2iTVx5DBnES//
fTVMiuKs11J+dFzNyvy2tKcbsywIGN7WgF0AmrK7Lj1vR8WBnvS+oDR6ey+nxKm0Wdt8SdYQHu84
Um5zIvu9ztwI4fUX0M0RDi7uzM4wIxeGFTJBV/yiKInjli1ycDsd9FeFgaQ11c2XWTWJB9Faynjb
w6ZEfqgqXXuknzj99vQmGnVX0iKMHtZgWF4pKQnI/Ob+czNMMv2W+KKG+YY5BmYpS+pOt++gIYb8
QDDnoyWS6Kw69h3BFc6dsS0cU0GTBBDxun+IASVbavQgdonFsK4OJpSMYUcx/fE3YmgiDHbnYo+p
aroM22KkYHZZGVH60rwl0Pz1gHjIdV+XFCSAx9hFayu1MPFtISNd8ya2hlUnSEKs/n0bMz6HBvJw
z0SKW7ty0DVSZfgTYkGABJMWY1T/2BY70SrQ12NmMCJbeBQLGZUWoALrtiiH/nFgcgw6JXloCif9
ADlzu8hxwcSVGV9eO9HL0hWal1SWeqfCTAnAvBdnAkuImSb8GZaLM5wjuZaml7gfQgznaiHdxp2M
56RZGLmPSwLDfFtQubyUuXL6bde2X7Ibg9imCOjUn49NGA7cf6jzHP/x3O1IkXahn5aAf1JMObum
b2z8187zyBt6FAtd5XsezFj3r/uScL04KeCuYpj7x1bPB5JSpM8nhRgbjjQEmdRUqn5xhrWEdRyI
DSTgOB5+W42XTr8sDuOgqGXwI45M29NSVYrHnR6H0I80xaI3J8e3NnIzuHD6TTpw3WMgAztn22+g
zSR40aYDXy6ZHnw+bljDP44XnfyhFQplsrgPpF6XH0ErLY+WJ9Y/F5NaUxJfLGyTGSW47UGrxdUR
cwXkFHbNUcFU3Mrer0/q49Zw//ZHwShtj66i8Y4AMY2vMS7v7bxHcqcONyHcnfvPXdnQ7dPJGuHh
sy9XuvLeWVQm//987HW/gcF3T8tndDV+04xL0QjTpg9vJtwe1BKM4gcR3ZKUr99lQBU4VYvsBrgf
DzD+uCv8+wdsEyLEBf9GgUL37m83WUd2NFUxbf4ZukZX/q+CF1TNStVDe/5p0jM49HywF5R3ykU1
nNHcW7lhBk3Rv0gwN4ddQR/W75O1CoDWKY8DFdRlVo07mlDyozKSBi2T5QVgkYNiXxxRhoKxEWMV
T4wbpUiPhd5uFYM0/Q4tndAOuQ3qNfqWqZyh+djMD/VS7sWWWEzjMTeH4vlzo04ucrwm9308Sc9G
j3EL8uxwEQdrTPrMD9r2KDZl1MGdWWHzIKzkLs8N6cQMmCJULqdvKwmuUVykH4qcvGcZWu7KTLR9
mWTWflHsSxGPpltDwbtPIEwGba4ldLFHKAzFWvtmKJcvSlkTpdKBRl9yvPvpoGYnFen9Lh5HMKUD
C8RKaM4LKyS6L902wXgUa3QRW+JhNkV4L6/5r5fO0h8/HwaYi2pDrGrFfWV3ejCbqYRBP7FeDEu+
M9to/B5GmYL6zlnvsSOv5wFahGcXc/U9vJ0sBZFo0VFuzGuGP31m3v42iPwXsiX173BITgXr/xN2
Xj1y68oW/kUClMNrx+kcJvtFsD3eyjnr199PbB+3Pdv3HMAgWEVSPe4gkVWr1kJ31tLRF4XQ0FE+
fWmsEOQsiXjvo7NkZRGj4X5tPWW8aMQ7QpXjHTJyPVLyxdm0h2Q1uFW91MI+eQIDX+8tsN+zDp2S
nVZAmyCNurvjfiLt2IuCk07gggBj4VJH9Z8B0RM+MU+Yn3z3tZ8G/jb57mOHiV5Gb23iQE0pOtaN
Q65H0kYxUE+hWLY9J0QS5r4u6W+D1Tw6EAr8U3ZE9iHC+t74iQJMy9OMPUQxhLWtStt2pUwUXNgU
aDsU303eW1d4zdqo1ir05bfp00Lhd1RI9SNOgPsO/PJDocrVJneT/OSExBqSSHPe7Kw+DUrmohSR
rpW2yDeJYyageTv5GKvNuOxCBOyqNsGskxHRianbx8UpzM0IVATzhGtwIZKgVp/HXGQlPBqMbz20
RPta47c2Zom/rLJWQ6ULRTPyLtFFzmsZH7uCktzohZKx6GLrcIFGwURXNfnEPF2iDDixkRASpmg6
u5C2TTi83V163yYHCwZsjbd8oZYAn3iVqaYk0p4jkoNJD8WKaHQNtIMbKyWF3zz37wOiJ3yQZxB5
/NtwU0YqiT5fWnxaV6sQWiKVoX0d467cm473Q6d27NjbjfFixc7c07zgSRm97hHZsWUSGtI15+S9
zx3NmytkvL5RgPrgerb6ao2JQfDEizcdfNHQz7bfxQQ1QrPIMKpHxwiKjT7oJEQkTXotG3ut553y
zXE9QhioxJ7MyM73PH3GhRggbppGa29EMjuFaXyeoRFwiIbUPwymmlULw1c3XaV6R7bG/iPw8jO6
PPIBLSn/Uckk5yG0Wn8uBkUzaYUPkEAchHWfUWgBy6dVv64hZnD6d2/XqEMP7IeaILKDwgBFIpFr
Az6aumGm2MTf7D+7/XnsEHyzGg3efqORXtzWHxcc44wHzbelFygrU7aqPA3EqAl1j2TZ0qMfpdK1
S5o1pFXSS0sx9v+gFp0wor8TsFoyDzoDsmEwnhApca7981Hn+lEfSCSTf0Sq054ztc1nXehW3/LI
37UArf1ZdFSCBKK01mv3ANbVZyBb+rYOpb2PfEgypyQe/rmcWL54uqFWq22rwY+3QZtmzgrKTErM
rAm1F6Xd/+CP1f5kRtUhVdZM21AM2Lkh0DI+UzxLCgivDGrc7x7cpmYJDoLKzqh9iBJqIm62E/j+
uSpQn+nDOiMyOU2yCzs/9IivWfUQoWMOZdF5lAG3DIQFF2JJHVEMXqLWCj6mC08UE8LMViJBqklm
eBI+0Zjw5q6rQKZ8dRowpsYqVW/doso6dP9jcyIIk+/wWP7HBBIMULimoSDczOf25wdG0WFBcUvv
fkhdeIDhMHvpB9STyHa/VVrebNLOs+E50fS3UOaM3rYgaacQwVORwUjq5vobQLvgIYAwcClMt8k+
Yq0qz5otSRfL8B5vq/PUWuk1VfXi2oWTXSr5oAcNUJUvQQ/G1UvyaifzjlB9MnVvdm397EEijESn
MRFs11kjLbMhbanPyML2RLSa6LlvQr5HeYSrN5vINijQIAhq74LYsm5N2FcdMnuT3YV2sRhzVaHw
CiiOeN7rLpQW1Aa86QrUKb2a9Rsny8tH7hofYkLJ/YwEmmRfxzGGOhGOg1UFXct7DPGJHjjR16ry
o1XUc1M3xlp9BiUnr1IAi0uqE3839YHsb6hJj4mlewdRFyh6ovHB9M1QOm9WnwaC0ftfNMXmRN79
6ePnlK/JPGs1C+D3J3JvRfMG2elD84MoZmkeDRTivamcpk/kE+rWwxUMFw08x+C0VH9lTKYYiKV6
GaKIe5vmVSQofQ9laURIUOWExnEmAVK+hHCIXKLSd3Zyk7y0me1e9LFzL4MCH5fhwRnVxplFhhze
PfTVQpJO0woxcfS8Vx5Rxk6sEH4T8jmuKhypp9viqsISK8RVEwU13PtV/KHU5ijlgmedXjggJl94
lMRphbElmB7p81t3skVPNB1MSlvwEBziRLcJxwVMuMZDE8G2/d83e+De//UxEOrTFUfTieBoBAz/
/BWq0KZGaLipH3FelXPomqJTUsZXtNLirZV70Uk0wDyiUxiQi85yO18Jn5gremVtacuOnMb800Bf
dPWm9Ye3T/6hL6Nj3j1+ckfTq6teuK+zwd/dry+mVVJIAWWsSbdXF75bA0pxWTU19WO//t6fKwC/
qnXCT+fPgbTyooPHie7uv7+YpORrKsOknRgU/kCvQSfZQHcSJJQ57KAHOYp4/M3+3BUTXMBWoMOn
ub91f1vmo5FAturzxSa7lnJpYaI1u2jK3jqYcmwfRI+UoYp0zcEIm8eg9x41r7T3RYYcrd0BiTP8
eiD9mvnUbk4jJoHXvTAHInIrZL4m0UgQdo7kd8+VqryO8JRdibn1RwtdegqWRvk9hmVlrrSRsh89
O33KY3Un/IQPSMvWdk7aJ1DeVfMKKrF8M4nLwXdcSgsx6y9XVagkWPz3L65q/lnLMT0+HPgdkWcw
VJ4h3M/+/OKGWaYADVOTD8I8fMKm28Nb16j2IerKVQ3L9U5YGVqYMpUISbwkxlzPhfO3kS58gHSy
OAhXPZDXXOgqEByUGLrFfXI/es5tTpVHyX4IoQRFHWJNEgoNsKhZB5BfHylksC+OabPjsyyqtFPn
IlxpnVZb6t7CGZXJ9gVSI/uSj2aJqruULIRPzItqm4ybaTZr4etib5ewA9nY6HLvUqUzdqJ3b4TP
hHxxxS2a8s5pnqUWcXnr/m3db8NG1A0PksPxPUDk4tP1P5l/u1RR8UgcTIrY//2XOXVtoefku7tR
7qV9ZqXSXvSCoHppI8gaPvn7adrdp1Fnid6ZPm3GiJzf13+a18G1jkazaSw+DWRZMSm/TVetqOld
2Py15OR/OcUVTYKCD8h8H/3G0Hdu1Ok7gnLhbkSHlVKhaiUBlySqSmP3sAQDI4CQRcy7ryDeeHFd
eVjfXfdlt7n6OnAfiWfLe5u/ZUkNbPdSq8a7NgX7I2psayIrX802hPjB8Iu1S6z23HvxsjTt4os9
UO4ZDyVnqqaw9n5lwRytu+a7Q2hKBDrMmGpbaSJ77KFmfbCKsH5IQzg048I9qe74kNtW/iJVlXfK
4/o9cbPiJfSifN9QQkiUGbMJfGuTRKU6v81NGkhImxHB7mm0KzeShdBZRj1v2nRnDe3ozSCbEOAY
UvDYZQTxSeJbH7LzHto9vOEFvKKuFIxXuxjtTRva1DRF2vREb8ZrrlsWapIQ1AqfEVbjeQjs2wLh
Ir3RwB4Be63nheNVXIly7ouDfP1BzGj7jP8gQb2l5xbd3HRg3Wkpay2BdXADhNWVmivLJe41KAXB
C+6HohGj9zvjfSDi2WKoROLvLggNucj9hnp/pbtPzFZ+Xd59UDbiuQ0yged47SBuJp7rN3t6uIOZ
JIujuIe76/74V/6yGxDz7puDT5e7r+UtiH++mq50/v/YLGj/OmJNwi/m9E+1DTKLn1RDNGirSyeM
qu966W1U9HP3ce6qq6YIf/SlM8oro6jy/a3rOa91TtEKd0r5O6QMT9Rdmy+KDwWL2xvOrnKs6sAG
V0cdFDY80N/+zoKteqZCc3YYe815MhMVklPZfoPtMn1oLR1SaMt33mq9+Zq7lXmOMy++eI73Tlj/
8t+fL1MO9M/tqWErhoNcBZsj+d9KXzC322qvyul3M+z1eRn25tWFB3qMfPMsLCoW1XVK5AJil6GA
1sLMoCngMCZGk84sIQ1IKPJ1LH0VoQUAk/yI8sRQuChV0Mu17tTKI4GoySLjaZYz0RWNATrfHAd5
28GBT1LCdLeF1Ja7OqrldUt9x8kPeh65RCGeIG7z5o2T6zNqlP25X9kSr2sE3t4zaYikSjvRE75R
V8NNY7lQ8zD4aZqY20Sth8jnNCyV07WCoD16Q1A8swkzVpYdpKsxhNG8HsChx7qLmPhk6pryKkmO
cRKWDNiqH+sXp5ehNy3GSyWl4cN//5iUz2lkzs0OX0i2BzJ7W1X5HKx0Af/3eWlI3wLJgJU/lb4A
GUovonENmLDTODzzZ0K2yelfPgQyNT+DmV4CI0wvZeMlCDkkc0cqXJioXc88U47VBm0wkFX+imak
exLXQgEgJSQ2Uc/o5fH+GqiQ7Hqb+424nvBLQfnsoV9VR+p4aXKv4eN3nV3jwpaWhfW4ipHWvcYh
7AbIBHVfu1qBVS7T/7FjeKJi0/6qdqaD9oHjPQ7hWFN5l7o7qPbqZVsiCg3P4/GeDtJHGFYbTYl+
TxGV5hUpMG0vUkSDkzaHWCn+uihoajmeByywpgXiupLdN4fpVWpKEWNwIUj33F/BkIpzgBr2PC+y
+pokRYMeaXkMIrm+Chc/CjjTfA123WmG0jrZijAKvE2LYrDMve6WP+BUQbpAC5wLtAGPHb+qt9Ks
kEruefql8Ja9QUR9aFsHeprEj08lupPwhuNvE4iRdJgToEofBnSH42BB5A4GlSGG1b6TDvfGl82f
Zln3z27UEmNHy6PVYOr6T6O6uraLGwOUkQsD6YYq2IXwiSlDnWg7v/KVdSRzckbetnlVv5dWq73K
yK8ekgIJYWFKCNevSm2AFLoMtFfKMMoZQt3e8eeazCv0q+L55hrluuJoa4WOmK4df6/Mwyjn8pcA
jqeOglD4xpvs0Rw47Mth+qUYjAG6E0nfWl09PAN+eEDCLf0CG4qyhIk42UBdFryFwBDE/MRXLH6d
uc4Gi+WOMZsWv6dUpzwQyG1upfK3+u+/pAsUBYbNT/dKfnWWIaJWjq3atyzUb2XVhod0RtKU2Te7
4kSj5bZ5UqYGNZR+TjVQuBK+rslLkolUQJY2z4n7PN/Ou50bu/ui0+odUrAgUsFRrb2hcV5br1uG
rTp+DR0wynDKeHsdtb+tNqQbT1LLc2qYPJBScwNTSHUWrloPnXVrVMrs7hMDxmjyA47bg+uysigd
gLFJpqwoy+RoBPFxvyNd0O0U39ZJPIMjEabn5WFBFG7odreu8JpmBYfLbxNENwdtGIdhvxFWPV3t
NntaDZHROAvdyNy1ukSgFNrfR733g4cqson1Dal89ZCJmKVQbcwNmDlWYZX5e9G4TNwPeQpdcgB1
+N0nevY0+v/6tAgJHNd8us8SU8mRDXNbbuEkzSuZFCTCrpJUyMCsYws6ftOlsng6rLjTUcbMa2pC
FSAqk2uw4uwkJSOUhVjCVbVpvCUxQTmo6oZn1ep47HMs07JqeC/K2HvQPXifm9wc3n1EiFW2U09u
HOmk/TQ4dqdpfDDGLLWj4NilrnaFHvsq/KBhumU5WN5GmConnHBM3o0QPbWJIQrB6F1oVNWsHXz/
qZ6aVln2oHsebx4/0WZouOdb3yyNU5Qm+c436p06qRUKyUKUYCH29LuQkk6zpL7Yg+k3RLFGjMJ7
D7pBHvKNxMZhMYRecASmUm4ruCXXdRo1V3UEYcyB1f0GP/o8qHX3h2kWr6Sky9eu6sBoT4sKCpNh
JDcnWUMUaGZQ2nBQEl0r5cx0a2AIRg5osjXZddd5WPbQyPiFtlAN3SYLBVZfryN5nXtIRdpS8iBy
Oylcb6QPvGEtEj/whnQbADBbG1TOK5uIGApEJz64vj0+EtA8Qs+mvHtuaiyjWkIifoSe2IAl8ezr
tbNXDPioJ6vIM+ssejaYcQfG4qMdB2QlAGDD6u5CADrdeG2qoR5qNXgX910DUcmfA8JOxp7ahlzd
fbo/B4Z27SAXnCWUZ/KMStyl72TdxcrCbOHBcfccOyR6UYb33/XM/LCodPreZ8O2tRPXAwV8kSIE
v5sIA1UT9ygauzATtAvQnrBaQ7sNSJLhHrNUeQtGjWS2GJAaRz3mRYtyiiNTvzrSUEy7F6ZdxyMF
V5NdVmb1UFiAw8W8yXUbFTY/D/m2RMzjK3YWl+onkrIyzhaKD/3+GFKTKBqF0Dywr6uZkYFyQ+SL
OjMq12LMg+rrkCvts7AaN20fizL8ZkA+PFc0QoC5bbgn0ThFWC0QWedJ+8vXmJF06lxn5SWVub/7
rQiKYclqf/BK0kmVC05g3MsTgO4G+OHJKSbLaRtuyjA9RlZWbwCCxG8DrKe1kZD7IsR6bprwm3CH
gR6to6RuVsJs+aJDcuUHJxOFmSenlqhTZ3VtW9RAxgFwe8WO36Ie+aAhAgZsKx7HPjNTvmQSvGRZ
zo0g7QfnnKcJkDKqLb+6EWl44DveBewTsAWtc/l7224FhxxYYFcCyD81EaqN+exu99IIg1VXeIt2
Gk7EsBfmzS4y1XqnAPTeNLEqLYtQSs+WIyXzqpSCj3pEg6vuv5Pj7WG9D5pTFlYmmdWGZxh85i99
0l/EzECVX+Aet58NZRhWUuzGSGbLn67l2VAORmZ+troREdRYsQpIwemiuU7Vhuj2erAGd+9tZPSN
AZB/byw+mcox243lmcVzkaA4asYdjDikeZ5ll/LUjifIim1r+ZwNqNrYPiymYtRJOp77riEvxKhl
l1R7mCn16tPkKuGWpkMIgbgHJoDwdN+07FOEmfKBWbEOjeRYoE0OzfwPxwGd5XYoK8guoQvbtr6E
bgrttWKniORU0tJwFZffRoveiu17D50yBzOuxJEFLD33l52TqU96Wiuz2sqHr1Ut75pSk75Eqo5+
huY9mZVvn0dtWBLwo7SJqsF316ySgwq7xRPK6+3SaHQPGl493ZCCHXYZknwQSe9Fo5Dvu/WE2ShW
QsUrzX2K5JoI9xgw/Y61N6yUNFzKwDt3oiEOXO90H97gWW2bpHcSW1pL8NtDDdFRiTY1mZMEmzat
v95dojdKJcj2IFMepCSpF4GOeEuiQo1t6NETkjbFTvi9yR/K8KVFw2PfltquA7KzKD0Izn3Iko+E
V7Oj6MlWmR3jdvg5Okym8IlRJwYK06F+8qbDuDdXB9k4amZfHUoSQHMpr4pvCP7Mx9xM3gcKr1eV
mrQbIy/Ux1zzvqojO2Dgog++U5dH9EbLo+ipRL8WHLLNOZEjPifJZliM2GZIcsszSm7H+O4DYvFQ
wQarWUO6FgPCd7uCoQaPFlu0ta5We4fHGAjd4AS+jpx1YWs3E+mI7mbCegbbs5TvO1Skt9lYoggG
qTLxESs6jzniOboq86dzXKact2/OVW3B4KgEBgnSUHtObaMgQoeAZPmnKZVmt4LZPd8nX10740tc
JHDGqVnw3mp6DxkiiGK9js1VX9T6Lovlauc0A4KGtpxfgGugF1iYhIMDHwIKq4hPEEq/pEEqb7TJ
Ei7IkuJTbDWQnqFqtkoNUuG8LQwnflQsYd3hjS2Lg52b/lXpWgQgTOoqgTQ37z6C1MloNk9K0Fr7
HNbruZoU7XtN1f6sb4L+EKjm+Fir+gHx0OZdTbNk1Qcq4JFpOfidmQRF8qWQQmj8SNwToLC3Im8v
GstPnZspBjKR1r/PgaHaX6QGEhZSoz+qerhq47Z+jfl97hLgVnMXhaLXEDbkVedL9m2Uj5K6uaKz
9mJUpnIl1RL7Sa8L95wW4PogOT1ksgtNbpy5Z5KU4SEzyeZOlnCJJk3fh97UTjpAwfMoOfkGTbCz
HCGUW6hJtnGLqnpRE0NHpbBEjm8y4WD8Wg+dcRRW6qoPslyEV2HZ0tKz+uYR+ZhgHhbFQkOjcV/B
XLqfMlbtjNqTn7ZwBl3vwrdexcv7RDHwyWysTAMbBqPEr+uJaX+b+7dr1gUZQaozfPYhsXFqVC94
0MqgngUEVqIlsjv2PEB1ZSlHr4PZmB91y89K1xASIph2KoJYeq8c2ORHTfOu3fRtbTsZ6e04Jw6d
dcpKGeQIQkWivr2SJlQLkpxGu3L44hnhqfSk/En4Ax89FOFPlfhksE+6qu3XOgn8c9ETdsvzvvxW
G9S4hb33YrgVm/WUM1g12MNLSfxBTJDMeLr76zBoU6C0N8cm5/fhVd9SY2LoV5oviWTqyzK0s63i
x93V7EP0vqZr20iwe2qSP/ZepW30xopXFd/x9zFr52KCViKp2NdjTmpOt1CqmKrzppVdrD/4GfWJ
JPrCmRSCBRcocNEI/LeAiovefeDTvE+mmFwEPqWCZk9R9AQwv1/g0/Xur6GyoQeZN0IJbEKEbUB8
8lAVQ/1ulyvYWaMvFerRazvmYwoVO/pCkGfeutZALFQbQTQUMM1O02Bp2TsEUZ5cMw5QQJEoma2H
ctd3VrkL5Kja3c128sFA0LDBmbrCvk38teTuyzMYg7OodBd/m+xDCfdQGgGgMoqWg0jjW6A6ylNT
hd/93EgP+mSVg23Mow7GjVpytZkU8MjyZxm8z3MRUOLtMVBeCNzfQk52H+yKwPRvQSbbIfIWVsHr
LYJ0X3CzQ8nbVdNkeUR8np+0D8EupIix1/icHRGSEr3JJ+lh8Y+uUTsFQeBeMy2OJVMjzHuTeQDf
a+XH3fNpFkWBxnysKc6djot5mVXXaMLGDWCJgPPVzVaY0GXobC4jZ+F0afpkljaCoLr0DqeGPSu0
kRL3LFYOkhLJyCU66XtcQP0QueYHakcvmul1L6lnGku9rNRdmFjyoQkKGUqiAVBknkhbFQWbjeUi
TpJqpnQy9fZn0+u6Pes4taxNJfbOYqCWuvokNythDKHuWnD9l92KoN0WlVZEeTyq+j05+qFQmuc7
8T9t4P8IZJtcjxRxKvDH8eCTmtqWY5esRxu+DqCJ/nzkAf0thodbLGKPdK5zx3yTKz1cOMgtnhoT
ILnW62jjlDCTOvCHSGP9DRY2gXgOCiRv+qQIjuaE6lMoyxkQErroUkzhr56q3yAKO/l15D4rdaCv
DVln/xop5bNuu9cqNfMvvWU8j3KSXa2oTa+yZbNRKDR0qidTDEhlhThs2x6FC6pectmkxWrtldMy
KAAl/1Ci6rVMXIpdrAoSVsfrYa6IxhNHQ0q9gz79jvaGPUbFRwJNK2oBSnSJXanY8Kcjlkn6+Mmv
UZgSU6rBXGu10r1TymEuPDjS96Oj2nv4mKxF0471u9EmD+J1CYjzRWWPes2N0lxWcNYde3P82WSA
nXaoHlNO8R+/Y/chwaQQhH/BsWl+n3yfM3SkC7JBocY8Mi6BK4frcOIMZqsHRQLK7A83065siJj5
TwhzVEJUJt143AoTPVNEtSrZ2RFM81+Mmmx/oUTlQYzC4/ZGQNo6cisNXjgGH/Peas63C5F29hIv
uoqFimbOXKh8Ls2A3rF4eCeAzroI3TDx0Ba+pgvJIZbm4e4SfkByXUE0uTa9DQe+sL7qZeOvgWt+
VeoW+GgxxMUmi8fvAIfHh0aukhPKiDLQYI1U5KDAnhJVzsdAylWFk5K9m1YdGyLJX4IUqTp5LJqr
604HQQTc9qbbpTv4z8N1rqT1hai6jOJ7hLLPSOW+6Q4gWwqw1rljhFfROE28kcEFHW9WUBGnNaUN
XDHRbQLik+NaCxFJtaCs8xoVQcmoP4jGVWuknEV3cN5aCA3HynNfMtfyd11FUZkejc5LoA7OSk0t
f6VOptO5FgWtirMRo6UWf+Spbh/FUiNGYgEhsycCH/lVi43bJNPO1X2uReNMrMk8M35Ik9RbyrW3
dHW2JuOkxdJlg6OshnwSt+DuBGUEhaGcCoNqL4cZVWliKEPqaibma+IjoAIWMYU4gVtpEqZRGptS
ay25CCszvPr0p19Wu8Fg78dcNY7REGeu5qvVbRqY1d+uIfzC1QdDtydU9ZxBuyMOQ2Sx1GXbkFG2
1CR47cf45k/kXl2aqCxsEG8MXv+cL/xtmWVPpceRAwWqXdM2oMinHopf0k6NqdWRIoLl/SBBfDHR
X92+t9OXF8pLDeXjYidctmU7Z/GVLd1tTYZvU+SFVJJe6V7/3+2dGFBr40deKT77oj/2k/ftYRN1
CrFnQebzRtCkgysDnRfXCJ2lNZl+0J2Ij7IRgoHn4FWkeoQfoQi+2OXIsw35t6eWfT7agGgXac8S
gvMUuSFtKiWy9B6p0Ly4rYGYr4ZonlNyEJj8ps1GjqN5TkDLaZdq1prbTnbcLV89At2/6jYqxYLK
PRrqB28q7WC/IZ1dRB6FJWo/8lAuV2On9gvhSywDmvywqZZK0S6BZqjnsi+NxzBGp9BwymLN22s8
EjSXocnRIFPIJf1RTPm1oAfcyFEZugEIuJOnHvKhUUUKBeFS6j9K7olZEj6FUkfFfmVtW2h/tVla
9+4xsRKXMqPk3BsTNXPmQ8UU17sWpVT2D/VhmMBpolGngxe67G9u11Yb4QqnA5o/NSZBrTn4x4gE
DSk8aXRRt5a8wVmkWaNskaw53EwRP9Sj/BDkproVVjmq3FBtSAfIE67ZBLmPogHg+Kr1ZkFZgeM+
jhFkfmzeLaQdMRuXHYueS190dAzQg0Lrit3VcBZzs8Bx5mihSLeracEUd7ZCg1rSQnrU1FZ9HL/3
nWyWc6TbZRQmgnaLNMYkh+qYGz18SUGr/CO71Ko4Rv3mQcC/sJBUNYNKX6hhwvE6iGqSGLp5lJWw
upSpXl4Uv7m50rTlPD7NqPvaOopBMW1y2a6ypbYjf+AECKCMcmB7b6GdW8JVEDzKpQwdyeChL6NO
sAcxfJtZKOO46DUNgaP7SjHJ8OA66ZDJ7AmrXctKuyS6PryNMkd9wkdIyEwm9QJfYm5e5yoYb7OU
mpiaXQM7DzgoTg17Gr6MYwuM9pcv9VIE6CNyFplX6xKE++OshaEp7EO2pR1aQ25v+jthimbMvJS0
EkJTRZZP/D3TRCWWfH8luhGIFHMuumJlvSK/mT/UFVw+sd9WVw9NS6rhrPYDoBAdtf0GlSZggFKr
TjWa61tP4fEEly1Au1b6Qmqi/YDankO6ckliSB0SL2m8ddMapNADsv12WvoHYnVsqNoGEZ0OZRi1
TLXnlgqGJDbks5HK2nOPFU2WGOuouBFj8jRzGsvLSLmN/XudGFMmRPCvdboTg632Ix/517yaa31K
Rm1wmw2Y627NYyB/zDSEIbMJ3GNKaKwSEwzNetkkgf6tAyU0G5pEPUtjme2QA8qWCgh22H0/lHxE
9cGbPnLYZ8nlBtER0KU6FwOK5s9NhaNQ2fGjKStf2wbGpOmMEsJMXDsOuxO8p8GLrxA2UTsle1Bq
BMuA9ERsenVjGxaJsa3i9mevN7MHV0IkEk2sCQYzTbmPit59ma/nSLMjO3xkuz7rC8188yx1WOdR
1K97J3bfeig1/VRPvvKYghFQSaKtye35ibfpbHLjm3k+LDBFOLZPbukD1YoaeeUMUvskhRHcyH6V
zsVoK1fUIxKO0FLLrYmBQXXTaNHVoLz2iTp5AsGwbOzuV6os0NvZdGHmo6CslbvSjZp94jhCk02a
58KsLD78qWltExFN0b1NnJyRFL4ofJMgIfvPPNErRu8C9oxS+7x84bZf/VNOMQcqGz7Y8qKIFjjx
U25aHnBSJA6qHnVuFDRDNBP7Y1Ra/aW1kuHSx/DfGwAFhEs0xiQU5lfNSVhEsPvLbVQs8Et2CC00
TfdrlA6377jot/drBLo9oHdRvghXwq3kqOQdIKGpFBi4trWD5Mba1VNzNxPJew3kOlh7oqJYDIBy
l+uVPlUPC1s0VeTCBxkWSP5wgc9X/c0OA+9aqLpNQbqRPCggytDBkOQXXQWGYdZKCzlLrbwgslwA
vekN6DaVeDNMwXVPBankp0G2ilMfZSXLgZOoMZWFb6bxc5iismhC4zIfOjl+RoTYR9xMK2c306dK
SXWyZ2EVElhWp4A+ZHQiyFRCyCJF795IgU2KRNghuSz7NrOCg3UX1oiqBHmDGIbUPLkOirGJV3fP
AeIk27K3UZCbzNA04l2qQoFWyEn/nPkDqCAdjVcxavUSaus9rFCxaXTPXWAbByglvqeTlRLuOIbh
8CLG6iLWTk6Qn8XCyHO18+AhyT7NjPXAuBSWtBJjWZ5bV9eDaWAac1KeeHX6Qwz1uh89K9yNvDAY
5mGEgm6iP4l56dDMkPcaH8VrWx1yYWFvL/ymgqOhMdNntxvQ6iRVCXY+ex79+lXOnOooxuwQUKwa
9tFeDPIzT+aJU4ZQtLBSsoJsgUR4Br8RZtYSJ0h7FF0R9SPvn9u71M2DQ/5nMwyLVu6UvXCPTQlj
GMJwP6eFCvVTUDgsGi9Qq4WYA98Ac8Z6HB9itbz8NMVCMS5Wh+iirVxfh8kmh58hNzt5y3aAmBOP
bCA9RqwhWGj3CAZqxaJGkpCPanJ2aIiDwhSTUKhZ6PJIcLFTx8O9GXtPPqgh2u0g/DbKZIlB4Ueb
s4HTLnOQf0MBdSacqUIV++w+ifh5ANdMM21opH/aHHQbKV9wq50SLbLejPei8T1g0u2tWkm0dlOj
KjmNJ0V6DdC8g4/j1xzRlaQw2Vu82Zk19KfIgqxJDbyJ1jKsXoKCp3vvGB7xGMxSLa7ItoVnYUFn
vhi1dnhk98JRI9tHXgFVQ1lkC1clQR6MkjbdsfSLX0TDakDtZRHCoo6UjwtSS2sz+GR1vnPzxCLT
7snkzW62UjonZL5HVOpV/SKuY+c8wFMN8Wiul4VBfTQGFwA2LyFclB+N2yGq/xGum3+M4SzxIf4W
f4TwtTakaXbrNUu/RTNUcToE2qdTVDR61ckbqRZFGexQTweucmqEH8r9ma/I2kFMRVMWNULeqZvv
Pk2s+jVX+BN7gBBP5Xv/f5ydx5LjupKGn4gRdKDZyttSqXz1htGW3ns+/XyE+rTO7TGL2TCIBAhJ
VRIJZP6mLcLxizdboGu5+jGEdrMbWrfZRHD7ZNz3rOnDqaZmJ9Sy3bgmGnUsVIKTWSLg15SluW3T
rnsa7bR/CrRd4DTmVUZYoSBy35cKKu+ulyyjTFWpKYl6r/h292QC4nvU2P/fegEEQcUJEZGSFwdp
/LMDWLuy2jF+aweE+LJUvxrY0UMstKBxcKPQ0tB5Db7KYB067XOFPrq8IBtIV+RWc5R9Fuv9i6uM
77LPJ1171nX0J9sm1J+cTrz5U/VD9/LuJSp967mwNrXSIBvNdK+K6ylnc+6zEsxFHPS0d3JohxTr
FrGSmpsFvenkuac/8+hjLeeJYtarfQh1uNb0izHvjMp5t1RkxrMW9cZZtny1IReEvxuOdWyWMLKv
HubxshMPZvGMvdHf48nf9mvZ6RlThXmeiYpcAGgpwc9vcgYHeVb8dou+MJ94SJlPyBUI9PzcfN9U
gXjKNN2/jAW2gXOnHBZog7nCNDPZ3K8S/XMOdesqr9ELo91O8SiW94sGrXpyPD3CVI5X8pTcQTaW
Fzbnaf96Ydn0o+gUV+GrZXXapRJVvVLjwHtDLuWXWxnTz8B4yRUjgXkN81hz9OmzwWAZtIoB+IjH
zKasxHSMc2+W32YTlIOQxEVzbJa97Yg3r0h3Pq6JZTmkz/V8qPweBoYCQibLk/QZV5L6QQ/FSbbk
CLusbVTj8YiVV7ldGp2q0f1mm7bAa8PO2TLHZQtSy+73sIGxvIyD+KFzBn2f2t0FRAQWaJU8hh5e
vJr6KUfcQhARMVyfr0Cjbw0yTj1qc0jGrYnNSRaVw0rN2+6SG4ikRklcfk61Ua1KFQ0/3BG99756
cVK9+Jx61dv1XdOuRRiX5CATKCIxHnCBr6jL0i2Kp3w+mF6DAOcUFHsZMzSNhC/boNbxnyC35U8e
SVjQHXm3kH1yVIHQAzSF8iz6zrgY80FgtLvsRRNtZKzWYuOCmIRxQYD5ysZFP9xDJWanD6F21WvW
BQt5eQFUnB88PtRpDMHkx2TF4iQPiuOS6pKnSFdzmps+woXsjpb3QfWAJ69sUu/F3vlPM/Db/UBl
dm960XfuGz/xJqbiOUzTSfPwCauVvHuG8IsvrKN6XzML7V/dwHmxczcot6OiZlnGIm1S8TwGsYsZ
ro1fvVFrhxA9pRlW7V+RXEBE3QenJVbGUNufQZI6Gy0Sw1abmwrFO1SSxLtjePY+6rAjz2OK7HmA
JEUyYc8qEsV4x0fuFcKdeNSHLHrBTHcjw3WMlZsSZMNSNn1jlv3tUvP/vAhtwgz/VKwXB5LTs0m1
FQh9VTSNwa9hRCQQ4wcaxQf7yk8TfezHzhTiCS/Jkwwj893txqqq10iNlx9ZbKHXO/QWBeYhfKMS
c7t60HXSiHbaPiZOehgoxnySikHBA5zQJilG/9MYg0evB5OncBu9kMZHmm+Oo3ajrfhhzMlNP/gs
p00fieIjyDSLhcYUoZaNAR+qR7jtpvlJ9UigdOwYz52mh0tlrm5XPSmgsTOiM8jZ+IXHy1GWuasw
mK1fGrGVxXHYXsueKs9bA+r9OBYVCshzNdyACwMLrMouJkoe13EUH3LaMo/TNRJIQJnmV2kxOPPK
zzpBj8q2EHeVlXVc/j6pbPfkPuuaOyqWxHLSqcD4VIAO2NfjN9GpCKNqxvgcxYGxK6hN5ttAd4Jd
BgPoNAnqCHHbuFu1CUxoDU3XPDQdFAYE2Y8kVzWNb56M5eG58XGlnlvCnD1eiiLeK9aoHKsiR0er
T92XEF3Hi3CTk2zFhjm9zJonc5fT9e0xz9PZUzCCWwNhDdtz6vQhxtpPnmaqfLvy4CN13O9FJ5Qf
nlcvKVaEwaJhoeP01fgdnRGUH8NevKEdE84AoxJo7tCt+3ConidlGJHSKpGcmJsdPN1HVw1Wo6Y1
pLcN0JoYV7DLMTzvodCd7tkHWsWN/Ckcehp9ikGqgciB7FOCYjgHZgllkc6gjhkRaz9ibMdPMZSC
Da9LUSs2sG/s2F9MZWpeilbVbiAwXL5+ZeqYoh9AUc1mgbuS4DCtG/BusvJ3raqLnWEKMG+DYX1W
OSnXuv7Kr3jAABNyNbfWX7oXYFnnoK+JlkNlrGoswLMIZVxFG+yDPEDfAJApTxnIaT5a9qGcD3/3
/2vo/Xqjabvf18ugvPzWXTXkC8pMvzoteaOhiLuvtgosxMavaBE/OCXaEgC1g0voKsFX3Z/lZjvT
falK+M8gYdQL6XENN8gmRoGtqo9KhHqxoVrJocLH5YrkVLcN3IAV89B4Vxnr20xZ8l02Nl2GZioM
Br6HCfo7mBOU2xbI88dYWV8dFJYeKygMz1lqbANuEOxWcZ+JJwskMvc9C+tnkkSgGNqTp9e9cx4L
YAxu0K/ESAEyA/vx1ACS2KmBnu/A3ShPQc9vqGDd9GrECF9rRp1SW/Oq96lAdFu3RHwWc1NBSLl0
8vAVyR8gpp39JMNNNrj7uEiDlcda4Z1nvAco3+h2stdxxS9Iqu6D7JQh2Wzy/mjCf38dhn7auX3s
rM2+1T7JiJ3bzhPPeqb5ZzuoX+LBsRe52kUzyIEX17Vo0+aDi+4pTTB21Q5V3RhqJk2ICcpB8aiE
I3AVvhph4T9oAXl9RXxmefCuilG81HWmb8CK5euaP8CL4c1IWrsKll2tiBeH4sSDWUSvSV+jQtz0
w0apjFMrEJ3pZoRnhkANAN8oPo4zSBQ1KX8/JWoMeoBeOS5qMMlgAXiVrX7UUUfADhUFCPcKSLg4
gLOzHgOgAHxv6+G71iKq3mXpF8+MgjVre5Y3uqM+tIXQl3JEgaqckkffG7JWy9qhHu9NoDrsytZX
k4tsU93iuqxMD1YZnryqzj7sSAtAi8WI/Bte+tGbDjaT7Lha2+oe+iKghsAf4qNLhLdmJapvjWqs
FoFPfgTRL3+BWY71I++CdYI36tdQR5jCNg3lIQLZeRgKHjP8/sWL7iPybJRFcTWTINqlhqKc3V77
fVCT8kmgyYED/D/xBuRlYg7Nfsx6HQbCMHwqU35pwTj/8tJ4VVlq8h237nkzD9gJDmK86Vr2ieqg
9kdr4oVVPbWemkL30Lj2/G92gVy/LsZfhu8dRrIxX2o9r5bq6LsnISJ/ocRVi796X72FRhYdkOYZ
l7JZBZa1BbNClW7u1WP0KYLUExvwadUbhdt8ZWu2sxvnXksnYWSZJcmduZfFECzehv+EQnLibQLz
mpdFfJUzFXjHWnndvwDTGV9GRKnlNbqhZzuvyK1LOwxfAXS1v/BZMNWm/kkxOF0MsVa8WtBp1vVo
YluskdwXASayI3neqwpccjkGIv8aO9UOjl7zKy3FvifR8iUK/GqZhdV0jfUQirOSNoesCMazqcY5
chet/mrMpVoH6uZPq12y/mt+cQv4gR2z+tYkiQ2YwM35xsEQT6Cibgd0DB6FCwJYj+yNqPk7AuPv
Dkr2AmhUC/el3VRH1Gpqclq4sFEiMePqKA+y69609BBQlYNu2b+uyRJYFVrpKjseH/lDNR9qMCcr
req7FUqV+QP5JSBsslurnfhfPSF7OlbsjJG9sFpeXXYSzbDPHZ7Ft4PIfVZHfbMp+wS86tyBoDTA
jKzWPxHM8vatbFZR5KBCCGB1HqIKPJbIPXYUX7TwSEV8tmmYT0dfm0+nrN7mXvdw6yk7Lzx2nVcG
G3n6r/GBcxnJolxds96EZEfeJ9XIztQUgZTNzbDxsZ82uDloXue/qy2G7SRNpp3s5UldLqa87c+y
l6I6yl2K+izGsnyepxwaTXmTU4bt1CxkU07ZU/1ayabP8uY2pWyilbAVJsY5/AbVQ92QrfKhYyFS
poaLe0ye9bY3HURf4W8g2/eDvO7elGf3GAuWXe02Zyo8JtT616ZIoUcbnfPY+rbz6MDlSqx8Ot3j
5jDoizQBMyFHsL91HpMZldiQiaVC9c+lesWfRre6fiHHoRdtUJTl/hxv+6B1ztV8pjnR7zMZY6v0
u/evcf9TL6AE5zZfnvhnDzVXxMrtQzPAJ0SJCIas46JRvZSnpjmx6pCntwFyLMU8fRE4HQ4N86Xy
UMnr5em/LpI2cYUmmtUY2ClEAaXahR1A3TSp/Mcp9X04GxrLygqYTpm5FB//dIyx7T9AJl/KYfe4
G6Mxy/1ilt6OA2chuxtTP4Mq7o/3cUqkh4c6HD8GIex94+GybNfqcNBjdzh0AnfphWxPTjLONo2e
ub73m0VGvxwqg7fxt7Zu+jq4QECgqD4tIvWSOdn01c+taq1i+Y53V9g/61rzIeNeVSwElly1DlGd
ZV6i+/41rTUF80cU1PiyN6uqthSWHYFR7yg9YrTiD4jOTmVjHUFZ3kbLS1hcupe4eJENan9c1QsF
Kw8f9c15TnkwsC9eAOHlrqLiCtc59Zw8nVmy2KRlJkme2OWXlSn4JcVQU/3x1TPS5lpgE3RNCrxi
imL8QEEAdcJNGRTqa/NaoUL/WnudwTkGR92rxDr/PrcMhCdTf7pA03ZwtMj1TW8UOvsrZJOALP2s
jNY+6WEyvIQVCM1AZfcURt7wwlLX37WswFeyV6nz5FxP7jfZmZSGxhLpCC4haZfhVG00w78YYwei
0SzdszykLUXuhfBG3CUUDHlu7Xu/PLPLdqeaiX5o21htt40SeqsiI7vqRkV3FB25ioXnKe1Rtu05
KM/+ijmJjvgVmUkWYgaCGroJ3scxwlPT2f6lnf2e5EHYyAUP0VRu/uqAMIDqU+nMTvX/XEF+z7+k
Zhad+b4s/4rL6bwgfx5RrtjL1mDp+P1g8yEJPZLtM2l9vhdmDlfrH9qPjAs2aVDR7kQixuwNxt1D
tzMH9tB9OhmTc/4ZK0N/za4H/lGzynpnDhNm6VqIdIXwWszC8E6FidCOlOn6PMcIK55PacuzDKXU
hZGEJz0ouPvYnvGAoJX5YOqTj6LOuNI6pXiwRg8hYi3MtFWkRBmg+7nXZP3Qd1hSTXxRwCrz6aox
fB91vkaZ2aVr2cw8ka+QMin34Iajd0OLfuoztEl2xuKJX4n9yhjvkQLjY6kp4TtYRvdgdcgZykH+
UFbcrkoddAPz87NOluAh66McPATeuaIcfXUsi3oa3wkZrlNRIUtrhbc3peNKoihfbtCHIvssYyt+
lJAG1ij1lQgMnuTxjnQAg/5XJNc+o7iLHwEL1ze8xP8+z+11avFxn6MfIItBVz602QimgERzcKxU
b7Rw7lWAhs0HmI3NKpsS7hNZ0UJXVNrolEJYPcmzRganyWJzrqP1fxsk+8Nab36Pv42SF8QpFXWE
v4Dm/jWJ7L5dFNlBfMIgnR3RMXbbetu17gsJXuUYmIOozvI07DMfhhXBkR8kNw1IDaD97A6MHURH
vgehRzYk8pRjSHZkkWcPg/ujcbxoNacRC3zLKDrKSuT/XJSUXQACyqMcqRjBBitKrBfcAbkQCKql
PqNJK/bnZ6lHdmv/6a7VXukf/jSHEE3qhVQq01ADqldJPCz7UsTHQYsafyunkIfGGG8vEAmqLA9/
mrcZ0PMZEI9Je0idU3/VPi0hjKs8VJbeniMzAG4fcPfqglrZh3aFyU3WGtesTsxrXPowRhQPP74/
MZd78KqObQqv81SyI7crbzHqVBjvMVW1Ptx4ao5yJhnnvrqqwY9DI+JKQ8ujR8Wubq8nQ5VjZpRn
2yd5DY6tB7JI+j5kjwV5vxhORsP9qvPcjhVqiTUEgh0tL9xHHNVKUOyaB4yev1KKaDj484WFHCRP
PZ/CoxY59fq+Gqvmld29+dfi7N5xX7D930PqGIsnAF3tZujY+EzgG/zWry4ecGbUhueD1T/6oxgO
LY95ATCNWJnbb2Rgzb1s2XFVXTJDKy+2W/4YcLfc30NyxKjj89mi6LsbBVLEcVcoZ1RWw4UXdON7
MkGnHFqvecIzxFonheKd3abTdqZWJwcdAedT7Uz+1sib6lExRb+K0jB9naaSTXMnnLekHbqj0qrg
oyiQOMA0OfjpkJ6wPdGy0D3pnk8nUsG/O+UIXR+jE7Z3C5WNsZqI6DGfC4tRGNkPjoVR2tySB4W7
wCExmh8dbo3R0m7Cflu4ZQ1jwbNWtZWYh9qHbO6HgbI1x8nBTKti05rpx0aAKaSk/eiGD7YQMWKI
HGKextcG6d7UsZuLbN3ivntgL6icKEBMM9eu/uJZocAomPFqkiRXB/HlBaVrsTNtX/VxKcK6bKqr
YHufXU0RAu0zCuf3WF4nynoyknQlp5ETtmU7bimr84nmNyXmw5DFzb4IgnxxewuuarA2sLQXs55G
f2mhTHEOmm57f8+tZWSPOenT//x0+PciIJMCmp/fthyODvvt091Dfz7h/R1EpkNJJPKt3e0lM7Yb
AFVYPtxfM7JtNDMzKnD3V+1CxVtDhfv9CeWEVZj9/oS3v1YYOEj9zp/uNrcufNY7fDo5Ws4vP2GN
jNj9TfbzJ0yb2//v9mfpsTis4uH3p5NXq7Y4KL4DKmr+Q8ir8zT7EumVONyntyk7LoZKiVbA8Mpn
cEcz31UtzoXVOk+Uyp5r3XY/Id+gOJd5ACw1DxcyLVsWlpI+5Hiurt0JK4HGzi/cmMRzppORCyZ8
QMswpuqZmPpJ0YyvslMeSsAYhnDH2/iqgzTfkADdyHpoHwXtySniH/fxrkb+kGc+C05HXbWGwlqv
nGXa02FY1ZGjPQV+rj+hKHVyhkY5R3NrLO0e31D+tLJTDrM8JOtZbQeoQjLEawLkKBwkj+c55EFv
imGddnbxr5gX1xvXsuvL7VXGqCbn7+kL+TLyqsYMcQWxivQgm4M21g+Am28tedXQIGdUWiXinH/e
b4DhVThpzqMMRQg+7BCTyJf394tm+K9cTeqjHJE0UXC29fr2TmUIbXfyoEMcUO3jA8mY8Rn7XXv7
kwD2L7ZqlALjN74M7tnwsuyhVjQIrKMfXuSZSLAJAk1U7GTTFglK7qUOAiE0m2j112g3Vod9Bdvx
PoEcIQ+8gpeNv1/hHrbiIoKM/88r3DuSsv39KjkkFPTjWQ+pHRrJapBilqmQ2mbRsdGFglda48d7
lvOIWU/ucKTq7FBur8oH3L299aAGzdUAXbCinmO9KIGDxaiRDR+i7oMFHk/jtyhvzpXTeb/ciVpN
FgysCTuqyizN/EXi6KxP1OC7bWo/G8y2PoLUdVDnarNXHV7PKkVt9Ap1ia2pYagPvF1tawWdfbSV
ztm7mVPtB4VvrpHb0oaFlZfmfefHNZ6AahUt7krzUWPJ3xhdupc9g+HOjKOMWvJC79LxdIvahrsY
eBCsQVRk/Asa/svZMqwb8v2KlmxajeXJsszmcjbGk3FtPpXoD23DutiHuEeRM3X9i+qCBwFfrCDH
2CXLWE+b81Rb6lOk1q8y7vixsYqmqjlwd9fgVBqrrLCVT/Cs2sbVPYtCMpcPmNjpLRK0vRns+Wng
nT6H2SEe+3JQX6KrmAIHGpiVNEihuvAsNywTSUJS8U2O/WAmx7ouGjjK8+mko1rhCO3Qa1jiocax
Cp2uWE9jlr66FuWzdsAcwbGt5LXAgupg5eA7ZLNroVxFufpLtialcS5u5J7llWi+iCdU0pcoBfMs
ng9OtgNZ0rzIRh8XW5Tbm6u8No2mV9MP1QfZ4pOgy+sF0UkOTXpAgC2p+j3pA+UlZf+556dQqAuz
qENy9RyMQQuXqp0Z6ykMf8emFD4XCtc1QGFB2k8OjAb9n+55oNVOxcEbc/DGf+KFmBMNnRpzI53e
YtxWgFWXyXunjDry/zz5ZdMoyHkakekffEBa76wB3lRRRo/Q1ae3VqzkIC1zk4uB47RsOXoEn8nS
WAnMlySOoJyveKAE5vlHjZtjb0/OWfZO1L/BIfmvI+iqqzCah6pJUlwcnfA4NWFFOp6L8m7KNxYY
i428SBSqAso3ZPOAw8oR9X5v48+MSXmIpC+PO/vwJLNljwwaYAnJjiIFM/lV9RyR1hrjVr+2sVGh
PRzG65y/8EZ29qPjXagz3loyVLW9v8wwvdsjrFc9u5S0j1ojqHgNBQVIZEFfldaP2CYwE4lgF2O8
nQKC+Zcm6m8oOwD7CWeauGkXj7FZiq3lTTNnbkAEUOGR7bZWPTOrXfzC3eJrbUOf0uYyutZiFgV0
6bvllcUiTnP1tQgsSi2mrpPINt1dj0LU3lWmGU9ShGuUVfPXOmFrxpey/05+bXWbqczifdF35tfY
hKlgtar53DZkvZokTM+GmlO5iwesJ1XbuwS2ka8cLU7fQ0v5kdq2+JkM19s8mF5dFaxWPlvRN4Cv
OuXqovqw8qYJl6YheZ2wtXoJ8YN46WqcoGIb/twcimpsgmFtgKyeO8s2LTc56fS17OXeGJ86czYm
nXsL1IVfmuN9Lupxc1Yrbk6y33bTdN3afMmUz8xtu5exS1clcsbveGlpwC9CYyGbRiHsjRW0+JKz
X31nJ4aVUzxAn5gHG6m3ofDRPWteWj1BrbqFBysNjlk+o6PnUUnObw76yLAd1VYce6VJFib24udZ
n2Kl1gFumdY0nGVMHoAiDOdkPkxRY62wdGLIfEWPkO0IdpUe2dZVBEvv3TIme5GDAz2VWUe1TqJl
20/eQ2359rnJbfxijcn5Sgru4A/e9FZMGDjkXl1u4WSGH7454S2ROF8VCM2rTJ/MU9hp0WNG+QZa
r25/zaLxXcN8wqeysQi8DA/PsA8f7we78c41C50jZMbSWcSOG+8nxcKfdh6XhPbvwX6IBrGpZufY
gtW0sEjVLUrR1Pz+ZZvdxaZM+fOEIhsfawTNDlMPlEeyA7ox+V5NKCtJ5kBDC0hPgJoTrILRDb+r
Vhs+SHbA3NfMI/8f18lZTDHsHa0KL+oEVUCpKcR7InafAtG7T04NfMSxrjIyqiR9kMlpVrJPxiyn
2QxuM11kKxFxvKt7lMsCTOCypeXVj4jWDudoniz3dGcz4SIV6sJ6CvBYQfQ+ZWNiNNaTnk/ONbGB
udAnI7UlcPiGz75K8hrVxiiO1gYEkLMGKtupqmgZRXH1puXZ7zMZg2bVPo9DsQRDEX5x+1+GlVcf
dmFlexuC21qGPT88unZrUuzlboV1DFIGaR9+iSb1O5T97hrEbf4wGqO9kOPrzEAqIrf7B9dQ06un
mz9lXLiFxzqgtJCt4XfmOuVJxrm3Nmhnpu0+Eqn/EZkU5+e3o/RKsk2QYNvKJu9O/Hl3fe8M63x+
FyjMHMvW/v3uOpZSy173NjVSKlHZ5z9LW7uQkc0/pigXKyse1LPXuOWxzBF77Pswfp06IArkafKf
sMGXcTOYl9bQ01VrGh5Slz4mIPPZ/ZC2yri1OmxsrfbfcTnWVM0333SC164zId5Y+oc3lOiQZXFw
LrUWerzq5Ws99ez3QU8uXuhoPyIjfwIVl74bPh+rr3LlGBlTf0adAuaoGdSfYOX3PmvvH5pXfMGa
y3xVKyXbOAXJdyNs1Ifen8JZNNP7Eiv+Wg5F+QhHJ7eoX3LY35vObP2DCpX9gnrUsNS1kR/xaHZI
cY8eqLbJtPdG5O7YYMRSLOh9yqpm0U9j8kUU4bcirb1vZBIecgQ6fpb6tFa57QcLtzsjepJHi9ZC
/gbGyALqx8bMU8ykA/URM7X2m9GFP6cuEDvFcnHVxnnk2QO8lxfPyEXkz11VsgEdPW0jY91kVheI
Y7ss7/PbCOQK/aWbmKQxcJgb8/ApyCL3UoQCFPN8BhO/XrVJHq4bBzmRdYDCGP8B91jpFKV5vLJv
FGX8dOttPHhJkdOE69hGvIhyd8s8/1xyi/FXvV0i5w+0XFtHQ9hsEgdv70hJlIvn9PoxGQHKxX5e
fe2iN/DH9rekar0l0tvamX+YdTaRHV5Wc0c7fk/hIX+NrD5a+xX7AGsEolKoPfJqcWR/m8wCRkYb
fBR93G1CJ1L3SiHUJycKsIyaRwyd9WLAwXwNM9PfoQ/qAN6zqtc21Z7lACSJ0gWifkDO6rra6kqo
8yegXgQUE3hd/WGDyd4pSVpsKoxg7DYO3tC/1/eJ6fZrZ1DFF2tsV6Gdje9eNZg7R8c3RMYr9Vsz
hMlni53btgV+tNXc0PqSpKn4YjhkFIZEtbdl2yefY/JN9sVwnDdsq40dli3T+2jUKxnXBBvVqE51
cl5D8EZCeSdfgvyOvQqVcGtYibKsRIDVGXuJozwr5uY9JjvMoPpvQ3rTNeFTtObqr2sHkPYHVN1x
tETiTx6qCJxyGRbGv2JZ2ucX3gRe3L6BF9GfwXhUowwYGQ6q0+LHX3G9gXIb+M35r7jn59m5BfHf
xda4rGEtL/u+f89EXV3LmbnooOFz/BOC9V5fMae5haiyVSSRYMUqbGsDc9RWBY56Vz8XxroxBwRP
OtfdFIZZnF12ejtYscNRbfh/Uhb39r7lFsc0D7pdjcrnWXgo6jRxQQVDwcUvRgv5MYhqNAG8yn9O
tQ6F2IjFaKSrD8AA8ktlGerG0jpvkWXCY2N9+1uo4w6NBHamlpVdZEyeeYkrDjCDHmTLcCMfKaM0
KM81Bakw6bPLLRZVKRaCqZqsgnFUnyGD+4dmqgCweuZYstcLlgCg+6vsFUmDy3WIPahsGrHTn4ox
/5ZXqfpcm1X7gNjiKfE9VHv1KKSiK+KdbJqm1i+yIvJuvWE/bU039p6onvovjd6u5ChnYv1Smazj
VdiKAL/QmhnFRJ2w96JTUJnNW2hWy3g0kGO2yRROZteuZbNt4h9w48dHJ+3ia8beUzQJIFHXNNaF
VTboXnJRiltVTsVkp+b4u9qWqJ8qhyywmYTnVsUQMW5EeO54+Ms+efD7plq3elCtLUubEoDQ7aMp
LHXrgyDZZxhvX+RBM8t4pZYWhnZGnt1iYTOlsJX8ABdQCzjjPFjG5BkMzmqnthQ47zFPCbwVai/a
AuRhMc3u0dRGZg2e1G3TQwSpaZvQfuQ65Oy6tuUG5b66uuH9CpMDDwznZ1R6v/R2UN/SSpmAJdXB
BRN0Z4c+eojWomU+9Br83cIoyjctKkLqG2X3EyyvMAz3l1FFL9FLVqkmT6jRuh2a1EahrkuvZZxj
afqf8W7u/CtGbgP/kXaRiOBXKfxaf3DBM0PJUKe1CbDgnE+GBjYy+okl0Yiqyzge5dn9YAst3Wpx
C4saFzd3PgSsQ2A9zqeRUb10OhXiu9GbjOsKPH0Zuw3+M0723gcPlVauE9X0dgpstC1mqyNoIyt8
1zVFQTtQFfuo9sP3IE6/hpZbX3hwh+/mXAVP6jffswdSw+mzvGQqa/1AybBfykEJO1iQX7A9yMLy
TBl5bEw9zCIx2MarFZlYXMdjfUk0PdlpapmCXzCsUxklySaoBu3JhiS27KGTfPaT/USSfQbys/yi
aLXwYLKHHsuQwDSqJXTH5smseYKkpaaeNLRqD5mj+LupVKdLEWSYhmNk+tb37JKLD+456ckUBSWA
qO4XJLjUeAW8NTn5M03KbaFCLmRbHoDkRSAc2gmPxvifHjmHHC7H3K6RbV1BsbXvPsfaTK/BLH2t
DX1+GrLyIkPRHAKBIM5R32xlSB56U28v5AoW8pp7XJ7psyb2LcaI29A/8yMNtr1NqKbk6dK4vjhB
lp/keHUKlY0nphogluFuBYmt41RG5aHJe5cUfBucndowNmDi4kecrJwVG5fxOR9FQ8HYKOdnboFV
keGvnBbemRmb2hHFFkQM0lktRKuaeCODkZZhBS9PHR+FZo9s2nhURx0ImsZ+Ovfb+rnrE5Dgpkey
OlXTrdr2CCMOhbkf06rcZ3NmMkKRcTO5VfJYKDKVrfsvppqnS0utyw98hAN0QkktdgiTwubMWCqP
W2/eRC0AFq67vkRqzMvtre2MCzEDPrpSCQ9swPF7m5t20HoL+BLKKUrS7u3PsNYGXegMMGbywPg9
zKstD9MyhrnMJuNyNmseBq7l38NYhVjgBKbkFDdNtVUSh+J+POrPoWVV14A7uNUEolx6OqSADkWC
Q+Um+rNtZfou9wVM/nmwg9XLcwa1Zx5qFmm+1MC67eRQTW2SQ6sA15ZN024wvHRLfdfblISQDVKf
0wBlTeGK+K3w2fW0k259NBGLYf792td4QkoiaLQfStax5koQ2iZXsXBIc0ULv9qyzcB0FTzNuo7T
8qootbmsW6jmVdSh0dSmpA4pAnyFRH7Og5a8ReTs/Cp3flGfe/WGqPwsUlEsbaU0nwxQcpsGHdWz
FcXGvh1T479YO68lt5GlWz8RIuDNLb0n20tzg5A0Erz3ePrzoSgJvTtG28R/bipQWVkFNJsEUJkr
19ohmtZexIpQ/aSQcrmwZre9/6XMeDvl2TXFju8rFgnonWlFvXXy5TCRFOrAovZij/NPu6APNjJi
xcFPCG2Pxs6nSDHM9D5Fb2ZI1gn8Q7B0S1qePAR1nr0UTfGSdZp6Gdw2feEqM8CNBhGZaXCUMqju
bK08iFGrqUL4O412J0bJehSwO7km+pzMJQxrbCpi3X3VXMDQFODftfizHcgnY9IgMS22J57rfEp1
c6IbDZqLE1YAM1vFZXteUxAWFe2i0qz6+7hxPSn/XsZxD0AESiw57z5T2uGcXKn82dRNNazjLNYW
HwY+dM2yYrdFcaSwj0EGd4iDhGAy6s7JrwlDQ77OpjU02OEXQf83b2QQMvfdD5gPXxEU9z85CTzB
1BV11zDujV1FXQ61LnZ+TUgIr6DZNremPjhLHm987FPTUGBwNBUbHrleQ15cGDNUURGWHiIy04bL
82sMFoHu6aeuqtxn1+umH4paI8xIN2mdcl02BpIXkzMqAeZ21HToNqau3zjwOCOGfF/Kyp3m4kvN
i5g6sit+hPBoaU2uZt10S159gk3MfoK6SG+MVnnMxjPTpF57axJuP9WKfUPvL4Ak9yg/BJAOGKs8
Grrvcq48pWQZv7itWS1Uy3Re0fMalmjuJk9yIwdriKePTmLBE+gPcLaGY7bvQeLAfKJI2bIu2wOv
GjZ4dkYVS4+3kmHHqyxy06dkagYyC2QaHoRFdr2TY417maGz75vOWVUyY0S3m/Jp2XSTFRChTl6J
8XIgIpy18BVXjXsOicsvC723F6kvP0cW1VcmlAzbgfTTxnTTcimYhQRxUDgVwNZZPknHA2uVxwpF
xFh9tXT+PDtSr6InE0IHef2Mpmp1U+AcPpRZWq681DI+D232t5UYyUPuVNIFemiS3kbH7widhyka
+UA2ufqa+M3fBp/ZZx4uDdqXwAJCrQmWMDbfUJvvLhlFTOvAtkESOxaSmUpX7UuPcmsXvskB7Rzk
duTxxK/lL2XkBokOCPpvdettTAeEJXxvwd8O/xitlJRdpITSjgDg16GE2DzRISAv4EP/WcsCQ2Sq
5tabPujuFqmTdGsWefPgm/k5dgcVUS6NrX+ZfJNrmF0IOvs3KyweOskP930fmEdIvGGEnBojvnr5
l6zwa2/hddSLZkH7o1M3siZv+6BwPvmZ261rTS6PNhuIq8clLsOGlywNBocNqtv6tRwbb9kRi6Ra
qAhhinb8aFE3kUXZp3zVlGb8okwSq5CnpAvXynO+UcMmk+03H67dr7YdwKzSUXDGAyXcmiXMKK5s
dG+OCVyr1P32m2cM29IrSNw12nOb6g5VetKDZ6a7WodsYbAgHRkidVnXiEx3iW9vIzjJj1lf9TvT
lg7umKVrZXCOY1y1C5mgB4GYpt+0gWZuMrf55FtpjcK7HSyqdAi+wst0s43C+p7z44HKGQ1YaNA3
jlTXB6hfDw71zRccJjFzKhQu6QAuPQIG0nt++CAaCMqUoxTBSj+ZIkmCViyxjTW5HeXcWYNylrv8
U2/nt8JMicZn5TPl4/EVYmf5JZOUV1gKrYsa5tV5MMpbFwLlyZMwPAbO91Bu0pMM6YQT9sPes2BX
Ad6f6Sfp4jZUKvpm8rkDlbEFmw4109SVBvM6RbYeTbXtLo1ZU7guAWrTpTBYlXLjH1WnOSt1Y8NZ
PyEOJ2Ci73DEK8LfUe6DkRqgLxB20VCMBZ5euIi+41d/8dKfwqI9vPRoC12LOHyplay6EGjllzR2
ZPi6qn2V7TRcUGSRbMug/dsmE/KATLB27nuL0kbdD5a8bWQnjh7EIKTx3QO6CNYhH6OvhPXx6BRj
2DtBlC/u/UC1+sVQqTGgurRd571dvBZa2KwRhcy3omtqJo8fR4Ff1hupf3PyYdnVlIESZdPS4/3Q
Ytd6dHUq/ZYTqOIYefojqWBp6XeIEPrOIa2GWzGExtVOQLV29Vp3tL/Z1xULOay/drrR3sY6Ie2U
QfNZBp/Hkt9hKKnLoQmrH53+1NkWLD+R75wK0kwLWKjaVR9RPNOESJEHUuPuEIoj4MTP+ZbA5HlL
pyPS0LdEjQuKODGJwTajUKrruFeKrqzqyUVSyq8RqJ4M3a/nMpJbnkHQQomuFXjjebAJlvGcewbz
2T0mTbakDMJ8zjM5WQTABEic9++11capG0caT13f/PJP0mrCQww4PB722sDZfyu4WTBlD0H8o3Bz
+9AXcD/aDfo2VN0ku0Cnwor6TCqTS7jJ2HIPGy3XiutolxbFlnJDDMe7OXWR7TJe1Y+pTV7O5+e/
4xlCci6DSgHCw/EKKXO2doNAfmzGyEJlqJOf8/ihLHkBneR6H9o2DHetjiJ86Dn1dQim5IsTl59V
Nz3LBb/0KO5RWwfORJRLW5qWlty0xtB3jTvKO7DSKJlnarxWDKvYKyarAe6eHhldQWaa91Kqlteq
XJrf7Tx5UgZkgqpMlpGtkdadEeY/2OVdfO6Fn72WK+z8KIOiKWh25VBfbH5K20i1u21v2MNNtmxv
BQe0+iaToFTNJPyRmmcyWUDH+THfzL62Pls+PKdFq1SPJJiaTRHXGViXEmw0YSzeuapbVunNMq2s
6GuR9Us/K+Pvsl8igpAG8YsJNHDTQn1yHEcNlhYDLK/vdAo5/eGs1rr9bDuOwi17Q5Sr+BL4BuWd
tlwcXL2zwBN23xUv4kZpW0DxjcoECN+ER6iIwzWRm+GSOGa+aA3ja6jk3jOliMNOgTh1C+mp88Ie
HarI1PsGjQUAwjQZHodE7yj7KeVNmbbNG7yoB+ERmPVI1RrxObWrsm3TVzvZ8uI9nBDmXiH/cOJ/
GZH6q80r1BPOKoDIf930BN0HNRhOKWHfRR847rOh64SDyv4wYU86DYbgogct2NfxOQCoR0VNWa9L
A5lqj89yZaJ/uefhIr024egv7NYm/T2NVo2N4oyhP8sy5KMkHngpqnmQlkAqNL3t9k1D9Hq0lfSz
E1vfO5Cmt8IJ9Vum+X8j1p5SAO0scnDUS+r4YFhwZHOPiNSw7dsoffTUKXKdNdU3E/KsJGiU7+xy
vhdyYL0UUD+tFSX6bA9lviLv6dySqQGzDJMquaOda0qqBL9HpazGEsyS75bOTTg6jgk0PySJPdty
qTeJ/nJjmVYRbjFxpZt9X/u+WGwirtNc+7Yj2Cx5/trO8vQseRUCBGMM8VOrxSdQF39ZACbPgWas
M796goI6WKqjehor56gnxHEtx1bOOaLuy3HwlZVR1/3OiSt1jw7JcM2nJtilAyEXUAbBLvecYKWb
jfpmDvDpl33/g2K40e/YsXtt+FISb19UtZOtOwiSuF3G3nggg7D0dclAKCrXdvIAiC0uTIVYjWft
3EhKl3zl+b0q8SffUaGBsRGB0eR8OI0Uqy4TjXR0aGr9qjMiIvTyYFFS1zTtIqqbJ8iCkp2wzQ1V
Yb9cKlvt1p3VaQveRs46qYI3u+oIw1h68DqxUa7axNBukeM7G5/ibDcxtmSkxhMFRunOM1C86dQC
xp+gPnelljzBqMB7NSp7YK/0fi9sSgL0BXZZ4KCSfWMrYH1XVMJQ4yRHZj96Gm/JqE18kSVpOPh6
Nh7AY/PpuGQwAor6Tw3YI14Eo09SRdqhowh33ULAvEuK3n6QkfeULbVl04PSPHWvxEoD9jh+0Cxj
LwlOYIbTfTASsLCBeawKa1RXmu+4kLt0jx7RcMcwSeGPoWSeaxCKLvVqD1LmZQ+8S0/VzshGjCZv
TR7o3RcTIQDkyH1e8uK6fEHliyB6pD/z/THB6CxheE9vdjPpCjcvFsXINyKfyb0pyEuvChjC1sPk
JQbConIvdf5NdBA6ldckTKOVZZXjDYYpZ6EpdU+WRRtvd5tsmFs1tnXwr7iIAXYL+tUAIjlZ8i6M
lrKBgHstNeWpd6zi1DTxz6MYqoV1RnB/Ir0GpCx87ofcifhexXK7iXkSnksDdV9JNvJtojguVZU0
fA2cfVNbxO/T8WyUJg+AJHyoCyni589tkTdYC0VYGLoRNqGEpDSsB2Gr7YxAYwVtaWirbJMqlyQd
UV1Qf9tRTtNVVgyXBjqgmwyzwVJzfe/B56q3hOZisoUdrPneeLMBE5340VWdsoJXUOcx7epHJ1eT
bR3qn1u/jc5++zdB8PISN0O+cWwXtpgABaLKhXRTHMGpDE2OOJyb2rr0RT8QOkV+pDdlE6EJC75q
Kf7swnHyl4G8xcLQpfqV+72yrEPXeyrsEqW2sHSvpsyXIogg7Qmio9mgzas2Bo+WqSuaDlIPqiCd
rM8WYkjtiVun3UrqYvWmVY+BIGeSzRh5Hj7gO3eTTDhuT1UY6YuRohJ2veoU6kPATRAsiabwFV4L
fLPZKJ6s3QmcyrpBjLRX4ReaKJyEX4euFXzR5inK4BHIQy9eNZaiH+qAen0HMNez4pvVI9vphdwn
2TPMj2tgktLD9KLuNpXypsVOcSqTwL13jTxJluHQhRsIXNBYSdteWiNeKm1jYLqPlZ59o3QCjFja
dQd+a8GiI1P1YGQReDknHreG4wK4KqVXH22rx25IlnpTVs/eMJTPWWLfcsiEL7knlc+O1hnLdhga
7rB0bVtxt6QowpVbuxcjy7tzmw/uJUVsHX7O8M1LwnIfyH5O4YYXvZkRsUnikMFOjEbUUYORJ1Um
Rl0J4ao0kp5kW5cfeX7shLm32vQU+xnIJjaaACRHH/IGMpiGVsUr6iHMFyOOIPBW4Q6nosp8SSpi
3wDN5JU9dY1BVrZ5xuNdiizjJaFKCUioEq/FXNVpvS0M3836PrcBOczTXoPhF2fe8KpNNroePGks
FbV9AGk79V+iqyJSuYaZX94I57QDk65DO3oflb0oJXTj59v73L53VxD+yFvhrFFMsSp9272PxmbV
rCzK7HfCWQ46QE/tlIYV5x19aanXdbQFN7ozLKe9tt5gbZJgzE92dMyI0D2j9tUqcvc8VdI8J2X/
Sn7OOWcwC+xgeIBdX+u7a1PHe0ranaOlSbCxCFutfClGKrPuplbroosOUsGVczWAujTVj2RHDnaH
2rTwT8sgXrF/DpAvR93ESjte8QLyxHIYI1tH7iJR+m9pbrRf8txXUbXVjCt16eEugDeqJh12a4zo
pZGRCjOdVD0QU2+XodN7byWh440Gz8FGjCoVsh+w/aEuMo1mOpC+KmtvXmBrr82Xqki8nepnkJZ3
hO3CxCxXlVSUW5DLPLdsbxwODjIVxjo0rF+H8XSoK0mhLt85vDvUEyXfRFO1l2c8ukPnvZr8eRQt
DysJGqBXjW/bgxsjRDT1JKPTr6E3PIpeOKbZpQCdJ3pgrIyThkLPIpjo1ccSkie77+E7n1ZFoFPb
TOxaq9CUtOvgyj8bXdpbUuddZzMv/PkhdgFTTk6zPdbhXPSHwFx+GMi8UF4UbjJsZ2fhQjyCvY4J
1/zv07ktG0ajVJQXhAk21HcPn+3RdFdj7XSnQUnls6wS7mpUgIMhe2R/gGwimBSFRFNMskLiKNaM
iQcDYdjRQlFI2JTfR3E2JZlb5Gk/DAhnMQprL6If08piGpq/HjwKEFmsR0DU91UrYsvAnkhKNQuQ
zKtoGNNDVgU/G2oD0wOR7/QgjuaB2W8e+OD3X7jMywM3g/BerD/PE93ZZz7Tf+HyYal57h+v8o9n
m69gdvmwfOVJvy7/j2eal5ldPiwzu/xvn8cfl/n3ZxLTxOehtAP6jn7wKEzzZczdP57ijy7zwIeP
/H9fav4zPiz1T1f6weWfzvbB9v/xSv+41L+/UtvzS94OtQzR3oFXu2D6GYrm3/TfDUWVz6yUHOF9
1r3f6FH2vn+f8G7aP55BGMVS91X+k/981vmq5Q4VmvU88n6l/7Tefzo/mxm23p0e8nY+n/G+6sfP
4b31/3re+xnf/yXi7PUw3oyiazfzXztf1Qfb3P14oX+cIgbeXfq8hBiJp3/5B5sY+C9s/4XL/76U
7ZRQ55bal0EygmMjtRNDImCzY/y7ESPRMBQHVbsJs7CIo0pMmH1NtwyPYrgkgbR3YmTZtM57zLRG
X3qVQW1VbUgPWRBDoFb3z+yCIbKdenFOJWELvmUaF3PGQDcPZN9/iHFhd+GJ2owljFjCJpqqhy3D
1AGB1ZDtn6CLvkLqEV8LW4r3ne0g+NxR52ub0b2BoTI+5ykMpJOXFkUoyYnRwJKAs3ny6W4Tw2qk
f28BUBE5a6CWEUvlfk+dc67K67ujC6vkqjICG55kg/qSbERih509OEzEVDd+hJarDd+NQf18V1x1
ggbk7UOqe6buEFjFtVDi4qoojbb19ALoupjdatWwcwuQDe9mW70DMDltPkMuyIpiYmXmyBIZ9cO8
llja77SKoKZ3vK8XJEVzCtMYWt5fpxRuad/1Z5UXi7ubPrJFs9SdI5c9RczoBXmTQv1drB56ZErU
3wnXNzL1V+PQbQ3+b0dAud7JryYteyF4L4xi+jxcgBNxJEc/JF0DqsLOC4pOU5g+MmufF5Z/7zhK
4ICGmew5cFwIrghe3WcI4zxNssZoSdKjXr+bc/eshnLdxUl6/DhxVAZ/34TSw4e1RNfIzDORbmOv
VAZa9TFCa6PceZegSbyLOALs5aHbWnpbF8gseW1G5wHh1zljdB6pLJ1c55n3hbT20bajmLhpoB9E
MxI6O6CMrB/EEYJpwz6RkoUYTH67ia6r615KwQkzMoqjEZuVFq0jAy9DbcyHeKwp1EsrScpFWFvE
5NZgarWlGLiPTu7iqBtlQt6qdxK+swcZJ3Mj5VB6gNf46TuPRor/hMiQSsD2Xwa1MdN3ump/me0m
eEIVPq00I8vjylsxMp/MQcMQVF0Hhcl01b+v695NKdWj1NBei4swLE/lEykTGLZs9yAaI8tQrL+3
s7WLTKwZNSFECyffBGQLwtcDyndj3EnvFtCLnIBB3MXSfcH7pHcLlj1crxIMDSsVZvSjPjVhmDdH
0RVHc/PBRp0etLFsxJbzwP+0wDztfg61dzYZ1HYpG5+yPyVsEVFAVpObL/vpLTRSdlchghJigHhb
hAY1IrUZHOnw0toHSgHGdCH6YE9/Gi3Df0ZoQd4IO+gx5zDPmH1LIWwplhFzZ58P3dzrqcZw6v0o
R5+lJiWTkRswuelh9BQAUNvbFkEDmW/YW9FqO+FBAZfDntvxb9YEY08zqutyMy6BVFlQ+E9wknaC
kzQDoJ58zE1Sj9OhMNbTiDiafcSUqt9YPfJNs6sw/1M3EBCVeaVYHi9uWw8Po2Pc9Drpngs23Idc
V8v1UMbpF083SCkBsCJ0NkDyNqWg5Mj9VBgAV6MC+rWwrt2FVA97ATYWKGTR1JXtLg3DSdazTcCW
U6rq1gn4raUYuMOTXccNt5rNV/8d6Nmr22gP8+LXu2NDFXcVwJiLwJV7cArHObBz1dOFOBQNXOwG
EIIKTfu7taRMuy9UY6PNnpCdushwTj7kjZCJnRox3S7qAIAlYYHcrHoYQ1MI1eXRq5HNCapLmcP7
LI5Ekw8J1bapDqrDrX4ORL+PYg+QA0zO+lY4y5qGHHTkw4laW9W1T+PX0HUsyIdjIKdSjBrWb1tI
KusqBvzp6E/2pE9f499rRO0zYcv8VDt5dIb7Pzo3pbWqHEKfkHr9NInBsehG8CSVku8hoT3Joz10
C+FTdSCoyXuiDJ86EfWB01pJW1fBVhzGjfHdDtRs+84mThX+yOEFP4ljiZBp32sJRHe6c0impjcV
GCnnvjhCJxhdErPafbRLrXP4J1tv+O5BQvQJTffJ576qsIq+mCOadqD0ZClGimKQd2SVW8NUbrru
56818WZfBshuxr7+QtSjNpv81fNSGQX1Dly/nL0qSMhfjc58EjPC3I7PZc5LY64TrTUbbjQ6JddH
P/XdozhKuvyvwbPNjeh1Q+EevQpIMg/3Xy7h76PZ1gEzRQ3HRX1iGp0H7pPFOmLFD6erqdZZpXUy
ceL/y7zZ+efcQEaFwgo2sh9k22LUvQdJLmGhL5z4E9G7z0avKz8Q13YMndSv7YVPsRXVn502IqUT
tv6jH9rcM41QOpq1GR8/rNNA+nX0uxK+G77EJ0WurH0n5cSfoB1Y1IjnnALkJYZzAyvgpg2BXoJF
MMu3MJKcdQxb18IiUE7CNInW8I41p2ZqSNa9b2abcFFkZR2VtrSf7WLC3BVuwpbmmrkbIwettn9Z
0sjH92eY52sh6Yg6SW6uYVAIFSPuYMFKvhXdWM6Ti5PEFwC2Ub5sUtQsPB+1LV+r4fnqUeBStKBf
QKrVkTj/lyZDrxe9VwNu74UYCjsFHmtxmHsJKrAFYbV3RrfIzLXWhaDcnKrZBEqkTCUH/pNoGh0C
CbTuH0TPKyDAmT26ya3DI7DGXx68NYF/VJD3Voq0WpF29M6lIEkq6pjXdjfr18IIdaZ/HgQhUjw5
CeOffeY5s0810S6JgTDUvJ0MVg8GoVx7gSskcpX8pa1QovvV+TVSSIW0SamOohhmuu9pXrYOoXJY
itvgfFfMBphx/Wlgtt3vo9OAPrgE0qfbqmjmpeaBedq81OycIdhEvDZJua/X4xO1/v3CJuN+GCP0
YtTE8si1UlIUW25TLCu4SvxGfeynQYgx7GWjgMwWvr1kGsegmvRuM60tSKsER7tUg6sYDXL+I2kC
jbnoWmTmL7rXT0JC8lM5rFvqYyqQdEAWJrlzO9NWbmP6+xShi1NiwcLFniiPVuIQYvGhWtgZyE7K
UMtNPaR9tSg0+afrfXyeKo66YOJgGNiriC5RdqqZekB4kZQ92lQbX9xaU54Hkp5LLbL0Pagp5dkv
LRu2e89FcTqHKkzWu6U5ZV8NJF/3hlZ8K0bZZrs62cA0eoDAmnI/TnlY0eieou+Duv4mes2UsxW+
AaU7/+g7rTlPF0diXSWTyj0sXfGxj7qC+nXepxQ+h6teApgRtlahWrN2XGc7Fpl0yanTXQ91i9pc
7+XLvkqUwyiauALglE1yggtheDc0jWdwfRy8pP15JFzeeWtR8CnN5HIHeqc8qDLEkr/VBoXkoOhm
QXYkLeIfhakWqoRVQurMlNOJgv+XPqFwLk0q56ReBXqMZOG7Gb2SHw3T8o73BcTIvMqYQne9+n0Z
Q1uRKB+9eGkE+XdSqfkTGajiSZLiv8j1tyd96imy0e+ATCJlNXnkhVo8ZUGzgvp8vAl/pRgRIu4p
kRKDkmFWD2pN6H6aLia5bqwAOELr+34CO07OSWpQ26/l+bIjVLIwIyc7CmdQBONeHagUEudHIULe
DzZpSYirrVZ7a6pSO1sS8FjRtTxIlceaqhzRLRyrWsh6ZJ1TT5Lffs5pW0U7Swk8427haG/zHF5i
w5uqovbnw2kZWPHXBAzONZsaUpjK1VcTY91P6qWzTQwkeoZOQoTKj+iKRrj4evDUg048zCZxRM1o
bxKcmdchd2gf3BTK39+nu3uq1Jq7vQPWdboE0fSWDoN66m87V6qPBnvPHLYBtT6qfbkzO2/Y2Upd
Q0+LKVZNjaoV0ReHwnqfI6abFUlEoLhFtfZH8M9Nnf3DhEym5jMKpJ3SsIUQTdx6LqirqV/Jkno3
Uu7yc3h2/GAbpxmN2Tg/J4thXYvVrQIu/+PSRuzYCdqe/7JsTunLThvgb4QXJF5FKM58Uhqn40mr
I9JpetknxX6BFNl6hdqsPFchkoFWH6efUnfI17ZHeTlbbIieS3lhZbKyciZkPlLQ6dGYkJviSNhG
gOjAiqcR0WS/j0QXmjSGHSOGlqebHrxZt5d5Zz7BS93cFD9pb6piuKuuQ/Fmtply4Z2r3N0KU0fR
JSyzE6WrNtj9XhhFE0IMsTUBdEw8181tbsynsHazG+hMi62iQRFnVpUOgHtOWISmfE4M0GyUmK5C
6DV3Odnq16biE6pCA8nhSYmZ+l+qq92mPupTt6tBsFIh7J7EqGn7X7rBGS5iKgjYa1KqxU2M2Xq+
bXQzfhRjgVQvQODEz4qjOC8d8sMwvDim9BzAlHcDsFkdMxdE6tRLoDa4HzVOjAiB0lZ7MdAbXnlz
SrvZwaTF+8jkPA80vrSXFb1B8AI34QuOzds0HsCU2VesjohcEfn+ffZ9zC+BY0iaspY8z904nQ8P
QexlV9HIBtJQY42ArugiaPxzoMorqGlk2dvMzuk0iuREt/KjHOq536tEvZJdPV911l2TIxD0e0DM
MDqidqFkQcakSxsTpu095zH3qYJqzEROKU9Se8hyoRUsaC3n/jyMcCGEl6I/1HWxq3SKl/1o3Gbk
/2F58tqbq6l836YjLTqHaABeySn/tIRu1k1RH/5BwmEaaPO6pIIBMCnR4rUrxdTphw48gRDQ7jun
tm7D1FCViwpwSXQsVgLr5ieGdTMU19rWfWQtZpuuSMqJCqejMImpwhcam0Wdqj4YRVYTg4rnBffT
zLb5NE5LxXELN83R8a12T2E2xelxPr6ZvHKvEr0hHjl1bdioKNvXH/pWqp4i3dp6sjqCNWm9YwzC
dBmIrm5F67jxqp0YDYr+S+hOqXrQOS8F317hBbcKxPdsCBGtYOmiUtINtBzBVnTHsABFqfjOWXSV
EsSnlL6lmt9ceFLF90nos8A8DFPDWnjlmiEtyhI8v+imFoSdKoLbesHX1swzlBagA9pXuZVuuelq
TyQbuJNDJPB3YEK/DSH+VzgC+6WF1Pf1g68OTwBaLPimMSrvvD6uKN51VrU8asd2asSRaAKkqI5W
4bsFHOiMSMCtFq0W1RBu0o3K6lFz6vCti2onfM7Tpn7L5ea70gQb2yqKh7yT1WfK0oFHlhVvioGv
PfegPVae0blbMRro7PdRLdEAYOA8oPx9jFxgUtHkXBJDvFECfhCDYn5YfIttdkPC4ufhZ6+UYLie
vKUcYv8RYnnZMORVzE/tUTQUX8mG/9gZbf5IMedILEmG7HJ0o3hpx2xXU12HGPW3f91mW803jItq
qd/dBEGyvlPia5dxp+R1EnZ80IjXZmrEQJ+m5t7rk5faLH6Zpglpaufn0gyXd//G9A6hP54bQVE6
kc+Lo7mp/8E2JMZ/8punhSHf/0yq+5UeexFYaRfGnUGnYniqOVUrX4UxiEYctTl5koXofxgGCxrs
/MA9Cft9BTHlg99se+eTw9Wx4ffwXZELlZcMTvzuTPMUcfTxalKd2FDPa93ij45ixXlt4af5krEu
uKvA1I1GwLKzYZXmWxvlG2PilhZ9qE0CwMMAGmdb12toGL3rTxMbYRRz5qa0rfCQ5530AHDQeGqr
9JuUGd1J9Ai5qhv2Zsaq5XvzhHDILoiy/pQ2toJKDpUagxmq6Jum6lXYRNOmBiSXtpqtRTeXRrC7
RTvuidny/W9K/xU0dECFmtKgFZilG90ZmnMUVQ51KoF3kCbmVxYlcA1AyB9LDwy651/FkaHytMmU
Bnbkfx1AZYzosWu8Cbs5JiE0FJOLEv+oOhJJYo0ks33IIXqV25xkoiBLbeh9YeFbDiQM3G8xwiTH
pI6zo9WHD4FuJNvwt0nYC7P088XHw56Kdqx80PfZYvyd0+/VhO3PS+au82v1Ove2gJzstdI56bmK
gxaiBSoNcmpMFoHZ+t9TYJ4UEf3gP/NJgxvrbVSyeuUqdnzNMpgEIfdTd4NZKFeTd7SV2Tb5ktJ9
h+RDPZ58HXj2pvQpJbIqq1+9M4pD0WgeAPW21lzgWmC2wXar42keHqC4bxaNy8eEbvKXeSCAHhYl
NjQv5SR75GnL7Rg6UtGjUkI/Vtn4WfRE0+X69KXpyrVaDdmjsMkBRDDlaPPjxuQimk2qNliLMX0y
QX+ibkdJa5azLUlqezG0gNXnhfroq6ugXX5flXKwA2Vy4UKsIWypA7esG/fhRth4OQqWhRrUO3hG
rlk+IPGBzNJj65j9Gd7Mczj1KJMvHgdY+DeQpo0r0RUNMfzvAOVDopO4xZXhXF0y3mKSMNVUW29h
NmiXJcTQ1An3A0gyF2nGPlevMeh4PR+DSz31hF31Tf3Iu8NB9Gx51EEpqkOxtZDcWgjjvalk9eqq
SIVpDUxzwuZ3snbRh3BRJWW4Nh2puAS5QXYWat5dbCnahb/bBvBsKS+tSQJFbnX/7yFXlglkKBRz
t/oh1YPsi19QuGrDSgXZkSSto7GwTjoMJQenkvWtRVDk1lIPuYKCRX4zsuArGa7yhxVuUdTwNtxn
yq1F9dytcVRzmRUeNrNpnEXGu/mpqZ2DGDWlCMb7eOArjtaouZPBQu5jJG5WmlqaJ8rmv0Op4FNA
oSDpPZnmZraZcLTvMrmh3hwPYZf6IW/hsv41jdrN/8ty/3RWYZuukH2XuvZAypdT+rKemmbKvIqG
YqNVCOD3NJuEh6cOyqZRZf6hk6+wifmiSyHoI3h3Yy9687pUyaRwgWwzyqUODbDySWY5eS7amGJR
6y+o7J1rRYZtqNJil6lycEm7mupfQzMfiAahPOW4kCuhQ7pAFsP4qzeapy7iGyz11dLoyHGyyz/e
+VXfUa2Kw8FJ1HVZ6JTKTMyqqmbQiKOpES7jxM7aTFHrYEx+jGo+XLmjQXPd++1XilUOBWWVbx7k
Rlvqy9tdEbghMjbyV4Pv2C61Leh3Mit77SlA2jr2OKxFt+rrdo1QU7oVXXfswpVsaOFedB11Ir9C
6OI4cKt89WCyotzo/xF2XtttI1G6fiKshRxumbOyLPkGS3JAzkAhPP35UHSbdk+fmb6oRkXSpAhU
7f0HpLcqVVXO+D+Da86RX6tUV38ZtPxXtZ7jrbLqJZ6PFJn41Sur2X1prsdA/SGmyUP51VZxHUpN
sL5tnoCO7jnB2BqOJfxjVpki1LOsySILs1nIQv8R90aerQdnr9sE+gkbGNBhVON6NW/WIcZUPUkg
iGayw8TK4drLT82EojSPTmtLX5d6j/bs726vsoxyJVe8LguzdjHmvrJusYpZilQUByvJ8AnELnY1
gT//VC1EGHTvqzL11nrSwujQ1W7+ZCTGJyae2bYMAnA6XVCcZeH6Q3vq3TtZGZuq6la3TkMJtKVV
Y7E0dFW/Q9Dw1c8ryIRerS883VEu7WwYQjYguMtT1JYszfijvazywFz0LuKTUdsRN2CYnIUCrdhP
AqdL0hfxe6ejUWlb7kfbBzzokhKdeAEvo+tbgWZE4X0gE/ShlaJ+Mo0xObBV0tZIPPcfCdvj1PA+
TCJ1ZGpLFSysrj2ak/tDzuMcwOMb2snDAOORfERn8tyNrKskmTo8mZqtfYVRincnEJG9PDrKIuMo
FDolj6n5NCmLqIL2qbYVBuG546I0XE7OufTslTyEuvFs15YHS81v1bsmidW7ovHf6yjQ9rImC9kZ
J/6ihxt3vrUbum6eutKYKqwq1cZ7tSdjOtt+NC6EiqnghMjc2tMHdyurmWK94Oq8xI0VT4xZtsbU
4pBPTQ9P8iqZwqxZyMsgcJNmcetS3ZZDS62BDGfKHwN/XWL7tzBb20PNcRpO8VwERGHyVW30b05h
d1vZgfuWj/VJVHyxzRzGYVmHDd91D3pIXoaz7E48m1rMD5zTtZiVfK7166COlJuG1xeCWDNmWqKi
G/TcNI6foYPHKLrUCqFi/FwnfdfO3j0NcHme6rGxazNdf1GF/6sX6bv4MPY4w7FPcBdw6YLPyUm2
dWyaP1HY3zdxR5APkQaOj/7ebpziXgbyU72aFmqQh0dZDbQwXFcq0mRu4rw0w4Q/UjJ9tX233KTt
QPDRc+q3ub2o9PErlFlkWfkTJr2zrEBIHQp1iN5MN0HM2GueuxEVyCwSP2Szm/XhtjSGhZXtbM5o
B5S7UWqer8y/q6My9LN9Id3Xy+vwELiVWfHgvM351zrX0Rr2AvnitmbgOQ8OPIhtnTv9SQmKHsN7
rKysXrvr8DI3MfOlTfYm6tCfZFHU+bMyBM42aWLbP8s2pEHA0OhlvZAzAJlEhKfnVat8SnYa+Z8S
81e8vuEklWm/SX6TufgCnWkhe60ofi8atdtNrabDaphnRGFLJqi0I1h6vwdKFhiSPvbJaj84xiYJ
0paCDU3JJqRuSWJslTqxNyV6Zqhd65q6CoL2Z1kSylfSCp9AeC8wK/4xe+ffiu171//qkAbw17ZZ
IeNfHW7uQH69LSNHS5f4q3H83+v/1zK3tqt9/O8ZuYWyCr9d3k00v5totoeWo2/v1Qr1x8DMjYWm
NNWKGENxj8NYfu/MV+ALIDDZd7JFFlOIi1zd284fQ720HTkP7a5Tfq8wVGPGbczv1nKmXNp0VXEZ
iWXJJjMTIY4XlkkYOQrjzRRbgbfQeK6eS7dfa7Iq52VlWpDOVM2NGkAbh+YnulMEIvT2zuSrw/d1
uOFPYnvr8NpOHBuCjte3YaqzCZiywsjZecgIO3UegVLdqtyHtPHMM7iXg+xT56aidxDqMEZ2R3NV
drRl169rzfNWesw+fMkJzl809M9u0M51DF/qnY14z0muwl2he8DN5tYP9q/do+pydtxk50addWmt
IuX5mpEC1RoViA7KBpd4Mq2LvHKD2tgHbft0HSenBH36PffzaZfxn0HgmxkOP4ld2xjRwp5XleNu
S8240NEpi8P1JTW0MiJYWat+zjb2ogug4JXlTlbxOscI2IKKJKtuhtRH3T1hGOAe8ZdwrsW/qrJD
tgkvjjblGMYoD4L9M+I+XeBvUz/gMVc/RDE5L7PUYXz1Y83HTAHP5M82OZinYLtKe9Q6ZFWOk3Pb
mL2HSYD5Ovdf6zVN2G7LBi62huv50SzEr8LrnGPPpgEKPEpLkKn+6ZgtyyuMEJDjtOKmqDdol6M5
gcxgpVXBSq7wx6VcVo6WPT4KIvzQsEaaVMyjMN/EErPM8IRvY+8EZZogW2/hll72mbq61mGhuqfr
qNELULCww88/eiw5qZjno3rO8RueINvwlP2KWfvKcYJVyP6KwkpKBRtmsn4I+ujaIRnK6BTBc0V9
3jjEWboJiHHuYgda1VRW1oGcrb0LzP5RMXpY1qgiL4xJtBsOUOPXhCgC/NPxTQ/QROAvpN3Uqbi2
53Y9Xdv7TP+jXY6fgJNcx5tpp5xxVUSSZUA+qa+qSz2766YJx+O2HKPDNHvv9g7WAhoGeptmNts1
OLjs+EWFK9kbIM168u2EB9Q8t8pH+15Vol03j8XjwD24gf+KhOn00NjCWDQ1qj1owWHjYBkfhtZh
jxGICDlzE4qr3uiLNPaSi4jK9AnHpbsKNfF3YFb5xg4aBYE1r3z3YDITPyoh++HRTsIf18TsDEWz
PiNdjYFQhQlQ79bXpsAOESgik1+ftVohlpYBz5aD5RjZIauyKB147H6AI08Qzpovt4HySpklnYv+
22152SwXubX1YfS1c97ToZg2tdEE2qaabEiLCse1FUak1ZL7aMM2au6y4qQ6DZ3BXTzz4nRDAClb
/I9ZYKnig+EZq+sicr3rIDMRXzTFqHexEUeXW2EXoKj7cXlrQR4puqBjiVfCFFnPhCSDvWy7DZFX
TelOS1/TlNWtQxtdphE1DbaWyOAdzi92bZSXRQ2yA/WmlZGaf74LwyEU15Xdh1sn/SHwR3HwVOdX
IdtkVXbcqn8MiSslXfxR/72MMvnm0sdWayl7b5P/v2s58wsrbRnu8GzeI+0xbaPBCRf1LKHVouyP
FIBbrkrFM4556CG9JaW2EkSjzgn5neVoRQR7/XpUcblkjlrwpYyTfpRDkB+IUFbCgCkISms3pI7D
7rFW3vte28OcQ41bDQeSX7N2+dxeTdUPI0GpI4pD/VK25qEJu02viEPcWMVnmLkNT0lDeYlis1oN
jdLf26oVbR20NY4u1hPLLh1LrO10xO/b9iNrnPjFKBXnvoBInCP39uKTj3kugoPskgXSD0Ca1Qbf
QEazr3hoGnOB5+63Cq/g5wRzW5wrlKWsWZgZPTsDPzI36VYje+2VYyxsJUqegrATT8mQxSs389tt
mtniSS2K+Mwd8FV2ymII/K8uu8WTrCHH4WwbE+5mrBIWWrKYOy/mOeGvxaYm7bYEgs9j15Lwmwr2
MLOIj0AhG8zJXEX5ZO20+rZKUQOKIqXnIfyPE480xtHSBmFnC3zpraNqyg9sXhwklokCKFlIlmlI
7iXSCpThXdVmyb0EYc19zVyTfUEc3zVqqi7Gll2HY7Ul6cJEXYDVLx+dwiwe2UtDlsinfCurssMo
4AnHsXORTY0l6pPeOs/X8fOkQJntUgMOPeko4nTZm+1n7AXdUQ4hk+HetZO9vE3Q1HapcpM8NZq5
SBw2wUkZCQup4NTfe5lyF9eBwmEJ4OcFyzJxyfqG/L+aQlrxkfLcGg6cBTyK6q3vawYfot8sKysk
RTY/TFM9Qds4xvZnrslCdhbziNuw/71tFLjwDQ3k3kRZF7aLOiFnahe5kfUYZ+5xGMLqDo+SaolL
a/bt/x6Rscbw9xqdVuFJYhTBrkrS9qkZlTef93gq5lqdd+Fu6gdtqShm82QUQ/uUpG+6mSaPssXC
YwQnQ6vfyL5o9JyLOaCTFDTtQxrrwJor88LZFGfuTIjPnkd2aCnxW+t4xqbxjGhfJKp96bgZ2L3r
H2seczV0XS6HyVPWbgkAEtd3FznMCbOlqdVfRqSXrlVd2PpLJ3znj+qtVw7+r7k5sb8dmrfZpLcn
WXgqygc8dAukHP9pk1dqh+IFoWCfLEg+AzzHDFtdFWXJ1bWxm9GkcefsMtuYDlOJOrYUZe9wQOKZ
5DwLbVJ2o+iA6ud69K5WxhLRz/AT4CRwsMh90Z0Yi8QSDE4iEHY1oovVK/olQUEGchM/k1MWlOtr
px23zt4O1C8hlAZSPf5r0XCL8Oyp2woMbFaFNxnPVWg2R9IfYiGrOuLg91GTYNJTK93SML5oetk9
yb4agYVEqcKLrGnlWC7dyxRxK79HA8c9jomSLAEAYC8y2uNZVJOxxG4p/HQMZ8NOyfoi2hJVER2F
LHtUwtdyNgSbB8iZyWxMUg8oOsmZbK2jz6myNvnoWF/6vi+3IlmHAdLfE4jh+ntU4XM4tpryaov+
s7bq5E7WVP216Vr1BUhd90By7ZymBc7fnU8mU0+DpazqeZ9tgQLba3B6bxn8+H1V2/kEyl6ZdiWo
az0lNKTOhRUOaE79vhoylDI4DPQb2SELrUzt6zgHwY8jomHL2/y0IYmC/VHXoADhhxsnx0VrcDtO
xvWYXLxO1bljptojSs39Mikblw99ChaNU5vIcRnDsnSD4mh3VeVeLzO/LI6aaxGCdkoUGZVvnYE6
NwG3AquhARj4yFOqMHpscbq2f9L92TM8M+Nvqe8vCT12P7NY3JuIUb1PIz8Y06jK+9ZLyp3obWKE
WqZfjLhSV6FGwh7N7g85aXT3JSpEPxyrzxahmtcvucBovXZ8sagDHMDJDwoURfnNNaNZ79rE7p6J
ScxeY2DbZW9dhAFJHvOb7HSKwHvig5FdssDu/BX/bu8sa4bduEvD7UGczUsjXfyfa8nOSpncv9eK
MDwxDc07m/NkuVasPwdpZq5k2E1YXYq7UdT+itf9UReD4i6zDsWhZt5btzraHxN6MDu0IqznVIud
TSXyZN3Oe20R10jfKtyBxVxVB2O6ELUm70tN0Ur9aUge5ES5mGOVexw8ep559GMQVMHWyryjXEs1
hv9+peClDCIePUbgX4tAby2go2ESbTrRdAvZ44nqV7esXseoWaPtwXnsb5PjkpNFgH7QQhsNbqM1
GLejbuNtBoyVXGDK/XVu8mfZczXUxghbJi6vo7MIcK2ixYcJiTzV1d4tNQRm3Hb+pg+K8asxoT31
T3NXobQrm1XnP5v/Gi0XyeeY3l+jZXMYx9+9Am3jQXXFjpOTtU1Qo382x+CbsOvxGyIhjwoCRK+m
HluQqywV5mbN8aebpoUcgcziphcebE4/LAG0d1+MWBuWBhn4M7tJlFdVpS3Ost6BG+9nXSiv/8bW
GtuuwvyZB+UFXxn3vddr3I4qotoO8dRtjc7OwWk65SSEp6+nom+eETbv0ZVrhm9Fbcw3HvMngaEt
qsOLLvemZwGwBX0SFYzX/KlZNXCP/2jHQ+3cmqX6HLhowfaW9Wt8hFHUbfytfR4v5vG+w3i5vvxA
/x5/e92Adf41Xr6fv8f/x/ry/dfz+3fGYj2QQHk2POtHaHT9tw4V6ClJ8YdxFzDpIgT/rXxHyED/
hn/69yE2nQMit4INp2XtUA+KN77rj1/Ra0OKrVa+ODqax9Xcjnnx+BVFnqX5uz2HaHdtn8dPril2
RE/aRYbhyrExk7pepJliH6vecDDwEPpK9shCdtyq8qpuDKb8q7uIu0MXDsPu1j5qvUWkLFSfsHVG
lylL9PdSNC8uWdWf6O1mioPeWDf1uwGPmuWADMsmLb0aaT8K/LTqk6zKK1koPenywGwblFB4JClQ
tMqpPcsiKb32HM2FrPrWYC2ReGlXt7ba7Ihjy3qgTPHGMINpIefJKbJjLFGVhdNZI+/vqO9iMrB6
q4OXwrWik+gd7do+xkicDKmNnaaKIwlnA/MieuRfkjQ7VE6Hi3oKmmvr5bh7o92unAj0wptzoCJP
xqx/l09PQ8Txxis4bjnjE+4g05OLdwGUUoH54twG7WbE2JUNR2RD87P1e8ht41M7eEjgAstA+dir
q2UwuDAKUv0ie+1o5lmBEltrRjg9dQhxzadhNpPt0lAN7y0Oxy8auoQ/0+TeQckwWNg2+Ihp5gki
q7/uUvYtegHsQKjdVx2GW7/FeS68IAE1HzGNHitflLiGneqEIAM0hN3UqjzI2kBo5E5eVXeNqIbr
tcIzdmXpKZ/ZABAIDj+soSyAel7BTDzXeTkU21qMbJkR1FuSnBzOFrStHC0olH4M8ek3xXIoRxO9
21JZB2oWHRKtnx4bK0ZyFmG53aBa3tptw2bjDjjGakowvLbJLPjY5uFej7vhdXRjbcEBMMeHgd6p
SniiYIBnZtGAS0nFE+N3gQnkryrno/igeBV69GgBXaBBiZfG6ZbsRciaxBq3jSTAE2euwrNH9E7k
q3gw+CcZzqyuWYAlJgS/tstGfyuV2UO8Sbw7Em710QRdgjeUIuBLhuGGxdtF1cKOyF1Xf5AFm/s7
Q9WQMgzQLru2IztgKuV9A3L7oUghpkT6hOz2P1PMqOqJG4Zvt6YJkc6dahDQvi1DnhRjG56M16kN
wpTLdOryleZjhFwDxjknk258QYq/CtT2S2HpwcVFzHMhm9VEx0HDtN80VC3J97sbLNjBTSUEFFeK
PsOV1XxfJ7WnrLq45oxU5OZmElp25yZBfi0yrE4whkYC2waKcilAVm5VAx82q+nGuywQNuwbzfmK
RPOmNIPiR9G3b0WtDa+mo/ZrRY+bEw5v/aloi2rV6137LKrMX5Eij3aNFk2vxBeA0QQ15IteG19D
t/uqgDWBJkhNDSz2N1n/ZOat+ayCneLrnV5znHnuw8l7lIOq+U8GzoO2cCKUlvW82yrqkGwqE/0+
uC/DiyG8k8Jz98N20cE0BsA5UYTrJJRMdOmGvv2oRih0hZO6DwPKYsdeAwcwgtT+qAi+GZ5TfkF5
P90FThBtm9Zq3+eUkRyASy8auGMuDrXQ9Sc9ql474q7bgFjArp6FX1tP055nxNEmqZ3ogOkvJEjE
rJaYfemfg/Kz0pXxO4BS7n7wxR9Dz4l2RhkZO7fx1Yc2QNsb4bHpO/ghBLSUb3XgpuBuGv0+cLCt
boSD5SxQh7xo4qM3K0jLwh8n9QT2J9uMM7Ti1na9chGZdlv+oK491jww1PiIHcOk0fm9Dp+NjREq
9mpVmQ+HYHIILf77UtZloZvmcFChkfzPQWqrqKSdg344WHHFKgAYQzBCSCWogMyMSBOXoI6sh7Ie
xH3sfcSmga16moX5KRj9R9nneK31EJZC3dU5mNQeSkG8TKzQXIvC1shhzfUAldklt+YC2TeGeyYa
j6W7zSpU/sZS13ZTTUoaMrvDPlgj49NM4L8xsBTdfdNEwP7V/iJrCN5296XtEmHOE30t22Qx6yng
VaBdMDJhKdnW+vpbpint4TrCetOz4ECEYkJLVMDdKsBa4B0z4x8r3Xkgex/fpaqHyUzoPmRG5Tzk
mdUe8NSOFrIaOIN+h5siITzhTh+N1h8GHaSL4iXTrlVMc8OmQ30HgIj8qbJvBuWByJN4GJwqObiW
7i0CP/hplsm85Zs9rK0nu2Jv0pI3WwwoKL/oSZyuGr9qeP0UIwBQgmenYcPiOFDW1ax2j12oNmRs
C3Hnz3YFSMSOT10HSnA0lewtCLBtdhyE6mwbdQF43g+l3ySfuPgFC5GZGHv0SKolbqNjBhEDzXBE
9oxcLF5YXew8dAT+1uMA/BDauLZpqwY2BsCDnZ3rxlGw6d0Hgo/RVed7hGq3O3PqkzP0b25F9pDc
YbXIY5FTwMM4m5lUQTk9YW+mEh7BkG1wXAvtlUF7wz8hgXHIj9pByLYNneq7qY77Mp9F+H0LxnA3
YXGQhePCFprzMtnY40ZdzaE6qGFI68nKa4L6DQQSzhBGgfiw4dRvZbrgLBS8japdnJASSZdyVOrA
+TZSF9uReRKSLys3zZFF1RtxsRq/5jdt11ihVsqrG3qQIj2iE4UunqxAWarjKbQuIi0jPGuG/KBj
ofTNKPPvlmrF76oGfDGKXXxlNZu8a5pOAGVtpC6yoL5Iux4d0X7HdqvSWKh9I+7cmUYmmbSScQsW
UyCHLx7dmY4rm/okQJ0lFfrBc9PyaYK7eMBkWiyqOhG7AUzcBnsk9S5powj9Cu0iayBlAabMBcqF
7TZBn5gnZGDG68ro9YVSZvYjciz6Yhxs/6voqjtcINxgwaPWngVtedVzlCcwR6o82uRGwZOyNxIF
cFSKp6seOxAzWudMmMqYVgGEK/aJ3elarYSvb1oLQSaXtDRfQxxv3ERT1YOaNPhsITO6SHW/Ossi
m5M3NZ/8cG1M8h3qNeZJdqqZifoIMbJ1ZWHmkbqgQloziC+pkW1sBen7ERwYP+PCvI+FZ9yHhagu
EAxRdf2nqZmvWhQm/WF0jrf2IVHMpd2IcqNFSYBONIadu+ty3BHB7ozWdSm5MJaj3amp+59aM6Gt
P4TFj+zS9G77Q0msbmG61fjk1pPHv9TsD5xsvVXfFp/sAGxcNEghCzUPyYRBsZPVW8e1SvIq8Zr8
/K/2wezUVYyu9koOuxVFQQjDzO9li+lmpbsaRq1b6qaXrwf/oOqBeJRF6PLR+rpQ97KKUrmG4i9K
PEMjHhX+Ch+Rucy3geviLj/Pkm2oacJe12LvIMf1LcSXZPI31wnzsEIP800z+eNKzuprUzzWtfqK
JWlxkk2Di9esaOKLnAR2r8BtJNyVZCguWk8gbtRwrjTqnmAssvzcPfV3JciCjWkbwYGwsvaoTci7
yhGD03wS3VKfGtWt97XV9Bu/xStYLeJ9U5SWgcmL7l+qFr5/51knVEmQcMVLYGWZs0gV1oQrZGDr
PXFL983m4RKVjvkaRlp86sGgLUvfdt+MsOFWqNYxp+zCerV87E8yN1y2BYh5TXOTfZMZ2gl8WrSN
47i/K9q2XKM2qj4SrbeXZtPEr1UVaejLZOjS2+NXBUOIb42I92ViGDzb3HEb+ZMPr4SiC7k5e/mo
c7ohGm/7COun47tvpe6ynbzpWCXCeYlSex2WE+3or2y1Cd1UKzeG91wnKi2QdfWJROBCbpACmaeP
BbCwsBzKu66c6gc/7D/k9NLV7VVmIcuuk71OouxMsNnYex5Q864cxMVwnHwd4rb7bFWaBYU1jz4a
G/doeeSp+30kevsnIgcvlp0U71FRVEu10fTHfBiDjVyx5+hxXdFBt/WiZD3mU4NdPFfDYAHt16IP
KxRnPdE5RLFiDqriu0bGa/w2e88Yeui+25HB99HbxsnIQvMp7IFh9Knz3htAWRTUB/YmKtJPapBy
ikSgYCrVHEOv/IqiC3KzO3Ln6JYSRQeqtVuO+afvVhEGVL67rLVa3wUe1V6kiCX1Pa7JxGvAULfm
NlKwCJe9Q8IJLQSSvZS9RgWp3YFaiLefdVQ83V2hWRx8puGah7/2WXVai2lXpp6sqEnvRsXMZ6ra
8DwjzMpC39eNPb5w1i8PgR6Hawks+7s9mtslEO3v9pL9wn+1y/HKUNZkJDNrp6ZxsMk8LcSC3ohf
QmEo2y5B/8Dx4+Sl15XyYOuYX8reQksVzh0jT6S51/N03NSH9DxpcxKnbT4l3MNURHroe2QKbugP
2Ua+k3T8b/SHMpjpQbZJgIjsaCzyAg3gUMdA6NjDoe3sTgZpZCXW3yuXO3uj21ielO8tjtev9Syg
TxAQhbN5aPrDSjZdAapRRgrMsTMv8kqfrxD0vxuUKT3Iplt7kdvttv89S3aQEP811W+tP2bp4fS9
nhpzp2tafNdlibMqoPusrBKVddkmiwBqw04vPVytIPHcNbXo2ODC/YPnZS7FlAj+hb+n4A629arO
PV7HybV8H9JkOxNX/mhUVN9eORN4h85qImUlzKLe1QjdLlKvCTHcnF8h4RXk2nKd6+z5FcxSOKvM
14g7GZ33YE8aTDttqL97xo+yiIdPq8yNJR9Ddkdq2TqEGIRtdOx270ItsfBIa5y1knmcLDWRv9qq
gJ1T6d1umKu5VSO9nLj1QfYi5iCAMoX9aVSj/NXqsq9e3NsXON35qxlzlOdXdWhD/mzUlFdtJrV8
B8OHvFFoxpdY8bInmEN3st1yiwKEBqThCUeld6cvV6Nn56/YvpvHso9+TfczJMYiVNQvhp3+5/QA
UMu7PRXX6Yiwm8fA8fSlkxmgMYzIXyYe0Z7EGDkLuF38penePESNXtq6Ue6DlER65sZfOiN0D4R4
WjxtyuTLwKl1ozoNaCm+k4Wn2M1WH30c5ow6vAwt7uwD+tC7ZsQiSQlGsWrD0nqdIvtnmeJOUaUP
UJPZYs8kDPgai9guLq5hDifptCv9eOcm/t6x47D+sej93VRXeBb2WewDYa27fZ1WjzHq1OoWTkD7
RxXvmG6PVdRj1anFJUxqGIa+l60M00QBcS6yrPuaIpeyH0WFceDYxtmdhuL4MnacbiOrcpw6d2Sj
ThKxNvLrAvVQrzwjBYUnjPF58IkixEbzhgNhRYZ8tFagkeaAAoLbaHKn54GH2qvVpovESto307DV
gz+4ylLOCgK9W2YWNtGyV30bkfd7I9ASnbIUJzU43i279zhbjY1fHppItVeENcONSHmCozEgbHiM
nMAc83pZINTdAMg9gR8iSiLI/idhk+2NWSZnxd7bXbR9zfMdjbIl0cf4xW0TkFl4pf7IGpB6vv09
BoZA2NiZnowcG9phMIOjacFnQyoiWisOnHurLvArmgg3k01HH9H67LkLkxoMkLbENmE7+KWzh7tt
X5rIq1bemOpvtW7dyRcyo3CXwIXEGo4HaalOQA0KP76TV3ZTfVeU0CER+Fd7VbceBva4i2eEPneD
woFTqJY4CbvpT/Kqy+NfV05vKUc1AirOgFvzv4bijt5fezsx66rYJYHJhLRZ0oXZzsPK6po26/mC
zpUev8nOcoaLFNFiTN30WSa/HMX8YKuUn2UX/gH5SsffYis72YKk17WqyFMO2UA6OUz04B4TO2uF
URPQpgg2u2zz5yvi7mtF1UkX41J4ba98vdkJsrcLOeI2IY2QlvKcoQKl+c8iUcZbcSNEfuaXke1y
ViJcc+Ul2JHLjj9W5wXNuyhWyweOEt1Lk7vnaBQgQeaaq2Uvihp5F1lzmuK7n82aHGMmXhwc3fGa
LKeTNVdL8MyLynR7oBPMVBGtWeqBJw5dM4mXRITjMsMnby/nEvHGWjI2p52cO6jcsMc+NLfX96Ch
MOILXBPkXJck16Yz1HQje/vEt4A+zv56FRacdWZjoSj68tW3492k6s5X21TsVQr4AfJQWD7DH7y/
tqPKsUo4z5/UIW8fXVP/kO1ynWhsUOf02unezuFei3Zyvw6dqXG3beu7MEq8i61bNmEIDQ3BNhtW
zYCtZOWG/T0szP5emen5NY/JSfWAnP1ut3QrXJG4tNihMUJ2BJaGWUWOAsvcFJSq4iHsOt7lmJUc
ZVtmJvGCO6a1qvZtDPhbYxe/rjx93CckNp/7Ynpo6x6foJZY4Og04tl2ICPiEHDq59q1KUTNpEZz
VtZi+Gp4maf9UVZHP87XQRqOGz8Bg+h2nb3JJXNHDf1uUc6XmMdvzFqE8xaGtm5m92jgestVG4eA
cGYcrjYl28ybDnnpKO8tt1QrY0fO0XqHyCh/XSAi39vM22GiVrzwkGiOKMTODru0oxH0bcT1RtWe
rD4vwtV4H1aVdozYZh8NeDJuR4Rc56a9sPqhfsyV3NuFYzxshzgdnzN9+Ebo3/4W29xH0Ev4UpRm
unFBXhwIpkf3SOAiJ2Mn9jc3f7TVoftsdSx+Hd9OL54GKKBpQL0qTmYe0UZoFj77Hm5zVGXhJ715
nAMzwP3nxj8uPdlqdFW2IT+M5uPc31pasvTmoybb+yWGBP6J+LXprnpHjVaRojirLmudCw7eHWee
mF9LWFY7YRgO+Bo6AqsBMCqsAZIiN+udbCSj5V67rTCEbOLZYjGg1LXqNPROVMOeHvHOtbazsRQW
XmObcTcefmDuUmPTEE+PgceBE5GVi6zJCWQP1dUwH1VVpewyNrbdskqb+l4O8XmG7adCsxcGasCP
1lwEOuIbQZ54e1k1RJBeQnUH4/keyj1h/frVQn0hWECcf1R5y+9hkCTYJUXFkwp3Za1mWAyUqLLs
HX8K95yWgkvqRfghEXt5CoNKWfDDb7+KKv21ok4O5J8VG3Sztt6Uq2usQvWdqSVoWtS1/4YQ84/a
Nur7ECYBdo/eq2weDZXwSjZ5W3ceVTrG1tIj7ZnT9oTpu27xXdMu0MddDWC5DzhTNW95tpL/j9JT
P9gGR17odE5RwsVOhz+ruFsqC5JQ9jIbJ4yWerM+xQqE0804X4rZCkgWjVY5eIcwpkQApV3IxtsY
A+XerVVm6jLKCTtKZ2BNH3d5S6Iq5je5sMBovoxOqpMHmuABB0Ww7uv2/3F2HstuI2mbvpWOWg9i
4M0f07Og9+TxZoOQSqfgvcfVz4OkWpROdagiRouMdAB1CALI/L7X2M+1Of2CsheMxZyT1wV/XVuA
NjcVq72FrzfZy1AkNY9WN916rhQsbNdtV1IB7lp1cOpKWt5Ubteu+clmrymiJ80UuNWhwCyiPML+
EyHaO8OzohnWZuOXBiQpb7AkvlOjKCZ96sFW/CHVKGpCcPGqyngdYaPNKtdd3ea1YZfMAzPR5ine
fF2TdpdhKuLCJo7u5R9NggaIaIl+zQtgkRYDa1H0l6/TnLgszrnxKmbduuuBBY6hZsnmNlDkBLBC
CwCjOJv4vEpuFfCuWhp9yTtvqfNoOMVVj89VMwT3KVieuWqCQh1KAAydnxXvilI/Y3oZfKQa2VC1
4anrKOu0UXK2gLq3U+0KUynJ+NAGX3t1isEngpP0j2oX9Ys0L/RLiwTMSq3C6tioMErUTp8InV27
uOHlW79v5nbuQNEjYUaGpfOroxiu4IPiDNN9VGwQ1wXhYKR4sgibuOxubEx8dBRgXKmUE3uPVMzf
MJrkagf1rgGP9wozT0wPibNso7by52XVZRueUsguVqG+8KcHrijqOsz9azsyyrScaRVM8j/+9b//
7//5s/8f7yO7EErxsvRfaZNcsiCtq3//Ydp//Cu/dm+//fsP3VJYbZIfdjTZUS1D0WXG//xyHwA6
/Pcfyv+yWRl3Lo62X2OF1U2f8nwShWEjrahK1dbLyv4oGZreLZRM6Y9KFp4qJ623t7miX87VJ36o
xO5tl+tiFDLEs956xBMl3pBAjhei2SiGui8x3+ErZxRkgnvW3PAgWl3lWo/Q3sEbXUc1VpZIXp7F
QKb2UKuKDF0zG6EuvY2XTa3lr54d2Ft7jOuFaKI1mM5LOwkPvZ7nr80CRHXyGmkkg+JRiedikhy1
7cIhFLrV0+AptdPTWPflRdHdfON4WTtTtAz6uOhMCxu6mu8eRIuQankpFWlYppUTLewiKS+Z1X75
/XUR3/vn62Ij82nbuqLalqX+el2GHDUUQrP11xrlHDB12V0+lO1dJ2VPwhReS8EUpaNhroTFfNjK
z2IWu4mYzTQ7Ak9JP/KJMyMKo1UaPH2iD6B55R2XnP4wanY/ZhlTpORHl+yZOqq8cjPPvbB/jtGt
GF3SBaIFNhgySvDs13Fzn442ZF7meJJbnUJDJypy+YcvQ/v8I9U0VVZ0R5E1XYGHp//6ZfSlm9Re
ZxlfetddapMatjIV7J8aFm/UDCSKXBAG/+ks7N5flCQ5fuoTsxty/Psok3Q449PRoi1qfo84sDwm
hBBHDYGoulkRw4hZCJjRqfTj+Fq0fRqiei46IMfKMnIKzBJtr3TAhnvtXhwj+q9TSAQ/oUrioYtQ
KfIsM1JYCRp2pb//nkzr8/fEXs1WVUezFVWxNXm62X+6mVXAoWPLlvrrWFb1StGbZKWzht4S7o2f
wi4723oof0nthERUYwTE/f3w7DuxNBMDua0/oUHsPkDLDndt4gzLqC+wIyzrB0xasfYcY/++rcN4
e236U4pF5FlkAtfrRgox6PHjBq7qjxGRixnQvY86LN1umRlRUyXNOt6OFUfdTvrTZI4Xnytm3Prd
HtgvEos8F4C87PN08PYWjPzs2vY17D75ttZi1Jym3OYhJOhfj3DEEbfhOExSc95pqvcPT1tVnR6n
v97WjmYpmqFaU5DB1sxfr1AlKxW675DgWykoVl0iO7gsoZNkOxBPCcewf8dC7hS6ZXvIawcxgzar
X61KDfZa3KZ3gRGmd0qMS2rcOfpW9F2LFoaM5+cYt07zRB8iwAkxnrZZi2YzmOldl6s2wea4Xg3i
w103J/mdFe0S6oyLXAh07kjX0nrWlxL61VpEtYB5QCjZruaRpeQHJ87hC/1UrRFm3oSje3HlClZA
mPKNd7Gx4RlmHsa+iNZ9pwXnLIzVJfDa7i7kybHAsDJ69FpCeUQz3Gcp76Di9aP0Fvv+V0kGpC+p
9gFd7vERztp9qSv1ZgRARji4iS4qMeGLqMEp+sYJULD80ZXViEGGdfKsO2NvXw/ICw8GawJ+9nZ8
3UK/dAlXBhJPrWwSxhvNrIi+EH6CwG0hRuXJhTXXjQ4/ZNWAHj3VImtE0l5UqzFwrp2iCSBf39V/
GRE5cm8Opj2awqbx0ql9oN6i8KKNbg/SliRwhNK3VGlzxfaxSkBs4IBVgHuIpbrdE5dHKICW6De9
kr3GT1XA30tU68fdbU7msLhdiLapml9D3avWblZvAzn3n3y5yRcGOYpDNur2ySGPPtempECTTMab
sfHKqzhbkWXVtxiXk0d2G/K6pTlc6QyCwdC7HlaGNpTXifAwtA7x6ApYlhgEpByeuxJdBMMd87le
JsNskENswqbJWu2Qjk6Dd0uz6sPodPIJVOn3Ik0x6iEmYK3Zz4/qrGoT+RQqwBeRt1+JeabyIQ+1
f7bqyD4OKRb2vWv6704HOyYaDLZlbWVcrB69OyfTgveyzSBouXYMjkiXHkjHnfTWdZ+IXbUzJ9yR
SxtOklvK3rLFY5P0L3A7p8jPmgS/AuleLMaTsdiLvhTMK5qgSn4movPU5WhslOzUvSVbYQJgYGA3
A2LO3jI3WNxKKfgRcZw4RNQcP4RwFPPX3M412gjnx9wsy9iP+WJDMHhLfXT9hcW2YqnUKisc1PVP
sEGyveGW5rmyVPM8hKAOf//mEMuJX55Lmmlpjm2YtqOoui2WiT+9OYwixN1YMvMvkh6mc4uo0Dor
crxFATK9tQYKdujaPWe23eyJJ6NfMPXbIUqJcm6M53iU3Itn6N+63BzwqWX/wnKi2hlqL7+ERT4T
/b6rBRuioflKNJUUi1AQHI9E7bSD7vfl9bSFkrMgr+XkNBp+sopVpcN4IQ5Wqu3ZPFMi66VD3iia
QLGf+hNvrudN9u4Nkb3sMAbaxuguvgRydgUYh2iVXvtxM29eYuLJAuj7aX5KvwAMO4EUouOwD0o7
e5jykos8DfSVaEpDnZ1hpW4i4l05wssqDG+/zbZhk+UPGGSTYamrj2GQlOXvr5b9t/c87xCLRJjB
9TJU0hi/vkXKotJsspj+l9ZvcIJWspfRrNy7MCmsU5eV3aw2mu6tb3zwA55jwla2lSc0clZYYndv
RtvHa7tRg7WhJ/Wy8kG6aOBL9spU2GTW9qIpaqLPN1RyNZa1C9UovfAeR9JFZsFV4IV8QSwQu9ie
m6Yr5PzgKkN3yDHLeKoH4+yX4XhGlCh7clTjg3xHfRQtfwpS1rlf7UUzaYJuXjpWty2nIwuPrZo3
atZajAbgxpdaUlYrz1GTnT9BzsBANod24hOZk3Z8M6+rrjqA2gNqKXrE2G1W0anIiNvsFtIKpakm
7L7xMDOn/F6imuTHiG3e83zON1FYEUyJZUIYkcxULWqnqVXtbSwXcmblDNbRQsptnBl6Zh2zUj+V
mTFsi2lAjIp+pTatf7jw4sL+fJuqxCgNRbY0WWezpnxe4HVIUbed42nvg+qVi8zMQdQaUnctIn7w
qJE4z1kZmiu2FOHRLGzzLhkR3rUQWBQt8uDx2Wh14KBsgSdTqXaZuXowSytwNUOHlJko0IpKT7bF
M82rdYlFFp7jNqpThFr6U8tSb/v7H7X+eZGvGprMz1mTYcJqmqZ8WhpFulHYmhIq75bivlSQmo81
T5mfir5DnQ++o8ICZbRmCeLSR1Aj3UJPXedSJGq2itjeY6SEBqmRZu6usANzJwOh2bTxOB7dti9X
OdbMF+hn3azThnqfBwqxeD2vNoCuQQnF49J2E3erg9/biVouh+21lv6o/bfRW99tHom16B8e1X+7
+VXDMVVb0W3NcKbN+6fNEAuTkT37UL6HSfKRpmfC8+6xD0PzFExYHoHPMdQkWqB4ZCxufaIWNbZ6
UDDYuh5QoFEzE9VwnEDEWjGsxAnEZDGAks0U/XD3A0nr4TvUu0VhoPAHH60Vuzte4d+iKvfVJNU0
xMuOGCi4AwijKoAeuGFqdbaEjsnUZwWNcrxOAfV1bWrTFA/NlRlaswMysFV6KavkUbUNfSfMhnAi
Ti+ebNQbAxFdCFg0RSHmZkl0nZuA97dnRuE3G0/qV12oVtB97UaZNX1xBClvv/tyjD29DRiPCInF
JtZ41WvPeTc7q57DXEBdROnsSxkjxqpOA4gNEQ7O/PQMssY756OL6OY0kA6sXWp3wAzc8LNj08tT
eIiBcMxfdACRv79NLHEf/PIMMNkNOwBbLcsGhKh9jgwgWRkraNm+mz3I8aIKCH7hLrAMpc56LnS3
WxhVZW78qSl1YLhlrU6PYpRXN+69RIWH3DAeU5ZOonswwU7xcvuKGqj13CjgP+xMl+di0FGxYXG5
VSimUTu787vuEXei4mQUhnU0vECdNygrfwXmDqNKG17HKgf1h2vKNg28/LGUyhcxoZXSamY2Q32H
3GO0970xXsZuL32pg5mYkKmps8gdf9i7eergE+/y6p9OjZ/eI+tb85FVjLbpNQk3MkG8tBOTsJ/X
cX2ROVrLSljdDVMB/ed7X5nq5Z0okEr5uU9Mvh0rhW11nXfrU0OUklhT/HKuz+cvLFBBbJNUsucP
liWffDghb7GGvVBU9Ok2qyTrtQvRja+st7aGQxe3colak2u+WQV24FAWWZi24EowGEHkjH7olVAT
qtS8tGmP5nUMNdRxim2bk/hDKCTmNtE87KKh+4fQ58qh27Pw6PxnJ6sfbBXsi5pVzw4EgeOo1/YD
cDZt2TmIuwW4ET8MXtlic4fvUYh0xZyFCwjzvjmLuf2Ig1dcSi6sVeZ6CsmwMhvjmRi9Flk9151w
vIvZEB2MXtHW6g+hFKF38kn+5CaygpH2uMaK+XLrEgd8Ov5T89PpGhh9i8JQzZk4Vsis3M6XYDm2
k3MsjTKrXrZdpl2MXKlJcPCx2lTrpz4xKueOeq39fl6GZvjKkcmxuRPG3RRwd1H1MvdJa0z9OkBs
Wjk4AiEvRu1ptqjlvQc4hXkROaJRgwQxshYDRS2Hd6LI3BoxAzdI5hOa5tpXG/q4tdIJLjzNa6ZC
rhv4LZF6vh0aWo10Usdm3oWDukTd6Em3neHOksdqrnRttRZNUfSp0sy61k62bZ2Pd6JPSYAHS5Ce
REv054Ozzex8ON66GiNEP78JL6lm1Bcj/XAVUsVVjKMRodbhFVuvD/KN3sWRFP2+V/xTPVj9q1GY
Gmga1JtwSPl5VhfxpIFaeRqSHFw+jMF5OGhJMY+9k4u02b0jS/1D5YXsokkZrr127B/UYtAOE//Q
dtq0ID6JBxQ4F5CCzG0zyYaMwstJiR5U3hHo8g93bAPzB7lPmqWpdOpSNAcnCu7SoZiL1nXGUChz
3VOlNYxlQmcee2SEvaxypbm6tg/UltVfl26wibQ2hm521VYMiCLugH2uHEObtKy6ciZmi5Hako9+
nBf3ioN4dlEb3TGybOXkNgCSAJEWX2MEyBJkHV+yJEnXKXqKG0PO8iesv+7EhPdA9aydb1VSgBod
vA6n1o+9bffEVIb+DAU2OUEGmF1nKKxk9lKkH24zxDQvT3FRM2uQybpss1gubXbHPtbkvdFP31lc
7hUPEXk/oRmbtbtN005botZQoKxJoMLq3eSrhoBOEZn9N4yKABZjqXnfjh7yOEltbtxQHnj22tZ1
Ssw955jWnyZJZcGuuKRpMmx5HycoVrw0ML0w6esRAKyy74UzNW99eaJzGSei5QqEmzPzyeW+YtU3
F8oBSWmhuycDxAyLzDr7Mq9loRgwDvG9lRTqIe/4lse8Q/EZ1cb30Z4oS4rUnxKZUJWOmYiqs0kF
+T3Pa6V4hzcE+sh3Mrg0TfMGNdeM0+J9BOS/dqsxX4tmrO7y3gUe1g/FZhz0aiUORhJynsFze+kk
CXknNxqWot+vgk0dKsZTPsrtLu50YyFOo5TWSY4Jg7lph3RAg+5kbJg6bEG3f9OxMZ4VljAoGoc7
jNzfRb/igd0G3y2MDfrXqN/703S1luSNg2HfUszKZeOsVyYpXxDQR83MJRQ7u/5tMGokAIpZhN/a
vIts48mUG2vW19X4WntVhNtTMHwxQg/eeql+08J0Q5rEA4Qp/ZXBjQwJVJwLduz+jDT3qsuS8iPy
kjupb7W70QtSGNNGf0mBzc8hTLirKFInbV+pcTeDWmes9Xq/WrphPCvRTzw7hpS6M02BIVjyla6i
1EMlP3xTfdlhh1WU0tHtFOnYW+iARWqxF123flGTO7fjj2LB+WlA9zVpOfJh67I3cegao7MdB8j2
6JL7NKRaDKLZkS5Olnt37HDsmQaFg0wsfabXpSdD9e9IUR5CWev2Wq/oZ7n2jDN+IdEky7YUXaJI
ANpg09I3O1KRRGYblgyOrPhPXQTgFuhLBIqkCZ5Q6rDOUVvwvGLQdKP+wdM+siIInnJZLRf2kOB5
5PT1sZ+KXA2Rd0jLjeym9VG2LYqpJgbFtELX8rkBiW8p+j7NK+Ie20vzEdKOcihVedx3TlJgoFOF
j2NPGtwDfPER4JtR6+5Ha/jBzEV6inyrNy49EGPXgyDwFaswVmYGUOm9pSIcq8BIaxGs1NqNpNeX
axNVef0wVKjDzKylDt/uqU4xMChzbpPQSMqnAqLgEmMwf217ZvGUashZ8lS3cIuhqRY6RqJ2hujl
1Awsy9r4aEnPRdNu2mLHAjO8NlFUdPbwEsEfTZOT0ZSPau59i9VHNxrlL0DB/wyBaL71VeHOvNKw
HuNSrRaZbfp3sP+yVdj18rGXip7g9SDv4oGLFJs5Eiv4+cxNWW0uMGyjjcy/rakM9QlSnrHwykFh
k91+UxS/+4tbQyrj+K+Qld0swhrhuQgGf1nmQIT/slM1WURmzB0gh6Zz6Ap1g80iN0Cum89pkWq7
3B2Gy9Qq6pxvyvPTJ1DA8UxStBERUzl5sjwdSLQnlTsx6igpmovo2gOJZ1Rt+w6VO2dciSZZ43Dd
EdBbjkOaPKFHpc+SRooOTlb5Z1VV/uJh2L4EfpJtcng2SxNhyhcvcxTCfrmMKgujTusfVL/O7uuU
J4jhIWwzdVuFXu5hM4sHavtSo3e7zPtKXotRfiyo3MdlDD6LU3bdogSm9Kwjo3e2Ov2nz4UUmCzF
MVrTr1TsGU25re5xHMuAJhdYdkVmcPKQWlzYZVK9IJf+AjOJ32fYzcl4O1/t0QWoNR1kwD1Z976B
Vfh0kG+D1NKwNX4Z/fh6kGl3c7vM7a9elyBQYYXVvTd9UqL6P38SILjqJS29F1PypI+kaH/6JFi9
m1EyZzxLDVCiUzJepOhFUSb16h82eVOsIxPJ+mtWnvSQqssmgTMASH+P8zSpm/uSDJ/CCn0N4c8m
2qtlqj4navg2emF1RvhPffa1CARrVT72BUufbnAXYhJcbGyNgVpfD/HrYRfqoIpEcwJMrlGh07hw
nMLupW6BNom2EWdEIhKURR6RfJpGhyA8R1jQXBR25TuiP8Epy9x048f4LLBaQ/jDGIOD58TZzA/Z
UmZBD7s06XHGis1HMcPrX9B8ax/EuI/tCJ9dn0QrUHgVJYMc7wbHf7Yrx0QwRWM3Lptrt9SkCUho
H+CWQg+ampWUhpsoCkPwRjSduOiR13SsjWjqtQkzNK/VvW8PDzyIn1XbTO+tqE3vI7YcIDGJ0Lc5
98LcC7l5gzTZi1EQI83x91dQ0f4WziLD5ziyQazGhCVkfApnhRZPk6KyO3Z4/bAmQDhqZCVHHoxu
gjhWjZl2eGwMWd+bZcqPir8Vop1LAtUcjIubflVlO7zPyyy6LzCx3tqRUZMeCyGWO2iJyggTrys5
kJZDlrevcsuLuUm0+uxVNmor+biNJbV9Hdtu3IwGME4fcbjXQkN5YyQEdjJ1HHLAh18Phx5Sb+2K
W6ebzpY3MGQd2yyOHfYkzwPwbHF4lY/ZLic7jAEX04oJTpHqSXlIQJ++2N8/03GqaG87qT4XszwD
QT+Fp+NenANNJJJ1w0Kyw37eEwm8qCjMXXLMFzweb6dbl2OAidF6RNtEnyhcrHhWOuq610ORc1YO
emG+yJjoHjz8FTeZlqD3NtVuff+t9vt5Vuh8P5/zo/bpLFHgGGug0+QQ5buqldx16AfBnA3aOO3S
xjsl8eOV0bTZ4tbnKc24aBtFW4rDxECrq8VcT6x2feuzDBvBtEEtVkY3fgMHjjxmpRjceZ68NTTC
WKPRoVRdBfY9+u/Z3Ez95k1tjUfwYz4gHGlJBwQm2S5OWtFW77//ff8tka1p7BEAZJiw0AnbivGf
EkapySYnUGv/DaGaINqZ1qbS0kcIXvWHaTdrY6iUd9mzjbmvWtq5QFN/W/qjuYbsnx0y1O9nGcDB
GQgrfuRTISHrvzAjkKCiqVb16ff/Ze1z1kSzHMPSCG6amq3buvEpcGYqshf4ZKXex6FfhM5YAX2g
0OMcz2fLqjdsk6NZJ7vf++TewuIbP7uZmujtm5VWe6h9wM0VKFakESBPJUn35oHXnyVGIh87NMMe
pCE5m4ncveUlF0jFUmaT+Ato07mXqsehLglt9jr+2lnMS950bAXbREZETRRiIhn4Dt+qIPsHCIJm
f3ow8YfblomIsmnp4GlAqPyaPIJFD8IgnewHTB6YRlxkB/Iz3mTkTdWaikT1soObwzkngL391C+a
YsZtruiLjQyt1ljH6286yad5t+bt2MyBuAOrKUQTVu/uNcTN977hvEEcIAZS6QMGDZZnrGy9YnSa
AhN03sOcv4gu0Fr9lifpiDYtg+IknYyNU2UH+gY5uv5ezosOMY2LEWacUmr5bXplg2rLdIA4ieQW
/gxYgLcXJ4FhNpwirOPEoFE10dLNO10kSvYxMUKWnKTno6kQtbrSsxkyy83y00CaoNU+ExNNbpW5
qiAkWza5hZxeNM59LWgfrdgcTnwh903Sou41FUX/BmMqeriOm4RGWSRXBzEGOENN0/qQxXjemEWN
lqvnK3g2aPIhVorvNdEnimga/TRZ9InRqtatreGhTtONXr6XnYbgwxDfGUqeExf/TyEGRxvB+1Wm
D/letG/DcoikMUmDniStg9+uNEorbXrzKlMhg8sIlSY52dN7GHhIdBzr9NxdX8OA5FeYtTbk36fR
yc0HCc6UTCJoAXGStkjkO6NZiTExK0jGcovq6sBCZXqX/7dPVdphG7j6908Nk16e270BFCEZRxR0
MWiMkdx7q0CywErLnTPETfssmp06SG9qRxRfQ4Dh0PZqek7S+gv+wtoJVXn9JGqmq7MDxCXDLHKd
beIIuEQMhOzzsZGoiqVo3gpxRImu661LJvkwa5QImZS6k44AXBBjU1N75cumdBR9t8I3PX/u5UG8
I3oc7dHwwgFwqomiktwhm4kqWat4hTbqOWz8+BB6KQpYdp4ubS7Dogzzcpkgs4GqBHrQBLl6iG/N
X16RoZ/RtelDVRO37gZVXl6bVdPcOdgGqZruZnMjLQm9FHmLHx2TfadrTmk4Hgj+xEePHB6yp4Y9
c2tde+l71Vw2RjWuRTPDHHCmj0N0LvzKey5ZsShOrL/E49BCWP7lKLO9JJBkWG7WIXEBtfrK3bwb
AK29uGZWrrOO7U+W+TmKlsG9mIDS2zCzfNe89IHT7o08Q0K4d/KvoEGnE9i5ZC9SAEF7hIXUSzPo
40wMAIG6I1JSP7Wul6Mug6BslIJeD2x1JyYYBZrUEkGX1sZPNZ9Hiau3j53DptVFo42dc7maSDhf
+gXCiYCHIghsLJm1jRuo+rNeATmahkM7As1tsl9JutJc2r7R7yZwMbwvpOckX9oXQnGulxephXiW
IGZ4ebT1qzyBl+vU+z7zvhM21L79Rj4hv8MDbTiVRUF6CgjmW6WPSyWopTN6C8P94BBXysGQbqJU
7e9VVBbvGv0gxkRPqVg5qBvfnIsmsYs7XdfNHZ6K/rYKNG0VyUr2OqTVSnwXZt+0c78eq1MSF6Tw
BsO4fr0IMS/SNEvfFI2bGlceedv7ffFgYPgkjkyVCAm03ICTUAHAkXTPWTr94L/D1bheCNVFZK+z
0ejU8Oo4y3GRzs0SYQSpRfIy1dE2rQp4cpBbC+daGUQFJ6Fr5cfQIP//zPn7R3CetGrKaVlw+wjJ
U41/eC2rf38r40ylyYA3dUsznc9vZcPwaicxm/5J10f7HMXNGfuO4k1p8Mds0WhZi2aKbIdZqgTM
SjKD864hBDl0CzfzpDbi67HyeYogHiRBKQQS/5+apFsOq4whXIvadbQw/yE1iUzJr9vWaWVFWtK0
MMgFQqR93vOwd6iKHAz1o152CG+iuiuXmrKxdMQ4Re3W5/yXPjHPyc64hs4GKSErhWZMvA0ITu/a
sSDyGDvurlXz7ZCOobZWetdaDQ1vnmsbd5oVesZoovTxW9vU8UKrSmtXOAiKGtVDaEkxqzIz3QZ+
kPB4phkO7TfcF5ULVCYN0l/wTcwiApAsNRsnM9Es3UcLSMtLDlxw1VZ2aZ7iPi3QmgvyF7Vh/VH5
Nf6PUzPIs4WnueWjl4z6Hfcfa74JoDNYOC9lDo6bPjs9O3LjtY+S07kjy3uw3H4lWkPUOGdRKxtb
RmUMP73IQn56JjolM3lDQcvd3iaL44lSreTp0OtccWzc8DYWnW2P63jgabBkNcVde4FcsFbp8hdC
wBZIgDzeib8kdJx7Mpc6wdugfWrrlAgvf5GJX8EcTnmP4lZqGW95EnzxwzH5MxjDN73MdJb9vcsP
1AbZiDnk4zQh4D3xFBgFj7rOAWw9LZeuVbGGUoeIK6sMTTXXNf4Tt4VVqTS5O78tpVAoxXMBdtx6
bPRkZQdjsWU9bj+SJr7TtED7khtuhGKip500zc9PXlHxEpoGGn885dxYT46celsrKNtV0fHAqcI/
xTipZ385xljS67U8eTO43VJj+X+KY9YVneLkX1QnfIHl1SLrpxo7ErnSQvTzrc9D7IFfJy3VdddY
1drKHenVR7xGTIjxj1qqnVbu0FcPH9OAAM10QtnTy7k9jPYR9rB2rvKWlMw00LgkfFGyku5Ut3L3
Y5IUCzMxnEvYwXBBl/S5KrMK+bLcezLYG+SeMry0lpUfhlJHP2lIhxdoHsGqDrQURD6jQY6wqoT1
00mMlnCeLD19QWWpP5XYJrAlYVYUjON68CTEkJpgfKnDJprL2N/sxUGW4y0bpNsepaqTLlaKk6z4
YHgvW8vx24U4CNPFeFG7trlF0qw6liHaLOMwAuyopl1TEGpPtyY+Ud+bRe6We0JLPzfFaFASchDH
1pO7UlB4hHQTco+OTuLf8N1d4LXG9yqvvnbypy7cnQKNW1r+bUwcIbnGUotMGUzINkpd13gt+qpE
sgPBOQCYhOwjEjStam7jbJKmc3MZXykr3OeDazxEo31/7Y8dk6gbCFm77t07VtMfor9iSTJPKgQB
IC3Fl6TO65k/QU2kAbuWxLf1szkW3Qn8J34QIbK6bQOwBnHepZXW1u5axa/G2om2SzJmje0mGjm8
ZBHD0Y/pgIxlVWDVc+0rCvMYyKO0+wlcM/V5yt0AVNvlYcHyFZRbGwZfy867t0I3+Gi7Yo1TcebP
8uRrgkF4OMubMztjw59lUYiihTd+VIN7Nku7+4r7zrexzJQ3ddR7VMEQuOsJe89QiUdm17UsJAVj
dhAQ2BzeQ7KLnmZrE+SaqmKSqFVajVeUbSdz0SeVUGZmks85EnEOMgjBGv3Ov8Tw7Ti7w3rM98ds
2bpJP3OQOYdrGnlLySz0E3tcGTaromxTJ2yO4LaQiTP86kHyWSvbY9m+oxR3dj3QijNp4aVte2U3
BROpSTCbBIvJ8xJl748gfyb+Uz1gTWFqSTZry94CgEZBsA/6Q45nneOFLEQgs6qc/oKCWrvz/OpV
mfzZROFMTOLGS44YxEt70SWmmj6ikC46p4vbXMvHeVAx/E0clsZCVQfvrCb1iHuVOeBMF+vHOpTb
pepk6SO+WCrcW837qvVAYCrW0LM2yhcRsj5/Zn00KfAp+pMTIH4ozlR6yvczZZNBq2ZK6tqUSuNI
aCszAv9oT42YZegx6cYYYbeuCFaVJU2+CIxYsR7CQ8Sfcw4SkqhJWG+oJId+qoVKkRy8vKw3GQ6E
15r/o+/TaOZV3VKGyg86QN45xEZhlUxV35TlnWRQiKYoDM1OzeV1EsqGhorRBlPtyFTmmZIHlxbp
zdjW4hcgP+rO1ptqoZpQndHLQBnMJzoAXS252LGGD+s0gB5avuicxt4Vnu88l3Ezj029xyMF6H/a
tcNKNMF9bXGSMx7x9glJF0MAi1HfbvBz5atm9Z0FlfuOaXswT7JJoEzSylUaB/+PuzPbjRvLtu2v
HOQ7dbnZEzh1HkhGH6Hesp0vhC3L7PueX38HQ848lpzpLJTvg3ADBaEiJUsRjM3drDXnmPkRLC9a
ZrC7m2oO+hthz5MbhrjX5ZTmg7pUmIKl1tQOkbaz8vr9//6n8/+zqkHzoiXNUCbwRySZdSSR3OLQ
j28O0pzuKsvT8387f5lLdi4OnkMiIi3gfBCDbmoKYK6gHwZItwSlcH4+L8/HJkDFdH7OKv7H8yCr
32tyDvMrlz/I6IezWs6/ckAE2pnrnJcQGoSJZtyiFTbWoVVGB8PMglNnLQ0nqa3fdUUO/QKy71P3
OU2T4muuoCGta8V6JzHtIRxI21Mw1Mq+MLNkk1ZddcupE8RHVqWfewI3z/9K9OVVMDFbIdzzXabW
zc8rf4r+0nZDl1CzTUWmLGzruioznF7WvKhRhr0ll/6jXiz4g1kNDhm1PrwdX5UmaD5nybz6oHdg
rmMC1t0kOk0K0XiiwVYs6SK66pRxRxISkX+Vr7IjKy6juG52ne2pZhltsrIIb8P8Nk3aq0INtL0s
6eqeagGBLkWZulHfoYDRMBtwatK8Qp6gfo2pzNTBr8NBC+Nz3b0XmqR57QS/jbpdu8FWQTlZrbGK
tCGxFmJvLOIbU8YVBFD6gyKAa+Xqh/gJ5ax6PRfvCKOzUfpAMFbob5IcZeVHWfhik9XdO8meCSoK
aGDitde3dFMzF2OldDDjO4oeUL2VobnSJ5K4/B6bTQRF+iDJJi13CKlOTk7rOkOZ6g0++VRWmLq+
Loo1Fi55Pfipup71x05T8l1PqWVlUh93dUCmayrgo2vWJXtvvdv5c5Ru8eKilZnRDSV64YDoxdBJ
hpoU8ZKbgh5PosNwzipnlKP5bgAaHUukN04haz72XpgiSmKu0DFJK4R35XpSLcVJwoHWfdJWngyQ
jeQHWDLSoHxKCpB9vZFXqzzwc0eSqszLAqW8jVEDIilQTkCslVOLxykRUUciQ+hCuBn3CI7tAwmG
gM8bDFL0DMO7BNOkm44KJUdy3RAhVvUODp8HD5NmftzuZjj2wBpKxxipGMRz95jJlXpEPvM5CNWN
GbJnMqoizh2/n6o91fCgDbJjpmoPY2yo+6CVTS/RwfeyawncWNgt2ZFGQ4/lnlNddsTMnx0rJukp
BPra4cioY7+8C7XyXtfbbK9HtKp97UD5+goslvGBuXcXWoS7kztuhfmpUI34fS2lG2EOA6FWUeMW
tCNvNMR0fa05aWiifihDAuBI0MMpGzt937enztjPyCBWC81zTajvqUut+RQWCFQkk6441qxj6ZMy
K+PIWpujpu/LKn4oMn84+RNF2QRmhiVqf9tNyo3FedRhSrZ2YEuBQivjnYjr7vL8RTEhJ45VTgRf
WCO6qmT1oE4NUjnVPJZ0Y68GlCjeZITg+01iaBHbuoM/O618CipLf8B+6FhheKioYu+lTBp3k91/
zPCPnzRlRBut8jGqCFxdRSVYmBM94kb0k15fA0jwZ0vZjOxkvUwx3UhSH+WhWimRwvIyjeNJzrPr
Fk8e6fToazHJg8eY1NZL8o4g9CxcUbCwN2lgFh4QZc8Yg0+Govb/MK2Jl8dtZjVd6KaO3ZOqAREw
r5XAkMhy067t/AuyI+V9MaGnIjvG7CUMOa0pcejCtAxDalX6Mdb6Xi+/kpthbkJWNHJSEuLTk2Sf
0GXvon7CNcy9/Q8z78tGNi/R1KgGIFcWCp0IU3vlVBGyktZZVcZPI8lQIL3JHBzk4qZKRUFm7TRs
FZMUlZI6kFtydlynonHUAaXVGSNczlA54gmouJquVWE0axouHFuiNrsp5NxeyXOorOdlrs2TIXJt
I1VXWqaTAVSE79tJ/qcr/rJKc77iCK+FjvweU8gP9k1qmXaR4Gz7kgE028NcNA4odjxy5GNCmVJ4
WIS1+E6O39WhXOuTfJ4Saa5YOA91y/35xbXFi3LL+dWQyw4i17YFzebX3v0Rkb/SM6F8sTmFwD3p
agK8i6feChfT0tR6s2YnjhFDarFG66sqJY9d247HbrDnXaFZm0o2ObNQNtyyNxz3vhQiOGsjcy3C
Cq78DE2y68MPaMDky2YOL5PGFIg7+uiUdUq66Uji0Ffn8gdRle+lIvIdpYzvo666YxWzV0E5ZCSa
pfqmltX3UUrQY6xBbdOMBGrc0mCIO7vjcgEh6ipDXomg32VZo7ihLvfuFIiarC4TG9HytDaMdNUM
5iHA+kXuQ+ZkI2mQgDq/2m0UbvSo/ajkM2jFsrgtLM3eK4HYD5F0Bxssfki4ax1h2Z+zAligOnXy
AV2Ots0DFpBCSuON7iv1gTulXnTNXfdVn7Qr5gNccHW6mgb4sbWfdEdFbls0tTahDXJ5aKuuPaUZ
ccxGUHQuvOLESWQrok4krglPkOjfRCSVNtP89eefv/hhV8NIpIWnc+drimlar3Y1BaRUs9KD/Etu
yuN1X9sl8Vq+Nrj0de6aUOFYVFJVV5bRWVZFeKMzF/z8NSg/jMGl94tGhYGo0lJ93QcWktmM2Fnn
L6JIH0l1a4+oN1LoclmAShVSzLk5rST1CaHHhhNYsAsnMa4oaSN/HgprHenKZ4IJutNIWC5omEk6
pDAF4imXvWHoleM8EAv685ctXpUqzxMTMQOabSnCXnqhr+QZIuE4ia7J/BLVDD450T/Z3aB4BA8C
CfGDapebBhKZuX3QwxXF+x3wdPX3whp3LN2YVckhZBNSDpdSXzpUX+19Y06pE1tkExBm4Ao+M7bC
lriPKiGvprDYwoeSvbYJDsKCPeETYWg0mUd+irEbg7nxqJxam8Gi1je0KZyVjLxQwpkWzHf63pfG
fG0O0JhDetWHCvnoqvJ9SCxB1B9NY6KfQxsZKy6RpF0RN04VT59zjd5miCPSTaSpW03BaK4L3Qo5
hxa918R9hRtystdBp67DQq9v1KHN8M6n5mokt2vta1rMjsRmt6oHA9W9ucXvplZerQWt65dsXO34
E8bAsKk+S5qmn5jZdU+SiO8VFsGhFTZ1x4yjiVqYf49Vzt4NWvS1Y9+Ha+m8dx6nHQjecls2LWpi
qi4bdgxiD0M3Ahr8KKvE+gIIUeueXK2iDXfG0mvTOG6TfhmRMBlqu2YIxtUAwowlQM/vbKjsW7vv
nnRQihmbGkVsBYa467Jhp3qFAInznYxudu9PR1spk21YDcKZei2aqZbkrl6l7kT0+bVqSsTKVrAs
B9kOc4fOhXQT5R9yDQEDSRQiO5C3yd4wF14wfAU2nt01hWZstb6Z3ZYStKyLawD3S8wRbsJibpt/
WAZeGYKeh7IG9sGk/G6D3XtlCOtk3+a+NP0vRh2F7Kb63ElMyV4nKJDWQo46ms59f2kYen+pBYJ8
zzg4FCnWdjYP61Hr7/olcBDn4n3Gh/LzO+3HCYIdgK3bCA6EoZg/AGZUZZjnZBySpyHqrpANizth
I3evURi7PvO2N3V1et1CQ0Mn0btCmXCkCUu4rc4WRlJJ9W4aUfw+Wh0K2sRUEUHG/Z053NuF9XkK
pvI+oOf/T2IR+/Xayl5FVejEqKpla9x5L0+MhoiarCGy4EkKAN/MIBWHwnzXpjELF/jStTEqoxNK
frHDs0N7CFnsHbThazO197kw9N35MNXL6klqRvR6+U4ZSMsqOs47gnwKJ0BdabZDc1JFuYspHG6E
FSwgDow1ENPsfT3MsqP6zYZooMcJpdhHNbEQrrT1Kc78ekNtOLnP+pqyGbNP243vf/7JvVKwnceV
pXF4s2RdQetqv9LLzFkHEWBM4icrU5qVnRgB64mP7buxbtSoTA7GKIwVXqmnSSIoqhv30tToh2ys
V7iXABAP4Ukd5fqoZ2EJ31p8MAmuv1YtaUdiYS+12gNmX9IgMWt4qBcjp2rS3qWoAtMjDqrLOfd/
7+SOSc3nUIXP9Z2Pr+dQd7DIf/5eGT8/fN7of1hCFYtBagjj1U1UD5neWEGeP6W6LnsoaYdL3MA2
Qdt9YO4iNj1XWZR46GTykz0Hd1obfvWrWXETWdHXqWYHp/OXwqa0C7kHiIGOshK7Vdx1yQ1Tlb8r
reYjEczjUaLca7XZKpLqSwKVRwAMlEdxN15qvLZrDeBQxNja2lpApn0qadcj7b7LJP8YmTsiNVLS
LMlxgIeT26qjlxZ2V1l9VxndyqdHryaaOBBKjpa/7WVIu6SEdehmcuzxpclaQt1r6wdx6HaEhjhN
kC/ND45Y862e5c6kGRKhJhkIEAw6V+AM8mO7UI+CzK6IsAcIjpaGF6Z30oM0pZVHi+IK/WJxqYz3
bTtHW46cAXV6A1N3lpekDPepixBccWf1HRsUJJ7N8NQZ3cGuarJ8mK2BgTs0FZOrlE2dMyNoXcUk
njjZwuE39Jqo4iq/ZAdpHyyjiA40sQqnTTR9K0J/3E/W9HWMOoWuQy72/pLo6iv5U9hVIByoYzqE
BozHkpQOvyKXsoXtNzIVrnW2KVjkKHjIQGuWUqimLxW4vjcdomcOY18DFYvTB0OrybRcEngVi5ob
miG8MeLQhFNz0vqvNOjbq5TdgwMeYwfrbdhofp08IPTf+zU14mL6bKVScOTQU63HAKp3jbTOiSeo
Q9TG5YO+fMEh7ZDQWh4Dv/wMe+epxge+FYV+CdhZu9W6btya0FQHuLRXSoSkctSzx7yrT5oBlb61
guuBnK1rYKluI7JbkiOKr2bAWmhcUts33+diNpyJ1sMhl5XLURfK3STCzWSVyfXAiQfm2dRumZao
bw/hQIRQiJMWvd7WiCj9gydlMS4zexWzlB9QvE+noKNUNVt2cx2Qf/YP+0vzhz2uaQhd1Tk/mrZA
b/hqHu5JpmTUad2TQXyMm4QT254MX5Zld8yhbBmuLKtiQDZrhSz30okDQB6GCLyQYMaNEc2P2Rjp
mzQBOB/rgMd/p+phOmCy7F0SLxUq9vGsf0cSIjGDgMJjigtOeDOcxMgH0l98w1FUbNLBMFmeCCbw
/dkwHeXm9yTNtyqiz1sQAQUBgnl3gl6lr+NCfD3TYHCNbMguUXf6SA8IfFnyMWv61MM6xirShRzM
+VtDFulrPDHKBvMA3tAgKg4DUK1kyfvMm7q762JFuHN/n9H5grs2xis5Bw0UzvnTaKE0Msa+3QQ+
DaVkGcJ+HV32cT+dIkO/bueyfj7V/58X1LjmTJF7LMCKIQZrXz39n/si43//vfybP3/m5b/4n1P0
SEey+Nr+9Kc2T8Xlp+ypef1DL34zf/3bq/M+tZ9ePFnlbdRON91TPd0+NV3a/kG/W37y3/3mfz2d
f8v9VD7967dPX7Io96KmraPH9rdv31p0+UI1FknDn3y95S98+/byFv712/bT8CmK/uKfPH1q2n/9
Jgldu+CwAeJOZWHVf/svKIHn/27IF4pmsM1AnaqbssrqlBd1G/7rN0W54HRFDUWXmdgRk7NRacgs
5VvCurApaLNmwUwAEkd94I/3/o389/yh/TUJUKjLEved6cC2EDRoIJFZ7KHOaRav73t6GFLfdI71
QLmTy1japlPabSV0hk6cCzDvifQ+JWfaKYf8INpOe2chC3AUu572SVbaG6J7H6ChCDDfOe2BSBae
TMtwD8fFa5MKErTcFRRFRL3p7cZ3xxYjUNm2u6FTM4rLOjssS8qPatLcRzh35TZCONJK+4kq1l72
08GTaAC1tlRigST7pxPULZi3m1UwNFvOlMbvlo3tGbEEegKb9cQieW8bLa19nG+oLnM/X9nsy6/n
sc4d2SharwhJ/Eqs7qYK+tidWbfXHXwup21i69R2wWpujHdVHnqK3dxVxbjVDL9czVKrU4XQV2MX
bFGizDADzcbJTQe2K8G0LBhrxlLtysQvYFbAo+ibvUxLadAI0Bsem7pE3V1qVHbLju4BIZuDZHxu
9em9hVv9kpjCG0Wry6u+xa6Y0koZqiS7wbuXItM3iU2Obc2BcqXfDmXsaZXZvm8s/2tVItQzEjtb
j7T7HBlt8yqih1FlwksWyZxid9MKCBkZNjFF3B71nq6REzD6PVKXysO2oVGTHr8WtLOvhk76IEXy
dUO8zm2mU6Trkia4y6N63ZrG6IaVVp56+oyUfWigUyb6Cjt6OESh/Bi3tnFZm2no+ShMvICiybaa
Z+StJruQNkSjUJjVNWXI6B8ORMayMX01kA3DMrk5ZBn99Hmv9502Hd2NFgMjNO7yiogv2e+2utrp
q0XZuyLAyN/pomxX/N0wS+PfZX0JVKDba7FPeG6l93ZRehIqAM8Yis2Q9OLG5CTuNXOPSAiHhh3c
i6IEmDFZwd4s+5sokfsNND06WiNsUQEBfujEZSqSckdhEwoblflxIlxsqExAuDOngMqMPJWQymNv
c/gEAS1LTXNJMsomnNj+0OuJXKNNH80y+WT2mJMaeuQ0TR76tNNvw1Ks+nn4XcnywCP9NiAgzQAi
phZXsZhuG82igtchEzaDQbmv06JCRyxDCoAQc/fdJPdtKvkeIqrIL8u8VFE0mC1MQpZFQpumvz4t
lajBAl8u8zsTHLgXTugZ2Bqshj5UT2rAqdzX3+dBGFylRxrV/SGepOux7H9vZQQ1SVSOHqbuAB1C
/ah3mKvA67C0Cpwl07KpS5RTJCJyUC2F8InlS7BIMlmM51VTDmIfjwMyRL9zpQ4ZF4GFO3JrrH00
fg5yLdmnZf++SSRrG6cRIi8YXXJkhvA/sgcgBw7Fg+idUhbiwFXKj5KigkfCb52Sb6sG1XitW/5D
oI3KhvSDaG+ABkEtOfSuGc3Cmc0S4lVzTNMy32TdLG00UGLlDO2XKX5V2SPRkFb5MZIb69oYtD3i
uWwrz+qX3OiONEcRyDG5TeQ5bLJeVKRnxnhuguEIN9rDV2CuWrqtnop/iNZruQYlRihRjCgLM4V9
mKh6dAO5U1FYoEEmjwZMkyCVGJGaPEeOmCghqa2+CZVhl0WmKwi8Q8zZ05GJ7Q+m3j0WmLiSUPWP
pfYua4oI0Wa/S9pGdtOGY3qgJpuQBmdrEQlN4gZJ9UNM8b0L5G1md5tYy72mzcl4lZvai1Ppssfw
DBN51g+lId4RgnrVaWRxyyiPPIhfCn31aFjbdKW2UdSg7wrNjNE8HeS5VlwFIrVXltW2ShPtsoMS
vtAtpNBiJem5pWeK24cq4nRcKsXeNErPGoJup5HV4Nv028nMGdeVKVn7HHG5E4iy4zCi6XcWfL+y
76b9NAWnvtezDTf6l9ZIFKdWesnpFDuCB5A85mFDDgNu0T0lu7Slq8S4gjAC/kiZk2NFhyGE1H/o
mEyUcs5P0DXy9STE2id9YV01+IzH6UYNM+3a7yII5L6+YR86r7pJx0IOEBTDB18AO1Ca7ao9R5Jq
gXqXW4IkcsfW25OWYpOaB+t3VYmCNZRMUHilseUmSLZUv8lz0JsN4U2akw8KFlZZtekLB8lebYiV
UAJCWOYlj3KmFhYkwTEcFiiIVV63RvPY1eHwD/pPSpgvJl7a6hbKTyrSqoDCQlNKfbmDIHTLp/9n
SrdxWoMDA4PiKDm7c5u2tIdVcDfboFiSytpP40DbxOxsF2RFKJnRjpsFa1tiT4cxmnXOa9xeWd4/
BHVTuoLlfdcH4xdiTvW7KNvDOsCdT2gJVrgU76cFvG4j1aW+ysqy3UvYHbMQn2FllR9GW0u8ah67
3aAzkjG9Re7QTsoRVWG0MuiHYeo2zRVILVrxCoaJqIs5UTTtKlME3Hw1fzJ8tYNX01kOZfXWKUq/
P8wKJmHEuJMb5McKrfMawv/oaKHP7x+jeKXLCrVkl9yiz2OmBltk99mhbmi3FWO6pZa3l1OTUAsS
gVeD1EcuB6HpCCQb1ngrKauJG+sIrcR2W5nqSIyilbUn1TYtjHuvGwE5wOeMCQyW9EM1yQ99Fv7e
l9FnHKz2RukDDOgGSgcB8py+P1J8YqEaEzR9a8xrUkytlUlN37WjfNjX1CvjkhPUzA18MCgpOkGv
9uvIbwd0ia12GnK1dKwJXiRkWPZlehIcooCPtx1jSh1jGjMBJBsOLJi+IiJo7DI5tchlvLpIc7cI
huRoBcmXggLMpppuI8kO15xviS1UpeZWieXumFbGvZq7lKezowAjukAIj91sBtfnL9ux7/6hi2Is
g/J/dwvLoFUXwrJsGQZwNVDLLwftUIlGCubav2380fbsPrAPvlHapJUBxJY15aGssy1l9fG21x/j
2QaIohNEjEyENn/1SfbVjZSnyUqSU3bBMH68SCmUNfEe45FuZYu8/5bCWLwfW0PaEAFzI+lEoFk5
QW6WDXWuzMzcjWw52mhgtaKqyVa6pfQuNk3bta26B3BGdHJF4q0DNHRez9EI1jJAnpQZg7/hZXw2
okEQeoCMZWzmVUuCRj/e5L5pHcFkNrgDQTxQcCMEzk9rNtF8aAZReDYtytmcxRYwTuuyEzSO+rAi
Kam9xjSTeYWfmhuTYMMq6qT1z3cN2nKeeHXhteVsQ11YVk3wby8vfA4MuRZhYN6mxgyQJxbjZVUy
e37QOlCy+WjPG1lDM0ZK93poW7KOwkPRRN2x1AXeUk2Kb7PiEnGUtKradFrjQzS8LikfZF/WD31F
HiaRf/blgspnXVGdwhL6ZV7LdMbDFIS0luxQzqfUPErcWUVjbgsFinihQ3wkmSi5FzA00sT6CP27
2M99GLq54uekSFoOINDmrg38hpQRUsHYJe8krfH3P79GlL7/4iJRQaduQAFE0V5fpCGroxqrmn7L
HpEVMwb6E4kbkqq6fR328oa/+cFQ4sQ1etATcjePHFfi3oWzoO0yohpILQQ3nTRdy953HFyyotjW
alXglWZZrYiREESIiAOgyPkk23lHzTmrmbdzY4fkq98T3Hkyq/h90cnatmiOYdYfZbMs1k0Zit1A
xhb8hW7dGpm9sRvz8xQiLmJWnO9NcjzqUbV3pUr4H/ZiMgszT5TW5NRyPK+hahHSY5HgIqx4ukw1
JrkkWoJXIpiyxJI7hV1o+6rNrSM4kQgC0tCh/Z8Gx0ouY9ycHzhygxmO3p/DHKJOww6QANolntHr
plC7lwXyAjWZUTM31HDYSDCR7AN6Zm5Me+kKHVEPUgYdjDKuNUkmW7ERkmuXMRlNlf7BGLgtB846
q3HIdfp5CE60ogm2Q0ZocJwb4lDs0J0RwWAb0lZi03QttIGEJruuPalNs9NQTy44rshrCuNYdGl3
G83yWmp9EDltZVzORE14cSSHR1uPPnRqw7TRjATzJZ+VcWw/WYniRu2SBaz71jZjT4hk2bxGNf2F
QNmJPDinpUPo5ZmmO6Krtc15BdJg4y1i+SMx7pcRaePpIKyrupLqNdKtYqUp3pynDWnFw66SJWO/
ECAKiMD7NHALDJhkf5vSnuzynQwV4UFNIHwaUzTdgB7e1wa9/GiS35NPLd4NI8W0tG68fJQmTp0S
mbEKate+xzbUSlZ+iC3zui3fZQq2tKrilIN1eA3pkDTrhpknyDZnXlJD7RfyQnegSYjxIR2eTNGZ
nlxQ3SyjGg8Omod7NdqHkRQeKyso1mWTRqiReWohmDYztP1FRqjYyC6OW4pjr0JWnGVXjBkuuwbR
hN1SSm0bKLE6EV5NKIdjQuwjNDXAxAtW/R+6C0xmr+9iW9U4jgpicc8Fm6X78N2J1MpF1jXUgm91
g83BmNmxV+qduW+oqFyyKN3OBlM/XAntykykOyVc6IIVmIB0GKvNRLXZFfACVjqnu1HV64Maa/hN
/Wspy9Ftxfm9jkdAaecbIqvCbaROgJJIp39nW43mRpaBpJd8102hlPcAJPWN3LBun+dZtabjG6WL
Rswn2INY5oEMd/8LIu5bOVXt+yDI1wUf82Wf+OgK0WeRgQirlzXTWuGyK12lt8YNO1y627bUYUMS
6RoaK6HFkuFvfYI53DE0ZiZwv4Vbbq5rabIO0mxZlLWLYNtlQOZLHOXP4fF6px6IaV5ClhYCUB50
H014BnGczHivF1J5IIcrEoR1Ny9v+ryFRisV4Tt1rqptEvF3U2mM7zP/zsBfvOIQBD0IwNfO1pp0
10WkClc+s5tsBjfQaOSTD9UNiBQMKd9An2TVVD509X1jgDcIJyU5GiQG7/pQy7wAovXK7szHjG77
LaVvA3ReBHRelVKnLLb0Y4YDDjgQIzFG73QCkV32Y7VoIaTbVtATpoawaUD7OBHo1lWUdxgPONCN
YmY3H0nVOk37Tc5mz8nMzL9UqsJ2JFghbkiSyMYK68xpWym/bMaEusYgPUR9QYj70jiHS8McZ3Qc
M9h0FIWiH3LlXpZDJJxFT9CO382uT5D4qjNCL1Kxh8zZgOqvswm2RKaSgQerGTpV1a6ssqMYbQe5
Ewbx+zAOCGaHOOmlHQ2gnDK7U6Q2Z9gGyX9sTDdcB8iTyeOAx/CuMJYIWKSw+6jMmysjTR0QE7Hb
DlX2CEWJFdf/hJ1v8vyWOzIQQ7pLikiloOgfMO4ml5EV7XGMpu8QFHymYCOQFvCsreyDHcy3VZWq
e1hZyn2at8kqEGSaG9FD1khQ8ZAuXPshYbNlnRBC1ciILeXM4iO0k1sagCP5Phy/teSrXw+fz1jc
+EFRpQAdwzCvR1hdanETSV+iNiTmtibMPEyJNgnMXN1MvU4fQC6sd9qcZhuqiNVKitNikwBEoadu
POAOMDzoOc0xCVTD8xGyqCHr79hkE2qcLLpPJ6V02zGPd4GevwNh12060pr2pXzfqzVbHoRyH60+
21b1qZ0x489QNNZt0X4RamwdpkxZHKcTLI8kWgcijC5lCtw3Q9DudKk31oEm5Uyv5fSQ+Aw7Nkch
ns0PkEgYPFitvUwXuTsxixNxmGPbyj+WYwbn3gC4pMT6sddKetljMTsStOjrUqvvOrpL69SuJBQk
NimsHd5926c82UcjezKpmfYBKZY5RqkVYNXe7Sw722Q5zsk86ENHV0T4IRNm5aLqMa9jvaTmUH+h
TqFcElwB0iyKMHcm4bxG+w8potcatyVwKApa636bsze6XUKvpHwWR0sL38V+K63KAO9EW2+rCXIm
CPjsYJQT20DOT04naf42k6xmLWpwyWos+ltRrgG/FSu5bQiDI+NxdrLavx51Cqdan6e7LOgJktFU
f68lWc2FIlLMFIQ8502kMOsQE9RWw11QpOlJsaZxoyKdzJB1O+dt86R/atOy3nF4vwO8lrjTZGPF
lEDyRJGX2tOm7OLHlLTgNd4A+ahUsjODJfAG0w/doiC3xZj8ozRU8+XQJ4Fjl4uzV9PYzMrC2s5C
hURhIk1vPppiVrZyNo07W7BJSNoYF29kDmhoAdZRLCaSLJOd3oKboKg2F82+5map97HcDZcp5CZq
TerXtAL1lYxYwbQpvwrqUHE0whIOJvrv26Q21rb9IIj+/mBROyc1XpedMeyarcHe/Xml/P+ms/Rd
E+qH1tKfzZalLXTOW7ov/rMf+qOL89e/6EWv6rHo8nbpfNEUzL9vPCka7Z0XnarzSzr3yX72G9JP
tNO6LzSzVPtCR1xoLMEA5wcH47TIg2/flmz7ggGHZZm+7Pnx3Br77hL93UX4+fv7sYv34+958Q7+
vl+nUI3+967Cq9/x3VVQLmh7Kxa6qr+8CpZ6gR8eZTMymfODUyyX/Q1dBQ47z5/Mc3v3z0H141D4
+4tAp5FwCGBUXNHlwf71+6HAOfhC10z00G/u3QtZfn5Nv/DulQvTMBB8L/2k5cEv/P7dW8aFpVH0
RAf7PERo0b6tIaDSDvvVG0HTLpAXwq/lMjw/Xl0F+8KES84BB6TQt6v0tq6CadqoR/6dOfFvbwRN
XOC4QJCCIuX8eHUjmAwVrEbEb1HselvvXlBE+tU7gTGAGlI2Fe3blM/1/P5OEIJBwgAwmSje3Pu3
lwLkL336qnZxNtvg/vjLtUAIccFEQT6DbvwxOt7WILCodf/qRWDZBzNr4Iv6y3nA1C80hHoaoLXn
77+5O4F8CfE8PP/zNUEzLqjoLK6bb8v+q4nA1i7wFagyXbC3dyPovzwGkDGxIUCn9G0MvJoHbOWC
K0PpFXHS+fHmxgDL1PMq/Z8PAdW8UIC8o9L8ti14NQSEsC8MlFvoUL5NF29tJNhCpd3wa1PiokHT
FivaX2+PTZNDAqo1y/w2Ut7cSGAuXyJ2fukqaMoF6jxwvZr2PN5f7RBtlaOUjPBP/vb9t3dUomv/
q3OiYl1Q3UYyrHJrfb8tsJgOLFPVsDn+eXne1rqIv2NRFv/aIJAvBBsj9OHfNsivJkXLvuDPGKoO
leL58dbmA3Sk6i/vkewLagYaa+O3z/qHWdFgi6iry0A5D4bntegNnZf5kKxfvRWonSxVkUWC+Odn
/eKOMC44JFDaRNZ7fjyfzt7QVcD5pPw/mBZ59+iJ/2abgOHmgmGAYBCd5vnx1u4I3DaLoe2X5gXV
YvZbXPAkP/0x4r8fC7bFoYpKGvfe80V4vuxvaCzghlq8xb92Ffiosaqjcn89LercClwaxO3Pb//N
3QqYq395n6TJFxr7Yc4M3wbBqx0CS6Qp26wN2JGfH2/uVrBZvn91EMgX6LE5Pi4ylhf3gOBAsUSX
W98mgjc3CHC4L/77X7sHVDbLcBoUkOnnx6urYMlcBQrJ1BGex8Db2yYuSu9fvAqaztF5KZN8N999
PxYM+0Jh3kVR/u3Y9ObGAtOB/ctro3pB2KkhuOf/ciyYS6WRKsvZxLD8xJurIygym/pfHAusjSQO
LgSTl/OBaTAdCopt9rcx8DzzvKE18f8yd3bLbdtAFH4VPUFGImVKuslMx7mI27GbSdN0eglLiMUR
LXpIJ4779PkWABmCVJvUqwswuYqdQxIEFvtz9gDiYqH1DAgbeUOQZByHS4AcGpxIxvciGILkXIJs
fiEH+KrMIa9PeiTnEGuCjuj1SaOKSBtZdm8HfWiW0tfHQmuLaiTT16KNwFF//VsOR2F9QS0BQ4O4
T6K7AWY8044CkRIyCzTez797v8NRcDn1FZ5BViS3G3JgQzDLiiwijl9GPr1PCowsIVkDqgnYWiQ8
3JXeKOSFSI7oTMGKKjry52saR/wVWwT8JaoK0lMS1oJP3iZlEUh8KUeB3TAvONlnjqvpLgCHa0HS
6ivU4QkTErUIOPCF/zQvXxFSY0WDI8f7OT0Km1fEEELHSLW4kC04t005F5Ykztn/FhuYJe4axQqL
OYZhyZwrpI+bxZfQWsAgqLOprAUoFxyAhxforpGLRKxUMEdylAX78UlrFPDrRLFRZxfJKfOKsC5O
W4QV9Xa2jmzemcXk5kIm1BntKOAPossDc95PBaFxDO2ixErSeiyld3elGC2oyyuwD8gc5KvFMtjF
iUUoXqGPwnSRhvfU1kKx0EZLORwz2kpXCDj7rzyyCCvqKwhY0E8W9oX0Iuala4lVWQQZBQ5do9jo
zd6Yirchz8okmM9hO/krtbmAXqXaIlB7Z+tjppMuO7U7rtg9NmRPWDD+5+mtiCXJH61dJJ/IIWjU
FEPqfBQ7LLI59RXSiYH0k5KLIFI32tfHIOYkCsmTnTQIfHq0cyBfODW3xAwiMZ06fyLpYvgnwdxN
WLlwL5D0WUvdyY9PcmkUVOwDUfLl4QIGcY1d3VBY6t9y6BzAzkVsCaZOx95NblsgnFuqTQEBNOtc
TvjwBm8UOnpTUOS408k5R8hF6KmZC/IDcqxrV1phQIezgGaFHIY2ayGEE+mtBXJJfmq+fC2QUkQN
O+PPyDeEl4y6QYGyTMiv/A8a1k/sGn3rC6f3VDvX9FLadqDJ9sNf6FpCpgCh1UP016SnJfpF0Wvz
0LbXb3sdkbddWDz4YRcmu/uE/x5ecHrr6F7dW3X/+La0jWm2qBi5W4fH9Dpwv1Tm1tybYT8OmxHf
5PuTTGTmeq/wB8DtYYQrBTk1blP+Ux9jYMeX1gMfzLE1bfeITkZvIwRULfKlqcpPdXMso6f2vE41
NkfiNmZXd08pT+3baPTISMhuH0uE9iNw15qgBX9jKwQIGztE9oxvNXJQQ5zVn2aXdN3e38bD7pmk
2rtwAElT7qLviTmXwFmLjMhkcxc/MjuiNIdpkf9d8rG3SC9b6lc7s48mYGjg0D7wVcWBVBxU1b26
W5Ge/qiG5qQRM7IinkynRq6f4mnhSbta2N+mtskTvtTAAHzeHp6jQfYsKi00EiFlOxlmT87RYl9z
LGdkPehhOMf2cm2a58ocd8PhCPQB/SO3rdnSbmwfH6M5HSrUavxyi36DiXtrffVXD81ewIkF0cwO
zSl67LYt+fvwUEaD7iuW50CvPzdjaCmAqaFrzlKPbUgop2iRb+xtY0beU6hX6aG/mHjfClRqPfDT
7K25f2j3ZbytBwrSOfB/tU1rI0sVKhfnAL+2X8tttI0Bfo4d/cY+zf6um0M341x84Dk56ucW5eXZ
pUGVrhzNRNJNi+6OJ8Wif8qLv3E3eMPBc6O17yvp2uf/fV/GI+75q2rYQ4VHEkc1JFhF5FEN3di7
sXyBS49qgd/Z47F9rr6YUZiQ+fSbFv79vt7Z2VU72dt80UsL/4fofJ+ciIGNep4bTCeiwJMg0cJ/
YPRt29rIpQg5Pz321ziqDFkkLe6fj2bfvbnYlMBx0sJ+tM09O1uE7BM+auSSyGY0vUOJRQv9l2Hf
4fizeGmGdKUaHOn72cdTD+/ZA2r8st3WaPJEnlsQQlBjP9ccEXAXfU3fL/PfyKcyTT1zY5p/6pRQ
Tv23OLkmv7GtrGlefwMAAP//</cx:binary>
              </cx:geoCache>
            </cx:geography>
          </cx:layoutPr>
        </cx:series>
      </cx:plotAreaRegion>
    </cx:plotArea>
    <cx:legend pos="r" align="min" overlay="0"/>
  </cx:chart>
  <cx:spPr>
    <a:noFill/>
  </cx:spPr>
</cx: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419">
  <cs:axisTitle>
    <cs:lnRef idx="0"/>
    <cs:fillRef idx="0"/>
    <cs:effectRef idx="0"/>
    <cs:fontRef idx="minor">
      <a:schemeClr val="tx1">
        <a:lumMod val="65000"/>
        <a:lumOff val="35000"/>
      </a:schemeClr>
    </cs:fontRef>
    <cs:defRPr sz="9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cs:chartArea>
  <cs:dataLabel>
    <cs:lnRef idx="0"/>
    <cs:fillRef idx="0"/>
    <cs:effectRef idx="0"/>
    <cs:fontRef idx="minor">
      <a:schemeClr val="tx1">
        <a:lumMod val="65000"/>
        <a:lumOff val="35000"/>
      </a:schemeClr>
    </cs:fontRef>
    <cs:defRPr sz="9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cs:spPr>
  </cs:dataPoint>
  <cs:dataPoint3D>
    <cs:lnRef idx="0"/>
    <cs:fillRef idx="0">
      <cs:styleClr val="auto"/>
    </cs:fillRef>
    <cs:effectRef idx="0"/>
    <cs:fontRef idx="minor">
      <a:schemeClr val="tx1"/>
    </cs:fontRef>
    <cs:spPr>
      <a:solidFill>
        <a:schemeClr val="phClr"/>
      </a:solidFill>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5"/>
  <cs:dataPointWireframe>
    <cs:lnRef idx="0">
      <cs:styleClr val="auto"/>
    </cs:lnRef>
    <cs:fillRef idx="0"/>
    <cs:effectRef idx="0"/>
    <cs:fontRef idx="minor">
      <a:schemeClr val="tx1"/>
    </cs:fontRef>
    <cs:spPr>
      <a:ln w="2857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15000"/>
            <a:lumOff val="8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seriesAxis>
  <cs:seriesLine>
    <cs:lnRef idx="0"/>
    <cs:fillRef idx="0"/>
    <cs:effectRef idx="0"/>
    <cs:fontRef idx="minor">
      <a:schemeClr val="tx1"/>
    </cs:fontRef>
    <cs:spPr>
      <a:ln w="9525" cap="flat">
        <a:solidFill>
          <a:srgbClr val="D9D9D9"/>
        </a:solidFill>
        <a:round/>
      </a:ln>
    </cs:spPr>
  </cs:seriesLine>
  <cs:title>
    <cs:lnRef idx="0"/>
    <cs:fillRef idx="0"/>
    <cs:effectRef idx="0"/>
    <cs:fontRef idx="minor">
      <a:schemeClr val="tx1">
        <a:lumMod val="65000"/>
        <a:lumOff val="35000"/>
      </a:schemeClr>
    </cs:fontRef>
    <cs:defRPr sz="140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9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cs:valueAxis>
  <cs:wall>
    <cs:lnRef idx="0"/>
    <cs:fillRef idx="0"/>
    <cs:effectRef idx="0"/>
    <cs:fontRef idx="minor">
      <a:schemeClr val="tx1"/>
    </cs:fontRef>
  </cs:wall>
</cs:chartStyle>
</file>

<file path=xl/charts/style10.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1.xml><?xml version="1.0" encoding="utf-8"?>
<cs:chartStyle xmlns:cs="http://schemas.microsoft.com/office/drawing/2012/chartStyle" xmlns:a="http://schemas.openxmlformats.org/drawingml/2006/main" id="494">
  <cs:axisTitle>
    <cs:lnRef idx="0"/>
    <cs:fillRef idx="0"/>
    <cs:effectRef idx="0"/>
    <cs:fontRef idx="minor">
      <a:schemeClr val="tx1">
        <a:lumMod val="65000"/>
        <a:lumOff val="35000"/>
      </a:schemeClr>
    </cs:fontRef>
    <cs:defRPr sz="9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cs:chartArea>
  <cs:dataLabel>
    <cs:lnRef idx="0"/>
    <cs:fillRef idx="0"/>
    <cs:effectRef idx="0"/>
    <cs:fontRef idx="minor">
      <a:schemeClr val="tx1">
        <a:lumMod val="65000"/>
        <a:lumOff val="35000"/>
      </a:schemeClr>
    </cs:fontRef>
    <cs:defRPr sz="85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a:ln w="3175">
        <a:solidFill>
          <a:schemeClr val="bg1"/>
        </a:solidFill>
      </a:ln>
    </cs:spPr>
  </cs:dataPoint>
  <cs:dataPoint3D>
    <cs:lnRef idx="0"/>
    <cs:fillRef idx="0">
      <cs:styleClr val="auto"/>
    </cs:fillRef>
    <cs:effectRef idx="0"/>
    <cs:fontRef idx="minor">
      <a:schemeClr val="tx1"/>
    </cs:fontRef>
    <cs:spPr>
      <a:solidFill>
        <a:schemeClr val="phClr"/>
      </a:solidFill>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5"/>
  <cs:dataPointWireframe>
    <cs:lnRef idx="0">
      <cs:styleClr val="auto"/>
    </cs:lnRef>
    <cs:fillRef idx="0"/>
    <cs:effectRef idx="0"/>
    <cs:fontRef idx="minor">
      <a:schemeClr val="tx1"/>
    </cs:fontRef>
    <cs:spPr>
      <a:ln w="2857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15000"/>
            <a:lumOff val="8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seriesAxis>
  <cs:seriesLine>
    <cs:lnRef idx="0"/>
    <cs:fillRef idx="0"/>
    <cs:effectRef idx="0"/>
    <cs:fontRef idx="minor">
      <a:schemeClr val="tx1"/>
    </cs:fontRef>
    <cs:spPr>
      <a:ln w="9525" cap="flat">
        <a:solidFill>
          <a:srgbClr val="D9D9D9"/>
        </a:solidFill>
        <a:round/>
      </a:ln>
    </cs:spPr>
  </cs:seriesLine>
  <cs:title>
    <cs:lnRef idx="0"/>
    <cs:fillRef idx="0"/>
    <cs:effectRef idx="0"/>
    <cs:fontRef idx="minor">
      <a:schemeClr val="tx1">
        <a:lumMod val="65000"/>
        <a:lumOff val="35000"/>
      </a:schemeClr>
    </cs:fontRef>
    <cs:defRPr sz="140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9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cs:valueAxis>
  <cs:wall>
    <cs:lnRef idx="0"/>
    <cs:fillRef idx="0"/>
    <cs:effectRef idx="0"/>
    <cs:fontRef idx="minor">
      <a:schemeClr val="tx1"/>
    </cs:fontRef>
  </cs:wall>
</cs:chartStyle>
</file>

<file path=xl/charts/style12.xml><?xml version="1.0" encoding="utf-8"?>
<cs:chartStyle xmlns:cs="http://schemas.microsoft.com/office/drawing/2012/chartStyle" xmlns:a="http://schemas.openxmlformats.org/drawingml/2006/main" id="27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ln w="9525" cap="flat" cmpd="sng" algn="ctr">
        <a:solidFill>
          <a:schemeClr val="tx1">
            <a:lumMod val="15000"/>
            <a:lumOff val="85000"/>
          </a:schemeClr>
        </a:solidFill>
        <a:round/>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xml><?xml version="1.0" encoding="utf-8"?>
<cs:chartStyle xmlns:cs="http://schemas.microsoft.com/office/drawing/2012/chartStyle" xmlns:a="http://schemas.openxmlformats.org/drawingml/2006/main" id="27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ln w="9525" cap="flat" cmpd="sng" algn="ctr">
        <a:solidFill>
          <a:schemeClr val="tx1">
            <a:lumMod val="15000"/>
            <a:lumOff val="85000"/>
          </a:schemeClr>
        </a:solidFill>
        <a:round/>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xml><?xml version="1.0" encoding="utf-8"?>
<cs:chartStyle xmlns:cs="http://schemas.microsoft.com/office/drawing/2012/chartStyle" xmlns:a="http://schemas.openxmlformats.org/drawingml/2006/main" id="494">
  <cs:axisTitle>
    <cs:lnRef idx="0"/>
    <cs:fillRef idx="0"/>
    <cs:effectRef idx="0"/>
    <cs:fontRef idx="minor">
      <a:schemeClr val="tx1">
        <a:lumMod val="65000"/>
        <a:lumOff val="35000"/>
      </a:schemeClr>
    </cs:fontRef>
    <cs:defRPr sz="9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cs:chartArea>
  <cs:dataLabel>
    <cs:lnRef idx="0"/>
    <cs:fillRef idx="0"/>
    <cs:effectRef idx="0"/>
    <cs:fontRef idx="minor">
      <a:schemeClr val="tx1">
        <a:lumMod val="65000"/>
        <a:lumOff val="35000"/>
      </a:schemeClr>
    </cs:fontRef>
    <cs:defRPr sz="85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a:ln w="3175">
        <a:solidFill>
          <a:schemeClr val="bg1"/>
        </a:solidFill>
      </a:ln>
    </cs:spPr>
  </cs:dataPoint>
  <cs:dataPoint3D>
    <cs:lnRef idx="0"/>
    <cs:fillRef idx="0">
      <cs:styleClr val="auto"/>
    </cs:fillRef>
    <cs:effectRef idx="0"/>
    <cs:fontRef idx="minor">
      <a:schemeClr val="tx1"/>
    </cs:fontRef>
    <cs:spPr>
      <a:solidFill>
        <a:schemeClr val="phClr"/>
      </a:solidFill>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5"/>
  <cs:dataPointWireframe>
    <cs:lnRef idx="0">
      <cs:styleClr val="auto"/>
    </cs:lnRef>
    <cs:fillRef idx="0"/>
    <cs:effectRef idx="0"/>
    <cs:fontRef idx="minor">
      <a:schemeClr val="tx1"/>
    </cs:fontRef>
    <cs:spPr>
      <a:ln w="2857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15000"/>
            <a:lumOff val="8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seriesAxis>
  <cs:seriesLine>
    <cs:lnRef idx="0"/>
    <cs:fillRef idx="0"/>
    <cs:effectRef idx="0"/>
    <cs:fontRef idx="minor">
      <a:schemeClr val="tx1"/>
    </cs:fontRef>
    <cs:spPr>
      <a:ln w="9525" cap="flat">
        <a:solidFill>
          <a:srgbClr val="D9D9D9"/>
        </a:solidFill>
        <a:round/>
      </a:ln>
    </cs:spPr>
  </cs:seriesLine>
  <cs:title>
    <cs:lnRef idx="0"/>
    <cs:fillRef idx="0"/>
    <cs:effectRef idx="0"/>
    <cs:fontRef idx="minor">
      <a:schemeClr val="tx1">
        <a:lumMod val="65000"/>
        <a:lumOff val="35000"/>
      </a:schemeClr>
    </cs:fontRef>
    <cs:defRPr sz="140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9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cs:valueAxis>
  <cs:wall>
    <cs:lnRef idx="0"/>
    <cs:fillRef idx="0"/>
    <cs:effectRef idx="0"/>
    <cs:fontRef idx="minor">
      <a:schemeClr val="tx1"/>
    </cs:fontRef>
  </cs:wall>
</cs:chartStyle>
</file>

<file path=xl/charts/style6.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7.xml><?xml version="1.0" encoding="utf-8"?>
<cs:chartStyle xmlns:cs="http://schemas.microsoft.com/office/drawing/2012/chartStyle" xmlns:a="http://schemas.openxmlformats.org/drawingml/2006/main" id="419">
  <cs:axisTitle>
    <cs:lnRef idx="0"/>
    <cs:fillRef idx="0"/>
    <cs:effectRef idx="0"/>
    <cs:fontRef idx="minor">
      <a:schemeClr val="tx1">
        <a:lumMod val="65000"/>
        <a:lumOff val="35000"/>
      </a:schemeClr>
    </cs:fontRef>
    <cs:defRPr sz="9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cs:chartArea>
  <cs:dataLabel>
    <cs:lnRef idx="0"/>
    <cs:fillRef idx="0"/>
    <cs:effectRef idx="0"/>
    <cs:fontRef idx="minor">
      <a:schemeClr val="tx1">
        <a:lumMod val="65000"/>
        <a:lumOff val="35000"/>
      </a:schemeClr>
    </cs:fontRef>
    <cs:defRPr sz="9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cs:spPr>
  </cs:dataPoint>
  <cs:dataPoint3D>
    <cs:lnRef idx="0"/>
    <cs:fillRef idx="0">
      <cs:styleClr val="auto"/>
    </cs:fillRef>
    <cs:effectRef idx="0"/>
    <cs:fontRef idx="minor">
      <a:schemeClr val="tx1"/>
    </cs:fontRef>
    <cs:spPr>
      <a:solidFill>
        <a:schemeClr val="phClr"/>
      </a:solidFill>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5"/>
  <cs:dataPointWireframe>
    <cs:lnRef idx="0">
      <cs:styleClr val="auto"/>
    </cs:lnRef>
    <cs:fillRef idx="0"/>
    <cs:effectRef idx="0"/>
    <cs:fontRef idx="minor">
      <a:schemeClr val="tx1"/>
    </cs:fontRef>
    <cs:spPr>
      <a:ln w="2857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15000"/>
            <a:lumOff val="8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seriesAxis>
  <cs:seriesLine>
    <cs:lnRef idx="0"/>
    <cs:fillRef idx="0"/>
    <cs:effectRef idx="0"/>
    <cs:fontRef idx="minor">
      <a:schemeClr val="tx1"/>
    </cs:fontRef>
    <cs:spPr>
      <a:ln w="9525" cap="flat">
        <a:solidFill>
          <a:srgbClr val="D9D9D9"/>
        </a:solidFill>
        <a:round/>
      </a:ln>
    </cs:spPr>
  </cs:seriesLine>
  <cs:title>
    <cs:lnRef idx="0"/>
    <cs:fillRef idx="0"/>
    <cs:effectRef idx="0"/>
    <cs:fontRef idx="minor">
      <a:schemeClr val="tx1">
        <a:lumMod val="65000"/>
        <a:lumOff val="35000"/>
      </a:schemeClr>
    </cs:fontRef>
    <cs:defRPr sz="140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9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cs:valueAxis>
  <cs:wall>
    <cs:lnRef idx="0"/>
    <cs:fillRef idx="0"/>
    <cs:effectRef idx="0"/>
    <cs:fontRef idx="minor">
      <a:schemeClr val="tx1"/>
    </cs:fontRef>
  </cs:wall>
</cs:chartStyle>
</file>

<file path=xl/charts/style8.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9.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drawings/_rels/drawing1.xml.rels><?xml version="1.0" encoding="UTF-8" standalone="yes"?>
<Relationships xmlns="http://schemas.openxmlformats.org/package/2006/relationships"><Relationship Id="rId1" Type="http://schemas.microsoft.com/office/2014/relationships/chartEx" Target="../charts/chartEx1.xml"/></Relationships>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_rels/drawing3.xml.rels><?xml version="1.0" encoding="UTF-8" standalone="yes"?>
<Relationships xmlns="http://schemas.openxmlformats.org/package/2006/relationships"><Relationship Id="rId1" Type="http://schemas.openxmlformats.org/officeDocument/2006/relationships/chart" Target="../charts/chart2.xml"/></Relationships>
</file>

<file path=xl/drawings/_rels/drawing4.xml.rels><?xml version="1.0" encoding="UTF-8" standalone="yes"?>
<Relationships xmlns="http://schemas.openxmlformats.org/package/2006/relationships"><Relationship Id="rId1" Type="http://schemas.openxmlformats.org/officeDocument/2006/relationships/chart" Target="../charts/chart3.xml"/></Relationships>
</file>

<file path=xl/drawings/_rels/drawing5.xml.rels><?xml version="1.0" encoding="UTF-8" standalone="yes"?>
<Relationships xmlns="http://schemas.openxmlformats.org/package/2006/relationships"><Relationship Id="rId1" Type="http://schemas.microsoft.com/office/2014/relationships/chartEx" Target="../charts/chartEx2.xml"/></Relationships>
</file>

<file path=xl/drawings/_rels/drawing6.xml.rels><?xml version="1.0" encoding="UTF-8" standalone="yes"?>
<Relationships xmlns="http://schemas.openxmlformats.org/package/2006/relationships"><Relationship Id="rId1" Type="http://schemas.openxmlformats.org/officeDocument/2006/relationships/chart" Target="../charts/chart4.xml"/></Relationships>
</file>

<file path=xl/drawings/_rels/drawing7.xml.rels><?xml version="1.0" encoding="UTF-8" standalone="yes"?>
<Relationships xmlns="http://schemas.openxmlformats.org/package/2006/relationships"><Relationship Id="rId8" Type="http://schemas.openxmlformats.org/officeDocument/2006/relationships/chart" Target="../charts/chart8.xml"/><Relationship Id="rId3" Type="http://schemas.microsoft.com/office/2014/relationships/chartEx" Target="../charts/chartEx3.xml"/><Relationship Id="rId7" Type="http://schemas.microsoft.com/office/2014/relationships/chartEx" Target="../charts/chartEx4.xml"/><Relationship Id="rId2" Type="http://schemas.openxmlformats.org/officeDocument/2006/relationships/image" Target="../media/image2.svg"/><Relationship Id="rId1" Type="http://schemas.openxmlformats.org/officeDocument/2006/relationships/image" Target="../media/image1.png"/><Relationship Id="rId6" Type="http://schemas.openxmlformats.org/officeDocument/2006/relationships/chart" Target="../charts/chart7.xml"/><Relationship Id="rId5" Type="http://schemas.openxmlformats.org/officeDocument/2006/relationships/chart" Target="../charts/chart6.xml"/><Relationship Id="rId4" Type="http://schemas.openxmlformats.org/officeDocument/2006/relationships/chart" Target="../charts/chart5.xml"/></Relationships>
</file>

<file path=xl/drawings/drawing1.xml><?xml version="1.0" encoding="utf-8"?>
<xdr:wsDr xmlns:xdr="http://schemas.openxmlformats.org/drawingml/2006/spreadsheetDrawing" xmlns:a="http://schemas.openxmlformats.org/drawingml/2006/main">
  <xdr:twoCellAnchor>
    <xdr:from>
      <xdr:col>6</xdr:col>
      <xdr:colOff>228600</xdr:colOff>
      <xdr:row>2</xdr:row>
      <xdr:rowOff>0</xdr:rowOff>
    </xdr:from>
    <xdr:to>
      <xdr:col>10</xdr:col>
      <xdr:colOff>419100</xdr:colOff>
      <xdr:row>18</xdr:row>
      <xdr:rowOff>144780</xdr:rowOff>
    </xdr:to>
    <mc:AlternateContent xmlns:mc="http://schemas.openxmlformats.org/markup-compatibility/2006">
      <mc:Choice xmlns:cx2="http://schemas.microsoft.com/office/drawing/2015/10/21/chartex" Requires="cx2">
        <xdr:graphicFrame macro="">
          <xdr:nvGraphicFramePr>
            <xdr:cNvPr id="2" name="Chart 1">
              <a:extLst>
                <a:ext uri="{FF2B5EF4-FFF2-40B4-BE49-F238E27FC236}">
                  <a16:creationId xmlns:a16="http://schemas.microsoft.com/office/drawing/2014/main" id="{D7B6D9C8-28FC-33A9-7C7A-0AFB76A9B4DF}"/>
                </a:ext>
              </a:extLst>
            </xdr:cNvPr>
            <xdr:cNvGraphicFramePr/>
          </xdr:nvGraphicFramePr>
          <xdr:xfrm>
            <a:off x="0" y="0"/>
            <a:ext cx="0" cy="0"/>
          </xdr:xfrm>
          <a:graphic>
            <a:graphicData uri="http://schemas.microsoft.com/office/drawing/2014/chartex">
              <cx:chart xmlns:cx="http://schemas.microsoft.com/office/drawing/2014/chartex" xmlns:r="http://schemas.openxmlformats.org/officeDocument/2006/relationships" r:id="rId1"/>
            </a:graphicData>
          </a:graphic>
        </xdr:graphicFrame>
      </mc:Choice>
      <mc:Fallback>
        <xdr:sp macro="" textlink="">
          <xdr:nvSpPr>
            <xdr:cNvPr id="0" name=""/>
            <xdr:cNvSpPr>
              <a:spLocks noTextEdit="1"/>
            </xdr:cNvSpPr>
          </xdr:nvSpPr>
          <xdr:spPr>
            <a:xfrm>
              <a:off x="4328160" y="365760"/>
              <a:ext cx="2628900" cy="3070860"/>
            </a:xfrm>
            <a:prstGeom prst="rect">
              <a:avLst/>
            </a:prstGeom>
            <a:solidFill>
              <a:prstClr val="white"/>
            </a:solidFill>
            <a:ln w="1">
              <a:solidFill>
                <a:prstClr val="green"/>
              </a:solidFill>
            </a:ln>
          </xdr:spPr>
          <xdr:txBody>
            <a:bodyPr vertOverflow="clip" horzOverflow="clip"/>
            <a:lstStyle/>
            <a:p>
              <a:r>
                <a:rPr lang="en-US" sz="1100"/>
                <a:t>This chart isn't available in your version of Excel.
Editing this shape or saving this workbook into a different file format will permanently break the chart.</a:t>
              </a:r>
            </a:p>
          </xdr:txBody>
        </xdr:sp>
      </mc:Fallback>
    </mc:AlternateContent>
    <xdr:clientData/>
  </xdr:twoCellAnchor>
</xdr:wsDr>
</file>

<file path=xl/drawings/drawing2.xml><?xml version="1.0" encoding="utf-8"?>
<xdr:wsDr xmlns:xdr="http://schemas.openxmlformats.org/drawingml/2006/spreadsheetDrawing" xmlns:a="http://schemas.openxmlformats.org/drawingml/2006/main">
  <xdr:twoCellAnchor>
    <xdr:from>
      <xdr:col>4</xdr:col>
      <xdr:colOff>685800</xdr:colOff>
      <xdr:row>1</xdr:row>
      <xdr:rowOff>140970</xdr:rowOff>
    </xdr:from>
    <xdr:to>
      <xdr:col>11</xdr:col>
      <xdr:colOff>563880</xdr:colOff>
      <xdr:row>16</xdr:row>
      <xdr:rowOff>140970</xdr:rowOff>
    </xdr:to>
    <xdr:graphicFrame macro="">
      <xdr:nvGraphicFramePr>
        <xdr:cNvPr id="2" name="Chart 1">
          <a:extLst>
            <a:ext uri="{FF2B5EF4-FFF2-40B4-BE49-F238E27FC236}">
              <a16:creationId xmlns:a16="http://schemas.microsoft.com/office/drawing/2014/main" id="{5C8D0CD4-2571-7B85-3FE9-F40509BD25C2}"/>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editAs="oneCell">
    <xdr:from>
      <xdr:col>1</xdr:col>
      <xdr:colOff>541020</xdr:colOff>
      <xdr:row>11</xdr:row>
      <xdr:rowOff>38100</xdr:rowOff>
    </xdr:from>
    <xdr:to>
      <xdr:col>3</xdr:col>
      <xdr:colOff>373380</xdr:colOff>
      <xdr:row>24</xdr:row>
      <xdr:rowOff>127635</xdr:rowOff>
    </xdr:to>
    <mc:AlternateContent xmlns:mc="http://schemas.openxmlformats.org/markup-compatibility/2006" xmlns:a14="http://schemas.microsoft.com/office/drawing/2010/main">
      <mc:Choice Requires="a14">
        <xdr:graphicFrame macro="">
          <xdr:nvGraphicFramePr>
            <xdr:cNvPr id="3" name="Category">
              <a:extLst>
                <a:ext uri="{FF2B5EF4-FFF2-40B4-BE49-F238E27FC236}">
                  <a16:creationId xmlns:a16="http://schemas.microsoft.com/office/drawing/2014/main" id="{B588FB7E-69DD-FF79-9558-F5FFA5950E25}"/>
                </a:ext>
              </a:extLst>
            </xdr:cNvPr>
            <xdr:cNvGraphicFramePr/>
          </xdr:nvGraphicFramePr>
          <xdr:xfrm>
            <a:off x="0" y="0"/>
            <a:ext cx="0" cy="0"/>
          </xdr:xfrm>
          <a:graphic>
            <a:graphicData uri="http://schemas.microsoft.com/office/drawing/2010/slicer">
              <sle:slicer xmlns:sle="http://schemas.microsoft.com/office/drawing/2010/slicer" name="Category"/>
            </a:graphicData>
          </a:graphic>
        </xdr:graphicFrame>
      </mc:Choice>
      <mc:Fallback xmlns="">
        <xdr:sp macro="" textlink="">
          <xdr:nvSpPr>
            <xdr:cNvPr id="0" name=""/>
            <xdr:cNvSpPr>
              <a:spLocks noTextEdit="1"/>
            </xdr:cNvSpPr>
          </xdr:nvSpPr>
          <xdr:spPr>
            <a:xfrm>
              <a:off x="1402080" y="2049780"/>
              <a:ext cx="1828800" cy="2466975"/>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wsDr>
</file>

<file path=xl/drawings/drawing3.xml><?xml version="1.0" encoding="utf-8"?>
<xdr:wsDr xmlns:xdr="http://schemas.openxmlformats.org/drawingml/2006/spreadsheetDrawing" xmlns:a="http://schemas.openxmlformats.org/drawingml/2006/main">
  <xdr:twoCellAnchor editAs="oneCell">
    <xdr:from>
      <xdr:col>2</xdr:col>
      <xdr:colOff>358140</xdr:colOff>
      <xdr:row>3</xdr:row>
      <xdr:rowOff>53341</xdr:rowOff>
    </xdr:from>
    <xdr:to>
      <xdr:col>6</xdr:col>
      <xdr:colOff>83820</xdr:colOff>
      <xdr:row>10</xdr:row>
      <xdr:rowOff>152400</xdr:rowOff>
    </xdr:to>
    <mc:AlternateContent xmlns:mc="http://schemas.openxmlformats.org/markup-compatibility/2006" xmlns:a14="http://schemas.microsoft.com/office/drawing/2010/main">
      <mc:Choice Requires="a14">
        <xdr:graphicFrame macro="">
          <xdr:nvGraphicFramePr>
            <xdr:cNvPr id="2" name="year">
              <a:extLst>
                <a:ext uri="{FF2B5EF4-FFF2-40B4-BE49-F238E27FC236}">
                  <a16:creationId xmlns:a16="http://schemas.microsoft.com/office/drawing/2014/main" id="{5F78C374-C4B5-D353-E8B8-DECA9635564E}"/>
                </a:ext>
              </a:extLst>
            </xdr:cNvPr>
            <xdr:cNvGraphicFramePr/>
          </xdr:nvGraphicFramePr>
          <xdr:xfrm>
            <a:off x="0" y="0"/>
            <a:ext cx="0" cy="0"/>
          </xdr:xfrm>
          <a:graphic>
            <a:graphicData uri="http://schemas.microsoft.com/office/drawing/2010/slicer">
              <sle:slicer xmlns:sle="http://schemas.microsoft.com/office/drawing/2010/slicer" name="year"/>
            </a:graphicData>
          </a:graphic>
        </xdr:graphicFrame>
      </mc:Choice>
      <mc:Fallback xmlns="">
        <xdr:sp macro="" textlink="">
          <xdr:nvSpPr>
            <xdr:cNvPr id="0" name=""/>
            <xdr:cNvSpPr>
              <a:spLocks noTextEdit="1"/>
            </xdr:cNvSpPr>
          </xdr:nvSpPr>
          <xdr:spPr>
            <a:xfrm>
              <a:off x="2019300" y="601981"/>
              <a:ext cx="2164080" cy="1379219"/>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xdr:from>
      <xdr:col>6</xdr:col>
      <xdr:colOff>464820</xdr:colOff>
      <xdr:row>2</xdr:row>
      <xdr:rowOff>95250</xdr:rowOff>
    </xdr:from>
    <xdr:to>
      <xdr:col>14</xdr:col>
      <xdr:colOff>160020</xdr:colOff>
      <xdr:row>17</xdr:row>
      <xdr:rowOff>30480</xdr:rowOff>
    </xdr:to>
    <xdr:graphicFrame macro="">
      <xdr:nvGraphicFramePr>
        <xdr:cNvPr id="3" name="Chart 2">
          <a:extLst>
            <a:ext uri="{FF2B5EF4-FFF2-40B4-BE49-F238E27FC236}">
              <a16:creationId xmlns:a16="http://schemas.microsoft.com/office/drawing/2014/main" id="{451F4C2E-CF09-F718-F85B-EE43F3628317}"/>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xml><?xml version="1.0" encoding="utf-8"?>
<xdr:wsDr xmlns:xdr="http://schemas.openxmlformats.org/drawingml/2006/spreadsheetDrawing" xmlns:a="http://schemas.openxmlformats.org/drawingml/2006/main">
  <xdr:twoCellAnchor>
    <xdr:from>
      <xdr:col>6</xdr:col>
      <xdr:colOff>129540</xdr:colOff>
      <xdr:row>6</xdr:row>
      <xdr:rowOff>41910</xdr:rowOff>
    </xdr:from>
    <xdr:to>
      <xdr:col>13</xdr:col>
      <xdr:colOff>434340</xdr:colOff>
      <xdr:row>21</xdr:row>
      <xdr:rowOff>41910</xdr:rowOff>
    </xdr:to>
    <xdr:graphicFrame macro="">
      <xdr:nvGraphicFramePr>
        <xdr:cNvPr id="2" name="Chart 1">
          <a:extLst>
            <a:ext uri="{FF2B5EF4-FFF2-40B4-BE49-F238E27FC236}">
              <a16:creationId xmlns:a16="http://schemas.microsoft.com/office/drawing/2014/main" id="{8C26B563-A127-7F31-BD35-B579764CD21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xml><?xml version="1.0" encoding="utf-8"?>
<xdr:wsDr xmlns:xdr="http://schemas.openxmlformats.org/drawingml/2006/spreadsheetDrawing" xmlns:a="http://schemas.openxmlformats.org/drawingml/2006/main">
  <xdr:twoCellAnchor>
    <xdr:from>
      <xdr:col>5</xdr:col>
      <xdr:colOff>297180</xdr:colOff>
      <xdr:row>4</xdr:row>
      <xdr:rowOff>156210</xdr:rowOff>
    </xdr:from>
    <xdr:to>
      <xdr:col>12</xdr:col>
      <xdr:colOff>601980</xdr:colOff>
      <xdr:row>19</xdr:row>
      <xdr:rowOff>156210</xdr:rowOff>
    </xdr:to>
    <mc:AlternateContent xmlns:mc="http://schemas.openxmlformats.org/markup-compatibility/2006">
      <mc:Choice xmlns:cx4="http://schemas.microsoft.com/office/drawing/2016/5/10/chartex" Requires="cx4">
        <xdr:graphicFrame macro="">
          <xdr:nvGraphicFramePr>
            <xdr:cNvPr id="3" name="Chart 2">
              <a:extLst>
                <a:ext uri="{FF2B5EF4-FFF2-40B4-BE49-F238E27FC236}">
                  <a16:creationId xmlns:a16="http://schemas.microsoft.com/office/drawing/2014/main" id="{7D763244-FAAE-8FC3-5F24-CCEBA95D4233}"/>
                </a:ext>
              </a:extLst>
            </xdr:cNvPr>
            <xdr:cNvGraphicFramePr/>
          </xdr:nvGraphicFramePr>
          <xdr:xfrm>
            <a:off x="0" y="0"/>
            <a:ext cx="0" cy="0"/>
          </xdr:xfrm>
          <a:graphic>
            <a:graphicData uri="http://schemas.microsoft.com/office/drawing/2014/chartex">
              <cx:chart xmlns:cx="http://schemas.microsoft.com/office/drawing/2014/chartex" xmlns:r="http://schemas.openxmlformats.org/officeDocument/2006/relationships" r:id="rId1"/>
            </a:graphicData>
          </a:graphic>
        </xdr:graphicFrame>
      </mc:Choice>
      <mc:Fallback>
        <xdr:sp macro="" textlink="">
          <xdr:nvSpPr>
            <xdr:cNvPr id="0" name=""/>
            <xdr:cNvSpPr>
              <a:spLocks noTextEdit="1"/>
            </xdr:cNvSpPr>
          </xdr:nvSpPr>
          <xdr:spPr>
            <a:xfrm>
              <a:off x="4114800" y="887730"/>
              <a:ext cx="4572000" cy="2743200"/>
            </a:xfrm>
            <a:prstGeom prst="rect">
              <a:avLst/>
            </a:prstGeom>
            <a:solidFill>
              <a:prstClr val="white"/>
            </a:solidFill>
            <a:ln w="1">
              <a:solidFill>
                <a:prstClr val="green"/>
              </a:solidFill>
            </a:ln>
          </xdr:spPr>
          <xdr:txBody>
            <a:bodyPr vertOverflow="clip" horzOverflow="clip"/>
            <a:lstStyle/>
            <a:p>
              <a:r>
                <a:rPr lang="en-US" sz="1100"/>
                <a:t>This chart isn't available in your version of Excel.
Editing this shape or saving this workbook into a different file format will permanently break the chart.</a:t>
              </a:r>
            </a:p>
          </xdr:txBody>
        </xdr:sp>
      </mc:Fallback>
    </mc:AlternateContent>
    <xdr:clientData/>
  </xdr:twoCellAnchor>
</xdr:wsDr>
</file>

<file path=xl/drawings/drawing6.xml><?xml version="1.0" encoding="utf-8"?>
<xdr:wsDr xmlns:xdr="http://schemas.openxmlformats.org/drawingml/2006/spreadsheetDrawing" xmlns:a="http://schemas.openxmlformats.org/drawingml/2006/main">
  <xdr:twoCellAnchor>
    <xdr:from>
      <xdr:col>5</xdr:col>
      <xdr:colOff>556260</xdr:colOff>
      <xdr:row>6</xdr:row>
      <xdr:rowOff>41910</xdr:rowOff>
    </xdr:from>
    <xdr:to>
      <xdr:col>13</xdr:col>
      <xdr:colOff>251460</xdr:colOff>
      <xdr:row>21</xdr:row>
      <xdr:rowOff>41910</xdr:rowOff>
    </xdr:to>
    <xdr:graphicFrame macro="">
      <xdr:nvGraphicFramePr>
        <xdr:cNvPr id="2" name="Chart 1">
          <a:extLst>
            <a:ext uri="{FF2B5EF4-FFF2-40B4-BE49-F238E27FC236}">
              <a16:creationId xmlns:a16="http://schemas.microsoft.com/office/drawing/2014/main" id="{C72DF275-87F5-CAA6-045A-BFB4C0C80AE5}"/>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7.xml><?xml version="1.0" encoding="utf-8"?>
<xdr:wsDr xmlns:xdr="http://schemas.openxmlformats.org/drawingml/2006/spreadsheetDrawing" xmlns:a="http://schemas.openxmlformats.org/drawingml/2006/main">
  <xdr:twoCellAnchor>
    <xdr:from>
      <xdr:col>0</xdr:col>
      <xdr:colOff>0</xdr:colOff>
      <xdr:row>0</xdr:row>
      <xdr:rowOff>175260</xdr:rowOff>
    </xdr:from>
    <xdr:to>
      <xdr:col>23</xdr:col>
      <xdr:colOff>129540</xdr:colOff>
      <xdr:row>5</xdr:row>
      <xdr:rowOff>30480</xdr:rowOff>
    </xdr:to>
    <xdr:sp macro="" textlink="">
      <xdr:nvSpPr>
        <xdr:cNvPr id="3" name="Rectangle: Rounded Corners 2">
          <a:extLst>
            <a:ext uri="{FF2B5EF4-FFF2-40B4-BE49-F238E27FC236}">
              <a16:creationId xmlns:a16="http://schemas.microsoft.com/office/drawing/2014/main" id="{FB1C075D-11BB-AAFC-2206-2FF2F91E9B76}"/>
            </a:ext>
          </a:extLst>
        </xdr:cNvPr>
        <xdr:cNvSpPr/>
      </xdr:nvSpPr>
      <xdr:spPr>
        <a:xfrm>
          <a:off x="0" y="175260"/>
          <a:ext cx="14150340" cy="769620"/>
        </a:xfrm>
        <a:prstGeom prst="roundRect">
          <a:avLst/>
        </a:prstGeom>
        <a:solidFill>
          <a:schemeClr val="accent1">
            <a:lumMod val="40000"/>
            <a:lumOff val="60000"/>
          </a:schemeClr>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3600" b="0" cap="none" spc="0">
              <a:ln w="0"/>
              <a:solidFill>
                <a:schemeClr val="tx1"/>
              </a:solidFill>
              <a:effectLst>
                <a:outerShdw blurRad="38100" dist="19050" dir="2700000" algn="tl" rotWithShape="0">
                  <a:schemeClr val="dk1">
                    <a:alpha val="40000"/>
                  </a:schemeClr>
                </a:outerShdw>
              </a:effectLst>
              <a:latin typeface="Algerian" panose="04020705040A02060702" pitchFamily="82" charset="0"/>
            </a:rPr>
            <a:t>      </a:t>
          </a:r>
          <a:r>
            <a:rPr lang="en-US" sz="3600" b="0" cap="none" spc="0" baseline="0">
              <a:ln w="0"/>
              <a:solidFill>
                <a:schemeClr val="tx1"/>
              </a:solidFill>
              <a:effectLst>
                <a:outerShdw blurRad="38100" dist="19050" dir="2700000" algn="tl" rotWithShape="0">
                  <a:schemeClr val="dk1">
                    <a:alpha val="40000"/>
                  </a:schemeClr>
                </a:outerShdw>
              </a:effectLst>
              <a:latin typeface="Algerian" panose="04020705040A02060702" pitchFamily="82" charset="0"/>
            </a:rPr>
            <a:t>  s</a:t>
          </a:r>
          <a:r>
            <a:rPr lang="en-US" sz="3600" b="0" cap="none" spc="0">
              <a:ln w="0"/>
              <a:solidFill>
                <a:schemeClr val="tx1"/>
              </a:solidFill>
              <a:effectLst>
                <a:outerShdw blurRad="38100" dist="19050" dir="2700000" algn="tl" rotWithShape="0">
                  <a:schemeClr val="dk1">
                    <a:alpha val="40000"/>
                  </a:schemeClr>
                </a:outerShdw>
              </a:effectLst>
              <a:latin typeface="Algerian" panose="04020705040A02060702" pitchFamily="82" charset="0"/>
            </a:rPr>
            <a:t>ales</a:t>
          </a:r>
          <a:r>
            <a:rPr lang="en-US" sz="3600" b="0" cap="none" spc="0" baseline="0">
              <a:ln w="0"/>
              <a:solidFill>
                <a:schemeClr val="tx1"/>
              </a:solidFill>
              <a:effectLst>
                <a:outerShdw blurRad="38100" dist="19050" dir="2700000" algn="tl" rotWithShape="0">
                  <a:schemeClr val="dk1">
                    <a:alpha val="40000"/>
                  </a:schemeClr>
                </a:outerShdw>
              </a:effectLst>
              <a:latin typeface="Algerian" panose="04020705040A02060702" pitchFamily="82" charset="0"/>
            </a:rPr>
            <a:t> Dashboard</a:t>
          </a:r>
          <a:endParaRPr lang="en-US" sz="3600" b="0" cap="none" spc="0">
            <a:ln w="0"/>
            <a:solidFill>
              <a:schemeClr val="tx1"/>
            </a:solidFill>
            <a:effectLst>
              <a:outerShdw blurRad="38100" dist="19050" dir="2700000" algn="tl" rotWithShape="0">
                <a:schemeClr val="dk1">
                  <a:alpha val="40000"/>
                </a:schemeClr>
              </a:outerShdw>
            </a:effectLst>
            <a:latin typeface="Algerian" panose="04020705040A02060702" pitchFamily="82" charset="0"/>
          </a:endParaRPr>
        </a:p>
      </xdr:txBody>
    </xdr:sp>
    <xdr:clientData/>
  </xdr:twoCellAnchor>
  <xdr:twoCellAnchor editAs="oneCell">
    <xdr:from>
      <xdr:col>16</xdr:col>
      <xdr:colOff>205740</xdr:colOff>
      <xdr:row>1</xdr:row>
      <xdr:rowOff>38100</xdr:rowOff>
    </xdr:from>
    <xdr:to>
      <xdr:col>23</xdr:col>
      <xdr:colOff>15240</xdr:colOff>
      <xdr:row>4</xdr:row>
      <xdr:rowOff>137159</xdr:rowOff>
    </xdr:to>
    <mc:AlternateContent xmlns:mc="http://schemas.openxmlformats.org/markup-compatibility/2006" xmlns:a14="http://schemas.microsoft.com/office/drawing/2010/main">
      <mc:Choice Requires="a14">
        <xdr:graphicFrame macro="">
          <xdr:nvGraphicFramePr>
            <xdr:cNvPr id="4" name="year 1">
              <a:extLst>
                <a:ext uri="{FF2B5EF4-FFF2-40B4-BE49-F238E27FC236}">
                  <a16:creationId xmlns:a16="http://schemas.microsoft.com/office/drawing/2014/main" id="{946637D8-DCDB-4132-BEF5-599247D2CFB5}"/>
                </a:ext>
              </a:extLst>
            </xdr:cNvPr>
            <xdr:cNvGraphicFramePr/>
          </xdr:nvGraphicFramePr>
          <xdr:xfrm>
            <a:off x="0" y="0"/>
            <a:ext cx="0" cy="0"/>
          </xdr:xfrm>
          <a:graphic>
            <a:graphicData uri="http://schemas.microsoft.com/office/drawing/2010/slicer">
              <sle:slicer xmlns:sle="http://schemas.microsoft.com/office/drawing/2010/slicer" name="year 1"/>
            </a:graphicData>
          </a:graphic>
        </xdr:graphicFrame>
      </mc:Choice>
      <mc:Fallback xmlns="">
        <xdr:sp macro="" textlink="">
          <xdr:nvSpPr>
            <xdr:cNvPr id="0" name=""/>
            <xdr:cNvSpPr>
              <a:spLocks noTextEdit="1"/>
            </xdr:cNvSpPr>
          </xdr:nvSpPr>
          <xdr:spPr>
            <a:xfrm>
              <a:off x="9959340" y="220980"/>
              <a:ext cx="4076700" cy="647699"/>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9</xdr:col>
      <xdr:colOff>83820</xdr:colOff>
      <xdr:row>1</xdr:row>
      <xdr:rowOff>38101</xdr:rowOff>
    </xdr:from>
    <xdr:to>
      <xdr:col>16</xdr:col>
      <xdr:colOff>114300</xdr:colOff>
      <xdr:row>4</xdr:row>
      <xdr:rowOff>160020</xdr:rowOff>
    </xdr:to>
    <mc:AlternateContent xmlns:mc="http://schemas.openxmlformats.org/markup-compatibility/2006" xmlns:a14="http://schemas.microsoft.com/office/drawing/2010/main">
      <mc:Choice Requires="a14">
        <xdr:graphicFrame macro="">
          <xdr:nvGraphicFramePr>
            <xdr:cNvPr id="5" name="Category 1">
              <a:extLst>
                <a:ext uri="{FF2B5EF4-FFF2-40B4-BE49-F238E27FC236}">
                  <a16:creationId xmlns:a16="http://schemas.microsoft.com/office/drawing/2014/main" id="{85DAC79D-C4A3-4A6D-9B4A-29FC9A21FDED}"/>
                </a:ext>
              </a:extLst>
            </xdr:cNvPr>
            <xdr:cNvGraphicFramePr/>
          </xdr:nvGraphicFramePr>
          <xdr:xfrm>
            <a:off x="0" y="0"/>
            <a:ext cx="0" cy="0"/>
          </xdr:xfrm>
          <a:graphic>
            <a:graphicData uri="http://schemas.microsoft.com/office/drawing/2010/slicer">
              <sle:slicer xmlns:sle="http://schemas.microsoft.com/office/drawing/2010/slicer" name="Category 1"/>
            </a:graphicData>
          </a:graphic>
        </xdr:graphicFrame>
      </mc:Choice>
      <mc:Fallback xmlns="">
        <xdr:sp macro="" textlink="">
          <xdr:nvSpPr>
            <xdr:cNvPr id="0" name=""/>
            <xdr:cNvSpPr>
              <a:spLocks noTextEdit="1"/>
            </xdr:cNvSpPr>
          </xdr:nvSpPr>
          <xdr:spPr>
            <a:xfrm>
              <a:off x="5570220" y="220981"/>
              <a:ext cx="4297680" cy="670559"/>
            </a:xfrm>
            <a:prstGeom prst="rect">
              <a:avLst/>
            </a:prstGeom>
            <a:solidFill>
              <a:prstClr val="white"/>
            </a:solidFill>
            <a:ln w="1">
              <a:solidFill>
                <a:prstClr val="green"/>
              </a:solidFill>
            </a:ln>
          </xdr:spPr>
          <xdr:txBody>
            <a:bodyPr vertOverflow="clip" horzOverflow="clip"/>
            <a:lstStyle/>
            <a:p>
              <a:r>
                <a:rPr lang="en-US"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0</xdr:col>
      <xdr:colOff>167640</xdr:colOff>
      <xdr:row>1</xdr:row>
      <xdr:rowOff>129540</xdr:rowOff>
    </xdr:from>
    <xdr:to>
      <xdr:col>1</xdr:col>
      <xdr:colOff>341811</xdr:colOff>
      <xdr:row>4</xdr:row>
      <xdr:rowOff>129540</xdr:rowOff>
    </xdr:to>
    <xdr:pic>
      <xdr:nvPicPr>
        <xdr:cNvPr id="7" name="Graphic 6" descr="Bar graph with upward trend with solid fill">
          <a:extLst>
            <a:ext uri="{FF2B5EF4-FFF2-40B4-BE49-F238E27FC236}">
              <a16:creationId xmlns:a16="http://schemas.microsoft.com/office/drawing/2014/main" id="{B84DF426-3AB6-33C8-EE9F-4A09A79EAC13}"/>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 uri="{96DAC541-7B7A-43D3-8B79-37D633B846F1}">
              <asvg:svgBlip xmlns:asvg="http://schemas.microsoft.com/office/drawing/2016/SVG/main" r:embed="rId2"/>
            </a:ext>
          </a:extLst>
        </a:blip>
        <a:stretch>
          <a:fillRect/>
        </a:stretch>
      </xdr:blipFill>
      <xdr:spPr>
        <a:xfrm>
          <a:off x="167640" y="312420"/>
          <a:ext cx="783771" cy="548640"/>
        </a:xfrm>
        <a:prstGeom prst="rect">
          <a:avLst/>
        </a:prstGeom>
      </xdr:spPr>
    </xdr:pic>
    <xdr:clientData/>
  </xdr:twoCellAnchor>
  <xdr:twoCellAnchor>
    <xdr:from>
      <xdr:col>0</xdr:col>
      <xdr:colOff>160020</xdr:colOff>
      <xdr:row>5</xdr:row>
      <xdr:rowOff>106680</xdr:rowOff>
    </xdr:from>
    <xdr:to>
      <xdr:col>6</xdr:col>
      <xdr:colOff>304800</xdr:colOff>
      <xdr:row>28</xdr:row>
      <xdr:rowOff>68580</xdr:rowOff>
    </xdr:to>
    <xdr:sp macro="" textlink="">
      <xdr:nvSpPr>
        <xdr:cNvPr id="8" name="Rectangle: Rounded Corners 7">
          <a:extLst>
            <a:ext uri="{FF2B5EF4-FFF2-40B4-BE49-F238E27FC236}">
              <a16:creationId xmlns:a16="http://schemas.microsoft.com/office/drawing/2014/main" id="{85980DA6-9731-261B-FF03-33F0C198EC1A}"/>
            </a:ext>
          </a:extLst>
        </xdr:cNvPr>
        <xdr:cNvSpPr/>
      </xdr:nvSpPr>
      <xdr:spPr>
        <a:xfrm>
          <a:off x="160020" y="1021080"/>
          <a:ext cx="3802380" cy="4168140"/>
        </a:xfrm>
        <a:prstGeom prst="roundRect">
          <a:avLst>
            <a:gd name="adj" fmla="val 8805"/>
          </a:avLst>
        </a:prstGeom>
        <a:solidFill>
          <a:schemeClr val="bg1"/>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clientData/>
  </xdr:twoCellAnchor>
  <xdr:twoCellAnchor>
    <xdr:from>
      <xdr:col>6</xdr:col>
      <xdr:colOff>411480</xdr:colOff>
      <xdr:row>5</xdr:row>
      <xdr:rowOff>114300</xdr:rowOff>
    </xdr:from>
    <xdr:to>
      <xdr:col>23</xdr:col>
      <xdr:colOff>99060</xdr:colOff>
      <xdr:row>17</xdr:row>
      <xdr:rowOff>76200</xdr:rowOff>
    </xdr:to>
    <xdr:sp macro="" textlink="">
      <xdr:nvSpPr>
        <xdr:cNvPr id="9" name="Rectangle: Rounded Corners 8">
          <a:extLst>
            <a:ext uri="{FF2B5EF4-FFF2-40B4-BE49-F238E27FC236}">
              <a16:creationId xmlns:a16="http://schemas.microsoft.com/office/drawing/2014/main" id="{B4F1EB8C-F658-C57A-9E4A-35CDB6BBDEDF}"/>
            </a:ext>
          </a:extLst>
        </xdr:cNvPr>
        <xdr:cNvSpPr/>
      </xdr:nvSpPr>
      <xdr:spPr>
        <a:xfrm>
          <a:off x="4069080" y="1028700"/>
          <a:ext cx="10050780" cy="2156460"/>
        </a:xfrm>
        <a:prstGeom prst="roundRect">
          <a:avLst>
            <a:gd name="adj" fmla="val 1239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clientData/>
  </xdr:twoCellAnchor>
  <xdr:twoCellAnchor>
    <xdr:from>
      <xdr:col>6</xdr:col>
      <xdr:colOff>502920</xdr:colOff>
      <xdr:row>18</xdr:row>
      <xdr:rowOff>137160</xdr:rowOff>
    </xdr:from>
    <xdr:to>
      <xdr:col>14</xdr:col>
      <xdr:colOff>76200</xdr:colOff>
      <xdr:row>28</xdr:row>
      <xdr:rowOff>68580</xdr:rowOff>
    </xdr:to>
    <xdr:sp macro="" textlink="">
      <xdr:nvSpPr>
        <xdr:cNvPr id="10" name="Rectangle: Rounded Corners 9">
          <a:extLst>
            <a:ext uri="{FF2B5EF4-FFF2-40B4-BE49-F238E27FC236}">
              <a16:creationId xmlns:a16="http://schemas.microsoft.com/office/drawing/2014/main" id="{38A8D67B-7B5D-4AB9-A301-046B20C5BBDA}"/>
            </a:ext>
          </a:extLst>
        </xdr:cNvPr>
        <xdr:cNvSpPr/>
      </xdr:nvSpPr>
      <xdr:spPr>
        <a:xfrm>
          <a:off x="4160520" y="3429000"/>
          <a:ext cx="4450080" cy="1760220"/>
        </a:xfrm>
        <a:prstGeom prst="roundRect">
          <a:avLst>
            <a:gd name="adj" fmla="val 11205"/>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clientData/>
  </xdr:twoCellAnchor>
  <xdr:twoCellAnchor>
    <xdr:from>
      <xdr:col>14</xdr:col>
      <xdr:colOff>266700</xdr:colOff>
      <xdr:row>18</xdr:row>
      <xdr:rowOff>83820</xdr:rowOff>
    </xdr:from>
    <xdr:to>
      <xdr:col>23</xdr:col>
      <xdr:colOff>144780</xdr:colOff>
      <xdr:row>28</xdr:row>
      <xdr:rowOff>83820</xdr:rowOff>
    </xdr:to>
    <xdr:sp macro="" textlink="">
      <xdr:nvSpPr>
        <xdr:cNvPr id="11" name="Rectangle: Rounded Corners 10">
          <a:extLst>
            <a:ext uri="{FF2B5EF4-FFF2-40B4-BE49-F238E27FC236}">
              <a16:creationId xmlns:a16="http://schemas.microsoft.com/office/drawing/2014/main" id="{9FD0CA2C-ABFB-49E2-A5C1-3F7006490449}"/>
            </a:ext>
          </a:extLst>
        </xdr:cNvPr>
        <xdr:cNvSpPr/>
      </xdr:nvSpPr>
      <xdr:spPr>
        <a:xfrm>
          <a:off x="8801100" y="3375660"/>
          <a:ext cx="5364480" cy="1828800"/>
        </a:xfrm>
        <a:prstGeom prst="roundRect">
          <a:avLst>
            <a:gd name="adj" fmla="val 9524"/>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clientData/>
  </xdr:twoCellAnchor>
  <xdr:twoCellAnchor>
    <xdr:from>
      <xdr:col>0</xdr:col>
      <xdr:colOff>335280</xdr:colOff>
      <xdr:row>7</xdr:row>
      <xdr:rowOff>91440</xdr:rowOff>
    </xdr:from>
    <xdr:to>
      <xdr:col>6</xdr:col>
      <xdr:colOff>99060</xdr:colOff>
      <xdr:row>28</xdr:row>
      <xdr:rowOff>53340</xdr:rowOff>
    </xdr:to>
    <mc:AlternateContent xmlns:mc="http://schemas.openxmlformats.org/markup-compatibility/2006">
      <mc:Choice xmlns:cx2="http://schemas.microsoft.com/office/drawing/2015/10/21/chartex" Requires="cx2">
        <xdr:graphicFrame macro="">
          <xdr:nvGraphicFramePr>
            <xdr:cNvPr id="12" name="Chart 11">
              <a:extLst>
                <a:ext uri="{FF2B5EF4-FFF2-40B4-BE49-F238E27FC236}">
                  <a16:creationId xmlns:a16="http://schemas.microsoft.com/office/drawing/2014/main" id="{AEDB8B7D-2F42-4DE7-A238-1382FD7D5CD6}"/>
                </a:ext>
              </a:extLst>
            </xdr:cNvPr>
            <xdr:cNvGraphicFramePr/>
          </xdr:nvGraphicFramePr>
          <xdr:xfrm>
            <a:off x="0" y="0"/>
            <a:ext cx="0" cy="0"/>
          </xdr:xfrm>
          <a:graphic>
            <a:graphicData uri="http://schemas.microsoft.com/office/drawing/2014/chartex">
              <cx:chart xmlns:cx="http://schemas.microsoft.com/office/drawing/2014/chartex" xmlns:r="http://schemas.openxmlformats.org/officeDocument/2006/relationships" r:id="rId3"/>
            </a:graphicData>
          </a:graphic>
        </xdr:graphicFrame>
      </mc:Choice>
      <mc:Fallback>
        <xdr:sp macro="" textlink="">
          <xdr:nvSpPr>
            <xdr:cNvPr id="0" name=""/>
            <xdr:cNvSpPr>
              <a:spLocks noTextEdit="1"/>
            </xdr:cNvSpPr>
          </xdr:nvSpPr>
          <xdr:spPr>
            <a:xfrm>
              <a:off x="335280" y="1371600"/>
              <a:ext cx="3421380" cy="3802380"/>
            </a:xfrm>
            <a:prstGeom prst="rect">
              <a:avLst/>
            </a:prstGeom>
            <a:solidFill>
              <a:prstClr val="white"/>
            </a:solidFill>
            <a:ln w="1">
              <a:solidFill>
                <a:prstClr val="green"/>
              </a:solidFill>
            </a:ln>
          </xdr:spPr>
          <xdr:txBody>
            <a:bodyPr vertOverflow="clip" horzOverflow="clip"/>
            <a:lstStyle/>
            <a:p>
              <a:r>
                <a:rPr lang="en-US" sz="1100"/>
                <a:t>This chart isn't available in your version of Excel.
Editing this shape or saving this workbook into a different file format will permanently break the chart.</a:t>
              </a:r>
            </a:p>
          </xdr:txBody>
        </xdr:sp>
      </mc:Fallback>
    </mc:AlternateContent>
    <xdr:clientData/>
  </xdr:twoCellAnchor>
  <xdr:twoCellAnchor>
    <xdr:from>
      <xdr:col>7</xdr:col>
      <xdr:colOff>7620</xdr:colOff>
      <xdr:row>7</xdr:row>
      <xdr:rowOff>45720</xdr:rowOff>
    </xdr:from>
    <xdr:to>
      <xdr:col>11</xdr:col>
      <xdr:colOff>304800</xdr:colOff>
      <xdr:row>16</xdr:row>
      <xdr:rowOff>45720</xdr:rowOff>
    </xdr:to>
    <xdr:graphicFrame macro="">
      <xdr:nvGraphicFramePr>
        <xdr:cNvPr id="13" name="Chart 12">
          <a:extLst>
            <a:ext uri="{FF2B5EF4-FFF2-40B4-BE49-F238E27FC236}">
              <a16:creationId xmlns:a16="http://schemas.microsoft.com/office/drawing/2014/main" id="{F6CD6D5B-79B0-4FEB-B19A-ECE1AC05ABA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7</xdr:col>
      <xdr:colOff>137160</xdr:colOff>
      <xdr:row>18</xdr:row>
      <xdr:rowOff>160020</xdr:rowOff>
    </xdr:from>
    <xdr:to>
      <xdr:col>14</xdr:col>
      <xdr:colOff>137160</xdr:colOff>
      <xdr:row>27</xdr:row>
      <xdr:rowOff>83820</xdr:rowOff>
    </xdr:to>
    <xdr:graphicFrame macro="">
      <xdr:nvGraphicFramePr>
        <xdr:cNvPr id="14" name="Chart 13">
          <a:extLst>
            <a:ext uri="{FF2B5EF4-FFF2-40B4-BE49-F238E27FC236}">
              <a16:creationId xmlns:a16="http://schemas.microsoft.com/office/drawing/2014/main" id="{181F7DBA-592C-431B-B9AE-12F73B9C59B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7</xdr:col>
      <xdr:colOff>15240</xdr:colOff>
      <xdr:row>7</xdr:row>
      <xdr:rowOff>38100</xdr:rowOff>
    </xdr:from>
    <xdr:to>
      <xdr:col>23</xdr:col>
      <xdr:colOff>182880</xdr:colOff>
      <xdr:row>16</xdr:row>
      <xdr:rowOff>15240</xdr:rowOff>
    </xdr:to>
    <xdr:graphicFrame macro="">
      <xdr:nvGraphicFramePr>
        <xdr:cNvPr id="15" name="Chart 14">
          <a:extLst>
            <a:ext uri="{FF2B5EF4-FFF2-40B4-BE49-F238E27FC236}">
              <a16:creationId xmlns:a16="http://schemas.microsoft.com/office/drawing/2014/main" id="{B7317993-014D-4EEF-B25E-21767324BE8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1</xdr:col>
      <xdr:colOff>365760</xdr:colOff>
      <xdr:row>7</xdr:row>
      <xdr:rowOff>15240</xdr:rowOff>
    </xdr:from>
    <xdr:to>
      <xdr:col>17</xdr:col>
      <xdr:colOff>15240</xdr:colOff>
      <xdr:row>16</xdr:row>
      <xdr:rowOff>7620</xdr:rowOff>
    </xdr:to>
    <mc:AlternateContent xmlns:mc="http://schemas.openxmlformats.org/markup-compatibility/2006">
      <mc:Choice xmlns:cx4="http://schemas.microsoft.com/office/drawing/2016/5/10/chartex" Requires="cx4">
        <xdr:graphicFrame macro="">
          <xdr:nvGraphicFramePr>
            <xdr:cNvPr id="16" name="Chart 15">
              <a:extLst>
                <a:ext uri="{FF2B5EF4-FFF2-40B4-BE49-F238E27FC236}">
                  <a16:creationId xmlns:a16="http://schemas.microsoft.com/office/drawing/2014/main" id="{949799FE-7476-4EED-89C0-A78B4AB8B486}"/>
                </a:ext>
              </a:extLst>
            </xdr:cNvPr>
            <xdr:cNvGraphicFramePr/>
          </xdr:nvGraphicFramePr>
          <xdr:xfrm>
            <a:off x="0" y="0"/>
            <a:ext cx="0" cy="0"/>
          </xdr:xfrm>
          <a:graphic>
            <a:graphicData uri="http://schemas.microsoft.com/office/drawing/2014/chartex">
              <cx:chart xmlns:cx="http://schemas.microsoft.com/office/drawing/2014/chartex" xmlns:r="http://schemas.openxmlformats.org/officeDocument/2006/relationships" r:id="rId7"/>
            </a:graphicData>
          </a:graphic>
        </xdr:graphicFrame>
      </mc:Choice>
      <mc:Fallback>
        <xdr:sp macro="" textlink="">
          <xdr:nvSpPr>
            <xdr:cNvPr id="0" name=""/>
            <xdr:cNvSpPr>
              <a:spLocks noTextEdit="1"/>
            </xdr:cNvSpPr>
          </xdr:nvSpPr>
          <xdr:spPr>
            <a:xfrm>
              <a:off x="7071360" y="1295400"/>
              <a:ext cx="3307080" cy="1638300"/>
            </a:xfrm>
            <a:prstGeom prst="rect">
              <a:avLst/>
            </a:prstGeom>
            <a:solidFill>
              <a:prstClr val="white"/>
            </a:solidFill>
            <a:ln w="1">
              <a:solidFill>
                <a:prstClr val="green"/>
              </a:solidFill>
            </a:ln>
          </xdr:spPr>
          <xdr:txBody>
            <a:bodyPr vertOverflow="clip" horzOverflow="clip"/>
            <a:lstStyle/>
            <a:p>
              <a:r>
                <a:rPr lang="en-US" sz="1100"/>
                <a:t>This chart isn't available in your version of Excel.
Editing this shape or saving this workbook into a different file format will permanently break the chart.</a:t>
              </a:r>
            </a:p>
          </xdr:txBody>
        </xdr:sp>
      </mc:Fallback>
    </mc:AlternateContent>
    <xdr:clientData/>
  </xdr:twoCellAnchor>
  <xdr:twoCellAnchor>
    <xdr:from>
      <xdr:col>14</xdr:col>
      <xdr:colOff>495300</xdr:colOff>
      <xdr:row>18</xdr:row>
      <xdr:rowOff>137160</xdr:rowOff>
    </xdr:from>
    <xdr:to>
      <xdr:col>23</xdr:col>
      <xdr:colOff>68580</xdr:colOff>
      <xdr:row>27</xdr:row>
      <xdr:rowOff>114300</xdr:rowOff>
    </xdr:to>
    <xdr:graphicFrame macro="">
      <xdr:nvGraphicFramePr>
        <xdr:cNvPr id="17" name="Chart 16">
          <a:extLst>
            <a:ext uri="{FF2B5EF4-FFF2-40B4-BE49-F238E27FC236}">
              <a16:creationId xmlns:a16="http://schemas.microsoft.com/office/drawing/2014/main" id="{0DDA94B7-894D-4E8F-B449-D5156E4C749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oneCellAnchor>
    <xdr:from>
      <xdr:col>1</xdr:col>
      <xdr:colOff>358140</xdr:colOff>
      <xdr:row>5</xdr:row>
      <xdr:rowOff>175075</xdr:rowOff>
    </xdr:from>
    <xdr:ext cx="1837385" cy="264560"/>
    <xdr:sp macro="" textlink="">
      <xdr:nvSpPr>
        <xdr:cNvPr id="18" name="Rectangle 17">
          <a:extLst>
            <a:ext uri="{FF2B5EF4-FFF2-40B4-BE49-F238E27FC236}">
              <a16:creationId xmlns:a16="http://schemas.microsoft.com/office/drawing/2014/main" id="{D283578F-6E11-5951-3159-CFD32C1056DE}"/>
            </a:ext>
          </a:extLst>
        </xdr:cNvPr>
        <xdr:cNvSpPr/>
      </xdr:nvSpPr>
      <xdr:spPr>
        <a:xfrm>
          <a:off x="967740" y="1318075"/>
          <a:ext cx="1837385" cy="264560"/>
        </a:xfrm>
        <a:prstGeom prst="rect">
          <a:avLst/>
        </a:prstGeom>
        <a:noFill/>
      </xdr:spPr>
      <xdr:txBody>
        <a:bodyPr wrap="square" lIns="91440" tIns="45720" rIns="91440" bIns="45720">
          <a:spAutoFit/>
        </a:bodyPr>
        <a:lstStyle/>
        <a:p>
          <a:pPr algn="ctr"/>
          <a:r>
            <a:rPr lang="en-US" sz="1100" b="0" cap="none" spc="0">
              <a:ln w="0"/>
              <a:solidFill>
                <a:schemeClr val="tx1"/>
              </a:solidFill>
              <a:effectLst>
                <a:outerShdw blurRad="38100" dist="19050" dir="2700000" algn="tl" rotWithShape="0">
                  <a:schemeClr val="dk1">
                    <a:alpha val="40000"/>
                  </a:schemeClr>
                </a:outerShdw>
              </a:effectLst>
            </a:rPr>
            <a:t>Sales</a:t>
          </a:r>
          <a:r>
            <a:rPr lang="en-US" sz="1100" b="0" cap="none" spc="0" baseline="0">
              <a:ln w="0"/>
              <a:solidFill>
                <a:schemeClr val="tx1"/>
              </a:solidFill>
              <a:effectLst>
                <a:outerShdw blurRad="38100" dist="19050" dir="2700000" algn="tl" rotWithShape="0">
                  <a:schemeClr val="dk1">
                    <a:alpha val="40000"/>
                  </a:schemeClr>
                </a:outerShdw>
              </a:effectLst>
            </a:rPr>
            <a:t> by Category</a:t>
          </a:r>
          <a:endParaRPr lang="en-US" sz="1100" b="0" cap="none" spc="0">
            <a:ln w="0"/>
            <a:solidFill>
              <a:schemeClr val="tx1"/>
            </a:solidFill>
            <a:effectLst>
              <a:outerShdw blurRad="38100" dist="19050" dir="2700000" algn="tl" rotWithShape="0">
                <a:schemeClr val="dk1">
                  <a:alpha val="40000"/>
                </a:schemeClr>
              </a:outerShdw>
            </a:effectLst>
          </a:endParaRPr>
        </a:p>
      </xdr:txBody>
    </xdr:sp>
    <xdr:clientData/>
  </xdr:oneCellAnchor>
  <xdr:oneCellAnchor>
    <xdr:from>
      <xdr:col>7</xdr:col>
      <xdr:colOff>290462</xdr:colOff>
      <xdr:row>5</xdr:row>
      <xdr:rowOff>129355</xdr:rowOff>
    </xdr:from>
    <xdr:ext cx="1789798" cy="264560"/>
    <xdr:sp macro="" textlink="">
      <xdr:nvSpPr>
        <xdr:cNvPr id="21" name="Rectangle 20">
          <a:extLst>
            <a:ext uri="{FF2B5EF4-FFF2-40B4-BE49-F238E27FC236}">
              <a16:creationId xmlns:a16="http://schemas.microsoft.com/office/drawing/2014/main" id="{5177C16E-8312-771B-71C9-F39777A2B300}"/>
            </a:ext>
          </a:extLst>
        </xdr:cNvPr>
        <xdr:cNvSpPr/>
      </xdr:nvSpPr>
      <xdr:spPr>
        <a:xfrm>
          <a:off x="4557662" y="1043755"/>
          <a:ext cx="1789798" cy="264560"/>
        </a:xfrm>
        <a:prstGeom prst="rect">
          <a:avLst/>
        </a:prstGeom>
        <a:noFill/>
      </xdr:spPr>
      <xdr:txBody>
        <a:bodyPr wrap="square" lIns="91440" tIns="45720" rIns="91440" bIns="45720">
          <a:spAutoFit/>
        </a:bodyPr>
        <a:lstStyle/>
        <a:p>
          <a:pPr algn="ctr"/>
          <a:r>
            <a:rPr lang="en-US" sz="1100" b="0" cap="none" spc="0">
              <a:ln w="0"/>
              <a:solidFill>
                <a:schemeClr val="tx1"/>
              </a:solidFill>
              <a:effectLst>
                <a:outerShdw blurRad="38100" dist="19050" dir="2700000" algn="tl" rotWithShape="0">
                  <a:schemeClr val="dk1">
                    <a:alpha val="40000"/>
                  </a:schemeClr>
                </a:outerShdw>
              </a:effectLst>
            </a:rPr>
            <a:t>Profit</a:t>
          </a:r>
          <a:r>
            <a:rPr lang="en-US" sz="1100" b="0" cap="none" spc="0" baseline="0">
              <a:ln w="0"/>
              <a:solidFill>
                <a:schemeClr val="tx1"/>
              </a:solidFill>
              <a:effectLst>
                <a:outerShdw blurRad="38100" dist="19050" dir="2700000" algn="tl" rotWithShape="0">
                  <a:schemeClr val="dk1">
                    <a:alpha val="40000"/>
                  </a:schemeClr>
                </a:outerShdw>
              </a:effectLst>
            </a:rPr>
            <a:t> Gained</a:t>
          </a:r>
          <a:endParaRPr lang="en-US" sz="1100" b="0" cap="none" spc="0">
            <a:ln w="0"/>
            <a:solidFill>
              <a:schemeClr val="tx1"/>
            </a:solidFill>
            <a:effectLst>
              <a:outerShdw blurRad="38100" dist="19050" dir="2700000" algn="tl" rotWithShape="0">
                <a:schemeClr val="dk1">
                  <a:alpha val="40000"/>
                </a:schemeClr>
              </a:outerShdw>
            </a:effectLst>
          </a:endParaRPr>
        </a:p>
      </xdr:txBody>
    </xdr:sp>
    <xdr:clientData/>
  </xdr:oneCellAnchor>
  <xdr:oneCellAnchor>
    <xdr:from>
      <xdr:col>12</xdr:col>
      <xdr:colOff>122768</xdr:colOff>
      <xdr:row>5</xdr:row>
      <xdr:rowOff>144595</xdr:rowOff>
    </xdr:from>
    <xdr:ext cx="1881291" cy="264560"/>
    <xdr:sp macro="" textlink="">
      <xdr:nvSpPr>
        <xdr:cNvPr id="23" name="Rectangle 22">
          <a:extLst>
            <a:ext uri="{FF2B5EF4-FFF2-40B4-BE49-F238E27FC236}">
              <a16:creationId xmlns:a16="http://schemas.microsoft.com/office/drawing/2014/main" id="{7CBE2960-C197-3A46-968E-0BE5098CAA4F}"/>
            </a:ext>
          </a:extLst>
        </xdr:cNvPr>
        <xdr:cNvSpPr/>
      </xdr:nvSpPr>
      <xdr:spPr>
        <a:xfrm>
          <a:off x="7437968" y="1058995"/>
          <a:ext cx="1881291" cy="264560"/>
        </a:xfrm>
        <a:prstGeom prst="rect">
          <a:avLst/>
        </a:prstGeom>
        <a:noFill/>
      </xdr:spPr>
      <xdr:txBody>
        <a:bodyPr wrap="square" lIns="91440" tIns="45720" rIns="91440" bIns="45720">
          <a:spAutoFit/>
        </a:bodyPr>
        <a:lstStyle/>
        <a:p>
          <a:pPr algn="ctr"/>
          <a:r>
            <a:rPr lang="en-US" sz="1100" b="0" cap="none" spc="0">
              <a:ln w="0"/>
              <a:solidFill>
                <a:schemeClr val="tx1"/>
              </a:solidFill>
              <a:effectLst>
                <a:outerShdw blurRad="38100" dist="19050" dir="2700000" algn="tl" rotWithShape="0">
                  <a:schemeClr val="dk1">
                    <a:alpha val="40000"/>
                  </a:schemeClr>
                </a:outerShdw>
              </a:effectLst>
            </a:rPr>
            <a:t>Sales</a:t>
          </a:r>
          <a:r>
            <a:rPr lang="en-US" sz="1100" b="0" cap="none" spc="0" baseline="0">
              <a:ln w="0"/>
              <a:solidFill>
                <a:schemeClr val="tx1"/>
              </a:solidFill>
              <a:effectLst>
                <a:outerShdw blurRad="38100" dist="19050" dir="2700000" algn="tl" rotWithShape="0">
                  <a:schemeClr val="dk1">
                    <a:alpha val="40000"/>
                  </a:schemeClr>
                </a:outerShdw>
              </a:effectLst>
            </a:rPr>
            <a:t> by State</a:t>
          </a:r>
          <a:endParaRPr lang="en-US" sz="1100" b="0" cap="none" spc="0">
            <a:ln w="0"/>
            <a:solidFill>
              <a:schemeClr val="tx1"/>
            </a:solidFill>
            <a:effectLst>
              <a:outerShdw blurRad="38100" dist="19050" dir="2700000" algn="tl" rotWithShape="0">
                <a:schemeClr val="dk1">
                  <a:alpha val="40000"/>
                </a:schemeClr>
              </a:outerShdw>
            </a:effectLst>
          </a:endParaRPr>
        </a:p>
      </xdr:txBody>
    </xdr:sp>
    <xdr:clientData/>
  </xdr:oneCellAnchor>
  <xdr:oneCellAnchor>
    <xdr:from>
      <xdr:col>7</xdr:col>
      <xdr:colOff>239930</xdr:colOff>
      <xdr:row>17</xdr:row>
      <xdr:rowOff>76015</xdr:rowOff>
    </xdr:from>
    <xdr:ext cx="3852009" cy="264560"/>
    <xdr:sp macro="" textlink="">
      <xdr:nvSpPr>
        <xdr:cNvPr id="24" name="Rectangle 23">
          <a:extLst>
            <a:ext uri="{FF2B5EF4-FFF2-40B4-BE49-F238E27FC236}">
              <a16:creationId xmlns:a16="http://schemas.microsoft.com/office/drawing/2014/main" id="{E4EE27F6-AFA8-6A27-9C60-598247B25C21}"/>
            </a:ext>
          </a:extLst>
        </xdr:cNvPr>
        <xdr:cNvSpPr/>
      </xdr:nvSpPr>
      <xdr:spPr>
        <a:xfrm>
          <a:off x="4507130" y="3184975"/>
          <a:ext cx="3852009" cy="264560"/>
        </a:xfrm>
        <a:prstGeom prst="rect">
          <a:avLst/>
        </a:prstGeom>
        <a:noFill/>
      </xdr:spPr>
      <xdr:txBody>
        <a:bodyPr wrap="square" lIns="91440" tIns="45720" rIns="91440" bIns="45720">
          <a:spAutoFit/>
        </a:bodyPr>
        <a:lstStyle/>
        <a:p>
          <a:pPr algn="ctr"/>
          <a:r>
            <a:rPr lang="en-US" sz="1100" b="0" cap="none" spc="0">
              <a:ln w="0"/>
              <a:solidFill>
                <a:schemeClr val="tx1"/>
              </a:solidFill>
              <a:effectLst>
                <a:outerShdw blurRad="38100" dist="19050" dir="2700000" algn="tl" rotWithShape="0">
                  <a:schemeClr val="dk1">
                    <a:alpha val="40000"/>
                  </a:schemeClr>
                </a:outerShdw>
              </a:effectLst>
            </a:rPr>
            <a:t>Top</a:t>
          </a:r>
          <a:r>
            <a:rPr lang="en-US" sz="1100" b="0" cap="none" spc="0" baseline="0">
              <a:ln w="0"/>
              <a:solidFill>
                <a:schemeClr val="tx1"/>
              </a:solidFill>
              <a:effectLst>
                <a:outerShdw blurRad="38100" dist="19050" dir="2700000" algn="tl" rotWithShape="0">
                  <a:schemeClr val="dk1">
                    <a:alpha val="40000"/>
                  </a:schemeClr>
                </a:outerShdw>
              </a:effectLst>
            </a:rPr>
            <a:t> 5 Customers Making Profit</a:t>
          </a:r>
          <a:endParaRPr lang="en-US" sz="1100" b="0" cap="none" spc="0">
            <a:ln w="0"/>
            <a:solidFill>
              <a:schemeClr val="tx1"/>
            </a:solidFill>
            <a:effectLst>
              <a:outerShdw blurRad="38100" dist="19050" dir="2700000" algn="tl" rotWithShape="0">
                <a:schemeClr val="dk1">
                  <a:alpha val="40000"/>
                </a:schemeClr>
              </a:outerShdw>
            </a:effectLst>
          </a:endParaRPr>
        </a:p>
      </xdr:txBody>
    </xdr:sp>
    <xdr:clientData/>
  </xdr:oneCellAnchor>
  <xdr:oneCellAnchor>
    <xdr:from>
      <xdr:col>16</xdr:col>
      <xdr:colOff>67175</xdr:colOff>
      <xdr:row>17</xdr:row>
      <xdr:rowOff>37915</xdr:rowOff>
    </xdr:from>
    <xdr:ext cx="3803785" cy="264560"/>
    <xdr:sp macro="" textlink="">
      <xdr:nvSpPr>
        <xdr:cNvPr id="25" name="Rectangle 24">
          <a:extLst>
            <a:ext uri="{FF2B5EF4-FFF2-40B4-BE49-F238E27FC236}">
              <a16:creationId xmlns:a16="http://schemas.microsoft.com/office/drawing/2014/main" id="{30327A0F-D3FE-16EC-3EAE-7822B25CDA38}"/>
            </a:ext>
          </a:extLst>
        </xdr:cNvPr>
        <xdr:cNvSpPr/>
      </xdr:nvSpPr>
      <xdr:spPr>
        <a:xfrm>
          <a:off x="9820775" y="3146875"/>
          <a:ext cx="3803785" cy="264560"/>
        </a:xfrm>
        <a:prstGeom prst="rect">
          <a:avLst/>
        </a:prstGeom>
        <a:noFill/>
      </xdr:spPr>
      <xdr:txBody>
        <a:bodyPr wrap="square" lIns="91440" tIns="45720" rIns="91440" bIns="45720">
          <a:spAutoFit/>
        </a:bodyPr>
        <a:lstStyle/>
        <a:p>
          <a:pPr algn="ctr"/>
          <a:r>
            <a:rPr lang="en-US" sz="1100" b="0" cap="none" spc="0" baseline="0">
              <a:ln w="0"/>
              <a:solidFill>
                <a:schemeClr val="tx1"/>
              </a:solidFill>
              <a:effectLst>
                <a:outerShdw blurRad="38100" dist="19050" dir="2700000" algn="tl" rotWithShape="0">
                  <a:schemeClr val="dk1">
                    <a:alpha val="40000"/>
                  </a:schemeClr>
                </a:outerShdw>
              </a:effectLst>
            </a:rPr>
            <a:t>Monthly Sales</a:t>
          </a:r>
          <a:endParaRPr lang="en-US" sz="1100" b="0" cap="none" spc="0">
            <a:ln w="0"/>
            <a:solidFill>
              <a:schemeClr val="tx1"/>
            </a:solidFill>
            <a:effectLst>
              <a:outerShdw blurRad="38100" dist="19050" dir="2700000" algn="tl" rotWithShape="0">
                <a:schemeClr val="dk1">
                  <a:alpha val="40000"/>
                </a:schemeClr>
              </a:outerShdw>
            </a:effectLst>
          </a:endParaRPr>
        </a:p>
      </xdr:txBody>
    </xdr:sp>
    <xdr:clientData/>
  </xdr:oneCellAnchor>
  <xdr:oneCellAnchor>
    <xdr:from>
      <xdr:col>18</xdr:col>
      <xdr:colOff>438324</xdr:colOff>
      <xdr:row>5</xdr:row>
      <xdr:rowOff>136975</xdr:rowOff>
    </xdr:from>
    <xdr:ext cx="2053415" cy="264560"/>
    <xdr:sp macro="" textlink="">
      <xdr:nvSpPr>
        <xdr:cNvPr id="26" name="Rectangle 25">
          <a:extLst>
            <a:ext uri="{FF2B5EF4-FFF2-40B4-BE49-F238E27FC236}">
              <a16:creationId xmlns:a16="http://schemas.microsoft.com/office/drawing/2014/main" id="{5AC76039-07BD-1711-C37C-BC92DA6AE8ED}"/>
            </a:ext>
          </a:extLst>
        </xdr:cNvPr>
        <xdr:cNvSpPr/>
      </xdr:nvSpPr>
      <xdr:spPr>
        <a:xfrm>
          <a:off x="11411124" y="1051375"/>
          <a:ext cx="2053415" cy="264560"/>
        </a:xfrm>
        <a:prstGeom prst="rect">
          <a:avLst/>
        </a:prstGeom>
        <a:noFill/>
      </xdr:spPr>
      <xdr:txBody>
        <a:bodyPr wrap="square" lIns="91440" tIns="45720" rIns="91440" bIns="45720">
          <a:spAutoFit/>
        </a:bodyPr>
        <a:lstStyle/>
        <a:p>
          <a:pPr algn="ctr"/>
          <a:r>
            <a:rPr lang="en-US" sz="1100" b="0" cap="none" spc="0">
              <a:ln w="0"/>
              <a:solidFill>
                <a:schemeClr val="tx1"/>
              </a:solidFill>
              <a:effectLst>
                <a:outerShdw blurRad="38100" dist="19050" dir="2700000" algn="tl" rotWithShape="0">
                  <a:schemeClr val="dk1">
                    <a:alpha val="40000"/>
                  </a:schemeClr>
                </a:outerShdw>
              </a:effectLst>
            </a:rPr>
            <a:t>Customer Count</a:t>
          </a:r>
        </a:p>
      </xdr:txBody>
    </xdr:sp>
    <xdr:clientData/>
  </xdr:oneCellAnchor>
</xdr:wsDr>
</file>

<file path=xl/pivotCache/_rels/pivotCacheDefinition1.xml.rels><?xml version="1.0" encoding="UTF-8" standalone="yes"?>
<Relationships xmlns="http://schemas.openxmlformats.org/package/2006/relationships"><Relationship Id="rId1" Type="http://schemas.openxmlformats.org/officeDocument/2006/relationships/pivotCacheRecords" Target="pivotCacheRecords1.xml"/></Relationships>
</file>

<file path=xl/pivotCache/_rels/pivotCacheDefinition2.xml.rels><?xml version="1.0" encoding="UTF-8" standalone="yes"?>
<Relationships xmlns="http://schemas.openxmlformats.org/package/2006/relationships"><Relationship Id="rId1" Type="http://schemas.openxmlformats.org/officeDocument/2006/relationships/pivotCacheRecords" Target="pivotCacheRecords2.xml"/></Relationships>
</file>

<file path=xl/pivotCache/pivotCacheDefinition1.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r:id="rId1" refreshedBy="sonia kaur" refreshedDate="45086.714137615738" createdVersion="8" refreshedVersion="8" minRefreshableVersion="3" recordCount="9993" xr:uid="{00000000-000A-0000-FFFF-FFFF15000000}">
  <cacheSource type="worksheet">
    <worksheetSource name="Table1"/>
  </cacheSource>
  <cacheFields count="11">
    <cacheField name="Order" numFmtId="164">
      <sharedItems containsSemiMixedTypes="0" containsNonDate="0" containsDate="1" containsString="0" minDate="2014-01-03T00:00:00" maxDate="2017-12-31T00:00:00"/>
    </cacheField>
    <cacheField name="month" numFmtId="1">
      <sharedItems containsSemiMixedTypes="0" containsString="0" containsNumber="1" containsInteger="1" minValue="1" maxValue="12" count="12">
        <n v="1"/>
        <n v="2"/>
        <n v="3"/>
        <n v="4"/>
        <n v="5"/>
        <n v="6"/>
        <n v="7"/>
        <n v="8"/>
        <n v="9"/>
        <n v="10"/>
        <n v="11"/>
        <n v="12"/>
      </sharedItems>
    </cacheField>
    <cacheField name="year" numFmtId="1">
      <sharedItems containsSemiMixedTypes="0" containsString="0" containsNumber="1" containsInteger="1" minValue="2014" maxValue="2017" count="4">
        <n v="2014"/>
        <n v="2015"/>
        <n v="2016"/>
        <n v="2017"/>
      </sharedItems>
    </cacheField>
    <cacheField name="Customer Name" numFmtId="0">
      <sharedItems count="793">
        <s v="Darren Powers"/>
        <s v="Phillina Ober"/>
        <s v="Mick Brown"/>
        <s v="Lycoris Saunders"/>
        <s v="Jack O'Briant"/>
        <s v="Maria Etezadi"/>
        <s v="Vivek Sundaresam"/>
        <s v="Melanie Seite"/>
        <s v="Anthony Jacobs"/>
        <s v="Seth Vernon"/>
        <s v="Chris Selesnick"/>
        <s v="Natalie DeCherney"/>
        <s v="Brian Dahlen"/>
        <s v="Michael Moore"/>
        <s v="Brendan Sweed"/>
        <s v="Erica Hackney"/>
        <s v="Delfina Latchford"/>
        <s v="David Wiener"/>
        <s v="Toby Swindell"/>
        <s v="Hunter Lopez"/>
        <s v="Mark Van Huff"/>
        <s v="Xylona Preis"/>
        <s v="Muhammed MacIntyre"/>
        <s v="Tom Boeckenhauer"/>
        <s v="Ionia McGrath"/>
        <s v="Speros Goranitis"/>
        <s v="Shirley Daniels"/>
        <s v="Carol Adams"/>
        <s v="Ed Jacobs"/>
        <s v="Jasper Cacioppo"/>
        <s v="Mike Vittorini"/>
        <s v="Liz Carlisle"/>
        <s v="Bradley Drucker"/>
        <s v="Cynthia Delaney"/>
        <s v="Eric Barreto"/>
        <s v="Deborah Brumfield"/>
        <s v="Mark Haberlin"/>
        <s v="Neil Ducich"/>
        <s v="Cyma Kinney"/>
        <s v="Nathan Mautz"/>
        <s v="Natalie Fritzler"/>
        <s v="Guy Armstrong"/>
        <s v="Sanjit Chand"/>
        <s v="Shui Tom"/>
        <s v="Marina Lichtenstein"/>
        <s v="Barry FranzÃ¶sisch"/>
        <s v="Michael Nguyen"/>
        <s v="Troy Blackwell"/>
        <s v="Aaron Bergman"/>
        <s v="Linda Cazamias"/>
        <s v="Steven Roelle"/>
        <s v="Tamara Manning"/>
        <s v="Sue Ann Reed"/>
        <s v="Michael Grace"/>
        <s v="Jennifer Halladay"/>
        <s v="Joy Smith"/>
        <s v="Dave Brooks"/>
        <s v="Hallie Redmond"/>
        <s v="Vicky Freymann"/>
        <s v="Shahid Collister"/>
        <s v="Giulietta Weimer"/>
        <s v="Kristina Nunn"/>
        <s v="Nicole Hansen"/>
        <s v="Ashley Jarboe"/>
        <s v="Anne Pryor"/>
        <s v="Jill Stevenson"/>
        <s v="Sam Craven"/>
        <s v="Eva Jacobs"/>
        <s v="Clay Ludtke"/>
        <s v="Aimee Bixby"/>
        <s v="Nora Pelletier"/>
        <s v="Craig Molinari"/>
        <s v="Scott Williamson"/>
        <s v="Kean Thornton"/>
        <s v="Chloris Kastensmidt"/>
        <s v="Kelly Andreada"/>
        <s v="Filia McAdams"/>
        <s v="Richard Bierner"/>
        <s v="Dean Katz"/>
        <s v="Christine Kargatis"/>
        <s v="Jason Fortune-"/>
        <s v="Rick Bensley"/>
        <s v="Neil FranzÃ¶sisch"/>
        <s v="Alan Shonely"/>
        <s v="Bradley Nguyen"/>
        <s v="Christine Phan"/>
        <s v="Annie Zypern"/>
        <s v="Quincy Jones"/>
        <s v="Sean Miller"/>
        <s v="Eileen Kiefer"/>
        <s v="Sample Company A"/>
        <s v="Matt Connell"/>
        <s v="Cassandra Brandow"/>
        <s v="Thomas Seio"/>
        <s v="Kristen Hastings"/>
        <s v="Gary McGarr"/>
        <s v="Craig Carroll"/>
        <s v="Beth Fritzler"/>
        <s v="Vivian Mathis"/>
        <s v="Patrick O'Donnell"/>
        <s v="Bruce Geld"/>
        <s v="Carlos Daly"/>
        <s v="Maurice Satty"/>
        <s v="Christina Anderson"/>
        <s v="Jonathan Doherty"/>
        <s v="Damala Kotsonis"/>
        <s v="Cindy Stewart"/>
        <s v="Christina VanderZanden"/>
        <s v="Daniel Raglin"/>
        <s v="Mike Pelletier"/>
        <s v="Mike Gockenbach"/>
        <s v="Kunst Miller"/>
        <s v="Dorris liebe"/>
        <s v="Susan Gilcrest"/>
        <s v="Mark Packer"/>
        <s v="Nat Carroll"/>
        <s v="Alex Avila"/>
        <s v="Jas O'Carroll"/>
        <s v="Dorothy Dickinson"/>
        <s v="Karen Bern"/>
        <s v="Trudy Glocke"/>
        <s v="Katharine Harms"/>
        <s v="Rob Dowd"/>
        <s v="Anna HÃ¤berlin"/>
        <s v="Katrina Edelman"/>
        <s v="Paul Knutson"/>
        <s v="Mary Zewe"/>
        <s v="Ken Black"/>
        <s v="Tracy Hopkins"/>
        <s v="Greg Maxwell"/>
        <s v="John Grady"/>
        <s v="Ruben Dartt"/>
        <s v="Roy Phan"/>
        <s v="Guy Phonely"/>
        <s v="Scott Cohen"/>
        <s v="Andy Yotov"/>
        <s v="Frank Hawley"/>
        <s v="Pauline Johnson"/>
        <s v="Roland Schwarz"/>
        <s v="Valerie Mitchum"/>
        <s v="Jim Mitchum"/>
        <s v="Ruben Ausman"/>
        <s v="Pauline Chand"/>
        <s v="John Stevenson"/>
        <s v="Jay Kimmel"/>
        <s v="Sanjit Engle"/>
        <s v="Gary Mitchum"/>
        <s v="Michelle Moray"/>
        <s v="Kean Nguyen"/>
        <s v="Stewart Visinsky"/>
        <s v="Edward Hooks"/>
        <s v="Ben Ferrer"/>
        <s v="Paul Stevenson"/>
        <s v="Stephanie Phelps"/>
        <s v="John Lee"/>
        <s v="Nicole Fjeld"/>
        <s v="Allen Goldenen"/>
        <s v="Benjamin Patterson"/>
        <s v="Allen Armold"/>
        <s v="Dorothy Badders"/>
        <s v="Aaron Hawkins"/>
        <s v="Theresa Swint"/>
        <s v="Laurel Beltran"/>
        <s v="Dianna Arnett"/>
        <s v="Lena Creighton"/>
        <s v="Beth Thompson"/>
        <s v="Aleksandra Gannaway"/>
        <s v="Marc Harrigan"/>
        <s v="Muhammed Yedwab"/>
        <s v="George Bell"/>
        <s v="Arianne Irving"/>
        <s v="David Smith"/>
        <s v="Lauren Leatherbury"/>
        <s v="Harry Greene"/>
        <s v="Laura Armstrong"/>
        <s v="Katherine Hughes"/>
        <s v="Justin MacKendrick"/>
        <s v="Andrew Roberts"/>
        <s v="Cari Schnelling"/>
        <s v="Joni Sundaresam"/>
        <s v="Nathan Cano"/>
        <s v="Paul MacIntyre"/>
        <s v="Andrew Allen"/>
        <s v="Bill Shonely"/>
        <s v="Peter Fuller"/>
        <s v="Emily Burns"/>
        <s v="Giulietta Dortch"/>
        <s v="Harold Pawlan"/>
        <s v="Steve Nguyen"/>
        <s v="Carol Triggs"/>
        <s v="Patrick Gardner"/>
        <s v="Sean Braxton"/>
        <s v="Art Foster"/>
        <s v="Greg Matthias"/>
        <s v="Paul Gonzalez"/>
        <s v="Raymond Messe"/>
        <s v="Brooke Gillingham"/>
        <s v="Victoria Wilson"/>
        <s v="Harold Dahlen"/>
        <s v="Alejandro Grove"/>
        <s v="Erica Hernandez"/>
        <s v="Naresj Patel"/>
        <s v="Anthony Johnson"/>
        <s v="Pauline Webber"/>
        <s v="Cindy Chapman"/>
        <s v="Pete Armstrong"/>
        <s v="Bruce Stewart"/>
        <s v="Ted Trevino"/>
        <s v="George Ashbrook"/>
        <s v="John Huston"/>
        <s v="Tamara Dahlen"/>
        <s v="Randy Ferguson"/>
        <s v="Matt Collister"/>
        <s v="Mitch Willingham"/>
        <s v="Bradley Talbott"/>
        <s v="Frank Gastineau"/>
        <s v="Evan Henry"/>
        <s v="Greg Tran"/>
        <s v="Resi PÃ¶lking"/>
        <s v="Janet Lee"/>
        <s v="Barry Weirich"/>
        <s v="Herbert Flentye"/>
        <s v="Dean percer"/>
        <s v="Maya Herman"/>
        <s v="Laurel Elliston"/>
        <s v="Patrick Jones"/>
        <s v="Magdelene Morse"/>
        <s v="Ellis Ballard"/>
        <s v="Shahid Shariari"/>
        <s v="James Galang"/>
        <s v="Laurel Workman"/>
        <s v="Mark Cousins"/>
        <s v="Jim Karlsson"/>
        <s v="Dianna Wilson"/>
        <s v="Corey Roper"/>
        <s v="Liz Thompson"/>
        <s v="Steven Cartwright"/>
        <s v="Ross Baird"/>
        <s v="Richard Eichhorn"/>
        <s v="Bobby Trafton"/>
        <s v="Bryan Mills"/>
        <s v="Grant Thornton"/>
        <s v="Sarah Bern"/>
        <s v="Valerie Takahito"/>
        <s v="Bart Pistole"/>
        <s v="Nick Radford"/>
        <s v="Carlos Soltero"/>
        <s v="Rick Duston"/>
        <s v="Brosina Hoffman"/>
        <s v="Carl Weiss"/>
        <s v="Chuck Magee"/>
        <s v="Frank Olsen"/>
        <s v="Heather Kirkland"/>
        <s v="Sharelle Roach"/>
        <s v="Kelly Lampkin"/>
        <s v="Pamela Stobb"/>
        <s v="Sonia Cooley"/>
        <s v="Duane Benoit"/>
        <s v="Gary Hwang"/>
        <s v="Jennifer Ferguson"/>
        <s v="Mick Crebagga"/>
        <s v="Corey-Lock"/>
        <s v="Natalie Webber"/>
        <s v="Toby Braunhardt"/>
        <s v="Joel Eaton"/>
        <s v="Dianna Vittorini"/>
        <s v="Anna Andreadi"/>
        <s v="Brian Stugart"/>
        <s v="Denise Leinenbach"/>
        <s v="Liz Pelletier"/>
        <s v="Noel Staavos"/>
        <s v="Grace Kelly"/>
        <s v="Liz MacKendrick"/>
        <s v="Cynthia Arntzen"/>
        <s v="Rob Williams"/>
        <s v="Dan Lawera"/>
        <s v="Helen Abelman"/>
        <s v="Russell Applegate"/>
        <s v="Anthony Rawles"/>
        <s v="Michael Stewart"/>
        <s v="Brian DeCherney"/>
        <s v="Eric Hoffmann"/>
        <s v="Maxwell Schwartz"/>
        <s v="Michael Chen"/>
        <s v="Dan Campbell"/>
        <s v="Dennis Pardue"/>
        <s v="Don Miller"/>
        <s v="Emily Phan"/>
        <s v="Becky Castell"/>
        <s v="Michelle Huthwaite"/>
        <s v="Ed Braxton"/>
        <s v="Brian Moss"/>
        <s v="Gary Hansen"/>
        <s v="Darrin Sayre"/>
        <s v="Mark Hamilton"/>
        <s v="Jamie Kunitz"/>
        <s v="Alyssa Crouse"/>
        <s v="Max Engle"/>
        <s v="Paul Van Hugh"/>
        <s v="Arthur Wiediger"/>
        <s v="Philip Brown"/>
        <s v="Shirley Schmidt"/>
        <s v="Barbara Fisher"/>
        <s v="Adrian Hane"/>
        <s v="Jack Lebron"/>
        <s v="Christine Abelman"/>
        <s v="Eugene Moren"/>
        <s v="Katherine Murray"/>
        <s v="Scot Wooten"/>
        <s v="Charles Crestani"/>
        <s v="Roger Demir"/>
        <s v="Michelle Ellison"/>
        <s v="Harry Marie"/>
        <s v="Erin Mull"/>
        <s v="Alejandro Ballentine"/>
        <s v="John Lucas"/>
        <s v="Arthur Gainer"/>
        <s v="Nick Crebassa"/>
        <s v="Ken Lonsdale"/>
        <s v="Carl Ludwig"/>
        <s v="Sheri Gordon"/>
        <s v="Luke Foster"/>
        <s v="Aaron Smayling"/>
        <s v="Barry Blumstein"/>
        <s v="Tom Stivers"/>
        <s v="Ivan Liston"/>
        <s v="Ann Steele"/>
        <s v="Nick Zandusky"/>
        <s v="Berenike Kampe"/>
        <s v="Valerie Dominguez"/>
        <s v="Chad Sievert"/>
        <s v="Sonia Sunley"/>
        <s v="Ricardo Sperren"/>
        <s v="Gary Zandusky"/>
        <s v="Roland Fjeld"/>
        <s v="Trudy Brown"/>
        <s v="Lena Radford"/>
        <s v="Maria Bertelson"/>
        <s v="Matt Abelman"/>
        <s v="Vivek Gonzalez"/>
        <s v="Andy Gerbode"/>
        <s v="Emily Ducich"/>
        <s v="Matthew Grinstein"/>
        <s v="Joseph Holt"/>
        <s v="Gene McClure"/>
        <s v="Charles Sheldon"/>
        <s v="Ben Wallace"/>
        <s v="Duane Huffman"/>
        <s v="Keith Herrera"/>
        <s v="Christine Sundaresam"/>
        <s v="Troy Staebel"/>
        <s v="Don Jones"/>
        <s v="Lena Hernandez"/>
        <s v="Craig Reiter"/>
        <s v="Deanra Eno"/>
        <s v="Jeremy Pistek"/>
        <s v="Rick Hansen"/>
        <s v="Robert Barroso"/>
        <s v="Arthur Prichep"/>
        <s v="Jennifer Patt"/>
        <s v="Dorothy Wardle"/>
        <s v="Ryan Crowe"/>
        <s v="Janet Molinari"/>
        <s v="Mitch Webber"/>
        <s v="Joe Elijah"/>
        <s v="Frank Merwin"/>
        <s v="Karl Braun"/>
        <s v="Paul Prost"/>
        <s v="Zuschuss Donatelli"/>
        <s v="Corey Catlett"/>
        <s v="Hilary Holden"/>
        <s v="Ryan Akin"/>
        <s v="Annie Thurman"/>
        <s v="Shirley Jackson"/>
        <s v="Larry Tron"/>
        <s v="Katherine Ducich"/>
        <s v="Mathew Reese"/>
        <s v="Nora Preis"/>
        <s v="Patrick Ryan"/>
        <s v="Victoria Pisteka"/>
        <s v="Dennis Kane"/>
        <s v="Sam Zeldin"/>
        <s v="Lisa Ryan"/>
        <s v="Becky Martin"/>
        <s v="Lisa Hazard"/>
        <s v="Karen Carlisle"/>
        <s v="Stefania Perrino"/>
        <s v="Marc Crier"/>
        <s v="Kean Takahito"/>
        <s v="Maribeth Schnelling"/>
        <s v="Rick Reed"/>
        <s v="Logan Currie"/>
        <s v="Daniel Lacy"/>
        <s v="Chris Cortes"/>
        <s v="Sandra Flanagan"/>
        <s v="Liz Willingham"/>
        <s v="Brad Norvell"/>
        <s v="Pete Takahito"/>
        <s v="Tom Ashbrook"/>
        <s v="Luke Weiss"/>
        <s v="Erin Ashbrook"/>
        <s v="Jessica Myrick"/>
        <s v="Odella Nelson"/>
        <s v="Jennifer Braxton"/>
        <s v="Astrea Jones"/>
        <s v="John Castell"/>
        <s v="Darrin Martin"/>
        <s v="Monica Federle"/>
        <s v="Anthony Garverick"/>
        <s v="Joseph Airdo"/>
        <s v="Frank Atkinson"/>
        <s v="Mike Caudle"/>
        <s v="Jim Kriz"/>
        <s v="Philip Fox"/>
        <s v="Erica Smith"/>
        <s v="Michelle Arnett"/>
        <s v="Duane Noonan"/>
        <s v="Sarah Brown"/>
        <s v="Henry Goldwyn"/>
        <s v="Jack Garza"/>
        <s v="Larry Hughes"/>
        <s v="Sara Luxemburg"/>
        <s v="Vivek Grady"/>
        <s v="Adam Shillingsburg"/>
        <s v="Thea Hudgings"/>
        <s v="Julie Prescott"/>
        <s v="Thomas Thornton"/>
        <s v="Julia Dunbar"/>
        <s v="Michelle Tran"/>
        <s v="Barry Franz"/>
        <s v="Nicole Brennan"/>
        <s v="Christopher Schild"/>
        <s v="Karen Ferguson"/>
        <s v="Thea Hendricks"/>
        <s v="George Zrebassa"/>
        <s v="Keith Dawkins"/>
        <s v="Suzanne McNair"/>
        <s v="Lisa DeCherney"/>
        <s v="Evan Bailliet"/>
        <s v="Kelly Williams"/>
        <s v="Doug Bickford"/>
        <s v="Dario Medina"/>
        <s v="Erin Smith"/>
        <s v="Beth Paige"/>
        <s v="Allen Rosenblatt"/>
        <s v="Denny Ordway"/>
        <s v="Russell D'Ascenzo"/>
        <s v="David Flashing"/>
        <s v="Joy Daniels"/>
        <s v="Brian Derr"/>
        <s v="Alice McCarthy"/>
        <s v="Tanja Norvell"/>
        <s v="Fred Chung"/>
        <s v="Jill Fjeld"/>
        <s v="Helen Andreada"/>
        <s v="Barry Pond"/>
        <s v="Zuschuss Carroll"/>
        <s v="Sibella Parks"/>
        <s v="Jim Epp"/>
        <s v="Hunter Glantz"/>
        <s v="Toby Carlisle"/>
        <s v="Anna Chung"/>
        <s v="Lynn Smith"/>
        <s v="Tracy Blumstein"/>
        <s v="Alan Schoenberger"/>
        <s v="Luke Schmidt"/>
        <s v="Ivan Gibson"/>
        <s v="Jeremy Farry"/>
        <s v="Rachel Payne"/>
        <s v="Eugene Hildebrand"/>
        <s v="Fred Hopkins"/>
        <s v="Lindsay Shagiari"/>
        <s v="Sylvia Foulston"/>
        <s v="Maureen Gastineau"/>
        <s v="Daniel Byrd"/>
        <s v="Angele Hood"/>
        <s v="Ross DeVincentis"/>
        <s v="Todd Sumrall"/>
        <s v="Bill Tyler"/>
        <s v="Noah Childs"/>
        <s v="Greg Guthrie"/>
        <s v="Anne McFarland"/>
        <s v="Amy Cox"/>
        <s v="Nancy Lomonaco"/>
        <s v="Ken Heidel"/>
        <s v="Paul Lucas"/>
        <s v="Deirdre Greer"/>
        <s v="Patrick O'Brill"/>
        <s v="Julie Kriz"/>
        <s v="Shahid Hopkins"/>
        <s v="Steven Ward"/>
        <s v="Denise Monton"/>
        <s v="Tracy Collins"/>
        <s v="MaryBeth Skach"/>
        <s v="William Brown"/>
        <s v="Tiffany House"/>
        <s v="Maribeth Dona"/>
        <s v="Barry Gonzalez"/>
        <s v="Tamara Chand"/>
        <s v="Benjamin Farhat"/>
        <s v="Pete Kriz"/>
        <s v="Tracy Zic"/>
        <s v="Karen Daniels"/>
        <s v="Roy FranzÃ¶sisch"/>
        <s v="Darren Budd"/>
        <s v="Maris LaWare"/>
        <s v="Jeremy Lonsdale"/>
        <s v="Candace McMahon"/>
        <s v="Robert Marley"/>
        <s v="Jamie Frazer"/>
        <s v="Peter BÃ¼hler"/>
        <s v="Rick Huthwaite"/>
        <s v="Adam Hart"/>
        <s v="Alan Barnes"/>
        <s v="Justin Deggeller"/>
        <s v="Yoseph Carroll"/>
        <s v="Randy Bradley"/>
        <s v="Pierre Wener"/>
        <s v="Ann Blume"/>
        <s v="Joe Kamberova"/>
        <s v="Julie Creighton"/>
        <s v="Michael Kennedy"/>
        <s v="John Murray"/>
        <s v="Georgia Rosenberg"/>
        <s v="Dennis Bolton"/>
        <s v="Alan Dominguez"/>
        <s v="Dave Hallsten"/>
        <s v="Jason Klamczynski"/>
        <s v="Steve Carroll"/>
        <s v="Tony Chapman"/>
        <s v="Susan Pistek"/>
        <s v="Saphhira Shifley"/>
        <s v="Phillip Breyer"/>
        <s v="Sally Matthias"/>
        <s v="Nathan Gelder"/>
        <s v="Harold Ryan"/>
        <s v="Darren Koutras"/>
        <s v="Nat Gilpin"/>
        <s v="Alyssa Tate"/>
        <s v="Andy Reiter"/>
        <s v="Bart Folk"/>
        <s v="Mary O'Rourke"/>
        <s v="Brian Thompson"/>
        <s v="Matthew Clasen"/>
        <s v="Bill Stewart"/>
        <s v="Alan Hwang"/>
        <s v="Toby Ritter"/>
        <s v="David Philippe"/>
        <s v="Michael Dominguez"/>
        <s v="Katherine Nockton"/>
        <s v="Matt Collins"/>
        <s v="Elizabeth Moffitt"/>
        <s v="Cathy Prescott"/>
        <s v="David Kendrick"/>
        <s v="Roy Collins"/>
        <s v="Nona Balk"/>
        <s v="Rob Lucas"/>
        <s v="Joni Blumstein"/>
        <s v="Frank Preis"/>
        <s v="Thomas Boland"/>
        <s v="Tim Brockman"/>
        <s v="Denny Joy"/>
        <s v="Sally Hughsby"/>
        <s v="Craig Yedwab"/>
        <s v="Logan Haushalter"/>
        <s v="Ralph Arnett"/>
        <s v="Kimberly Carter"/>
        <s v="Sung Shariari"/>
        <s v="Cari Sayre"/>
        <s v="Sung Pak"/>
        <s v="Chad Cunningham"/>
        <s v="Steve Chapman"/>
        <s v="Stefanie Holloman"/>
        <s v="Sean Christensen"/>
        <s v="Erin Creighton"/>
        <s v="Mike Kennedy"/>
        <s v="Irene Maddox"/>
        <s v="Penelope Sewall"/>
        <s v="Tony Sayre"/>
        <s v="Adrian Barton"/>
        <s v="Khloe Miller"/>
        <s v="Tamara Willingham"/>
        <s v="Sarah Foster"/>
        <s v="Craig Carreira"/>
        <s v="Clytie Kelty"/>
        <s v="Maureen Gnade"/>
        <s v="Thomas Brumley"/>
        <s v="Debra Catini"/>
        <s v="Michael Granlund"/>
        <s v="Ricardo Emerson"/>
        <s v="Ken Brennan"/>
        <s v="Maureen Fritzler"/>
        <s v="Alex Russell"/>
        <s v="Pamela Coakley"/>
        <s v="James Lanier"/>
        <s v="Claudia Bergmann"/>
        <s v="Amy Hunt"/>
        <s v="Andrew Gjertsen"/>
        <s v="Yana Sorensen"/>
        <s v="Cindy Schnelling"/>
        <s v="Karen Seio"/>
        <s v="Cyra Reiten"/>
        <s v="Rick Wilson"/>
        <s v="Trudy Schmidt"/>
        <s v="Lori Olson"/>
        <s v="Sarah Jordon"/>
        <s v="Guy Thornton"/>
        <s v="Lindsay Castell"/>
        <s v="Nora Paige"/>
        <s v="Tracy Poddar"/>
        <s v="Dave Kipp"/>
        <s v="Alan Haines"/>
        <s v="Jennifer Jackson"/>
        <s v="Dana Kaydos"/>
        <s v="Toby Gnade"/>
        <s v="Edward Becker"/>
        <s v="Christopher Martinez"/>
        <s v="Jeremy Ellison"/>
        <s v="Jesus Ocampo"/>
        <s v="Corinna Mitchell"/>
        <s v="Bart Watters"/>
        <s v="Julia West"/>
        <s v="Dean Braden"/>
        <s v="Fred Wasserman"/>
        <s v="Ben Peterman"/>
        <s v="Benjamin Venier"/>
        <s v="Chad McGuire"/>
        <s v="Michael Oakman"/>
        <s v="John Dryer"/>
        <s v="Robert Dilbeck"/>
        <s v="Anthony Witt"/>
        <s v="Heather Jas"/>
        <s v="Eugene Barchas"/>
        <s v="Theone Pippenger"/>
        <s v="Michael Paige"/>
        <s v="Olvera Toch"/>
        <s v="Juliana Krohn"/>
        <s v="Linda Southworth"/>
        <s v="Jane Waco"/>
        <s v="David Bremer"/>
        <s v="Julia Barnett"/>
        <s v="Lena Cacioppo"/>
        <s v="Stuart Van"/>
        <s v="Anna Gayman"/>
        <s v="Rose O'Brian"/>
        <s v="Justin Hirsh"/>
        <s v="Neil Knudson"/>
        <s v="Edward Nazzal"/>
        <s v="Brendan Dodson"/>
        <s v="Bill Donatelli"/>
        <s v="Muhammed Lee"/>
        <s v="Catherine Glotzbach"/>
        <s v="Becky Pak"/>
        <s v="Brenda Bowman"/>
        <s v="Eleni McCrary"/>
        <s v="Max Jones"/>
        <s v="Giulietta Baptist"/>
        <s v="Jonathan Howell"/>
        <s v="Frank Carlisle"/>
        <s v="Skye Norling"/>
        <s v="Stewart Carmichael"/>
        <s v="Shaun Weien"/>
        <s v="Cathy Hwang"/>
        <s v="Rob Haberlin"/>
        <s v="Bruce Degenhardt"/>
        <s v="Victor Preis"/>
        <s v="Kalyca Meade"/>
        <s v="Fred McMath"/>
        <s v="Victoria Brennan"/>
        <s v="Thais Sissman"/>
        <s v="Ralph Kennedy"/>
        <s v="Brad Eason"/>
        <s v="Parhena Norris"/>
        <s v="Eudokia Martin"/>
        <s v="Denny Blanton"/>
        <s v="Philisse Overcash"/>
        <s v="Tim Taslimi"/>
        <s v="Joni Wasserman"/>
        <s v="Shaun Chance"/>
        <s v="Dave Poirier"/>
        <s v="Roger Barcio"/>
        <s v="Fred Harton"/>
        <s v="Katrina Willman"/>
        <s v="Cathy Armstrong"/>
        <s v="Chuck Clark"/>
        <s v="Neoma Murray"/>
        <s v="Bobby Odegard"/>
        <s v="Ken Dana"/>
        <s v="Brendan Murry"/>
        <s v="Ann Chong"/>
        <s v="Meg O'Connel"/>
        <s v="Justin Ritter"/>
        <s v="Adam Bellavance"/>
        <s v="Charlotte Melton"/>
        <s v="Sanjit Jacobs"/>
        <s v="Carlos Meador"/>
        <s v="Dan Reichenbach"/>
        <s v="Bryan Spruell"/>
        <s v="Helen Wasserman"/>
        <s v="Eric Murdock"/>
        <s v="Henry MacAllister"/>
        <s v="Joel Jenkins"/>
        <s v="Gene Hale"/>
        <s v="Sean O'Donnell"/>
        <s v="Claire Gute"/>
        <s v="Jay Fein"/>
        <s v="Maribeth Yedwab"/>
        <s v="Sandra Glassco"/>
        <s v="Kelly Collister"/>
        <s v="Emily Grady"/>
        <s v="Christy Brittain"/>
        <s v="Meg Tillman"/>
        <s v="Doug O'Connell"/>
        <s v="Maria Zettner"/>
        <s v="Greg Hansen"/>
        <s v="Patrick Bzostek"/>
        <s v="Katrina Bavinger"/>
        <s v="Tom Prescott"/>
        <s v="Ritsa Hightower"/>
        <s v="Matt Hagelstein"/>
        <s v="Stephanie Ulpright"/>
        <s v="Art Ferguson"/>
        <s v="Tonja Turnell"/>
        <s v="Stuart Calhoun"/>
        <s v="Doug Jacobs"/>
        <s v="Peter McVee"/>
        <s v="Evan Minnotte"/>
        <s v="Elpida Rittenbach"/>
        <s v="Jim Radford"/>
        <s v="Dionis Lloyd"/>
        <s v="Brad Thomas"/>
        <s v="Bill Overfelt"/>
        <s v="Erica Bern"/>
        <s v="Joy Bell-"/>
        <s v="Bill Eplett"/>
        <s v="Todd Boyes"/>
        <s v="Harold Engle"/>
        <s v="Bobby Elias"/>
        <s v="Don Weiss"/>
        <s v="Jason Gross"/>
        <s v="Caroline Jumper"/>
        <s v="Bryan Davis"/>
        <s v="Henia Zydlo"/>
        <s v="Susan Vittorini"/>
        <s v="Janet Martin"/>
        <s v="Raymond Buch"/>
        <s v="Sean Wendt"/>
        <s v="Jill Matthias"/>
        <s v="Clay Rozendal"/>
        <s v="Ed Ludwig"/>
        <s v="Craig Leslie"/>
        <s v="Rob Beeghly"/>
        <s v="Chris McAfee"/>
        <s v="Susan MacKendrick"/>
        <s v="Lindsay Williams"/>
        <s v="Cynthia Voltz"/>
        <s v="Alejandro Savely"/>
        <s v="Christopher Conant"/>
        <s v="Robert Waldorf"/>
        <s v="Scot Coram"/>
        <s v="Liz Preis"/>
        <s v="Roy Skaria"/>
        <s v="Darrin Van Huff"/>
        <s v="Jim Sink"/>
        <s v="Ted Butterfield"/>
        <s v="Lela Donovan"/>
        <s v="Phillip Flathmann"/>
        <s v="Anemone Ratner"/>
        <s v="Larry Blacks"/>
        <s v="Alex Grayson"/>
        <s v="Max Ludwig"/>
        <s v="Anthony O'Donnell"/>
        <s v="Mick Hernandez"/>
        <s v="Charles McCrossin"/>
        <s v="Sung Chung"/>
        <s v="Adrian Shami"/>
        <s v="Ralph Ritter"/>
        <s v="Neola Schneider"/>
        <s v="Carol Darley"/>
        <s v="Sally Knutson"/>
        <s v="Justin Ellison"/>
        <s v="Carl Jackson"/>
        <s v="Roland Murray"/>
        <s v="Michelle Lonsdale"/>
        <s v="Tony Molinari"/>
        <s v="Mitch Gastineau"/>
        <s v="Clay Cheatham"/>
        <s v="Chuck Sachs"/>
        <s v="Jenna Caffey"/>
        <s v="Theresa Coyne"/>
        <s v="Patricia Hirasaki"/>
        <s v="Jocasta Rupert"/>
        <s v="Christina DeMoss"/>
      </sharedItems>
    </cacheField>
    <cacheField name="State" numFmtId="0">
      <sharedItems count="49">
        <s v="Texas"/>
        <s v="Illinois"/>
        <s v="Pennsylvania"/>
        <s v="California"/>
        <s v="Georgia"/>
        <s v="Kentucky"/>
        <s v="Virginia"/>
        <s v="Delaware"/>
        <s v="Louisiana"/>
        <s v="South Carolina"/>
        <s v="Ohio"/>
        <s v="Oregon"/>
        <s v="Arizona"/>
        <s v="Arkansas"/>
        <s v="Michigan"/>
        <s v="Tennessee"/>
        <s v="Florida"/>
        <s v="Nevada"/>
        <s v="Indiana"/>
        <s v="South Dakota"/>
        <s v="New York"/>
        <s v="Wisconsin"/>
        <s v="Washington"/>
        <s v="New Jersey"/>
        <s v="Missouri"/>
        <s v="North Carolina"/>
        <s v="Colorado"/>
        <s v="Utah"/>
        <s v="Minnesota"/>
        <s v="Mississippi"/>
        <s v="Iowa"/>
        <s v="New Mexico"/>
        <s v="Massachusetts"/>
        <s v="Alabama"/>
        <s v="Idaho"/>
        <s v="Montana"/>
        <s v="Maryland"/>
        <s v="Connecticut"/>
        <s v="New Hampshire"/>
        <s v="Oklahoma"/>
        <s v="Nebraska"/>
        <s v="Maine"/>
        <s v="Kansas"/>
        <s v="Rhode Island"/>
        <s v="District of Columbia"/>
        <s v="Vermont"/>
        <s v="Wyoming"/>
        <s v="North Dakota"/>
        <s v="West Virginia"/>
      </sharedItems>
    </cacheField>
    <cacheField name="Category" numFmtId="0">
      <sharedItems count="3">
        <s v="Office Supplies"/>
        <s v="Furniture"/>
        <s v="Technology"/>
      </sharedItems>
    </cacheField>
    <cacheField name="Sub-Category" numFmtId="0">
      <sharedItems count="17">
        <s v="Paper"/>
        <s v="Labels"/>
        <s v="Storage"/>
        <s v="Binders"/>
        <s v="Art"/>
        <s v="Chairs"/>
        <s v="Phones"/>
        <s v="Fasteners"/>
        <s v="Furnishings"/>
        <s v="Accessories"/>
        <s v="Envelopes"/>
        <s v="Bookcases"/>
        <s v="Appliances"/>
        <s v="Tables"/>
        <s v="Supplies"/>
        <s v="Machines"/>
        <s v="Copiers"/>
      </sharedItems>
    </cacheField>
    <cacheField name="Product Name" numFmtId="0">
      <sharedItems/>
    </cacheField>
    <cacheField name="Sales" numFmtId="0">
      <sharedItems containsSemiMixedTypes="0" containsString="0" containsNumber="1" minValue="0.44" maxValue="22638.48"/>
    </cacheField>
    <cacheField name="Quantity" numFmtId="0">
      <sharedItems containsSemiMixedTypes="0" containsString="0" containsNumber="1" containsInteger="1" minValue="1" maxValue="14"/>
    </cacheField>
    <cacheField name="Profit" numFmtId="0">
      <sharedItems containsSemiMixedTypes="0" containsString="0" containsNumber="1" minValue="-6599.98" maxValue="8399.98"/>
    </cacheField>
  </cacheFields>
  <extLst>
    <ext xmlns:x14="http://schemas.microsoft.com/office/spreadsheetml/2009/9/main" uri="{725AE2AE-9491-48be-B2B4-4EB974FC3084}">
      <x14:pivotCacheDefinition pivotCacheId="1700745610"/>
    </ext>
  </extLst>
</pivotCacheDefinition>
</file>

<file path=xl/pivotCache/pivotCacheDefinition2.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r:id="rId1" refreshedBy="sonia kaur" refreshedDate="45086.751953472223" createdVersion="8" refreshedVersion="8" minRefreshableVersion="3" recordCount="2499" xr:uid="{00000000-000A-0000-FFFF-FFFF1B000000}">
  <cacheSource type="worksheet">
    <worksheetSource ref="A1:B2500" sheet="Sheet7"/>
  </cacheSource>
  <cacheFields count="2">
    <cacheField name="year" numFmtId="1">
      <sharedItems containsSemiMixedTypes="0" containsString="0" containsNumber="1" containsInteger="1" minValue="2014" maxValue="2017" count="4">
        <n v="2014"/>
        <n v="2015"/>
        <n v="2016"/>
        <n v="2017"/>
      </sharedItems>
    </cacheField>
    <cacheField name="Customer Name" numFmtId="0">
      <sharedItems/>
    </cacheField>
  </cacheFields>
  <extLst>
    <ext xmlns:x14="http://schemas.microsoft.com/office/spreadsheetml/2009/9/main" uri="{725AE2AE-9491-48be-B2B4-4EB974FC3084}">
      <x14:pivotCacheDefinition/>
    </ext>
  </extLst>
</pivotCacheDefinition>
</file>

<file path=xl/pivotCache/pivotCacheRecords1.xml><?xml version="1.0" encoding="utf-8"?>
<pivotCacheRecords xmlns="http://schemas.openxmlformats.org/spreadsheetml/2006/main" xmlns:r="http://schemas.openxmlformats.org/officeDocument/2006/relationships" xmlns:mc="http://schemas.openxmlformats.org/markup-compatibility/2006" xmlns:xr="http://schemas.microsoft.com/office/spreadsheetml/2014/revision" mc:Ignorable="xr" count="9993">
  <r>
    <d v="2014-01-03T00:00:00"/>
    <x v="0"/>
    <x v="0"/>
    <x v="0"/>
    <x v="0"/>
    <x v="0"/>
    <x v="0"/>
    <s v="Message Book, Wirebound, Four 5 1/2&quot; X 4&quot; Forms/Pg., 200 Dupl. Sets/Book"/>
    <n v="16.45"/>
    <n v="2"/>
    <n v="5.55"/>
  </r>
  <r>
    <d v="2014-01-04T00:00:00"/>
    <x v="0"/>
    <x v="0"/>
    <x v="1"/>
    <x v="1"/>
    <x v="0"/>
    <x v="1"/>
    <s v="Avery 508"/>
    <n v="11.78"/>
    <n v="3"/>
    <n v="4.2699999999999996"/>
  </r>
  <r>
    <d v="2014-01-04T00:00:00"/>
    <x v="0"/>
    <x v="0"/>
    <x v="1"/>
    <x v="1"/>
    <x v="0"/>
    <x v="2"/>
    <s v="SAFCO Boltless Steel Shelving"/>
    <n v="272.74"/>
    <n v="3"/>
    <n v="-64.77"/>
  </r>
  <r>
    <d v="2014-01-04T00:00:00"/>
    <x v="0"/>
    <x v="0"/>
    <x v="1"/>
    <x v="1"/>
    <x v="0"/>
    <x v="3"/>
    <s v="GBC Standard Plastic Binding Systems Combs"/>
    <n v="3.54"/>
    <n v="2"/>
    <n v="-5.49"/>
  </r>
  <r>
    <d v="2014-01-05T00:00:00"/>
    <x v="0"/>
    <x v="0"/>
    <x v="2"/>
    <x v="2"/>
    <x v="0"/>
    <x v="4"/>
    <s v="Avery Hi-Liter EverBold Pen Style Fluorescent Highlighters, 4/Pack"/>
    <n v="19.54"/>
    <n v="3"/>
    <n v="4.88"/>
  </r>
  <r>
    <d v="2014-01-06T00:00:00"/>
    <x v="0"/>
    <x v="0"/>
    <x v="3"/>
    <x v="3"/>
    <x v="0"/>
    <x v="0"/>
    <s v="Xerox 225"/>
    <n v="19.440000000000001"/>
    <n v="3"/>
    <n v="9.33"/>
  </r>
  <r>
    <d v="2014-01-06T00:00:00"/>
    <x v="0"/>
    <x v="0"/>
    <x v="4"/>
    <x v="4"/>
    <x v="0"/>
    <x v="4"/>
    <s v="Dixon Prang Watercolor Pencils, 10-Color Set with Brush"/>
    <n v="12.78"/>
    <n v="3"/>
    <n v="5.24"/>
  </r>
  <r>
    <d v="2014-01-06T00:00:00"/>
    <x v="0"/>
    <x v="0"/>
    <x v="5"/>
    <x v="5"/>
    <x v="1"/>
    <x v="5"/>
    <s v="Global Deluxe High-Back Manager's Chair"/>
    <n v="2573.8200000000002"/>
    <n v="9"/>
    <n v="746.41"/>
  </r>
  <r>
    <d v="2014-01-06T00:00:00"/>
    <x v="0"/>
    <x v="0"/>
    <x v="5"/>
    <x v="5"/>
    <x v="0"/>
    <x v="3"/>
    <s v="Ibico Hi-Tech Manual Binding System"/>
    <n v="609.98"/>
    <n v="2"/>
    <n v="274.49"/>
  </r>
  <r>
    <d v="2014-01-06T00:00:00"/>
    <x v="0"/>
    <x v="0"/>
    <x v="5"/>
    <x v="5"/>
    <x v="0"/>
    <x v="4"/>
    <s v="Rogers Handheld Barrel Pencil Sharpener"/>
    <n v="5.48"/>
    <n v="2"/>
    <n v="1.48"/>
  </r>
  <r>
    <d v="2014-01-06T00:00:00"/>
    <x v="0"/>
    <x v="0"/>
    <x v="5"/>
    <x v="5"/>
    <x v="2"/>
    <x v="6"/>
    <s v="GE 30524EE4"/>
    <n v="391.98"/>
    <n v="2"/>
    <n v="113.67"/>
  </r>
  <r>
    <d v="2014-01-06T00:00:00"/>
    <x v="0"/>
    <x v="0"/>
    <x v="5"/>
    <x v="5"/>
    <x v="2"/>
    <x v="6"/>
    <s v="Wireless Extenders zBoost YX545 SOHO Signal Booster"/>
    <n v="755.96"/>
    <n v="4"/>
    <n v="204.11"/>
  </r>
  <r>
    <d v="2014-01-06T00:00:00"/>
    <x v="0"/>
    <x v="0"/>
    <x v="5"/>
    <x v="5"/>
    <x v="0"/>
    <x v="7"/>
    <s v="Alliance Super-Size Bands, Assorted Sizes"/>
    <n v="31.12"/>
    <n v="4"/>
    <n v="0.31"/>
  </r>
  <r>
    <d v="2014-01-06T00:00:00"/>
    <x v="0"/>
    <x v="0"/>
    <x v="5"/>
    <x v="5"/>
    <x v="0"/>
    <x v="0"/>
    <s v="Southworth 25% Cotton Granite Paper &amp; Envelopes"/>
    <n v="6.54"/>
    <n v="1"/>
    <n v="3.01"/>
  </r>
  <r>
    <d v="2014-01-07T00:00:00"/>
    <x v="0"/>
    <x v="0"/>
    <x v="6"/>
    <x v="0"/>
    <x v="1"/>
    <x v="8"/>
    <s v="Howard Miller 14-1/2&quot; Diameter Chrome Round Wall Clock"/>
    <n v="76.73"/>
    <n v="3"/>
    <n v="-53.71"/>
  </r>
  <r>
    <d v="2014-01-07T00:00:00"/>
    <x v="0"/>
    <x v="0"/>
    <x v="6"/>
    <x v="0"/>
    <x v="0"/>
    <x v="3"/>
    <s v="Acco Four Pocket Poly Ring Binder with Label Holder, Smoke, 1&quot;"/>
    <n v="10.43"/>
    <n v="7"/>
    <n v="-18.25"/>
  </r>
  <r>
    <d v="2014-01-09T00:00:00"/>
    <x v="0"/>
    <x v="0"/>
    <x v="7"/>
    <x v="0"/>
    <x v="0"/>
    <x v="4"/>
    <s v="Newell 312"/>
    <n v="9.34"/>
    <n v="2"/>
    <n v="1.17"/>
  </r>
  <r>
    <d v="2014-01-09T00:00:00"/>
    <x v="0"/>
    <x v="0"/>
    <x v="7"/>
    <x v="0"/>
    <x v="2"/>
    <x v="9"/>
    <s v="Memorex Micro Travel Drive 8 GB"/>
    <n v="31.2"/>
    <n v="3"/>
    <n v="9.75"/>
  </r>
  <r>
    <d v="2014-01-10T00:00:00"/>
    <x v="0"/>
    <x v="0"/>
    <x v="8"/>
    <x v="6"/>
    <x v="0"/>
    <x v="1"/>
    <s v="Avery 482"/>
    <n v="2.89"/>
    <n v="1"/>
    <n v="1.36"/>
  </r>
  <r>
    <d v="2014-01-10T00:00:00"/>
    <x v="0"/>
    <x v="0"/>
    <x v="8"/>
    <x v="6"/>
    <x v="1"/>
    <x v="8"/>
    <s v="Howard Miller 11-1/2&quot; Diameter Ridgewood Wall Clock"/>
    <n v="51.94"/>
    <n v="1"/>
    <n v="21.3"/>
  </r>
  <r>
    <d v="2014-01-11T00:00:00"/>
    <x v="0"/>
    <x v="0"/>
    <x v="9"/>
    <x v="7"/>
    <x v="1"/>
    <x v="8"/>
    <s v="DAX Value U-Channel Document Frames, Easel Back"/>
    <n v="9.94"/>
    <n v="2"/>
    <n v="3.08"/>
  </r>
  <r>
    <d v="2014-01-13T00:00:00"/>
    <x v="0"/>
    <x v="0"/>
    <x v="10"/>
    <x v="8"/>
    <x v="0"/>
    <x v="10"/>
    <s v="Staple envelope"/>
    <n v="11.36"/>
    <n v="2"/>
    <n v="5.34"/>
  </r>
  <r>
    <d v="2014-01-13T00:00:00"/>
    <x v="0"/>
    <x v="0"/>
    <x v="10"/>
    <x v="8"/>
    <x v="0"/>
    <x v="10"/>
    <s v="Brown Kraft Recycled Envelopes"/>
    <n v="50.94"/>
    <n v="3"/>
    <n v="25.47"/>
  </r>
  <r>
    <d v="2014-01-13T00:00:00"/>
    <x v="0"/>
    <x v="0"/>
    <x v="10"/>
    <x v="8"/>
    <x v="2"/>
    <x v="9"/>
    <s v="Plantronics S12 Corded Telephone Headset System"/>
    <n v="646.74"/>
    <n v="6"/>
    <n v="258.7"/>
  </r>
  <r>
    <d v="2014-01-13T00:00:00"/>
    <x v="0"/>
    <x v="0"/>
    <x v="10"/>
    <x v="8"/>
    <x v="0"/>
    <x v="3"/>
    <s v="3-ring staple pack"/>
    <n v="5.64"/>
    <n v="3"/>
    <n v="2.71"/>
  </r>
  <r>
    <d v="2014-01-13T00:00:00"/>
    <x v="0"/>
    <x v="0"/>
    <x v="10"/>
    <x v="8"/>
    <x v="0"/>
    <x v="2"/>
    <s v="Fellowes Stor/Drawer Steel Plus Storage Drawers"/>
    <n v="572.58000000000004"/>
    <n v="6"/>
    <n v="34.35"/>
  </r>
  <r>
    <d v="2014-01-13T00:00:00"/>
    <x v="0"/>
    <x v="0"/>
    <x v="11"/>
    <x v="9"/>
    <x v="1"/>
    <x v="5"/>
    <s v="Global Highback Leather Tilter in Burgundy"/>
    <n v="545.94000000000005"/>
    <n v="6"/>
    <n v="87.35"/>
  </r>
  <r>
    <d v="2014-01-13T00:00:00"/>
    <x v="0"/>
    <x v="0"/>
    <x v="12"/>
    <x v="3"/>
    <x v="0"/>
    <x v="2"/>
    <s v="Tennsco 6- and 18-Compartment Lockers"/>
    <n v="1325.85"/>
    <n v="5"/>
    <n v="238.65"/>
  </r>
  <r>
    <d v="2014-01-13T00:00:00"/>
    <x v="0"/>
    <x v="0"/>
    <x v="12"/>
    <x v="3"/>
    <x v="1"/>
    <x v="11"/>
    <s v="O'Sullivan Elevations Bookcase, Cherry Finish"/>
    <n v="334"/>
    <n v="3"/>
    <n v="3.93"/>
  </r>
  <r>
    <d v="2014-01-13T00:00:00"/>
    <x v="0"/>
    <x v="0"/>
    <x v="12"/>
    <x v="3"/>
    <x v="0"/>
    <x v="4"/>
    <s v="4009 Highlighters by Sanford"/>
    <n v="19.899999999999999"/>
    <n v="5"/>
    <n v="6.57"/>
  </r>
  <r>
    <d v="2014-01-13T00:00:00"/>
    <x v="0"/>
    <x v="0"/>
    <x v="13"/>
    <x v="10"/>
    <x v="0"/>
    <x v="0"/>
    <s v="Xerox 1923"/>
    <n v="37.409999999999997"/>
    <n v="7"/>
    <n v="13.09"/>
  </r>
  <r>
    <d v="2014-01-13T00:00:00"/>
    <x v="0"/>
    <x v="0"/>
    <x v="13"/>
    <x v="10"/>
    <x v="0"/>
    <x v="3"/>
    <s v="Avery Metallic Poly Binders"/>
    <n v="3.44"/>
    <n v="2"/>
    <n v="-2.52"/>
  </r>
  <r>
    <d v="2014-01-14T00:00:00"/>
    <x v="0"/>
    <x v="0"/>
    <x v="14"/>
    <x v="2"/>
    <x v="1"/>
    <x v="11"/>
    <s v="Sauder Cornerstone Collection Library"/>
    <n v="61.96"/>
    <n v="4"/>
    <n v="-53.29"/>
  </r>
  <r>
    <d v="2014-01-15T00:00:00"/>
    <x v="0"/>
    <x v="0"/>
    <x v="15"/>
    <x v="4"/>
    <x v="2"/>
    <x v="9"/>
    <s v="Logitech 910-002974 M325 Wireless Mouse for Web Scrolling"/>
    <n v="149.94999999999999"/>
    <n v="5"/>
    <n v="65.98"/>
  </r>
  <r>
    <d v="2014-01-16T00:00:00"/>
    <x v="0"/>
    <x v="0"/>
    <x v="16"/>
    <x v="2"/>
    <x v="1"/>
    <x v="8"/>
    <s v="DAX Black Cherry Wood-Tone Poster Frame"/>
    <n v="127.1"/>
    <n v="6"/>
    <n v="28.6"/>
  </r>
  <r>
    <d v="2014-01-16T00:00:00"/>
    <x v="0"/>
    <x v="0"/>
    <x v="16"/>
    <x v="2"/>
    <x v="2"/>
    <x v="6"/>
    <s v="AT&amp;T 841000 Phone"/>
    <n v="124.2"/>
    <n v="3"/>
    <n v="-31.05"/>
  </r>
  <r>
    <d v="2014-01-16T00:00:00"/>
    <x v="0"/>
    <x v="0"/>
    <x v="16"/>
    <x v="2"/>
    <x v="0"/>
    <x v="3"/>
    <s v="GBC Linen Binding Covers"/>
    <n v="18.59"/>
    <n v="2"/>
    <n v="-13.63"/>
  </r>
  <r>
    <d v="2014-01-16T00:00:00"/>
    <x v="0"/>
    <x v="0"/>
    <x v="16"/>
    <x v="2"/>
    <x v="0"/>
    <x v="1"/>
    <s v="Round Specialty Laser Printer Labels"/>
    <n v="30.07"/>
    <n v="3"/>
    <n v="10.15"/>
  </r>
  <r>
    <d v="2014-01-18T00:00:00"/>
    <x v="0"/>
    <x v="0"/>
    <x v="17"/>
    <x v="11"/>
    <x v="0"/>
    <x v="12"/>
    <s v="Fellowes Mighty 8 Compact Surge Protector"/>
    <n v="64.86"/>
    <n v="4"/>
    <n v="6.49"/>
  </r>
  <r>
    <d v="2014-01-19T00:00:00"/>
    <x v="0"/>
    <x v="0"/>
    <x v="18"/>
    <x v="12"/>
    <x v="0"/>
    <x v="3"/>
    <s v="GBC Standard Recycled Report Covers, Clear Plastic Sheets"/>
    <n v="32.340000000000003"/>
    <n v="10"/>
    <n v="-23.72"/>
  </r>
  <r>
    <d v="2014-01-19T00:00:00"/>
    <x v="0"/>
    <x v="0"/>
    <x v="18"/>
    <x v="12"/>
    <x v="0"/>
    <x v="0"/>
    <s v="TOPS Carbonless Receipt Book, Four 2-3/4 x 7-1/4 Money Receipts per Page"/>
    <n v="56.06"/>
    <n v="4"/>
    <n v="19.62"/>
  </r>
  <r>
    <d v="2014-01-19T00:00:00"/>
    <x v="0"/>
    <x v="0"/>
    <x v="18"/>
    <x v="12"/>
    <x v="0"/>
    <x v="10"/>
    <s v="Tyvek  Top-Opening Peel &amp; Seel Envelopes, Plain White"/>
    <n v="108.72"/>
    <n v="5"/>
    <n v="36.69"/>
  </r>
  <r>
    <d v="2014-01-19T00:00:00"/>
    <x v="0"/>
    <x v="0"/>
    <x v="18"/>
    <x v="12"/>
    <x v="1"/>
    <x v="11"/>
    <s v="O'Sullivan 4-Shelf Bookcase in Odessa Pine"/>
    <n v="181.47"/>
    <n v="5"/>
    <n v="-320.60000000000002"/>
  </r>
  <r>
    <d v="2014-01-20T00:00:00"/>
    <x v="0"/>
    <x v="0"/>
    <x v="19"/>
    <x v="13"/>
    <x v="2"/>
    <x v="6"/>
    <s v="Apple iPhone 5C"/>
    <n v="699.93"/>
    <n v="7"/>
    <n v="181.98"/>
  </r>
  <r>
    <d v="2014-01-20T00:00:00"/>
    <x v="0"/>
    <x v="0"/>
    <x v="19"/>
    <x v="13"/>
    <x v="0"/>
    <x v="4"/>
    <s v="Newell 351"/>
    <n v="22.96"/>
    <n v="7"/>
    <n v="6.66"/>
  </r>
  <r>
    <d v="2014-01-20T00:00:00"/>
    <x v="0"/>
    <x v="0"/>
    <x v="19"/>
    <x v="13"/>
    <x v="1"/>
    <x v="8"/>
    <s v="Eldon Expressions Desk Accessory, Wood Pencil Holder, Oak"/>
    <n v="38.6"/>
    <n v="4"/>
    <n v="11.58"/>
  </r>
  <r>
    <d v="2014-01-20T00:00:00"/>
    <x v="0"/>
    <x v="0"/>
    <x v="19"/>
    <x v="13"/>
    <x v="0"/>
    <x v="4"/>
    <s v="Newell 327"/>
    <n v="6.63"/>
    <n v="3"/>
    <n v="1.79"/>
  </r>
  <r>
    <d v="2014-01-20T00:00:00"/>
    <x v="0"/>
    <x v="0"/>
    <x v="19"/>
    <x v="13"/>
    <x v="0"/>
    <x v="10"/>
    <s v="Staple envelope"/>
    <n v="23.34"/>
    <n v="3"/>
    <n v="10.97"/>
  </r>
  <r>
    <d v="2014-01-20T00:00:00"/>
    <x v="0"/>
    <x v="0"/>
    <x v="19"/>
    <x v="13"/>
    <x v="1"/>
    <x v="5"/>
    <s v="Hon 4700 Series Mobuis Mid-Back Task Chairs with Adjustable Arms"/>
    <n v="1067.94"/>
    <n v="3"/>
    <n v="224.27"/>
  </r>
  <r>
    <d v="2014-01-20T00:00:00"/>
    <x v="0"/>
    <x v="0"/>
    <x v="20"/>
    <x v="3"/>
    <x v="0"/>
    <x v="0"/>
    <s v="Wirebound Service Call Books, 5 1/2&quot; x 4&quot;"/>
    <n v="19.36"/>
    <n v="2"/>
    <n v="9.2899999999999991"/>
  </r>
  <r>
    <d v="2014-01-20T00:00:00"/>
    <x v="0"/>
    <x v="0"/>
    <x v="20"/>
    <x v="3"/>
    <x v="1"/>
    <x v="8"/>
    <s v="Eldon Expressions Desk Accessory, Wood Pencil Holder, Oak"/>
    <n v="19.3"/>
    <n v="2"/>
    <n v="5.79"/>
  </r>
  <r>
    <d v="2014-01-20T00:00:00"/>
    <x v="0"/>
    <x v="0"/>
    <x v="21"/>
    <x v="14"/>
    <x v="0"/>
    <x v="2"/>
    <s v="Eldon Fold 'N Roll Cart System"/>
    <n v="13.98"/>
    <n v="1"/>
    <n v="4.05"/>
  </r>
  <r>
    <d v="2014-01-20T00:00:00"/>
    <x v="0"/>
    <x v="0"/>
    <x v="21"/>
    <x v="14"/>
    <x v="1"/>
    <x v="8"/>
    <s v="Eldon ClusterMat Chair Mat with Cordless Antistatic Protection"/>
    <n v="272.94"/>
    <n v="3"/>
    <n v="30.02"/>
  </r>
  <r>
    <d v="2014-01-20T00:00:00"/>
    <x v="0"/>
    <x v="0"/>
    <x v="21"/>
    <x v="14"/>
    <x v="0"/>
    <x v="3"/>
    <s v="Acco Pressboard Covers with Storage Hooks, 9 1/2&quot; x 11&quot;, Executive Red"/>
    <n v="19.05"/>
    <n v="5"/>
    <n v="8.9499999999999993"/>
  </r>
  <r>
    <d v="2014-01-20T00:00:00"/>
    <x v="0"/>
    <x v="0"/>
    <x v="21"/>
    <x v="14"/>
    <x v="0"/>
    <x v="12"/>
    <s v="Holmes Replacement Filter for HEPA Air Cleaner, Very Large Room, HEPA Filter"/>
    <n v="247.72"/>
    <n v="4"/>
    <n v="93.58"/>
  </r>
  <r>
    <d v="2014-01-20T00:00:00"/>
    <x v="0"/>
    <x v="0"/>
    <x v="21"/>
    <x v="14"/>
    <x v="0"/>
    <x v="2"/>
    <s v="Fellowes Bases and Tops For Staxonsteel/High-Stak Systems"/>
    <n v="66.58"/>
    <n v="2"/>
    <n v="15.98"/>
  </r>
  <r>
    <d v="2014-01-20T00:00:00"/>
    <x v="0"/>
    <x v="0"/>
    <x v="21"/>
    <x v="14"/>
    <x v="0"/>
    <x v="4"/>
    <s v="Panasonic KP-4ABK Battery-Operated Pencil Sharpener"/>
    <n v="43.92"/>
    <n v="3"/>
    <n v="12.74"/>
  </r>
  <r>
    <d v="2014-01-20T00:00:00"/>
    <x v="0"/>
    <x v="0"/>
    <x v="21"/>
    <x v="14"/>
    <x v="1"/>
    <x v="8"/>
    <s v="Ultra Door Push Plate"/>
    <n v="14.73"/>
    <n v="3"/>
    <n v="4.8600000000000003"/>
  </r>
  <r>
    <d v="2014-01-20T00:00:00"/>
    <x v="0"/>
    <x v="0"/>
    <x v="21"/>
    <x v="14"/>
    <x v="0"/>
    <x v="3"/>
    <s v="Storex Dura Pro Binders"/>
    <n v="29.7"/>
    <n v="5"/>
    <n v="13.37"/>
  </r>
  <r>
    <d v="2014-01-20T00:00:00"/>
    <x v="0"/>
    <x v="0"/>
    <x v="22"/>
    <x v="15"/>
    <x v="0"/>
    <x v="3"/>
    <s v="GBC DocuBind TL200 Manual Binding Machine"/>
    <n v="67.19"/>
    <n v="1"/>
    <n v="-51.52"/>
  </r>
  <r>
    <d v="2014-01-21T00:00:00"/>
    <x v="0"/>
    <x v="0"/>
    <x v="23"/>
    <x v="16"/>
    <x v="1"/>
    <x v="8"/>
    <s v="Ultra Door Pull Handle"/>
    <n v="25.25"/>
    <n v="3"/>
    <n v="4.0999999999999996"/>
  </r>
  <r>
    <d v="2014-01-23T00:00:00"/>
    <x v="0"/>
    <x v="0"/>
    <x v="24"/>
    <x v="17"/>
    <x v="0"/>
    <x v="0"/>
    <s v="Xerox 195"/>
    <n v="40.08"/>
    <n v="6"/>
    <n v="19.239999999999998"/>
  </r>
  <r>
    <d v="2014-01-23T00:00:00"/>
    <x v="0"/>
    <x v="0"/>
    <x v="25"/>
    <x v="18"/>
    <x v="0"/>
    <x v="7"/>
    <s v="Alliance Big Bands Rubber Bands, 12/Pack"/>
    <n v="5.94"/>
    <n v="3"/>
    <n v="0"/>
  </r>
  <r>
    <d v="2014-01-26T00:00:00"/>
    <x v="0"/>
    <x v="0"/>
    <x v="26"/>
    <x v="6"/>
    <x v="1"/>
    <x v="8"/>
    <s v="GE General Use Halogen Bulbs, 100 Watts, 1 Bulb per Pack"/>
    <n v="62.82"/>
    <n v="3"/>
    <n v="30.78"/>
  </r>
  <r>
    <d v="2014-01-26T00:00:00"/>
    <x v="0"/>
    <x v="0"/>
    <x v="26"/>
    <x v="6"/>
    <x v="0"/>
    <x v="2"/>
    <s v="SAFCO Commercial Wire Shelving, 72h"/>
    <n v="489.92"/>
    <n v="8"/>
    <n v="0"/>
  </r>
  <r>
    <d v="2014-01-26T00:00:00"/>
    <x v="0"/>
    <x v="0"/>
    <x v="26"/>
    <x v="6"/>
    <x v="0"/>
    <x v="0"/>
    <s v="Eureka Recycled Copy Paper 8 1/2&quot; x 11&quot;, Ream"/>
    <n v="19.440000000000001"/>
    <n v="3"/>
    <n v="9.33"/>
  </r>
  <r>
    <d v="2014-01-26T00:00:00"/>
    <x v="0"/>
    <x v="0"/>
    <x v="26"/>
    <x v="6"/>
    <x v="0"/>
    <x v="0"/>
    <s v="REDIFORM Incoming/Outgoing Call Register, 11&quot; X 8 1/2&quot;, 100 Messages"/>
    <n v="16.68"/>
    <n v="2"/>
    <n v="8.34"/>
  </r>
  <r>
    <d v="2014-01-26T00:00:00"/>
    <x v="0"/>
    <x v="0"/>
    <x v="26"/>
    <x v="6"/>
    <x v="2"/>
    <x v="6"/>
    <s v="Macally Suction Cup Mount"/>
    <n v="155.35"/>
    <n v="13"/>
    <n v="0"/>
  </r>
  <r>
    <d v="2014-01-26T00:00:00"/>
    <x v="0"/>
    <x v="0"/>
    <x v="26"/>
    <x v="6"/>
    <x v="1"/>
    <x v="8"/>
    <s v="Eldon Image Series Black Desk Accessories"/>
    <n v="12.42"/>
    <n v="3"/>
    <n v="4.47"/>
  </r>
  <r>
    <d v="2014-01-26T00:00:00"/>
    <x v="0"/>
    <x v="0"/>
    <x v="26"/>
    <x v="6"/>
    <x v="2"/>
    <x v="6"/>
    <s v="Jabra SPEAK 410"/>
    <n v="187.98"/>
    <n v="2"/>
    <n v="52.63"/>
  </r>
  <r>
    <d v="2014-01-26T00:00:00"/>
    <x v="0"/>
    <x v="0"/>
    <x v="27"/>
    <x v="19"/>
    <x v="0"/>
    <x v="3"/>
    <s v="Wilson Jones 14 Line Acrylic Coated Pressboard Data Binders"/>
    <n v="10.68"/>
    <n v="2"/>
    <n v="5.0199999999999996"/>
  </r>
  <r>
    <d v="2014-01-26T00:00:00"/>
    <x v="0"/>
    <x v="0"/>
    <x v="27"/>
    <x v="19"/>
    <x v="1"/>
    <x v="11"/>
    <s v="Safco Value Mate Series Steel Bookcases, Baked Enamel Finish on Steel, Gray"/>
    <n v="141.96"/>
    <n v="2"/>
    <n v="39.75"/>
  </r>
  <r>
    <d v="2014-01-27T00:00:00"/>
    <x v="0"/>
    <x v="0"/>
    <x v="28"/>
    <x v="3"/>
    <x v="0"/>
    <x v="2"/>
    <s v="Recycled Steel Personal File for Hanging File Folders"/>
    <n v="57.23"/>
    <n v="1"/>
    <n v="14.31"/>
  </r>
  <r>
    <d v="2014-01-27T00:00:00"/>
    <x v="0"/>
    <x v="0"/>
    <x v="28"/>
    <x v="3"/>
    <x v="1"/>
    <x v="13"/>
    <s v="Balt Split Level Computer Training Table"/>
    <n v="333"/>
    <n v="3"/>
    <n v="-16.649999999999999"/>
  </r>
  <r>
    <d v="2014-01-27T00:00:00"/>
    <x v="0"/>
    <x v="0"/>
    <x v="28"/>
    <x v="3"/>
    <x v="0"/>
    <x v="4"/>
    <s v="Dixon Ticonderoga Core-Lock Colored Pencils"/>
    <n v="36.44"/>
    <n v="4"/>
    <n v="12.03"/>
  </r>
  <r>
    <d v="2014-01-28T00:00:00"/>
    <x v="0"/>
    <x v="0"/>
    <x v="29"/>
    <x v="20"/>
    <x v="0"/>
    <x v="3"/>
    <s v="Pressboard Covers with Storage Hooks, 9 1/2&quot; x 11&quot;, Light Blue"/>
    <n v="3.93"/>
    <n v="1"/>
    <n v="1.33"/>
  </r>
  <r>
    <d v="2014-01-30T00:00:00"/>
    <x v="0"/>
    <x v="0"/>
    <x v="30"/>
    <x v="14"/>
    <x v="0"/>
    <x v="0"/>
    <s v="Xerox 1972"/>
    <n v="10.56"/>
    <n v="2"/>
    <n v="4.75"/>
  </r>
  <r>
    <d v="2014-01-30T00:00:00"/>
    <x v="0"/>
    <x v="0"/>
    <x v="30"/>
    <x v="14"/>
    <x v="0"/>
    <x v="2"/>
    <s v="Space Solutions HD Industrial Steel Shelving."/>
    <n v="229.94"/>
    <n v="2"/>
    <n v="6.9"/>
  </r>
  <r>
    <d v="2014-01-31T00:00:00"/>
    <x v="0"/>
    <x v="0"/>
    <x v="31"/>
    <x v="3"/>
    <x v="1"/>
    <x v="11"/>
    <s v="Sauder Facets Collection Library, Sky Alder Finish"/>
    <n v="290.67"/>
    <n v="2"/>
    <n v="3.42"/>
  </r>
  <r>
    <d v="2014-02-01T00:00:00"/>
    <x v="1"/>
    <x v="0"/>
    <x v="32"/>
    <x v="21"/>
    <x v="2"/>
    <x v="9"/>
    <s v="Enermax Aurora Lite Keyboard"/>
    <n v="468.9"/>
    <n v="6"/>
    <n v="206.32"/>
  </r>
  <r>
    <d v="2014-02-02T00:00:00"/>
    <x v="1"/>
    <x v="0"/>
    <x v="33"/>
    <x v="3"/>
    <x v="0"/>
    <x v="7"/>
    <s v="Staples"/>
    <n v="12.35"/>
    <n v="5"/>
    <n v="5.8"/>
  </r>
  <r>
    <d v="2014-02-02T00:00:00"/>
    <x v="1"/>
    <x v="0"/>
    <x v="34"/>
    <x v="16"/>
    <x v="0"/>
    <x v="3"/>
    <s v="Surelock Post Binders"/>
    <n v="18.34"/>
    <n v="2"/>
    <n v="-12.22"/>
  </r>
  <r>
    <d v="2014-02-02T00:00:00"/>
    <x v="1"/>
    <x v="0"/>
    <x v="34"/>
    <x v="16"/>
    <x v="2"/>
    <x v="6"/>
    <s v="AT&amp;T 17929 Lendline Telephone"/>
    <n v="180.96"/>
    <n v="5"/>
    <n v="13.57"/>
  </r>
  <r>
    <d v="2014-02-03T00:00:00"/>
    <x v="1"/>
    <x v="0"/>
    <x v="23"/>
    <x v="22"/>
    <x v="0"/>
    <x v="3"/>
    <s v="Ibico Laser Imprintable Binding System Covers"/>
    <n v="83.84"/>
    <n v="2"/>
    <n v="27.25"/>
  </r>
  <r>
    <d v="2014-02-03T00:00:00"/>
    <x v="1"/>
    <x v="0"/>
    <x v="23"/>
    <x v="22"/>
    <x v="0"/>
    <x v="3"/>
    <s v="Avery Durable Poly Binders"/>
    <n v="13.27"/>
    <n v="3"/>
    <n v="4.3099999999999996"/>
  </r>
  <r>
    <d v="2014-02-04T00:00:00"/>
    <x v="1"/>
    <x v="0"/>
    <x v="35"/>
    <x v="3"/>
    <x v="0"/>
    <x v="3"/>
    <s v="GBC Recycled Grain Textured Covers"/>
    <n v="82.9"/>
    <n v="3"/>
    <n v="29.01"/>
  </r>
  <r>
    <d v="2014-02-04T00:00:00"/>
    <x v="1"/>
    <x v="0"/>
    <x v="35"/>
    <x v="3"/>
    <x v="0"/>
    <x v="0"/>
    <s v="Message Book, Standard Line &quot;While You Were Out&quot;, 5 1/2&quot; X 4&quot;, 200 Sets/Book"/>
    <n v="34.24"/>
    <n v="4"/>
    <n v="16.09"/>
  </r>
  <r>
    <d v="2014-02-04T00:00:00"/>
    <x v="1"/>
    <x v="0"/>
    <x v="36"/>
    <x v="3"/>
    <x v="0"/>
    <x v="3"/>
    <s v="GBC Standard Recycled Report Covers, Clear Plastic Sheets"/>
    <n v="17.25"/>
    <n v="2"/>
    <n v="6.04"/>
  </r>
  <r>
    <d v="2014-02-06T00:00:00"/>
    <x v="1"/>
    <x v="0"/>
    <x v="37"/>
    <x v="6"/>
    <x v="0"/>
    <x v="1"/>
    <s v="Avery 480"/>
    <n v="15"/>
    <n v="4"/>
    <n v="7.2"/>
  </r>
  <r>
    <d v="2014-02-06T00:00:00"/>
    <x v="1"/>
    <x v="0"/>
    <x v="37"/>
    <x v="6"/>
    <x v="2"/>
    <x v="6"/>
    <s v="Aastra 57i VoIP phone"/>
    <n v="161.61000000000001"/>
    <n v="1"/>
    <n v="42.02"/>
  </r>
  <r>
    <d v="2014-02-06T00:00:00"/>
    <x v="1"/>
    <x v="0"/>
    <x v="37"/>
    <x v="6"/>
    <x v="2"/>
    <x v="6"/>
    <s v="AT&amp;T CL82213"/>
    <n v="144.94999999999999"/>
    <n v="5"/>
    <n v="42.04"/>
  </r>
  <r>
    <d v="2014-02-06T00:00:00"/>
    <x v="1"/>
    <x v="0"/>
    <x v="16"/>
    <x v="1"/>
    <x v="0"/>
    <x v="3"/>
    <s v="Avery Flip-Chart Easel Binder, Black"/>
    <n v="8.9499999999999993"/>
    <n v="2"/>
    <n v="-14.77"/>
  </r>
  <r>
    <d v="2014-02-07T00:00:00"/>
    <x v="1"/>
    <x v="0"/>
    <x v="38"/>
    <x v="23"/>
    <x v="2"/>
    <x v="9"/>
    <s v="Maxell DVD-RAM Discs"/>
    <n v="115.36"/>
    <n v="7"/>
    <n v="49.6"/>
  </r>
  <r>
    <d v="2014-02-07T00:00:00"/>
    <x v="1"/>
    <x v="0"/>
    <x v="10"/>
    <x v="20"/>
    <x v="0"/>
    <x v="2"/>
    <s v="Acco Perma 4000 Stacking Storage Drawers"/>
    <n v="64.959999999999994"/>
    <n v="4"/>
    <n v="9.74"/>
  </r>
  <r>
    <d v="2014-02-08T00:00:00"/>
    <x v="1"/>
    <x v="0"/>
    <x v="39"/>
    <x v="17"/>
    <x v="1"/>
    <x v="8"/>
    <s v="Master Caster Door Stop, Large Brown"/>
    <n v="14.56"/>
    <n v="2"/>
    <n v="5.53"/>
  </r>
  <r>
    <d v="2014-02-11T00:00:00"/>
    <x v="1"/>
    <x v="0"/>
    <x v="40"/>
    <x v="6"/>
    <x v="2"/>
    <x v="9"/>
    <s v="Enermax Aurora Lite Keyboard"/>
    <n v="234.45"/>
    <n v="3"/>
    <n v="103.16"/>
  </r>
  <r>
    <d v="2014-02-11T00:00:00"/>
    <x v="1"/>
    <x v="0"/>
    <x v="40"/>
    <x v="6"/>
    <x v="1"/>
    <x v="13"/>
    <s v="Hon 2111 Invitation Series Corner Table"/>
    <n v="1256.22"/>
    <n v="6"/>
    <n v="75.37"/>
  </r>
  <r>
    <d v="2014-02-11T00:00:00"/>
    <x v="1"/>
    <x v="0"/>
    <x v="40"/>
    <x v="6"/>
    <x v="0"/>
    <x v="3"/>
    <s v="Wilson Jones Leather-Like Binders with DublLock Round Rings"/>
    <n v="17.46"/>
    <n v="2"/>
    <n v="8.2100000000000009"/>
  </r>
  <r>
    <d v="2014-02-11T00:00:00"/>
    <x v="1"/>
    <x v="0"/>
    <x v="41"/>
    <x v="24"/>
    <x v="1"/>
    <x v="5"/>
    <s v="Global Value Mid-Back Manager's Chair, Gray"/>
    <n v="60.89"/>
    <n v="1"/>
    <n v="15.22"/>
  </r>
  <r>
    <d v="2014-02-11T00:00:00"/>
    <x v="1"/>
    <x v="0"/>
    <x v="41"/>
    <x v="24"/>
    <x v="0"/>
    <x v="1"/>
    <s v="Avery 483"/>
    <n v="14.94"/>
    <n v="3"/>
    <n v="6.87"/>
  </r>
  <r>
    <d v="2014-02-11T00:00:00"/>
    <x v="1"/>
    <x v="0"/>
    <x v="41"/>
    <x v="24"/>
    <x v="0"/>
    <x v="3"/>
    <s v="Wilson Jones Turn Tabs Binder Tool for Ring Binders"/>
    <n v="9.64"/>
    <n v="2"/>
    <n v="4.43"/>
  </r>
  <r>
    <d v="2014-02-11T00:00:00"/>
    <x v="1"/>
    <x v="0"/>
    <x v="41"/>
    <x v="24"/>
    <x v="1"/>
    <x v="8"/>
    <s v="Rubbermaid ClusterMat Chairmats, Mat Size- 66&quot; x 60&quot;, Lip 20&quot; x 11&quot; -90 Degree Angle"/>
    <n v="332.94"/>
    <n v="3"/>
    <n v="53.27"/>
  </r>
  <r>
    <d v="2014-02-11T00:00:00"/>
    <x v="1"/>
    <x v="0"/>
    <x v="41"/>
    <x v="24"/>
    <x v="0"/>
    <x v="3"/>
    <s v="VariCap6 Expandable Binder"/>
    <n v="51.9"/>
    <n v="3"/>
    <n v="24.39"/>
  </r>
  <r>
    <d v="2014-02-11T00:00:00"/>
    <x v="1"/>
    <x v="0"/>
    <x v="41"/>
    <x v="24"/>
    <x v="0"/>
    <x v="2"/>
    <s v="Fellowes Neat Ideas Storage Cubes"/>
    <n v="64.959999999999994"/>
    <n v="2"/>
    <n v="2.6"/>
  </r>
  <r>
    <d v="2014-02-12T00:00:00"/>
    <x v="1"/>
    <x v="0"/>
    <x v="42"/>
    <x v="3"/>
    <x v="1"/>
    <x v="5"/>
    <s v="Global Geo Office Task Chair, Gray"/>
    <n v="129.57"/>
    <n v="2"/>
    <n v="-24.29"/>
  </r>
  <r>
    <d v="2014-02-14T00:00:00"/>
    <x v="1"/>
    <x v="0"/>
    <x v="43"/>
    <x v="0"/>
    <x v="0"/>
    <x v="0"/>
    <s v="Memo Book, 100 Message Capacity, 5 3/8Â” x 11Â”"/>
    <n v="16.18"/>
    <n v="3"/>
    <n v="6.07"/>
  </r>
  <r>
    <d v="2014-02-14T00:00:00"/>
    <x v="1"/>
    <x v="0"/>
    <x v="44"/>
    <x v="22"/>
    <x v="2"/>
    <x v="9"/>
    <s v="Logitech G600 MMO Gaming Mouse"/>
    <n v="239.97"/>
    <n v="3"/>
    <n v="86.39"/>
  </r>
  <r>
    <d v="2014-02-14T00:00:00"/>
    <x v="1"/>
    <x v="0"/>
    <x v="44"/>
    <x v="22"/>
    <x v="0"/>
    <x v="12"/>
    <s v="Belkin 8 Outlet Surge Protector"/>
    <n v="81.96"/>
    <n v="2"/>
    <n v="22.95"/>
  </r>
  <r>
    <d v="2014-02-14T00:00:00"/>
    <x v="1"/>
    <x v="0"/>
    <x v="44"/>
    <x v="22"/>
    <x v="0"/>
    <x v="14"/>
    <s v="Compact Automatic Electric Letter Opener"/>
    <n v="238.62"/>
    <n v="2"/>
    <n v="4.7699999999999996"/>
  </r>
  <r>
    <d v="2014-02-15T00:00:00"/>
    <x v="1"/>
    <x v="0"/>
    <x v="45"/>
    <x v="22"/>
    <x v="0"/>
    <x v="3"/>
    <s v="Pressboard Data Binders by Wilson Jones"/>
    <n v="21.36"/>
    <n v="5"/>
    <n v="7.21"/>
  </r>
  <r>
    <d v="2014-02-16T00:00:00"/>
    <x v="1"/>
    <x v="0"/>
    <x v="46"/>
    <x v="0"/>
    <x v="0"/>
    <x v="3"/>
    <s v="Wilson Jones Easy Flow II Sheet Lifters"/>
    <n v="1.08"/>
    <n v="3"/>
    <n v="-1.73"/>
  </r>
  <r>
    <d v="2014-02-16T00:00:00"/>
    <x v="1"/>
    <x v="0"/>
    <x v="46"/>
    <x v="0"/>
    <x v="0"/>
    <x v="12"/>
    <s v="Holmes Cool Mist Humidifier for the Whole House with 8-Gallon Output per Day, Extended Life Filter"/>
    <n v="7.96"/>
    <n v="2"/>
    <n v="-13.93"/>
  </r>
  <r>
    <d v="2014-02-17T00:00:00"/>
    <x v="1"/>
    <x v="0"/>
    <x v="16"/>
    <x v="1"/>
    <x v="0"/>
    <x v="4"/>
    <s v="Staples in misc. colors"/>
    <n v="54.21"/>
    <n v="14"/>
    <n v="8.81"/>
  </r>
  <r>
    <d v="2014-02-18T00:00:00"/>
    <x v="1"/>
    <x v="0"/>
    <x v="47"/>
    <x v="0"/>
    <x v="1"/>
    <x v="8"/>
    <s v="DAX Copper Panel Document Frame, 5 x 7 Size"/>
    <n v="25.16"/>
    <n v="5"/>
    <n v="-11.32"/>
  </r>
  <r>
    <d v="2014-02-18T00:00:00"/>
    <x v="1"/>
    <x v="0"/>
    <x v="48"/>
    <x v="0"/>
    <x v="0"/>
    <x v="2"/>
    <s v="Akro Stacking Bins"/>
    <n v="12.62"/>
    <n v="2"/>
    <n v="-2.52"/>
  </r>
  <r>
    <d v="2014-02-20T00:00:00"/>
    <x v="1"/>
    <x v="0"/>
    <x v="49"/>
    <x v="18"/>
    <x v="2"/>
    <x v="9"/>
    <s v="Enermax Briskie RF Wireless Keyboard and Mouse Combo"/>
    <n v="62.31"/>
    <n v="3"/>
    <n v="22.43"/>
  </r>
  <r>
    <d v="2014-02-20T00:00:00"/>
    <x v="1"/>
    <x v="0"/>
    <x v="49"/>
    <x v="18"/>
    <x v="1"/>
    <x v="8"/>
    <s v="Master Caster Door Stop, Brown"/>
    <n v="20.32"/>
    <n v="4"/>
    <n v="6.91"/>
  </r>
  <r>
    <d v="2014-02-20T00:00:00"/>
    <x v="1"/>
    <x v="0"/>
    <x v="50"/>
    <x v="3"/>
    <x v="0"/>
    <x v="0"/>
    <s v="Xerox 204"/>
    <n v="12.96"/>
    <n v="2"/>
    <n v="6.22"/>
  </r>
  <r>
    <d v="2014-02-21T00:00:00"/>
    <x v="1"/>
    <x v="0"/>
    <x v="51"/>
    <x v="1"/>
    <x v="0"/>
    <x v="3"/>
    <s v="GBC Standard Plastic Binding Systems Combs"/>
    <n v="8.85"/>
    <n v="5"/>
    <n v="-13.72"/>
  </r>
  <r>
    <d v="2014-02-22T00:00:00"/>
    <x v="1"/>
    <x v="0"/>
    <x v="52"/>
    <x v="3"/>
    <x v="0"/>
    <x v="0"/>
    <s v="Xerox 220"/>
    <n v="19.440000000000001"/>
    <n v="3"/>
    <n v="9.33"/>
  </r>
  <r>
    <d v="2014-02-23T00:00:00"/>
    <x v="1"/>
    <x v="0"/>
    <x v="53"/>
    <x v="0"/>
    <x v="0"/>
    <x v="1"/>
    <s v="Staple-on labels"/>
    <n v="6.94"/>
    <n v="3"/>
    <n v="2.34"/>
  </r>
  <r>
    <d v="2014-02-23T00:00:00"/>
    <x v="1"/>
    <x v="0"/>
    <x v="53"/>
    <x v="0"/>
    <x v="0"/>
    <x v="3"/>
    <s v="GBC Plastic Binding Combs"/>
    <n v="4.43"/>
    <n v="3"/>
    <n v="-6.86"/>
  </r>
  <r>
    <d v="2014-02-24T00:00:00"/>
    <x v="1"/>
    <x v="0"/>
    <x v="54"/>
    <x v="11"/>
    <x v="0"/>
    <x v="0"/>
    <s v="Message Book, Wirebound, Four 5 1/2&quot; X 4&quot; Forms/Pg., 200 Dupl. Sets/Book"/>
    <n v="32.9"/>
    <n v="4"/>
    <n v="11.1"/>
  </r>
  <r>
    <d v="2014-02-24T00:00:00"/>
    <x v="1"/>
    <x v="0"/>
    <x v="54"/>
    <x v="11"/>
    <x v="0"/>
    <x v="0"/>
    <s v="TOPS 4 x 6 Fluorescent Color Memo Sheets, 500 Sheets per Pack"/>
    <n v="22.78"/>
    <n v="3"/>
    <n v="7.69"/>
  </r>
  <r>
    <d v="2014-02-27T00:00:00"/>
    <x v="1"/>
    <x v="0"/>
    <x v="55"/>
    <x v="10"/>
    <x v="0"/>
    <x v="4"/>
    <s v="Zebra Zazzle Fluorescent Highlighters"/>
    <n v="19.46"/>
    <n v="4"/>
    <n v="3.4"/>
  </r>
  <r>
    <d v="2014-03-01T00:00:00"/>
    <x v="2"/>
    <x v="0"/>
    <x v="56"/>
    <x v="22"/>
    <x v="1"/>
    <x v="5"/>
    <s v="Global Deluxe High-Back Manager's Chair"/>
    <n v="457.57"/>
    <n v="2"/>
    <n v="51.48"/>
  </r>
  <r>
    <d v="2014-03-01T00:00:00"/>
    <x v="2"/>
    <x v="0"/>
    <x v="57"/>
    <x v="20"/>
    <x v="2"/>
    <x v="6"/>
    <s v="Sannysis Cute Owl Design Soft Skin Case Cover for Samsung Galaxy S4"/>
    <n v="5.94"/>
    <n v="3"/>
    <n v="1.6"/>
  </r>
  <r>
    <d v="2014-03-01T00:00:00"/>
    <x v="2"/>
    <x v="0"/>
    <x v="58"/>
    <x v="1"/>
    <x v="1"/>
    <x v="5"/>
    <s v="Novimex Swivel Fabric Task Chair"/>
    <n v="634.12"/>
    <n v="6"/>
    <n v="-172.12"/>
  </r>
  <r>
    <d v="2014-03-01T00:00:00"/>
    <x v="2"/>
    <x v="0"/>
    <x v="58"/>
    <x v="1"/>
    <x v="0"/>
    <x v="0"/>
    <s v="Black Print Carbonless 8 1/2&quot; x 8 1/4&quot; Rapid Memo Book"/>
    <n v="17.47"/>
    <n v="3"/>
    <n v="5.68"/>
  </r>
  <r>
    <d v="2014-03-01T00:00:00"/>
    <x v="2"/>
    <x v="0"/>
    <x v="59"/>
    <x v="0"/>
    <x v="0"/>
    <x v="7"/>
    <s v="Plymouth Boxed Rubber Bands by Plymouth"/>
    <n v="18.84"/>
    <n v="5"/>
    <n v="-3.53"/>
  </r>
  <r>
    <d v="2014-03-01T00:00:00"/>
    <x v="2"/>
    <x v="0"/>
    <x v="59"/>
    <x v="0"/>
    <x v="1"/>
    <x v="5"/>
    <s v="Harbour Creations Steel Folding Chair"/>
    <n v="362.25"/>
    <n v="6"/>
    <n v="0"/>
  </r>
  <r>
    <d v="2014-03-01T00:00:00"/>
    <x v="2"/>
    <x v="0"/>
    <x v="59"/>
    <x v="0"/>
    <x v="1"/>
    <x v="8"/>
    <s v="DAX Black Cherry Wood-Tone Poster Frame"/>
    <n v="63.55"/>
    <n v="6"/>
    <n v="-34.950000000000003"/>
  </r>
  <r>
    <d v="2014-03-01T00:00:00"/>
    <x v="2"/>
    <x v="0"/>
    <x v="59"/>
    <x v="0"/>
    <x v="0"/>
    <x v="2"/>
    <s v="Fellowes Bankers Box Recycled Super Stor/Drawer"/>
    <n v="129.55000000000001"/>
    <n v="3"/>
    <n v="-22.67"/>
  </r>
  <r>
    <d v="2014-03-01T00:00:00"/>
    <x v="2"/>
    <x v="0"/>
    <x v="60"/>
    <x v="0"/>
    <x v="0"/>
    <x v="2"/>
    <s v="Recycled Steel Personal File for Hanging File Folders"/>
    <n v="137.35"/>
    <n v="3"/>
    <n v="8.58"/>
  </r>
  <r>
    <d v="2014-03-01T00:00:00"/>
    <x v="2"/>
    <x v="0"/>
    <x v="60"/>
    <x v="0"/>
    <x v="1"/>
    <x v="13"/>
    <s v="Bevis Round Conference Room Tables and Bases"/>
    <n v="376.51"/>
    <n v="3"/>
    <n v="-43.03"/>
  </r>
  <r>
    <d v="2014-03-02T00:00:00"/>
    <x v="2"/>
    <x v="0"/>
    <x v="61"/>
    <x v="20"/>
    <x v="0"/>
    <x v="10"/>
    <s v="Staple envelope"/>
    <n v="11.36"/>
    <n v="2"/>
    <n v="5.34"/>
  </r>
  <r>
    <d v="2014-03-02T00:00:00"/>
    <x v="2"/>
    <x v="0"/>
    <x v="61"/>
    <x v="20"/>
    <x v="0"/>
    <x v="0"/>
    <s v="Array Parchment Paper, Assorted Colors"/>
    <n v="36.4"/>
    <n v="5"/>
    <n v="17.47"/>
  </r>
  <r>
    <d v="2014-03-02T00:00:00"/>
    <x v="2"/>
    <x v="0"/>
    <x v="62"/>
    <x v="2"/>
    <x v="0"/>
    <x v="0"/>
    <s v="Xerox 1971"/>
    <n v="3.42"/>
    <n v="1"/>
    <n v="1.07"/>
  </r>
  <r>
    <d v="2014-03-02T00:00:00"/>
    <x v="2"/>
    <x v="0"/>
    <x v="62"/>
    <x v="2"/>
    <x v="2"/>
    <x v="9"/>
    <s v="Hypercom P1300 Pinpad"/>
    <n v="151.19999999999999"/>
    <n v="3"/>
    <n v="32.130000000000003"/>
  </r>
  <r>
    <d v="2014-03-03T00:00:00"/>
    <x v="2"/>
    <x v="0"/>
    <x v="63"/>
    <x v="25"/>
    <x v="0"/>
    <x v="4"/>
    <s v="Zebra Zazzle Fluorescent Highlighters"/>
    <n v="19.46"/>
    <n v="4"/>
    <n v="3.4"/>
  </r>
  <r>
    <d v="2014-03-03T00:00:00"/>
    <x v="2"/>
    <x v="0"/>
    <x v="64"/>
    <x v="20"/>
    <x v="2"/>
    <x v="6"/>
    <s v="PowerGen Dual USB Car Charger"/>
    <n v="9.99"/>
    <n v="1"/>
    <n v="4.5999999999999996"/>
  </r>
  <r>
    <d v="2014-03-03T00:00:00"/>
    <x v="2"/>
    <x v="0"/>
    <x v="64"/>
    <x v="20"/>
    <x v="0"/>
    <x v="3"/>
    <s v="Ibico Laser Imprintable Binding System Covers"/>
    <n v="125.76"/>
    <n v="3"/>
    <n v="40.869999999999997"/>
  </r>
  <r>
    <d v="2014-03-03T00:00:00"/>
    <x v="2"/>
    <x v="0"/>
    <x v="64"/>
    <x v="20"/>
    <x v="0"/>
    <x v="3"/>
    <s v="Cardinal HOLDit! Binder Insert Strips,Extra Strips"/>
    <n v="25.32"/>
    <n v="5"/>
    <n v="9.18"/>
  </r>
  <r>
    <d v="2014-03-03T00:00:00"/>
    <x v="2"/>
    <x v="0"/>
    <x v="65"/>
    <x v="10"/>
    <x v="0"/>
    <x v="1"/>
    <s v="Avery 495"/>
    <n v="15.12"/>
    <n v="3"/>
    <n v="4.91"/>
  </r>
  <r>
    <d v="2014-03-03T00:00:00"/>
    <x v="2"/>
    <x v="0"/>
    <x v="65"/>
    <x v="10"/>
    <x v="1"/>
    <x v="11"/>
    <s v="O'Sullivan 4-Shelf Bookcase in Odessa Pine"/>
    <n v="302.45"/>
    <n v="5"/>
    <n v="-199.62"/>
  </r>
  <r>
    <d v="2014-03-03T00:00:00"/>
    <x v="2"/>
    <x v="0"/>
    <x v="65"/>
    <x v="10"/>
    <x v="0"/>
    <x v="2"/>
    <s v="Eldon Shelf Savers Cubes and Bins"/>
    <n v="44.67"/>
    <n v="8"/>
    <n v="-10.050000000000001"/>
  </r>
  <r>
    <d v="2014-03-03T00:00:00"/>
    <x v="2"/>
    <x v="0"/>
    <x v="66"/>
    <x v="0"/>
    <x v="0"/>
    <x v="12"/>
    <s v="3.6 Cubic Foot Counter Height Office Refrigerator"/>
    <n v="176.77"/>
    <n v="3"/>
    <n v="-459.61"/>
  </r>
  <r>
    <d v="2014-03-03T00:00:00"/>
    <x v="2"/>
    <x v="0"/>
    <x v="67"/>
    <x v="3"/>
    <x v="1"/>
    <x v="13"/>
    <s v="Bevis Oval Conference Table, Walnut"/>
    <n v="626.35"/>
    <n v="3"/>
    <n v="-23.49"/>
  </r>
  <r>
    <d v="2014-03-04T00:00:00"/>
    <x v="2"/>
    <x v="0"/>
    <x v="68"/>
    <x v="9"/>
    <x v="0"/>
    <x v="2"/>
    <s v="Sensible Storage WireTech Storage Systems"/>
    <n v="354.9"/>
    <n v="5"/>
    <n v="17.75"/>
  </r>
  <r>
    <d v="2014-03-04T00:00:00"/>
    <x v="2"/>
    <x v="0"/>
    <x v="42"/>
    <x v="16"/>
    <x v="0"/>
    <x v="4"/>
    <s v="BIC Brite Liner Highlighters, Chisel Tip"/>
    <n v="15.55"/>
    <n v="3"/>
    <n v="2.33"/>
  </r>
  <r>
    <d v="2014-03-05T00:00:00"/>
    <x v="2"/>
    <x v="0"/>
    <x v="69"/>
    <x v="20"/>
    <x v="0"/>
    <x v="4"/>
    <s v="Newell 345"/>
    <n v="59.52"/>
    <n v="3"/>
    <n v="15.48"/>
  </r>
  <r>
    <d v="2014-03-05T00:00:00"/>
    <x v="2"/>
    <x v="0"/>
    <x v="69"/>
    <x v="20"/>
    <x v="2"/>
    <x v="9"/>
    <s v="Logitech Wireless Gaming Headset G930"/>
    <n v="479.97"/>
    <n v="3"/>
    <n v="177.59"/>
  </r>
  <r>
    <d v="2014-03-05T00:00:00"/>
    <x v="2"/>
    <x v="0"/>
    <x v="69"/>
    <x v="20"/>
    <x v="0"/>
    <x v="14"/>
    <s v="Acme Forged Steel Scissors with Black Enamel Handles"/>
    <n v="18.62"/>
    <n v="2"/>
    <n v="5.4"/>
  </r>
  <r>
    <d v="2014-03-05T00:00:00"/>
    <x v="2"/>
    <x v="0"/>
    <x v="69"/>
    <x v="20"/>
    <x v="0"/>
    <x v="3"/>
    <s v="GBC Wire Binding Combs"/>
    <n v="49.63"/>
    <n v="6"/>
    <n v="16.75"/>
  </r>
  <r>
    <d v="2014-03-05T00:00:00"/>
    <x v="2"/>
    <x v="0"/>
    <x v="69"/>
    <x v="20"/>
    <x v="0"/>
    <x v="0"/>
    <s v="Xerox 1891"/>
    <n v="97.82"/>
    <n v="2"/>
    <n v="45.98"/>
  </r>
  <r>
    <d v="2014-03-07T00:00:00"/>
    <x v="2"/>
    <x v="0"/>
    <x v="48"/>
    <x v="22"/>
    <x v="1"/>
    <x v="5"/>
    <s v="Global Push Button Manager's Chair, Indigo"/>
    <n v="48.71"/>
    <n v="1"/>
    <n v="5.48"/>
  </r>
  <r>
    <d v="2014-03-07T00:00:00"/>
    <x v="2"/>
    <x v="0"/>
    <x v="48"/>
    <x v="22"/>
    <x v="0"/>
    <x v="4"/>
    <s v="Newell 330"/>
    <n v="17.940000000000001"/>
    <n v="3"/>
    <n v="4.66"/>
  </r>
  <r>
    <d v="2014-03-07T00:00:00"/>
    <x v="2"/>
    <x v="0"/>
    <x v="48"/>
    <x v="22"/>
    <x v="0"/>
    <x v="2"/>
    <s v="Carina 42&quot;Hx23 3/4&quot;W Media Storage Unit"/>
    <n v="242.94"/>
    <n v="3"/>
    <n v="4.8600000000000003"/>
  </r>
  <r>
    <d v="2014-03-07T00:00:00"/>
    <x v="2"/>
    <x v="0"/>
    <x v="70"/>
    <x v="22"/>
    <x v="0"/>
    <x v="3"/>
    <s v="Catalog Binders with Expanding Posts"/>
    <n v="107.65"/>
    <n v="2"/>
    <n v="33.64"/>
  </r>
  <r>
    <d v="2014-03-07T00:00:00"/>
    <x v="2"/>
    <x v="0"/>
    <x v="71"/>
    <x v="22"/>
    <x v="0"/>
    <x v="4"/>
    <s v="Newell Chalk Holder"/>
    <n v="20.65"/>
    <n v="5"/>
    <n v="9.5"/>
  </r>
  <r>
    <d v="2014-03-07T00:00:00"/>
    <x v="2"/>
    <x v="0"/>
    <x v="71"/>
    <x v="22"/>
    <x v="0"/>
    <x v="2"/>
    <s v="Contico 72&quot;H Heavy-Duty Storage System"/>
    <n v="204.9"/>
    <n v="5"/>
    <n v="0"/>
  </r>
  <r>
    <d v="2014-03-07T00:00:00"/>
    <x v="2"/>
    <x v="0"/>
    <x v="71"/>
    <x v="22"/>
    <x v="1"/>
    <x v="5"/>
    <s v="Office Star - Task Chair with Contemporary Loop Arms"/>
    <n v="436.7"/>
    <n v="6"/>
    <n v="21.84"/>
  </r>
  <r>
    <d v="2014-03-07T00:00:00"/>
    <x v="2"/>
    <x v="0"/>
    <x v="71"/>
    <x v="22"/>
    <x v="1"/>
    <x v="5"/>
    <s v="Global Leather and Oak Executive Chair, Black"/>
    <n v="481.57"/>
    <n v="2"/>
    <n v="54.18"/>
  </r>
  <r>
    <d v="2014-03-10T00:00:00"/>
    <x v="2"/>
    <x v="0"/>
    <x v="72"/>
    <x v="14"/>
    <x v="0"/>
    <x v="0"/>
    <s v="Geographics Note Cards, Blank, White, 8 1/2&quot; x 11&quot;"/>
    <n v="22.38"/>
    <n v="2"/>
    <n v="10.74"/>
  </r>
  <r>
    <d v="2014-03-10T00:00:00"/>
    <x v="2"/>
    <x v="0"/>
    <x v="73"/>
    <x v="26"/>
    <x v="0"/>
    <x v="2"/>
    <s v="Tennsco 6- and 18-Compartment Lockers"/>
    <n v="636.41"/>
    <n v="3"/>
    <n v="-15.91"/>
  </r>
  <r>
    <d v="2014-03-10T00:00:00"/>
    <x v="2"/>
    <x v="0"/>
    <x v="73"/>
    <x v="26"/>
    <x v="0"/>
    <x v="4"/>
    <s v="BOSTON Ranger #55 Pencil Sharpener, Black"/>
    <n v="83.17"/>
    <n v="4"/>
    <n v="9.36"/>
  </r>
  <r>
    <d v="2014-03-11T00:00:00"/>
    <x v="2"/>
    <x v="0"/>
    <x v="74"/>
    <x v="10"/>
    <x v="1"/>
    <x v="8"/>
    <s v="Eldon Wave Desk Accessories"/>
    <n v="8.32"/>
    <n v="5"/>
    <n v="2.29"/>
  </r>
  <r>
    <d v="2014-03-11T00:00:00"/>
    <x v="2"/>
    <x v="0"/>
    <x v="74"/>
    <x v="10"/>
    <x v="0"/>
    <x v="7"/>
    <s v="Stockwell Push Pins"/>
    <n v="10.46"/>
    <n v="6"/>
    <n v="1.7"/>
  </r>
  <r>
    <d v="2014-03-11T00:00:00"/>
    <x v="2"/>
    <x v="0"/>
    <x v="75"/>
    <x v="20"/>
    <x v="0"/>
    <x v="0"/>
    <s v="Southworth 100% RÃ©sumÃ© Paper, 24lb."/>
    <n v="108.92"/>
    <n v="14"/>
    <n v="49.01"/>
  </r>
  <r>
    <d v="2014-03-11T00:00:00"/>
    <x v="2"/>
    <x v="0"/>
    <x v="76"/>
    <x v="5"/>
    <x v="0"/>
    <x v="12"/>
    <s v="Fellowes Premier Superior Surge Suppressor, 10-Outlet, With Phone and Remote"/>
    <n v="146.76"/>
    <n v="3"/>
    <n v="38.159999999999997"/>
  </r>
  <r>
    <d v="2014-03-11T00:00:00"/>
    <x v="2"/>
    <x v="0"/>
    <x v="76"/>
    <x v="5"/>
    <x v="2"/>
    <x v="9"/>
    <s v="Maxell DVD-RAM Discs"/>
    <n v="32.96"/>
    <n v="2"/>
    <n v="14.17"/>
  </r>
  <r>
    <d v="2014-03-11T00:00:00"/>
    <x v="2"/>
    <x v="0"/>
    <x v="76"/>
    <x v="5"/>
    <x v="2"/>
    <x v="6"/>
    <s v="Panasonic KX-TG9471B"/>
    <n v="587.97"/>
    <n v="3"/>
    <n v="164.63"/>
  </r>
  <r>
    <d v="2014-03-11T00:00:00"/>
    <x v="2"/>
    <x v="0"/>
    <x v="76"/>
    <x v="5"/>
    <x v="0"/>
    <x v="0"/>
    <s v="Xerox 198"/>
    <n v="14.94"/>
    <n v="3"/>
    <n v="7.02"/>
  </r>
  <r>
    <d v="2014-03-11T00:00:00"/>
    <x v="2"/>
    <x v="0"/>
    <x v="77"/>
    <x v="3"/>
    <x v="0"/>
    <x v="4"/>
    <s v="Economy #2 Pencils"/>
    <n v="7.98"/>
    <n v="3"/>
    <n v="2.0699999999999998"/>
  </r>
  <r>
    <d v="2014-03-14T00:00:00"/>
    <x v="2"/>
    <x v="0"/>
    <x v="78"/>
    <x v="3"/>
    <x v="0"/>
    <x v="0"/>
    <s v="Xerox 1972"/>
    <n v="10.56"/>
    <n v="2"/>
    <n v="4.75"/>
  </r>
  <r>
    <d v="2014-03-14T00:00:00"/>
    <x v="2"/>
    <x v="0"/>
    <x v="78"/>
    <x v="3"/>
    <x v="0"/>
    <x v="4"/>
    <s v="Avery Hi-Liter Fluorescent Desk Style Markers"/>
    <n v="3.38"/>
    <n v="1"/>
    <n v="1.25"/>
  </r>
  <r>
    <d v="2014-03-14T00:00:00"/>
    <x v="2"/>
    <x v="0"/>
    <x v="79"/>
    <x v="6"/>
    <x v="1"/>
    <x v="5"/>
    <s v="Global Commerce Series High-Back Swivel/Tilt Chairs"/>
    <n v="1139.92"/>
    <n v="4"/>
    <n v="284.98"/>
  </r>
  <r>
    <d v="2014-03-14T00:00:00"/>
    <x v="2"/>
    <x v="0"/>
    <x v="80"/>
    <x v="27"/>
    <x v="0"/>
    <x v="3"/>
    <s v="GBC Wire Binding Combs"/>
    <n v="33.090000000000003"/>
    <n v="4"/>
    <n v="11.17"/>
  </r>
  <r>
    <d v="2014-03-14T00:00:00"/>
    <x v="2"/>
    <x v="0"/>
    <x v="80"/>
    <x v="27"/>
    <x v="0"/>
    <x v="2"/>
    <s v="Carina Double Wide Media Storage Towers in Natural &amp; Black"/>
    <n v="80.98"/>
    <n v="1"/>
    <n v="3.24"/>
  </r>
  <r>
    <d v="2014-03-14T00:00:00"/>
    <x v="2"/>
    <x v="0"/>
    <x v="80"/>
    <x v="27"/>
    <x v="2"/>
    <x v="9"/>
    <s v="ImationÂ 30456 USBÂ Flash DriveÂ 8GB"/>
    <n v="82.8"/>
    <n v="12"/>
    <n v="6.62"/>
  </r>
  <r>
    <d v="2014-03-14T00:00:00"/>
    <x v="2"/>
    <x v="0"/>
    <x v="80"/>
    <x v="27"/>
    <x v="0"/>
    <x v="2"/>
    <s v="Staple magnet"/>
    <n v="21.36"/>
    <n v="2"/>
    <n v="5.77"/>
  </r>
  <r>
    <d v="2014-03-14T00:00:00"/>
    <x v="2"/>
    <x v="0"/>
    <x v="80"/>
    <x v="27"/>
    <x v="0"/>
    <x v="3"/>
    <s v="Premium Transparent Presentation Covers, No Pattern/Clear, 8 1/2&quot; x 11&quot;"/>
    <n v="62.05"/>
    <n v="2"/>
    <n v="20.170000000000002"/>
  </r>
  <r>
    <d v="2014-03-14T00:00:00"/>
    <x v="2"/>
    <x v="0"/>
    <x v="81"/>
    <x v="1"/>
    <x v="2"/>
    <x v="15"/>
    <s v="Hewlett-Packard Deskjet 6540 Color Inkjet Printer"/>
    <n v="574.91"/>
    <n v="2"/>
    <n v="156.05000000000001"/>
  </r>
  <r>
    <d v="2014-03-14T00:00:00"/>
    <x v="2"/>
    <x v="0"/>
    <x v="81"/>
    <x v="1"/>
    <x v="0"/>
    <x v="0"/>
    <s v="Xerox 1963"/>
    <n v="8.4499999999999993"/>
    <n v="2"/>
    <n v="2.64"/>
  </r>
  <r>
    <d v="2014-03-14T00:00:00"/>
    <x v="2"/>
    <x v="0"/>
    <x v="82"/>
    <x v="16"/>
    <x v="0"/>
    <x v="0"/>
    <s v="Xerox 1887"/>
    <n v="91.06"/>
    <n v="6"/>
    <n v="31.87"/>
  </r>
  <r>
    <d v="2014-03-15T00:00:00"/>
    <x v="2"/>
    <x v="0"/>
    <x v="83"/>
    <x v="16"/>
    <x v="0"/>
    <x v="2"/>
    <s v="Hot File 7-Pocket, Floor Stand"/>
    <n v="142.78"/>
    <n v="1"/>
    <n v="17.850000000000001"/>
  </r>
  <r>
    <d v="2014-03-15T00:00:00"/>
    <x v="2"/>
    <x v="0"/>
    <x v="83"/>
    <x v="16"/>
    <x v="1"/>
    <x v="8"/>
    <s v="Eldon Expressions Desk Accessory, Wood Photo Frame, Mahogany"/>
    <n v="45.7"/>
    <n v="3"/>
    <n v="5.14"/>
  </r>
  <r>
    <d v="2014-03-15T00:00:00"/>
    <x v="2"/>
    <x v="0"/>
    <x v="83"/>
    <x v="16"/>
    <x v="0"/>
    <x v="3"/>
    <s v="Insertable Tab Post Binder Dividers"/>
    <n v="7.22"/>
    <n v="3"/>
    <n v="-5.53"/>
  </r>
  <r>
    <d v="2014-03-15T00:00:00"/>
    <x v="2"/>
    <x v="0"/>
    <x v="83"/>
    <x v="16"/>
    <x v="0"/>
    <x v="3"/>
    <s v="GBC VeloBinder Manual Binding System"/>
    <n v="43.19"/>
    <n v="4"/>
    <n v="-31.67"/>
  </r>
  <r>
    <d v="2014-03-15T00:00:00"/>
    <x v="2"/>
    <x v="0"/>
    <x v="83"/>
    <x v="16"/>
    <x v="0"/>
    <x v="0"/>
    <s v="Xerox 1889"/>
    <n v="131.9"/>
    <n v="3"/>
    <n v="47.82"/>
  </r>
  <r>
    <d v="2014-03-16T00:00:00"/>
    <x v="2"/>
    <x v="0"/>
    <x v="61"/>
    <x v="25"/>
    <x v="2"/>
    <x v="6"/>
    <s v="Polycom VoiceStation 500 ConferenceÂ phone"/>
    <n v="471.92"/>
    <n v="2"/>
    <n v="29.5"/>
  </r>
  <r>
    <d v="2014-03-17T00:00:00"/>
    <x v="2"/>
    <x v="0"/>
    <x v="84"/>
    <x v="28"/>
    <x v="0"/>
    <x v="12"/>
    <s v="Bionaire Personal Warm Mist Humidifier/Vaporizer"/>
    <n v="93.78"/>
    <n v="2"/>
    <n v="36.57"/>
  </r>
  <r>
    <d v="2014-03-17T00:00:00"/>
    <x v="2"/>
    <x v="0"/>
    <x v="84"/>
    <x v="28"/>
    <x v="0"/>
    <x v="0"/>
    <s v="Memo Book, 100 Message Capacity, 5 3/8Â” x 11Â”"/>
    <n v="47.18"/>
    <n v="7"/>
    <n v="23.59"/>
  </r>
  <r>
    <d v="2014-03-17T00:00:00"/>
    <x v="2"/>
    <x v="0"/>
    <x v="84"/>
    <x v="28"/>
    <x v="0"/>
    <x v="4"/>
    <s v="Newell 35"/>
    <n v="19.68"/>
    <n v="6"/>
    <n v="5.71"/>
  </r>
  <r>
    <d v="2014-03-17T00:00:00"/>
    <x v="2"/>
    <x v="0"/>
    <x v="84"/>
    <x v="28"/>
    <x v="0"/>
    <x v="3"/>
    <s v="Wilson Jones 14 Line Acrylic Coated Pressboard Data Binders"/>
    <n v="53.4"/>
    <n v="10"/>
    <n v="25.1"/>
  </r>
  <r>
    <d v="2014-03-17T00:00:00"/>
    <x v="2"/>
    <x v="0"/>
    <x v="84"/>
    <x v="28"/>
    <x v="0"/>
    <x v="3"/>
    <s v="Avery Non-Stick Heavy Duty View Round Locking Ring Binders"/>
    <n v="35.880000000000003"/>
    <n v="6"/>
    <n v="17.22"/>
  </r>
  <r>
    <d v="2014-03-17T00:00:00"/>
    <x v="2"/>
    <x v="0"/>
    <x v="85"/>
    <x v="20"/>
    <x v="1"/>
    <x v="13"/>
    <s v="Bretford Rectangular Conference Table Tops"/>
    <n v="1579.75"/>
    <n v="7"/>
    <n v="-447.59"/>
  </r>
  <r>
    <d v="2014-03-17T00:00:00"/>
    <x v="2"/>
    <x v="0"/>
    <x v="85"/>
    <x v="20"/>
    <x v="1"/>
    <x v="13"/>
    <s v="Balt Solid Wood Round Tables"/>
    <n v="1071.58"/>
    <n v="4"/>
    <n v="-553.65"/>
  </r>
  <r>
    <d v="2014-03-17T00:00:00"/>
    <x v="2"/>
    <x v="0"/>
    <x v="85"/>
    <x v="20"/>
    <x v="1"/>
    <x v="13"/>
    <s v="Hon 30&quot; x 60&quot; Table with Locking Drawer"/>
    <n v="613.91"/>
    <n v="3"/>
    <n v="-122.78"/>
  </r>
  <r>
    <d v="2014-03-17T00:00:00"/>
    <x v="2"/>
    <x v="0"/>
    <x v="85"/>
    <x v="20"/>
    <x v="0"/>
    <x v="0"/>
    <s v="Xerox 1926"/>
    <n v="34.86"/>
    <n v="7"/>
    <n v="16.38"/>
  </r>
  <r>
    <d v="2014-03-17T00:00:00"/>
    <x v="2"/>
    <x v="0"/>
    <x v="85"/>
    <x v="20"/>
    <x v="0"/>
    <x v="0"/>
    <s v="Xerox 1918"/>
    <n v="155.04"/>
    <n v="4"/>
    <n v="75.97"/>
  </r>
  <r>
    <d v="2014-03-17T00:00:00"/>
    <x v="2"/>
    <x v="0"/>
    <x v="86"/>
    <x v="0"/>
    <x v="0"/>
    <x v="4"/>
    <s v="Newell 333"/>
    <n v="4.45"/>
    <n v="2"/>
    <n v="0.33"/>
  </r>
  <r>
    <d v="2014-03-17T00:00:00"/>
    <x v="2"/>
    <x v="0"/>
    <x v="86"/>
    <x v="0"/>
    <x v="0"/>
    <x v="0"/>
    <s v="Xerox 1966"/>
    <n v="5.18"/>
    <n v="1"/>
    <n v="1.88"/>
  </r>
  <r>
    <d v="2014-03-17T00:00:00"/>
    <x v="2"/>
    <x v="0"/>
    <x v="86"/>
    <x v="0"/>
    <x v="0"/>
    <x v="0"/>
    <s v="Xerox 1967"/>
    <n v="15.55"/>
    <n v="3"/>
    <n v="5.44"/>
  </r>
  <r>
    <d v="2014-03-17T00:00:00"/>
    <x v="2"/>
    <x v="0"/>
    <x v="36"/>
    <x v="29"/>
    <x v="0"/>
    <x v="3"/>
    <s v="Acco Pressboard Covers with Storage Hooks, 9 1/2&quot; x 11&quot;, Executive Red"/>
    <n v="11.43"/>
    <n v="3"/>
    <n v="5.37"/>
  </r>
  <r>
    <d v="2014-03-17T00:00:00"/>
    <x v="2"/>
    <x v="0"/>
    <x v="36"/>
    <x v="29"/>
    <x v="0"/>
    <x v="3"/>
    <s v="GBC Twin Loop Wire Binding Elements, 9/16&quot; Spine, Black"/>
    <n v="30.44"/>
    <n v="2"/>
    <n v="14.92"/>
  </r>
  <r>
    <d v="2014-03-17T00:00:00"/>
    <x v="2"/>
    <x v="0"/>
    <x v="36"/>
    <x v="29"/>
    <x v="0"/>
    <x v="0"/>
    <s v="Xerox 1957"/>
    <n v="12.96"/>
    <n v="2"/>
    <n v="6.35"/>
  </r>
  <r>
    <d v="2014-03-17T00:00:00"/>
    <x v="2"/>
    <x v="0"/>
    <x v="36"/>
    <x v="29"/>
    <x v="0"/>
    <x v="0"/>
    <s v="EcoTones Memo Sheets"/>
    <n v="16"/>
    <n v="4"/>
    <n v="7.68"/>
  </r>
  <r>
    <d v="2014-03-17T00:00:00"/>
    <x v="2"/>
    <x v="0"/>
    <x v="36"/>
    <x v="29"/>
    <x v="0"/>
    <x v="12"/>
    <s v="Belkin 6 Outlet Metallic Surge Strip"/>
    <n v="32.67"/>
    <n v="3"/>
    <n v="8.49"/>
  </r>
  <r>
    <d v="2014-03-17T00:00:00"/>
    <x v="2"/>
    <x v="0"/>
    <x v="87"/>
    <x v="2"/>
    <x v="0"/>
    <x v="0"/>
    <s v="Xerox 1909"/>
    <n v="126.62"/>
    <n v="6"/>
    <n v="41.15"/>
  </r>
  <r>
    <d v="2014-03-18T00:00:00"/>
    <x v="2"/>
    <x v="0"/>
    <x v="88"/>
    <x v="16"/>
    <x v="2"/>
    <x v="15"/>
    <s v="Hewlett-Packard Deskjet 6540 Color Inkjet Printer"/>
    <n v="821.3"/>
    <n v="4"/>
    <n v="-16.43"/>
  </r>
  <r>
    <d v="2014-03-18T00:00:00"/>
    <x v="2"/>
    <x v="0"/>
    <x v="88"/>
    <x v="16"/>
    <x v="2"/>
    <x v="15"/>
    <s v="Cisco TelePresence System EX90 Videoconferencing Unit"/>
    <n v="22638.48"/>
    <n v="6"/>
    <n v="-1811.08"/>
  </r>
  <r>
    <d v="2014-03-18T00:00:00"/>
    <x v="2"/>
    <x v="0"/>
    <x v="88"/>
    <x v="16"/>
    <x v="0"/>
    <x v="0"/>
    <s v="Xerox 195"/>
    <n v="21.38"/>
    <n v="4"/>
    <n v="7.48"/>
  </r>
  <r>
    <d v="2014-03-18T00:00:00"/>
    <x v="2"/>
    <x v="0"/>
    <x v="88"/>
    <x v="16"/>
    <x v="0"/>
    <x v="4"/>
    <s v="Avery Fluorescent Highlighter Four-Color Set"/>
    <n v="8.02"/>
    <n v="3"/>
    <n v="1"/>
  </r>
  <r>
    <d v="2014-03-18T00:00:00"/>
    <x v="2"/>
    <x v="0"/>
    <x v="88"/>
    <x v="16"/>
    <x v="1"/>
    <x v="8"/>
    <s v="Executive Impressions 13&quot; Clairmont Wall Clock"/>
    <n v="30.77"/>
    <n v="2"/>
    <n v="8.08"/>
  </r>
  <r>
    <d v="2014-03-18T00:00:00"/>
    <x v="2"/>
    <x v="0"/>
    <x v="88"/>
    <x v="16"/>
    <x v="0"/>
    <x v="7"/>
    <s v="Staples"/>
    <n v="18.940000000000001"/>
    <n v="3"/>
    <n v="5.92"/>
  </r>
  <r>
    <d v="2014-03-18T00:00:00"/>
    <x v="2"/>
    <x v="0"/>
    <x v="88"/>
    <x v="16"/>
    <x v="1"/>
    <x v="8"/>
    <s v="Dana Fluorescent Magnifying Lamp, White, 36&quot;"/>
    <n v="122.35"/>
    <n v="3"/>
    <n v="15.29"/>
  </r>
  <r>
    <d v="2014-03-18T00:00:00"/>
    <x v="2"/>
    <x v="0"/>
    <x v="89"/>
    <x v="3"/>
    <x v="1"/>
    <x v="11"/>
    <s v="Bush Heritage Pine Collection 5-Shelf Bookcase, Albany Pine Finish, *Special Order"/>
    <n v="1198.33"/>
    <n v="10"/>
    <n v="70.489999999999995"/>
  </r>
  <r>
    <d v="2014-03-18T00:00:00"/>
    <x v="2"/>
    <x v="0"/>
    <x v="90"/>
    <x v="3"/>
    <x v="1"/>
    <x v="8"/>
    <s v="Eldon Cleatmat Chair Mats for Medium Pile Carpets"/>
    <n v="111"/>
    <n v="2"/>
    <n v="14.43"/>
  </r>
  <r>
    <d v="2014-03-18T00:00:00"/>
    <x v="2"/>
    <x v="0"/>
    <x v="90"/>
    <x v="3"/>
    <x v="2"/>
    <x v="15"/>
    <s v="Swingline SM12-08 MicroCut Jam Free Shredder"/>
    <n v="1279.97"/>
    <n v="4"/>
    <n v="415.99"/>
  </r>
  <r>
    <d v="2014-03-18T00:00:00"/>
    <x v="2"/>
    <x v="0"/>
    <x v="90"/>
    <x v="3"/>
    <x v="0"/>
    <x v="2"/>
    <s v="Tennsco 6- and 18-Compartment Lockers"/>
    <n v="1856.19"/>
    <n v="7"/>
    <n v="334.11"/>
  </r>
  <r>
    <d v="2014-03-19T00:00:00"/>
    <x v="2"/>
    <x v="0"/>
    <x v="91"/>
    <x v="16"/>
    <x v="2"/>
    <x v="6"/>
    <s v="Cisco 8x8 Inc. 6753i IP Business Phone System"/>
    <n v="323.98"/>
    <n v="3"/>
    <n v="28.35"/>
  </r>
  <r>
    <d v="2014-03-19T00:00:00"/>
    <x v="2"/>
    <x v="0"/>
    <x v="91"/>
    <x v="16"/>
    <x v="0"/>
    <x v="1"/>
    <s v="Avery 501"/>
    <n v="11.81"/>
    <n v="4"/>
    <n v="3.99"/>
  </r>
  <r>
    <d v="2014-03-19T00:00:00"/>
    <x v="2"/>
    <x v="0"/>
    <x v="91"/>
    <x v="16"/>
    <x v="0"/>
    <x v="2"/>
    <s v="Crate-A-Files"/>
    <n v="26.16"/>
    <n v="3"/>
    <n v="1.96"/>
  </r>
  <r>
    <d v="2014-03-19T00:00:00"/>
    <x v="2"/>
    <x v="0"/>
    <x v="91"/>
    <x v="16"/>
    <x v="0"/>
    <x v="3"/>
    <s v="Avery Flip-Chart Easel Binder, Black"/>
    <n v="33.57"/>
    <n v="5"/>
    <n v="-25.74"/>
  </r>
  <r>
    <d v="2014-03-19T00:00:00"/>
    <x v="2"/>
    <x v="0"/>
    <x v="91"/>
    <x v="16"/>
    <x v="1"/>
    <x v="8"/>
    <s v="Eldon Wave Desk Accessories"/>
    <n v="4.99"/>
    <n v="3"/>
    <n v="1.37"/>
  </r>
  <r>
    <d v="2014-03-19T00:00:00"/>
    <x v="2"/>
    <x v="0"/>
    <x v="91"/>
    <x v="16"/>
    <x v="1"/>
    <x v="8"/>
    <s v="Document Clip Frames"/>
    <n v="20.02"/>
    <n v="3"/>
    <n v="5.5"/>
  </r>
  <r>
    <d v="2014-03-19T00:00:00"/>
    <x v="2"/>
    <x v="0"/>
    <x v="91"/>
    <x v="16"/>
    <x v="2"/>
    <x v="9"/>
    <s v="LogitechÂ Wireless Boombox Speaker - portable - wireless, wired"/>
    <n v="170.24"/>
    <n v="2"/>
    <n v="53.2"/>
  </r>
  <r>
    <d v="2014-03-21T00:00:00"/>
    <x v="2"/>
    <x v="0"/>
    <x v="92"/>
    <x v="10"/>
    <x v="0"/>
    <x v="4"/>
    <s v="Binney &amp; Smith Crayola Metallic Colored Pencils, 8-Color Set"/>
    <n v="7.41"/>
    <n v="2"/>
    <n v="1.2"/>
  </r>
  <r>
    <d v="2014-03-21T00:00:00"/>
    <x v="2"/>
    <x v="0"/>
    <x v="92"/>
    <x v="10"/>
    <x v="0"/>
    <x v="4"/>
    <s v="Binney &amp; Smith inkTank Erasable Desk Highlighter, Chisel Tip, Yellow, 12/Box"/>
    <n v="6.05"/>
    <n v="3"/>
    <n v="1.59"/>
  </r>
  <r>
    <d v="2014-03-21T00:00:00"/>
    <x v="2"/>
    <x v="0"/>
    <x v="93"/>
    <x v="25"/>
    <x v="0"/>
    <x v="2"/>
    <s v="Tennsco Commercial Shelving"/>
    <n v="16.27"/>
    <n v="1"/>
    <n v="-3.86"/>
  </r>
  <r>
    <d v="2014-03-21T00:00:00"/>
    <x v="2"/>
    <x v="0"/>
    <x v="94"/>
    <x v="6"/>
    <x v="2"/>
    <x v="6"/>
    <s v="Samsung Galaxy S4 Active"/>
    <n v="3499.93"/>
    <n v="7"/>
    <n v="909.98"/>
  </r>
  <r>
    <d v="2014-03-21T00:00:00"/>
    <x v="2"/>
    <x v="0"/>
    <x v="94"/>
    <x v="6"/>
    <x v="0"/>
    <x v="1"/>
    <s v="Avery 492"/>
    <n v="14.4"/>
    <n v="5"/>
    <n v="6.62"/>
  </r>
  <r>
    <d v="2014-03-21T00:00:00"/>
    <x v="2"/>
    <x v="0"/>
    <x v="94"/>
    <x v="6"/>
    <x v="0"/>
    <x v="0"/>
    <s v="Xerox 1919"/>
    <n v="122.97"/>
    <n v="3"/>
    <n v="60.26"/>
  </r>
  <r>
    <d v="2014-03-21T00:00:00"/>
    <x v="2"/>
    <x v="0"/>
    <x v="94"/>
    <x v="6"/>
    <x v="0"/>
    <x v="4"/>
    <s v="American Pencil"/>
    <n v="9.32"/>
    <n v="4"/>
    <n v="2.7"/>
  </r>
  <r>
    <d v="2014-03-21T00:00:00"/>
    <x v="2"/>
    <x v="0"/>
    <x v="94"/>
    <x v="6"/>
    <x v="0"/>
    <x v="3"/>
    <s v="Wilson Jones Ledger-Size, Piano-Hinge Binder, 2&quot;, Blue"/>
    <n v="122.94"/>
    <n v="3"/>
    <n v="59.01"/>
  </r>
  <r>
    <d v="2014-03-21T00:00:00"/>
    <x v="2"/>
    <x v="0"/>
    <x v="95"/>
    <x v="15"/>
    <x v="0"/>
    <x v="1"/>
    <s v="Avery 505"/>
    <n v="59.2"/>
    <n v="5"/>
    <n v="22.2"/>
  </r>
  <r>
    <d v="2014-03-21T00:00:00"/>
    <x v="2"/>
    <x v="0"/>
    <x v="95"/>
    <x v="15"/>
    <x v="1"/>
    <x v="8"/>
    <s v="DAX Wood Document Frame"/>
    <n v="32.950000000000003"/>
    <n v="3"/>
    <n v="6.59"/>
  </r>
  <r>
    <d v="2014-03-21T00:00:00"/>
    <x v="2"/>
    <x v="0"/>
    <x v="95"/>
    <x v="15"/>
    <x v="1"/>
    <x v="5"/>
    <s v="Global Highback Leather Tilter in Burgundy"/>
    <n v="218.38"/>
    <n v="3"/>
    <n v="-10.92"/>
  </r>
  <r>
    <d v="2014-03-22T00:00:00"/>
    <x v="2"/>
    <x v="0"/>
    <x v="96"/>
    <x v="25"/>
    <x v="0"/>
    <x v="3"/>
    <s v="C-Line Peel &amp; Stick Add-On Filing Pockets, 8-3/4 x 5-1/8, 10/Pack"/>
    <n v="7.64"/>
    <n v="4"/>
    <n v="-5.86"/>
  </r>
  <r>
    <d v="2014-03-22T00:00:00"/>
    <x v="2"/>
    <x v="0"/>
    <x v="96"/>
    <x v="25"/>
    <x v="0"/>
    <x v="3"/>
    <s v="GBC Prestige Therm-A-Bind Covers"/>
    <n v="51.47"/>
    <n v="5"/>
    <n v="-39.46"/>
  </r>
  <r>
    <d v="2014-03-22T00:00:00"/>
    <x v="2"/>
    <x v="0"/>
    <x v="97"/>
    <x v="12"/>
    <x v="0"/>
    <x v="0"/>
    <s v="Xerox 1951"/>
    <n v="74.349999999999994"/>
    <n v="3"/>
    <n v="23.24"/>
  </r>
  <r>
    <d v="2014-03-22T00:00:00"/>
    <x v="2"/>
    <x v="0"/>
    <x v="97"/>
    <x v="12"/>
    <x v="1"/>
    <x v="5"/>
    <s v="Office Star - Mesh Screen back chair with Vinyl seat"/>
    <n v="314.35000000000002"/>
    <n v="3"/>
    <n v="-35.36"/>
  </r>
  <r>
    <d v="2014-03-22T00:00:00"/>
    <x v="2"/>
    <x v="0"/>
    <x v="98"/>
    <x v="18"/>
    <x v="0"/>
    <x v="4"/>
    <s v="Avery Hi-Liter EverBold Pen Style Fluorescent Highlighters, 4/Pack"/>
    <n v="16.28"/>
    <n v="2"/>
    <n v="6.51"/>
  </r>
  <r>
    <d v="2014-03-23T00:00:00"/>
    <x v="2"/>
    <x v="0"/>
    <x v="99"/>
    <x v="3"/>
    <x v="0"/>
    <x v="2"/>
    <s v="Economy Rollaway Files"/>
    <n v="330.4"/>
    <n v="2"/>
    <n v="85.9"/>
  </r>
  <r>
    <d v="2014-03-23T00:00:00"/>
    <x v="2"/>
    <x v="0"/>
    <x v="99"/>
    <x v="3"/>
    <x v="2"/>
    <x v="6"/>
    <s v="Ooma Telo VoIP Home Phone System"/>
    <n v="604.75"/>
    <n v="6"/>
    <n v="37.799999999999997"/>
  </r>
  <r>
    <d v="2014-03-23T00:00:00"/>
    <x v="2"/>
    <x v="0"/>
    <x v="100"/>
    <x v="16"/>
    <x v="0"/>
    <x v="1"/>
    <s v="Avery 476"/>
    <n v="9.91"/>
    <n v="3"/>
    <n v="3.22"/>
  </r>
  <r>
    <d v="2014-03-24T00:00:00"/>
    <x v="2"/>
    <x v="0"/>
    <x v="101"/>
    <x v="20"/>
    <x v="0"/>
    <x v="0"/>
    <s v="Xerox 190"/>
    <n v="24.9"/>
    <n v="5"/>
    <n v="11.7"/>
  </r>
  <r>
    <d v="2014-03-24T00:00:00"/>
    <x v="2"/>
    <x v="0"/>
    <x v="102"/>
    <x v="3"/>
    <x v="1"/>
    <x v="8"/>
    <s v="DAX Contemporary Wood Frame with Silver Metal Mat, Desktop, 11 x 14 Size"/>
    <n v="40.479999999999997"/>
    <n v="2"/>
    <n v="14.57"/>
  </r>
  <r>
    <d v="2014-03-25T00:00:00"/>
    <x v="2"/>
    <x v="0"/>
    <x v="86"/>
    <x v="20"/>
    <x v="1"/>
    <x v="5"/>
    <s v="Iceberg Nesting Folding Chair, 19w x 6d x 43h"/>
    <n v="366.79"/>
    <n v="7"/>
    <n v="65.209999999999994"/>
  </r>
  <r>
    <d v="2014-03-25T00:00:00"/>
    <x v="2"/>
    <x v="0"/>
    <x v="103"/>
    <x v="3"/>
    <x v="0"/>
    <x v="4"/>
    <s v="Newell 35"/>
    <n v="6.56"/>
    <n v="2"/>
    <n v="1.9"/>
  </r>
  <r>
    <d v="2014-03-25T00:00:00"/>
    <x v="2"/>
    <x v="0"/>
    <x v="103"/>
    <x v="3"/>
    <x v="0"/>
    <x v="4"/>
    <s v="Eberhard Faber 3 1/2&quot; Golf Pencils"/>
    <n v="14.88"/>
    <n v="2"/>
    <n v="3.72"/>
  </r>
  <r>
    <d v="2014-03-25T00:00:00"/>
    <x v="2"/>
    <x v="0"/>
    <x v="103"/>
    <x v="3"/>
    <x v="2"/>
    <x v="9"/>
    <s v="ImationÂ SwivelÂ Flash DriveÂ USBÂ flash driveÂ - 8 GB"/>
    <n v="45.48"/>
    <n v="4"/>
    <n v="15.92"/>
  </r>
  <r>
    <d v="2014-03-25T00:00:00"/>
    <x v="2"/>
    <x v="0"/>
    <x v="103"/>
    <x v="3"/>
    <x v="0"/>
    <x v="4"/>
    <s v="BIC Brite Liner Grip Highlighters, Assorted, 5/Pack"/>
    <n v="25.44"/>
    <n v="6"/>
    <n v="9.92"/>
  </r>
  <r>
    <d v="2014-03-26T00:00:00"/>
    <x v="2"/>
    <x v="0"/>
    <x v="104"/>
    <x v="3"/>
    <x v="2"/>
    <x v="9"/>
    <s v="SanDisk Ultra 32 GB MicroSDHC Class 10 Memory Card"/>
    <n v="66.3"/>
    <n v="3"/>
    <n v="8.6199999999999992"/>
  </r>
  <r>
    <d v="2014-03-26T00:00:00"/>
    <x v="2"/>
    <x v="0"/>
    <x v="105"/>
    <x v="3"/>
    <x v="0"/>
    <x v="4"/>
    <s v="Newell 308"/>
    <n v="3.36"/>
    <n v="2"/>
    <n v="0.84"/>
  </r>
  <r>
    <d v="2014-03-26T00:00:00"/>
    <x v="2"/>
    <x v="0"/>
    <x v="105"/>
    <x v="3"/>
    <x v="0"/>
    <x v="3"/>
    <s v="Wilson Jones Leather-Like Binders with DublLock Round Rings"/>
    <n v="27.94"/>
    <n v="4"/>
    <n v="9.43"/>
  </r>
  <r>
    <d v="2014-03-26T00:00:00"/>
    <x v="2"/>
    <x v="0"/>
    <x v="105"/>
    <x v="3"/>
    <x v="2"/>
    <x v="6"/>
    <s v="Griffin GC17055 Auxiliary Audio Cable"/>
    <n v="28.78"/>
    <n v="2"/>
    <n v="2.88"/>
  </r>
  <r>
    <d v="2014-03-26T00:00:00"/>
    <x v="2"/>
    <x v="0"/>
    <x v="106"/>
    <x v="3"/>
    <x v="0"/>
    <x v="1"/>
    <s v="Smead Alpha-Z Color-Coded Name Labels First Letter Starter Set"/>
    <n v="18.75"/>
    <n v="5"/>
    <n v="9"/>
  </r>
  <r>
    <d v="2014-03-28T00:00:00"/>
    <x v="2"/>
    <x v="0"/>
    <x v="107"/>
    <x v="30"/>
    <x v="0"/>
    <x v="10"/>
    <s v="Poly String Tie Envelopes"/>
    <n v="6.12"/>
    <n v="3"/>
    <n v="2.88"/>
  </r>
  <r>
    <d v="2014-03-28T00:00:00"/>
    <x v="2"/>
    <x v="0"/>
    <x v="107"/>
    <x v="30"/>
    <x v="1"/>
    <x v="13"/>
    <s v="Hon 94000 Series Round Tables"/>
    <n v="1184.72"/>
    <n v="4"/>
    <n v="106.62"/>
  </r>
  <r>
    <d v="2014-03-28T00:00:00"/>
    <x v="2"/>
    <x v="0"/>
    <x v="108"/>
    <x v="31"/>
    <x v="2"/>
    <x v="6"/>
    <s v="AT&amp;T TR1909W"/>
    <n v="302.38"/>
    <n v="3"/>
    <n v="22.68"/>
  </r>
  <r>
    <d v="2014-03-28T00:00:00"/>
    <x v="2"/>
    <x v="0"/>
    <x v="109"/>
    <x v="10"/>
    <x v="1"/>
    <x v="13"/>
    <s v="Chromcraft Bull-Nose Wood Oval Conference Tables &amp; Bases"/>
    <n v="330.59"/>
    <n v="1"/>
    <n v="-143.25"/>
  </r>
  <r>
    <d v="2014-03-29T00:00:00"/>
    <x v="2"/>
    <x v="0"/>
    <x v="110"/>
    <x v="0"/>
    <x v="1"/>
    <x v="13"/>
    <s v="Bush Advantage Collection Racetrack Conference Table"/>
    <n v="890.84"/>
    <n v="3"/>
    <n v="-152.72"/>
  </r>
  <r>
    <d v="2014-03-30T00:00:00"/>
    <x v="2"/>
    <x v="0"/>
    <x v="111"/>
    <x v="20"/>
    <x v="0"/>
    <x v="4"/>
    <s v="Peel-Off China Markers"/>
    <n v="49.65"/>
    <n v="5"/>
    <n v="20.85"/>
  </r>
  <r>
    <d v="2014-03-30T00:00:00"/>
    <x v="2"/>
    <x v="0"/>
    <x v="112"/>
    <x v="22"/>
    <x v="0"/>
    <x v="2"/>
    <s v="Sterilite Show Offs Storage Containers"/>
    <n v="15.84"/>
    <n v="3"/>
    <n v="0"/>
  </r>
  <r>
    <d v="2014-03-30T00:00:00"/>
    <x v="2"/>
    <x v="0"/>
    <x v="112"/>
    <x v="22"/>
    <x v="0"/>
    <x v="1"/>
    <s v="Avery 490"/>
    <n v="44.4"/>
    <n v="3"/>
    <n v="22.2"/>
  </r>
  <r>
    <d v="2014-03-30T00:00:00"/>
    <x v="2"/>
    <x v="0"/>
    <x v="113"/>
    <x v="20"/>
    <x v="0"/>
    <x v="4"/>
    <s v="Sanford EarthWrite Recycled Pencils, Medium Soft, #2"/>
    <n v="10.5"/>
    <n v="5"/>
    <n v="2.94"/>
  </r>
  <r>
    <d v="2014-03-30T00:00:00"/>
    <x v="2"/>
    <x v="0"/>
    <x v="41"/>
    <x v="3"/>
    <x v="1"/>
    <x v="11"/>
    <s v="O'Sullivan Living Dimensions 2-Shelf Bookcases"/>
    <n v="205.67"/>
    <n v="2"/>
    <n v="-12.1"/>
  </r>
  <r>
    <d v="2014-03-30T00:00:00"/>
    <x v="2"/>
    <x v="0"/>
    <x v="114"/>
    <x v="0"/>
    <x v="0"/>
    <x v="10"/>
    <s v="Airmail Envelopes"/>
    <n v="335.72"/>
    <n v="5"/>
    <n v="113.31"/>
  </r>
  <r>
    <d v="2014-03-30T00:00:00"/>
    <x v="2"/>
    <x v="0"/>
    <x v="114"/>
    <x v="0"/>
    <x v="2"/>
    <x v="6"/>
    <s v="Innergie mMini Combo Duo USB Travel Charging Kit"/>
    <n v="251.94"/>
    <n v="7"/>
    <n v="88.18"/>
  </r>
  <r>
    <d v="2014-03-30T00:00:00"/>
    <x v="2"/>
    <x v="0"/>
    <x v="114"/>
    <x v="0"/>
    <x v="1"/>
    <x v="5"/>
    <s v="Global Stack Chair without Arms, Black"/>
    <n v="127.3"/>
    <n v="7"/>
    <n v="-9.09"/>
  </r>
  <r>
    <d v="2014-03-30T00:00:00"/>
    <x v="2"/>
    <x v="0"/>
    <x v="115"/>
    <x v="28"/>
    <x v="0"/>
    <x v="2"/>
    <s v="Space Solutions Commercial Steel Shelving"/>
    <n v="129.30000000000001"/>
    <n v="2"/>
    <n v="6.47"/>
  </r>
  <r>
    <d v="2014-03-31T00:00:00"/>
    <x v="2"/>
    <x v="0"/>
    <x v="116"/>
    <x v="3"/>
    <x v="0"/>
    <x v="3"/>
    <s v="GBC DocuBind 200 Manual Binding Machine"/>
    <n v="673.57"/>
    <n v="2"/>
    <n v="252.59"/>
  </r>
  <r>
    <d v="2014-03-31T00:00:00"/>
    <x v="2"/>
    <x v="0"/>
    <x v="116"/>
    <x v="3"/>
    <x v="0"/>
    <x v="12"/>
    <s v="Fellowes Advanced Computer Series Surge Protectors"/>
    <n v="52.98"/>
    <n v="2"/>
    <n v="14.83"/>
  </r>
  <r>
    <d v="2014-03-31T00:00:00"/>
    <x v="2"/>
    <x v="0"/>
    <x v="117"/>
    <x v="2"/>
    <x v="0"/>
    <x v="3"/>
    <s v="Avery Round Ring Poly Binders"/>
    <n v="0.85"/>
    <n v="1"/>
    <n v="-0.6"/>
  </r>
  <r>
    <d v="2014-03-31T00:00:00"/>
    <x v="2"/>
    <x v="0"/>
    <x v="118"/>
    <x v="1"/>
    <x v="0"/>
    <x v="3"/>
    <s v="Fellowes Black Plastic Comb Bindings"/>
    <n v="8.1300000000000008"/>
    <n v="7"/>
    <n v="-13.83"/>
  </r>
  <r>
    <d v="2014-03-31T00:00:00"/>
    <x v="2"/>
    <x v="0"/>
    <x v="118"/>
    <x v="1"/>
    <x v="2"/>
    <x v="9"/>
    <s v="Kensington SlimBlade Notebook Wireless Mouse with Nano Receiver"/>
    <n v="79.98"/>
    <n v="2"/>
    <n v="14"/>
  </r>
  <r>
    <d v="2014-03-31T00:00:00"/>
    <x v="2"/>
    <x v="0"/>
    <x v="119"/>
    <x v="16"/>
    <x v="0"/>
    <x v="3"/>
    <s v="Avery Hole Reinforcements"/>
    <n v="1.87"/>
    <n v="1"/>
    <n v="-1.31"/>
  </r>
  <r>
    <d v="2014-03-31T00:00:00"/>
    <x v="2"/>
    <x v="0"/>
    <x v="120"/>
    <x v="16"/>
    <x v="1"/>
    <x v="5"/>
    <s v="Global Leather Highback Executive Chair with Pneumatic Height Adjustment, Black"/>
    <n v="1125.49"/>
    <n v="7"/>
    <n v="98.48"/>
  </r>
  <r>
    <d v="2014-03-31T00:00:00"/>
    <x v="2"/>
    <x v="0"/>
    <x v="120"/>
    <x v="16"/>
    <x v="0"/>
    <x v="3"/>
    <s v="Ibico Plastic and Wire Spiral Binding Combs"/>
    <n v="12.65"/>
    <n v="5"/>
    <n v="-10.119999999999999"/>
  </r>
  <r>
    <d v="2014-03-31T00:00:00"/>
    <x v="2"/>
    <x v="0"/>
    <x v="120"/>
    <x v="16"/>
    <x v="0"/>
    <x v="4"/>
    <s v="Binney &amp; Smith inkTank Erasable Desk Highlighter, Chisel Tip, Yellow, 12/Box"/>
    <n v="4.03"/>
    <n v="2"/>
    <n v="1.06"/>
  </r>
  <r>
    <d v="2014-04-01T00:00:00"/>
    <x v="3"/>
    <x v="0"/>
    <x v="111"/>
    <x v="3"/>
    <x v="0"/>
    <x v="1"/>
    <s v="Avery 490"/>
    <n v="29.6"/>
    <n v="2"/>
    <n v="14.8"/>
  </r>
  <r>
    <d v="2014-04-01T00:00:00"/>
    <x v="3"/>
    <x v="0"/>
    <x v="111"/>
    <x v="3"/>
    <x v="0"/>
    <x v="3"/>
    <s v="Pressboard Data Binder, Crimson, 12&quot; X 8 1/2&quot;"/>
    <n v="17.09"/>
    <n v="4"/>
    <n v="5.55"/>
  </r>
  <r>
    <d v="2014-04-01T00:00:00"/>
    <x v="3"/>
    <x v="0"/>
    <x v="121"/>
    <x v="32"/>
    <x v="0"/>
    <x v="2"/>
    <s v="Rogers Profile Extra Capacity Storage Tub"/>
    <n v="66.959999999999994"/>
    <n v="4"/>
    <n v="2.68"/>
  </r>
  <r>
    <d v="2014-04-01T00:00:00"/>
    <x v="3"/>
    <x v="0"/>
    <x v="121"/>
    <x v="32"/>
    <x v="0"/>
    <x v="3"/>
    <s v="Zipper Ring Binder Pockets"/>
    <n v="6.24"/>
    <n v="2"/>
    <n v="3.06"/>
  </r>
  <r>
    <d v="2014-04-02T00:00:00"/>
    <x v="3"/>
    <x v="0"/>
    <x v="122"/>
    <x v="4"/>
    <x v="0"/>
    <x v="0"/>
    <s v="Xerox 1990"/>
    <n v="15.84"/>
    <n v="3"/>
    <n v="7.13"/>
  </r>
  <r>
    <d v="2014-04-02T00:00:00"/>
    <x v="3"/>
    <x v="0"/>
    <x v="122"/>
    <x v="4"/>
    <x v="2"/>
    <x v="6"/>
    <s v="Motorola Droid Maxx"/>
    <n v="1049.93"/>
    <n v="7"/>
    <n v="293.98"/>
  </r>
  <r>
    <d v="2014-04-02T00:00:00"/>
    <x v="3"/>
    <x v="0"/>
    <x v="122"/>
    <x v="4"/>
    <x v="0"/>
    <x v="12"/>
    <s v="Euro-Pro Shark Turbo Vacuum"/>
    <n v="154.9"/>
    <n v="5"/>
    <n v="40.270000000000003"/>
  </r>
  <r>
    <d v="2014-04-02T00:00:00"/>
    <x v="3"/>
    <x v="0"/>
    <x v="66"/>
    <x v="0"/>
    <x v="0"/>
    <x v="0"/>
    <s v="Xerox 1898"/>
    <n v="26.72"/>
    <n v="5"/>
    <n v="9.35"/>
  </r>
  <r>
    <d v="2014-04-02T00:00:00"/>
    <x v="3"/>
    <x v="0"/>
    <x v="66"/>
    <x v="0"/>
    <x v="0"/>
    <x v="0"/>
    <s v="Xerox 1947"/>
    <n v="33.49"/>
    <n v="7"/>
    <n v="10.47"/>
  </r>
  <r>
    <d v="2014-04-02T00:00:00"/>
    <x v="3"/>
    <x v="0"/>
    <x v="123"/>
    <x v="6"/>
    <x v="1"/>
    <x v="8"/>
    <s v="Luxo Adjustable Task Clamp Lamp"/>
    <n v="177.68"/>
    <n v="2"/>
    <n v="46.2"/>
  </r>
  <r>
    <d v="2014-04-03T00:00:00"/>
    <x v="3"/>
    <x v="0"/>
    <x v="124"/>
    <x v="3"/>
    <x v="0"/>
    <x v="10"/>
    <s v="Staple envelope"/>
    <n v="11.16"/>
    <n v="2"/>
    <n v="5.58"/>
  </r>
  <r>
    <d v="2014-04-03T00:00:00"/>
    <x v="3"/>
    <x v="0"/>
    <x v="124"/>
    <x v="3"/>
    <x v="2"/>
    <x v="9"/>
    <s v="Enermax Briskie RF Wireless Keyboard and Mouse Combo"/>
    <n v="62.31"/>
    <n v="3"/>
    <n v="22.43"/>
  </r>
  <r>
    <d v="2014-04-03T00:00:00"/>
    <x v="3"/>
    <x v="0"/>
    <x v="124"/>
    <x v="3"/>
    <x v="2"/>
    <x v="9"/>
    <s v="Logitech G600 MMO Gaming Mouse"/>
    <n v="159.97999999999999"/>
    <n v="2"/>
    <n v="57.59"/>
  </r>
  <r>
    <d v="2014-04-04T00:00:00"/>
    <x v="3"/>
    <x v="0"/>
    <x v="125"/>
    <x v="3"/>
    <x v="0"/>
    <x v="1"/>
    <s v="Avery 518"/>
    <n v="18.899999999999999"/>
    <n v="6"/>
    <n v="9.07"/>
  </r>
  <r>
    <d v="2014-04-04T00:00:00"/>
    <x v="3"/>
    <x v="0"/>
    <x v="102"/>
    <x v="14"/>
    <x v="1"/>
    <x v="8"/>
    <s v="Advantus Panel Wall Acrylic Frame"/>
    <n v="5.47"/>
    <n v="1"/>
    <n v="2.35"/>
  </r>
  <r>
    <d v="2014-04-04T00:00:00"/>
    <x v="3"/>
    <x v="0"/>
    <x v="102"/>
    <x v="14"/>
    <x v="0"/>
    <x v="4"/>
    <s v="Newell 319"/>
    <n v="79.36"/>
    <n v="4"/>
    <n v="23.81"/>
  </r>
  <r>
    <d v="2014-04-04T00:00:00"/>
    <x v="3"/>
    <x v="0"/>
    <x v="126"/>
    <x v="3"/>
    <x v="0"/>
    <x v="3"/>
    <s v="Avery Non-Stick Binders"/>
    <n v="7.18"/>
    <n v="2"/>
    <n v="2.25"/>
  </r>
  <r>
    <d v="2014-04-04T00:00:00"/>
    <x v="3"/>
    <x v="0"/>
    <x v="127"/>
    <x v="8"/>
    <x v="0"/>
    <x v="2"/>
    <s v="Safco Commercial Shelving"/>
    <n v="232.55"/>
    <n v="5"/>
    <n v="9.3000000000000007"/>
  </r>
  <r>
    <d v="2014-04-04T00:00:00"/>
    <x v="3"/>
    <x v="0"/>
    <x v="127"/>
    <x v="8"/>
    <x v="2"/>
    <x v="9"/>
    <s v="Logitech Wireless Marathon Mouse M705"/>
    <n v="99.98"/>
    <n v="2"/>
    <n v="42.99"/>
  </r>
  <r>
    <d v="2014-04-04T00:00:00"/>
    <x v="3"/>
    <x v="0"/>
    <x v="127"/>
    <x v="8"/>
    <x v="0"/>
    <x v="0"/>
    <s v="Xerox 209"/>
    <n v="19.440000000000001"/>
    <n v="3"/>
    <n v="9.33"/>
  </r>
  <r>
    <d v="2014-04-04T00:00:00"/>
    <x v="3"/>
    <x v="0"/>
    <x v="127"/>
    <x v="8"/>
    <x v="0"/>
    <x v="0"/>
    <s v="Xerox 1966"/>
    <n v="12.96"/>
    <n v="2"/>
    <n v="6.35"/>
  </r>
  <r>
    <d v="2014-04-05T00:00:00"/>
    <x v="3"/>
    <x v="0"/>
    <x v="128"/>
    <x v="20"/>
    <x v="0"/>
    <x v="0"/>
    <s v="Eaton Premium Continuous-Feed Paper, 25% Cotton, Letter Size, White, 1000 Shts/Box"/>
    <n v="55.48"/>
    <n v="1"/>
    <n v="26.63"/>
  </r>
  <r>
    <d v="2014-04-05T00:00:00"/>
    <x v="3"/>
    <x v="0"/>
    <x v="129"/>
    <x v="6"/>
    <x v="0"/>
    <x v="4"/>
    <s v="Crayola Colored Pencils"/>
    <n v="22.96"/>
    <n v="7"/>
    <n v="7.58"/>
  </r>
  <r>
    <d v="2014-04-05T00:00:00"/>
    <x v="3"/>
    <x v="0"/>
    <x v="129"/>
    <x v="6"/>
    <x v="2"/>
    <x v="6"/>
    <s v="AT&amp;T CL82213"/>
    <n v="28.99"/>
    <n v="1"/>
    <n v="8.41"/>
  </r>
  <r>
    <d v="2014-04-05T00:00:00"/>
    <x v="3"/>
    <x v="0"/>
    <x v="129"/>
    <x v="6"/>
    <x v="0"/>
    <x v="0"/>
    <s v="Xerox 1957"/>
    <n v="12.96"/>
    <n v="2"/>
    <n v="6.35"/>
  </r>
  <r>
    <d v="2014-04-05T00:00:00"/>
    <x v="3"/>
    <x v="0"/>
    <x v="129"/>
    <x v="6"/>
    <x v="0"/>
    <x v="4"/>
    <s v="Newell 321"/>
    <n v="22.96"/>
    <n v="7"/>
    <n v="6.66"/>
  </r>
  <r>
    <d v="2014-04-05T00:00:00"/>
    <x v="3"/>
    <x v="0"/>
    <x v="129"/>
    <x v="6"/>
    <x v="0"/>
    <x v="14"/>
    <s v="Martin Yale Chadless Opener Electric Letter Opener"/>
    <n v="4164.05"/>
    <n v="5"/>
    <n v="83.28"/>
  </r>
  <r>
    <d v="2014-04-05T00:00:00"/>
    <x v="3"/>
    <x v="0"/>
    <x v="130"/>
    <x v="1"/>
    <x v="0"/>
    <x v="2"/>
    <s v="Tenex File Box, Personal Filing Tote with Lid, Black"/>
    <n v="49.63"/>
    <n v="4"/>
    <n v="3.72"/>
  </r>
  <r>
    <d v="2014-04-05T00:00:00"/>
    <x v="3"/>
    <x v="0"/>
    <x v="130"/>
    <x v="1"/>
    <x v="0"/>
    <x v="2"/>
    <s v="Adjustable Personal File Tote"/>
    <n v="52.1"/>
    <n v="4"/>
    <n v="3.91"/>
  </r>
  <r>
    <d v="2014-04-05T00:00:00"/>
    <x v="3"/>
    <x v="0"/>
    <x v="131"/>
    <x v="14"/>
    <x v="0"/>
    <x v="4"/>
    <s v="Stanley Contemporary Battery Pencil Sharpeners"/>
    <n v="26.7"/>
    <n v="2"/>
    <n v="7.48"/>
  </r>
  <r>
    <d v="2014-04-05T00:00:00"/>
    <x v="3"/>
    <x v="0"/>
    <x v="131"/>
    <x v="14"/>
    <x v="0"/>
    <x v="3"/>
    <s v="Fellowes Twister Kit, Gray/Clear, 3/pkg"/>
    <n v="40.200000000000003"/>
    <n v="5"/>
    <n v="18.09"/>
  </r>
  <r>
    <d v="2014-04-05T00:00:00"/>
    <x v="3"/>
    <x v="0"/>
    <x v="131"/>
    <x v="14"/>
    <x v="0"/>
    <x v="4"/>
    <s v="Binney &amp; Smith Crayola Metallic Colored Pencils, 8-Color Set"/>
    <n v="13.89"/>
    <n v="3"/>
    <n v="4.58"/>
  </r>
  <r>
    <d v="2014-04-05T00:00:00"/>
    <x v="3"/>
    <x v="0"/>
    <x v="131"/>
    <x v="14"/>
    <x v="0"/>
    <x v="2"/>
    <s v="Space Solutions HD Industrial Steel Shelving."/>
    <n v="689.82"/>
    <n v="6"/>
    <n v="20.69"/>
  </r>
  <r>
    <d v="2014-04-05T00:00:00"/>
    <x v="3"/>
    <x v="0"/>
    <x v="132"/>
    <x v="5"/>
    <x v="0"/>
    <x v="3"/>
    <s v="Ibico Standard Transparent Covers"/>
    <n v="115.36"/>
    <n v="7"/>
    <n v="56.53"/>
  </r>
  <r>
    <d v="2014-04-06T00:00:00"/>
    <x v="3"/>
    <x v="0"/>
    <x v="133"/>
    <x v="2"/>
    <x v="0"/>
    <x v="3"/>
    <s v="Large Capacity Hanging Post Binders"/>
    <n v="44.91"/>
    <n v="6"/>
    <n v="-35.93"/>
  </r>
  <r>
    <d v="2014-04-06T00:00:00"/>
    <x v="3"/>
    <x v="0"/>
    <x v="26"/>
    <x v="2"/>
    <x v="0"/>
    <x v="14"/>
    <s v="Martin-Yale Premier Letter Opener"/>
    <n v="10.3"/>
    <n v="1"/>
    <n v="-2.19"/>
  </r>
  <r>
    <d v="2014-04-06T00:00:00"/>
    <x v="3"/>
    <x v="0"/>
    <x v="26"/>
    <x v="2"/>
    <x v="1"/>
    <x v="13"/>
    <s v="KI Adjustable-Height Table"/>
    <n v="154.76"/>
    <n v="3"/>
    <n v="-36.11"/>
  </r>
  <r>
    <d v="2014-04-06T00:00:00"/>
    <x v="3"/>
    <x v="0"/>
    <x v="26"/>
    <x v="2"/>
    <x v="2"/>
    <x v="9"/>
    <s v="ImationÂ Secure+ Hardware Encrypted USB 2.0Â Flash Drive; 16GB"/>
    <n v="116.78"/>
    <n v="2"/>
    <n v="21.9"/>
  </r>
  <r>
    <d v="2014-04-06T00:00:00"/>
    <x v="3"/>
    <x v="0"/>
    <x v="134"/>
    <x v="22"/>
    <x v="1"/>
    <x v="13"/>
    <s v="Chromcraft Bull-Nose Wood Round Conference Table Top, Wood Base"/>
    <n v="653.54999999999995"/>
    <n v="3"/>
    <n v="111.1"/>
  </r>
  <r>
    <d v="2014-04-06T00:00:00"/>
    <x v="3"/>
    <x v="0"/>
    <x v="134"/>
    <x v="22"/>
    <x v="2"/>
    <x v="9"/>
    <s v="Kingston Digital DataTraveler 32GB USB 2.0"/>
    <n v="33.9"/>
    <n v="2"/>
    <n v="2.0299999999999998"/>
  </r>
  <r>
    <d v="2014-04-06T00:00:00"/>
    <x v="3"/>
    <x v="0"/>
    <x v="135"/>
    <x v="3"/>
    <x v="1"/>
    <x v="8"/>
    <s v="Tenex B1-RE Series Chair Mats for Low Pile Carpets"/>
    <n v="91.96"/>
    <n v="2"/>
    <n v="15.63"/>
  </r>
  <r>
    <d v="2014-04-06T00:00:00"/>
    <x v="3"/>
    <x v="0"/>
    <x v="135"/>
    <x v="3"/>
    <x v="1"/>
    <x v="8"/>
    <s v="C-Line Cubicle Keepers Polyproplyene Holder With Velcro Backings"/>
    <n v="33.11"/>
    <n v="7"/>
    <n v="12.91"/>
  </r>
  <r>
    <d v="2014-04-06T00:00:00"/>
    <x v="3"/>
    <x v="0"/>
    <x v="135"/>
    <x v="3"/>
    <x v="0"/>
    <x v="0"/>
    <s v="Xerox 211"/>
    <n v="19.440000000000001"/>
    <n v="3"/>
    <n v="9.33"/>
  </r>
  <r>
    <d v="2014-04-06T00:00:00"/>
    <x v="3"/>
    <x v="0"/>
    <x v="135"/>
    <x v="3"/>
    <x v="0"/>
    <x v="0"/>
    <s v="Xerox 194"/>
    <n v="55.48"/>
    <n v="1"/>
    <n v="26.63"/>
  </r>
  <r>
    <d v="2014-04-06T00:00:00"/>
    <x v="3"/>
    <x v="0"/>
    <x v="136"/>
    <x v="3"/>
    <x v="0"/>
    <x v="4"/>
    <s v="Boston Home &amp; Office Model 2000 Electric Pencil Sharpeners"/>
    <n v="70.95"/>
    <n v="3"/>
    <n v="18.45"/>
  </r>
  <r>
    <d v="2014-04-06T00:00:00"/>
    <x v="3"/>
    <x v="0"/>
    <x v="136"/>
    <x v="3"/>
    <x v="0"/>
    <x v="3"/>
    <s v="Avery Trapezoid Ring Binder, 3&quot; Capacity, Black, 1040 sheets"/>
    <n v="65.569999999999993"/>
    <n v="2"/>
    <n v="23.77"/>
  </r>
  <r>
    <d v="2014-04-06T00:00:00"/>
    <x v="3"/>
    <x v="0"/>
    <x v="136"/>
    <x v="3"/>
    <x v="2"/>
    <x v="9"/>
    <s v="Razer Kraken 7.1 Surround Sound Over Ear USB Gaming Headset"/>
    <n v="299.97000000000003"/>
    <n v="3"/>
    <n v="131.99"/>
  </r>
  <r>
    <d v="2014-04-07T00:00:00"/>
    <x v="3"/>
    <x v="0"/>
    <x v="137"/>
    <x v="33"/>
    <x v="1"/>
    <x v="8"/>
    <s v="Stacking Tray, Side-Loading, Legal, Smoke"/>
    <n v="8.9600000000000009"/>
    <n v="2"/>
    <n v="2.78"/>
  </r>
  <r>
    <d v="2014-04-07T00:00:00"/>
    <x v="3"/>
    <x v="0"/>
    <x v="138"/>
    <x v="9"/>
    <x v="2"/>
    <x v="6"/>
    <s v="AT&amp;T TR1909W"/>
    <n v="629.95000000000005"/>
    <n v="5"/>
    <n v="163.79"/>
  </r>
  <r>
    <d v="2014-04-07T00:00:00"/>
    <x v="3"/>
    <x v="0"/>
    <x v="138"/>
    <x v="9"/>
    <x v="0"/>
    <x v="0"/>
    <s v="Xerox 1945"/>
    <n v="122.97"/>
    <n v="3"/>
    <n v="60.26"/>
  </r>
  <r>
    <d v="2014-04-07T00:00:00"/>
    <x v="3"/>
    <x v="0"/>
    <x v="139"/>
    <x v="4"/>
    <x v="0"/>
    <x v="0"/>
    <s v="Xerox 226"/>
    <n v="58.32"/>
    <n v="9"/>
    <n v="27.99"/>
  </r>
  <r>
    <d v="2014-04-07T00:00:00"/>
    <x v="3"/>
    <x v="0"/>
    <x v="139"/>
    <x v="4"/>
    <x v="2"/>
    <x v="6"/>
    <s v="RCA Visys Integrated PBX 8-Line Router"/>
    <n v="200.97"/>
    <n v="3"/>
    <n v="50.24"/>
  </r>
  <r>
    <d v="2014-04-08T00:00:00"/>
    <x v="3"/>
    <x v="0"/>
    <x v="140"/>
    <x v="12"/>
    <x v="0"/>
    <x v="7"/>
    <s v="Binder Clips by OIC"/>
    <n v="2.37"/>
    <n v="2"/>
    <n v="0.83"/>
  </r>
  <r>
    <d v="2014-04-08T00:00:00"/>
    <x v="3"/>
    <x v="0"/>
    <x v="140"/>
    <x v="12"/>
    <x v="0"/>
    <x v="0"/>
    <s v="Things To Do Today Spiral Book"/>
    <n v="19.010000000000002"/>
    <n v="3"/>
    <n v="6.89"/>
  </r>
  <r>
    <d v="2014-04-08T00:00:00"/>
    <x v="3"/>
    <x v="0"/>
    <x v="141"/>
    <x v="33"/>
    <x v="1"/>
    <x v="13"/>
    <s v="SAFCO PlanMaster Boards, 60w x 37-1/2d, White Melamine"/>
    <n v="1215.92"/>
    <n v="8"/>
    <n v="316.14"/>
  </r>
  <r>
    <d v="2014-04-08T00:00:00"/>
    <x v="3"/>
    <x v="0"/>
    <x v="142"/>
    <x v="12"/>
    <x v="0"/>
    <x v="7"/>
    <s v="Alliance Super-Size Bands, Assorted Sizes"/>
    <n v="49.79"/>
    <n v="8"/>
    <n v="-11.83"/>
  </r>
  <r>
    <d v="2014-04-08T00:00:00"/>
    <x v="3"/>
    <x v="0"/>
    <x v="39"/>
    <x v="3"/>
    <x v="1"/>
    <x v="13"/>
    <s v="Bevis 36 x 72 Conference Tables"/>
    <n v="99.59"/>
    <n v="1"/>
    <n v="2.4900000000000002"/>
  </r>
  <r>
    <d v="2014-04-08T00:00:00"/>
    <x v="3"/>
    <x v="0"/>
    <x v="39"/>
    <x v="3"/>
    <x v="2"/>
    <x v="9"/>
    <s v="Logitech Wireless Headset h800"/>
    <n v="399.96"/>
    <n v="4"/>
    <n v="139.99"/>
  </r>
  <r>
    <d v="2014-04-08T00:00:00"/>
    <x v="3"/>
    <x v="0"/>
    <x v="143"/>
    <x v="10"/>
    <x v="1"/>
    <x v="13"/>
    <s v="Riverside Furniture Stanwyck Manor Table Series"/>
    <n v="172.11"/>
    <n v="1"/>
    <n v="-94.66"/>
  </r>
  <r>
    <d v="2014-04-11T00:00:00"/>
    <x v="3"/>
    <x v="0"/>
    <x v="144"/>
    <x v="16"/>
    <x v="0"/>
    <x v="7"/>
    <s v="Acco Banker's Clasps, 5 3/4&quot;-Long"/>
    <n v="6.91"/>
    <n v="3"/>
    <n v="2.33"/>
  </r>
  <r>
    <d v="2014-04-11T00:00:00"/>
    <x v="3"/>
    <x v="0"/>
    <x v="144"/>
    <x v="16"/>
    <x v="2"/>
    <x v="9"/>
    <s v="Logitech Wireless Gaming Headset G930"/>
    <n v="383.98"/>
    <n v="3"/>
    <n v="81.59"/>
  </r>
  <r>
    <d v="2014-04-11T00:00:00"/>
    <x v="3"/>
    <x v="0"/>
    <x v="144"/>
    <x v="16"/>
    <x v="0"/>
    <x v="0"/>
    <s v="Xerox 224"/>
    <n v="10.37"/>
    <n v="2"/>
    <n v="3.63"/>
  </r>
  <r>
    <d v="2014-04-11T00:00:00"/>
    <x v="3"/>
    <x v="0"/>
    <x v="144"/>
    <x v="16"/>
    <x v="2"/>
    <x v="9"/>
    <s v="Logitech Wireless Anywhere Mouse MX for PC and Mac"/>
    <n v="335.94"/>
    <n v="7"/>
    <n v="41.99"/>
  </r>
  <r>
    <d v="2014-04-11T00:00:00"/>
    <x v="3"/>
    <x v="0"/>
    <x v="145"/>
    <x v="34"/>
    <x v="0"/>
    <x v="3"/>
    <s v="GBC Personal VeloBind Strips"/>
    <n v="9.58"/>
    <n v="1"/>
    <n v="3.35"/>
  </r>
  <r>
    <d v="2014-04-11T00:00:00"/>
    <x v="3"/>
    <x v="0"/>
    <x v="146"/>
    <x v="0"/>
    <x v="2"/>
    <x v="6"/>
    <s v="Jawbone JAMBOX Wireless Bluetooth Speaker"/>
    <n v="758.35"/>
    <n v="6"/>
    <n v="265.42"/>
  </r>
  <r>
    <d v="2014-04-11T00:00:00"/>
    <x v="3"/>
    <x v="0"/>
    <x v="147"/>
    <x v="35"/>
    <x v="0"/>
    <x v="2"/>
    <s v="Eldon Simplefile Box Office"/>
    <n v="87.08"/>
    <n v="7"/>
    <n v="24.38"/>
  </r>
  <r>
    <d v="2014-04-11T00:00:00"/>
    <x v="3"/>
    <x v="0"/>
    <x v="147"/>
    <x v="35"/>
    <x v="2"/>
    <x v="6"/>
    <s v="AT&amp;T SB67148 SynJ"/>
    <n v="105.58"/>
    <n v="2"/>
    <n v="9.24"/>
  </r>
  <r>
    <d v="2014-04-11T00:00:00"/>
    <x v="3"/>
    <x v="0"/>
    <x v="147"/>
    <x v="35"/>
    <x v="2"/>
    <x v="9"/>
    <s v="Memorex Mini Travel Drive 64 GB USB 2.0 Flash Drive"/>
    <n v="217.44"/>
    <n v="6"/>
    <n v="91.32"/>
  </r>
  <r>
    <d v="2014-04-12T00:00:00"/>
    <x v="3"/>
    <x v="0"/>
    <x v="148"/>
    <x v="3"/>
    <x v="2"/>
    <x v="6"/>
    <s v="Pyle PMP37LED"/>
    <n v="1075.0899999999999"/>
    <n v="14"/>
    <n v="94.07"/>
  </r>
  <r>
    <d v="2014-04-12T00:00:00"/>
    <x v="3"/>
    <x v="0"/>
    <x v="148"/>
    <x v="3"/>
    <x v="2"/>
    <x v="6"/>
    <s v="AT&amp;T 1080 Corded phone"/>
    <n v="438.37"/>
    <n v="4"/>
    <n v="38.36"/>
  </r>
  <r>
    <d v="2014-04-12T00:00:00"/>
    <x v="3"/>
    <x v="0"/>
    <x v="148"/>
    <x v="3"/>
    <x v="0"/>
    <x v="3"/>
    <s v="Recycled Pressboard Report Cover with Reinforced Top Hinge"/>
    <n v="18.09"/>
    <n v="7"/>
    <n v="6.56"/>
  </r>
  <r>
    <d v="2014-04-12T00:00:00"/>
    <x v="3"/>
    <x v="0"/>
    <x v="148"/>
    <x v="3"/>
    <x v="1"/>
    <x v="11"/>
    <s v="O'Sullivan Living Dimensions 2-Shelf Bookcases"/>
    <n v="308.5"/>
    <n v="3"/>
    <n v="-18.149999999999999"/>
  </r>
  <r>
    <d v="2014-04-12T00:00:00"/>
    <x v="3"/>
    <x v="0"/>
    <x v="149"/>
    <x v="18"/>
    <x v="0"/>
    <x v="0"/>
    <s v="Xerox 213"/>
    <n v="32.4"/>
    <n v="5"/>
    <n v="15.55"/>
  </r>
  <r>
    <d v="2014-04-12T00:00:00"/>
    <x v="3"/>
    <x v="0"/>
    <x v="150"/>
    <x v="3"/>
    <x v="0"/>
    <x v="4"/>
    <s v="Prismacolor Color Pencil Set"/>
    <n v="39.68"/>
    <n v="2"/>
    <n v="16.27"/>
  </r>
  <r>
    <d v="2014-04-13T00:00:00"/>
    <x v="3"/>
    <x v="0"/>
    <x v="104"/>
    <x v="2"/>
    <x v="0"/>
    <x v="4"/>
    <s v="Newell 314"/>
    <n v="17.86"/>
    <n v="4"/>
    <n v="1.1200000000000001"/>
  </r>
  <r>
    <d v="2014-04-13T00:00:00"/>
    <x v="3"/>
    <x v="0"/>
    <x v="104"/>
    <x v="2"/>
    <x v="0"/>
    <x v="3"/>
    <s v="Fellowes PB200 Plastic Comb Binding Machine"/>
    <n v="509.97"/>
    <n v="10"/>
    <n v="-407.98"/>
  </r>
  <r>
    <d v="2014-04-13T00:00:00"/>
    <x v="3"/>
    <x v="0"/>
    <x v="104"/>
    <x v="2"/>
    <x v="0"/>
    <x v="7"/>
    <s v="Staples"/>
    <n v="30.99"/>
    <n v="13"/>
    <n v="10.07"/>
  </r>
  <r>
    <d v="2014-04-13T00:00:00"/>
    <x v="3"/>
    <x v="0"/>
    <x v="104"/>
    <x v="2"/>
    <x v="2"/>
    <x v="6"/>
    <s v="Square Credit Card Reader, 4 1/2&quot; x 4 1/2&quot; x 1&quot;, White"/>
    <n v="71.930000000000007"/>
    <n v="12"/>
    <n v="8.39"/>
  </r>
  <r>
    <d v="2014-04-13T00:00:00"/>
    <x v="3"/>
    <x v="0"/>
    <x v="151"/>
    <x v="36"/>
    <x v="0"/>
    <x v="1"/>
    <s v="Avery 479"/>
    <n v="7.83"/>
    <n v="3"/>
    <n v="3.6"/>
  </r>
  <r>
    <d v="2014-04-15T00:00:00"/>
    <x v="3"/>
    <x v="0"/>
    <x v="152"/>
    <x v="3"/>
    <x v="0"/>
    <x v="12"/>
    <s v="Belkin F9G930V10-GRY 9 Outlet Surge"/>
    <n v="106.96"/>
    <n v="2"/>
    <n v="31.02"/>
  </r>
  <r>
    <d v="2014-04-15T00:00:00"/>
    <x v="3"/>
    <x v="0"/>
    <x v="152"/>
    <x v="3"/>
    <x v="1"/>
    <x v="8"/>
    <s v="Howard Miller 13&quot; Diameter Goldtone Round Wall Clock"/>
    <n v="187.76"/>
    <n v="4"/>
    <n v="76.98"/>
  </r>
  <r>
    <d v="2014-04-16T00:00:00"/>
    <x v="3"/>
    <x v="0"/>
    <x v="153"/>
    <x v="25"/>
    <x v="0"/>
    <x v="4"/>
    <s v="Avery Hi-Liter EverBold Pen Style Fluorescent Highlighters, 4/Pack"/>
    <n v="39.07"/>
    <n v="6"/>
    <n v="9.77"/>
  </r>
  <r>
    <d v="2014-04-18T00:00:00"/>
    <x v="3"/>
    <x v="0"/>
    <x v="154"/>
    <x v="3"/>
    <x v="2"/>
    <x v="15"/>
    <s v="Ativa MDM8000 8-Sheet Micro-Cut Shredder"/>
    <n v="287.97000000000003"/>
    <n v="4"/>
    <n v="97.19"/>
  </r>
  <r>
    <d v="2014-04-18T00:00:00"/>
    <x v="3"/>
    <x v="0"/>
    <x v="154"/>
    <x v="3"/>
    <x v="0"/>
    <x v="4"/>
    <s v="Newell 351"/>
    <n v="13.12"/>
    <n v="4"/>
    <n v="3.8"/>
  </r>
  <r>
    <d v="2014-04-18T00:00:00"/>
    <x v="3"/>
    <x v="0"/>
    <x v="154"/>
    <x v="3"/>
    <x v="0"/>
    <x v="4"/>
    <s v="Binney &amp; Smith inkTank Desk Highlighter, Chisel Tip, Yellow, 12/Box"/>
    <n v="10.75"/>
    <n v="5"/>
    <n v="3.55"/>
  </r>
  <r>
    <d v="2014-04-18T00:00:00"/>
    <x v="3"/>
    <x v="0"/>
    <x v="154"/>
    <x v="3"/>
    <x v="0"/>
    <x v="7"/>
    <s v="Advantus Push Pins, Aluminum Head"/>
    <n v="11.62"/>
    <n v="2"/>
    <n v="3.6"/>
  </r>
  <r>
    <d v="2014-04-18T00:00:00"/>
    <x v="3"/>
    <x v="0"/>
    <x v="111"/>
    <x v="0"/>
    <x v="0"/>
    <x v="4"/>
    <s v="Prang Dustless Chalk Sticks"/>
    <n v="2.69"/>
    <n v="2"/>
    <n v="1.01"/>
  </r>
  <r>
    <d v="2014-04-18T00:00:00"/>
    <x v="3"/>
    <x v="0"/>
    <x v="111"/>
    <x v="0"/>
    <x v="1"/>
    <x v="5"/>
    <s v="DMI Arturo Collection Mission-style Design Wood Chair"/>
    <n v="317.06"/>
    <n v="3"/>
    <n v="-18.12"/>
  </r>
  <r>
    <d v="2014-04-18T00:00:00"/>
    <x v="3"/>
    <x v="0"/>
    <x v="111"/>
    <x v="0"/>
    <x v="0"/>
    <x v="10"/>
    <s v="Cameo Buff Policy Envelopes"/>
    <n v="149.35"/>
    <n v="3"/>
    <n v="50.41"/>
  </r>
  <r>
    <d v="2014-04-18T00:00:00"/>
    <x v="3"/>
    <x v="0"/>
    <x v="111"/>
    <x v="0"/>
    <x v="2"/>
    <x v="9"/>
    <s v="Kensington Expert Mouse Optical USB Trackball for PC or Mac"/>
    <n v="227.98"/>
    <n v="3"/>
    <n v="28.5"/>
  </r>
  <r>
    <d v="2014-04-19T00:00:00"/>
    <x v="3"/>
    <x v="0"/>
    <x v="155"/>
    <x v="3"/>
    <x v="1"/>
    <x v="8"/>
    <s v="Executive Impressions 13&quot; Chairman Wall Clock"/>
    <n v="76.14"/>
    <n v="3"/>
    <n v="26.65"/>
  </r>
  <r>
    <d v="2014-04-19T00:00:00"/>
    <x v="3"/>
    <x v="0"/>
    <x v="156"/>
    <x v="6"/>
    <x v="0"/>
    <x v="3"/>
    <s v="GBC Durable Plastic Covers"/>
    <n v="58.05"/>
    <n v="3"/>
    <n v="26.7"/>
  </r>
  <r>
    <d v="2014-04-19T00:00:00"/>
    <x v="3"/>
    <x v="0"/>
    <x v="156"/>
    <x v="6"/>
    <x v="0"/>
    <x v="0"/>
    <s v="Xerox 232"/>
    <n v="71.28"/>
    <n v="11"/>
    <n v="34.21"/>
  </r>
  <r>
    <d v="2014-04-20T00:00:00"/>
    <x v="3"/>
    <x v="0"/>
    <x v="9"/>
    <x v="0"/>
    <x v="1"/>
    <x v="13"/>
    <s v="Bush Advantage Collection Round Conference Table"/>
    <n v="744.1"/>
    <n v="5"/>
    <n v="-95.67"/>
  </r>
  <r>
    <d v="2014-04-20T00:00:00"/>
    <x v="3"/>
    <x v="0"/>
    <x v="9"/>
    <x v="0"/>
    <x v="0"/>
    <x v="2"/>
    <s v="Personal Folder Holder, Ebony"/>
    <n v="44.84"/>
    <n v="5"/>
    <n v="5.61"/>
  </r>
  <r>
    <d v="2014-04-20T00:00:00"/>
    <x v="3"/>
    <x v="0"/>
    <x v="9"/>
    <x v="0"/>
    <x v="1"/>
    <x v="13"/>
    <s v="Riverside Furniture Stanwyck Manor Table Series"/>
    <n v="401.59"/>
    <n v="2"/>
    <n v="-131.94999999999999"/>
  </r>
  <r>
    <d v="2014-04-20T00:00:00"/>
    <x v="3"/>
    <x v="0"/>
    <x v="157"/>
    <x v="3"/>
    <x v="1"/>
    <x v="8"/>
    <s v="GE 4 Foot Flourescent Tube, 40 Watt"/>
    <n v="59.92"/>
    <n v="4"/>
    <n v="27.56"/>
  </r>
  <r>
    <d v="2014-04-21T00:00:00"/>
    <x v="3"/>
    <x v="0"/>
    <x v="158"/>
    <x v="3"/>
    <x v="0"/>
    <x v="3"/>
    <s v="ACCOHIDE Binder by Acco"/>
    <n v="16.52"/>
    <n v="5"/>
    <n v="5.58"/>
  </r>
  <r>
    <d v="2014-04-21T00:00:00"/>
    <x v="3"/>
    <x v="0"/>
    <x v="159"/>
    <x v="5"/>
    <x v="0"/>
    <x v="2"/>
    <s v="SAFCO Commercial Wire Shelving, Black"/>
    <n v="828.84"/>
    <n v="6"/>
    <n v="0"/>
  </r>
  <r>
    <d v="2014-04-22T00:00:00"/>
    <x v="3"/>
    <x v="0"/>
    <x v="160"/>
    <x v="20"/>
    <x v="0"/>
    <x v="10"/>
    <s v="Staple envelope"/>
    <n v="247.84"/>
    <n v="8"/>
    <n v="121.44"/>
  </r>
  <r>
    <d v="2014-04-22T00:00:00"/>
    <x v="3"/>
    <x v="0"/>
    <x v="160"/>
    <x v="20"/>
    <x v="0"/>
    <x v="3"/>
    <s v="ACCOHIDE 3-Ring Binder, Blue, 1&quot;"/>
    <n v="9.91"/>
    <n v="3"/>
    <n v="3.35"/>
  </r>
  <r>
    <d v="2014-04-23T00:00:00"/>
    <x v="3"/>
    <x v="0"/>
    <x v="161"/>
    <x v="2"/>
    <x v="0"/>
    <x v="3"/>
    <s v="Wilson Jones Suede Grain Vinyl Binders"/>
    <n v="2.5"/>
    <n v="3"/>
    <n v="-1.75"/>
  </r>
  <r>
    <d v="2014-04-23T00:00:00"/>
    <x v="3"/>
    <x v="0"/>
    <x v="162"/>
    <x v="10"/>
    <x v="1"/>
    <x v="5"/>
    <s v="Global Leather Highback Executive Chair with Pneumatic Height Adjustment, Black"/>
    <n v="281.37"/>
    <n v="2"/>
    <n v="-12.06"/>
  </r>
  <r>
    <d v="2014-04-23T00:00:00"/>
    <x v="3"/>
    <x v="0"/>
    <x v="162"/>
    <x v="10"/>
    <x v="0"/>
    <x v="3"/>
    <s v="Zipper Ring Binder Pockets"/>
    <n v="7.49"/>
    <n v="8"/>
    <n v="-5.24"/>
  </r>
  <r>
    <d v="2014-04-23T00:00:00"/>
    <x v="3"/>
    <x v="0"/>
    <x v="162"/>
    <x v="10"/>
    <x v="1"/>
    <x v="8"/>
    <s v="G.E. Halogen Desk Lamp Bulbs"/>
    <n v="22.34"/>
    <n v="4"/>
    <n v="7.82"/>
  </r>
  <r>
    <d v="2014-04-23T00:00:00"/>
    <x v="3"/>
    <x v="0"/>
    <x v="39"/>
    <x v="3"/>
    <x v="0"/>
    <x v="0"/>
    <s v="Xerox 1891"/>
    <n v="48.91"/>
    <n v="1"/>
    <n v="22.99"/>
  </r>
  <r>
    <d v="2014-04-25T00:00:00"/>
    <x v="3"/>
    <x v="0"/>
    <x v="163"/>
    <x v="0"/>
    <x v="0"/>
    <x v="0"/>
    <s v="Xerox 1985"/>
    <n v="10.37"/>
    <n v="2"/>
    <n v="3.63"/>
  </r>
  <r>
    <d v="2014-04-25T00:00:00"/>
    <x v="3"/>
    <x v="0"/>
    <x v="163"/>
    <x v="0"/>
    <x v="0"/>
    <x v="4"/>
    <s v="12 Colored Short Pencils"/>
    <n v="6.24"/>
    <n v="3"/>
    <n v="0.55000000000000004"/>
  </r>
  <r>
    <d v="2014-04-25T00:00:00"/>
    <x v="3"/>
    <x v="0"/>
    <x v="164"/>
    <x v="25"/>
    <x v="2"/>
    <x v="6"/>
    <s v="AT&amp;T CL2909"/>
    <n v="302.38"/>
    <n v="3"/>
    <n v="37.799999999999997"/>
  </r>
  <r>
    <d v="2014-04-25T00:00:00"/>
    <x v="3"/>
    <x v="0"/>
    <x v="165"/>
    <x v="3"/>
    <x v="1"/>
    <x v="8"/>
    <s v="Tenex Traditional Chairmats for Medium Pile Carpet, Standard Lip, 36&quot; x 48&quot;"/>
    <n v="303.25"/>
    <n v="5"/>
    <n v="63.68"/>
  </r>
  <r>
    <d v="2014-04-25T00:00:00"/>
    <x v="3"/>
    <x v="0"/>
    <x v="165"/>
    <x v="3"/>
    <x v="0"/>
    <x v="12"/>
    <s v="Kensington 6 Outlet MasterPiece HOMEOFFICE Power Control Center"/>
    <n v="270.72000000000003"/>
    <n v="3"/>
    <n v="78.510000000000005"/>
  </r>
  <r>
    <d v="2014-04-25T00:00:00"/>
    <x v="3"/>
    <x v="0"/>
    <x v="165"/>
    <x v="3"/>
    <x v="1"/>
    <x v="5"/>
    <s v="GuestStacker Chair with Chrome Finish Legs"/>
    <n v="1487.04"/>
    <n v="5"/>
    <n v="148.69999999999999"/>
  </r>
  <r>
    <d v="2014-04-26T00:00:00"/>
    <x v="3"/>
    <x v="0"/>
    <x v="166"/>
    <x v="3"/>
    <x v="1"/>
    <x v="5"/>
    <s v="Bevis Steel Folding Chairs"/>
    <n v="230.28"/>
    <n v="3"/>
    <n v="23.03"/>
  </r>
  <r>
    <d v="2014-04-26T00:00:00"/>
    <x v="3"/>
    <x v="0"/>
    <x v="166"/>
    <x v="3"/>
    <x v="0"/>
    <x v="3"/>
    <s v="Acco Pressboard Covers with Storage Hooks, 14 7/8&quot; x 11&quot;, Executive Red"/>
    <n v="18.29"/>
    <n v="6"/>
    <n v="5.72"/>
  </r>
  <r>
    <d v="2014-04-26T00:00:00"/>
    <x v="3"/>
    <x v="0"/>
    <x v="167"/>
    <x v="3"/>
    <x v="0"/>
    <x v="4"/>
    <s v="Newell 347"/>
    <n v="21.4"/>
    <n v="5"/>
    <n v="6.21"/>
  </r>
  <r>
    <d v="2014-04-26T00:00:00"/>
    <x v="3"/>
    <x v="0"/>
    <x v="167"/>
    <x v="3"/>
    <x v="0"/>
    <x v="1"/>
    <s v="Avery 495"/>
    <n v="12.6"/>
    <n v="2"/>
    <n v="5.8"/>
  </r>
  <r>
    <d v="2014-04-28T00:00:00"/>
    <x v="3"/>
    <x v="0"/>
    <x v="168"/>
    <x v="36"/>
    <x v="0"/>
    <x v="3"/>
    <s v="Acco Data Flex Cable Posts For Top &amp; Bottom Load Binders, 6&quot; Capacity"/>
    <n v="20.86"/>
    <n v="2"/>
    <n v="9.39"/>
  </r>
  <r>
    <d v="2014-04-28T00:00:00"/>
    <x v="3"/>
    <x v="0"/>
    <x v="168"/>
    <x v="36"/>
    <x v="0"/>
    <x v="2"/>
    <s v="Recycled Steel Personal File for Standard File Folders"/>
    <n v="497.61"/>
    <n v="9"/>
    <n v="129.38"/>
  </r>
  <r>
    <d v="2014-04-28T00:00:00"/>
    <x v="3"/>
    <x v="0"/>
    <x v="168"/>
    <x v="36"/>
    <x v="0"/>
    <x v="4"/>
    <s v="Blackstonian Pencils"/>
    <n v="5.34"/>
    <n v="2"/>
    <n v="1.5"/>
  </r>
  <r>
    <d v="2014-04-28T00:00:00"/>
    <x v="3"/>
    <x v="0"/>
    <x v="168"/>
    <x v="36"/>
    <x v="0"/>
    <x v="1"/>
    <s v="Avery 488"/>
    <n v="3.15"/>
    <n v="1"/>
    <n v="1.51"/>
  </r>
  <r>
    <d v="2014-04-28T00:00:00"/>
    <x v="3"/>
    <x v="0"/>
    <x v="169"/>
    <x v="10"/>
    <x v="0"/>
    <x v="1"/>
    <s v="Avery File Folder Labels"/>
    <n v="6.91"/>
    <n v="3"/>
    <n v="2.5099999999999998"/>
  </r>
  <r>
    <d v="2014-04-28T00:00:00"/>
    <x v="3"/>
    <x v="0"/>
    <x v="169"/>
    <x v="10"/>
    <x v="0"/>
    <x v="2"/>
    <s v="X-Rack File for Hanging Folders"/>
    <n v="27.1"/>
    <n v="3"/>
    <n v="2.0299999999999998"/>
  </r>
  <r>
    <d v="2014-04-28T00:00:00"/>
    <x v="3"/>
    <x v="0"/>
    <x v="169"/>
    <x v="10"/>
    <x v="0"/>
    <x v="2"/>
    <s v="Carina Mini System Audio Rack, Model AR050B"/>
    <n v="177.57"/>
    <n v="2"/>
    <n v="-37.729999999999997"/>
  </r>
  <r>
    <d v="2014-04-28T00:00:00"/>
    <x v="3"/>
    <x v="0"/>
    <x v="170"/>
    <x v="3"/>
    <x v="2"/>
    <x v="6"/>
    <s v="Samsung Galaxy Mega 6.3"/>
    <n v="1679.96"/>
    <n v="5"/>
    <n v="126"/>
  </r>
  <r>
    <d v="2014-04-28T00:00:00"/>
    <x v="3"/>
    <x v="0"/>
    <x v="171"/>
    <x v="20"/>
    <x v="2"/>
    <x v="9"/>
    <s v="Logitech G600 MMO Gaming Mouse"/>
    <n v="159.97999999999999"/>
    <n v="2"/>
    <n v="57.59"/>
  </r>
  <r>
    <d v="2014-04-29T00:00:00"/>
    <x v="3"/>
    <x v="0"/>
    <x v="172"/>
    <x v="20"/>
    <x v="1"/>
    <x v="8"/>
    <s v="Dax Clear Box Frame"/>
    <n v="17.46"/>
    <n v="2"/>
    <n v="5.94"/>
  </r>
  <r>
    <d v="2014-04-29T00:00:00"/>
    <x v="3"/>
    <x v="0"/>
    <x v="173"/>
    <x v="8"/>
    <x v="1"/>
    <x v="5"/>
    <s v="Global Stack Chair without Arms, Black"/>
    <n v="51.96"/>
    <n v="2"/>
    <n v="12.99"/>
  </r>
  <r>
    <d v="2014-04-29T00:00:00"/>
    <x v="3"/>
    <x v="0"/>
    <x v="173"/>
    <x v="8"/>
    <x v="0"/>
    <x v="3"/>
    <s v="Avery Non-Stick Heavy Duty View Round Locking Ring Binders"/>
    <n v="17.940000000000001"/>
    <n v="3"/>
    <n v="8.61"/>
  </r>
  <r>
    <d v="2014-04-29T00:00:00"/>
    <x v="3"/>
    <x v="0"/>
    <x v="174"/>
    <x v="15"/>
    <x v="1"/>
    <x v="5"/>
    <s v="Global Leather Executive Chair"/>
    <n v="561.58000000000004"/>
    <n v="2"/>
    <n v="70.2"/>
  </r>
  <r>
    <d v="2014-04-29T00:00:00"/>
    <x v="3"/>
    <x v="0"/>
    <x v="174"/>
    <x v="15"/>
    <x v="0"/>
    <x v="2"/>
    <s v="2300 Heavy-Duty Transfer File Systems by Perma"/>
    <n v="99.92"/>
    <n v="5"/>
    <n v="-1.25"/>
  </r>
  <r>
    <d v="2014-04-29T00:00:00"/>
    <x v="3"/>
    <x v="0"/>
    <x v="175"/>
    <x v="7"/>
    <x v="2"/>
    <x v="6"/>
    <s v="Square Credit Card Reader"/>
    <n v="19.98"/>
    <n v="2"/>
    <n v="5.19"/>
  </r>
  <r>
    <d v="2014-04-30T00:00:00"/>
    <x v="3"/>
    <x v="0"/>
    <x v="51"/>
    <x v="29"/>
    <x v="2"/>
    <x v="9"/>
    <s v="Maxell 4.7GB DVD-RW 3/Pack"/>
    <n v="47.79"/>
    <n v="3"/>
    <n v="16.25"/>
  </r>
  <r>
    <d v="2014-04-30T00:00:00"/>
    <x v="3"/>
    <x v="0"/>
    <x v="176"/>
    <x v="5"/>
    <x v="0"/>
    <x v="4"/>
    <s v="Hunt Boston Vacuum Mount KS Pencil Sharpener"/>
    <n v="174.95"/>
    <n v="5"/>
    <n v="45.49"/>
  </r>
  <r>
    <d v="2014-04-30T00:00:00"/>
    <x v="3"/>
    <x v="0"/>
    <x v="176"/>
    <x v="5"/>
    <x v="0"/>
    <x v="2"/>
    <s v="Economy Rollaway Files"/>
    <n v="826"/>
    <n v="5"/>
    <n v="214.76"/>
  </r>
  <r>
    <d v="2014-05-02T00:00:00"/>
    <x v="4"/>
    <x v="0"/>
    <x v="177"/>
    <x v="10"/>
    <x v="0"/>
    <x v="12"/>
    <s v="Belkin 6 Outlet Metallic Surge Strip"/>
    <n v="26.14"/>
    <n v="3"/>
    <n v="1.96"/>
  </r>
  <r>
    <d v="2014-05-02T00:00:00"/>
    <x v="4"/>
    <x v="0"/>
    <x v="178"/>
    <x v="16"/>
    <x v="2"/>
    <x v="16"/>
    <s v="Brother DCP1000 Digital 3 in 1 Multifunction Machine"/>
    <n v="479.98"/>
    <n v="2"/>
    <n v="90"/>
  </r>
  <r>
    <d v="2014-05-03T00:00:00"/>
    <x v="4"/>
    <x v="0"/>
    <x v="179"/>
    <x v="21"/>
    <x v="0"/>
    <x v="1"/>
    <s v="Avery 481"/>
    <n v="21.56"/>
    <n v="7"/>
    <n v="10.35"/>
  </r>
  <r>
    <d v="2014-05-03T00:00:00"/>
    <x v="4"/>
    <x v="0"/>
    <x v="180"/>
    <x v="20"/>
    <x v="0"/>
    <x v="3"/>
    <s v="GBC Poly Designer Binding Covers"/>
    <n v="40.18"/>
    <n v="3"/>
    <n v="14.56"/>
  </r>
  <r>
    <d v="2014-05-03T00:00:00"/>
    <x v="4"/>
    <x v="0"/>
    <x v="180"/>
    <x v="20"/>
    <x v="0"/>
    <x v="3"/>
    <s v="Avery Durable Plastic 1&quot; Binders"/>
    <n v="10.9"/>
    <n v="3"/>
    <n v="3.95"/>
  </r>
  <r>
    <d v="2014-05-04T00:00:00"/>
    <x v="4"/>
    <x v="0"/>
    <x v="181"/>
    <x v="14"/>
    <x v="0"/>
    <x v="3"/>
    <s v="Fellowes Binding Cases"/>
    <n v="46.8"/>
    <n v="4"/>
    <n v="21.06"/>
  </r>
  <r>
    <d v="2014-05-04T00:00:00"/>
    <x v="4"/>
    <x v="0"/>
    <x v="182"/>
    <x v="37"/>
    <x v="1"/>
    <x v="8"/>
    <s v="DAX Wood Document Frame"/>
    <n v="27.46"/>
    <n v="2"/>
    <n v="9.89"/>
  </r>
  <r>
    <d v="2014-05-04T00:00:00"/>
    <x v="4"/>
    <x v="0"/>
    <x v="115"/>
    <x v="0"/>
    <x v="0"/>
    <x v="4"/>
    <s v="Boston Home &amp; Office Model 2000 Electric Pencil Sharpeners"/>
    <n v="37.840000000000003"/>
    <n v="2"/>
    <n v="2.84"/>
  </r>
  <r>
    <d v="2014-05-04T00:00:00"/>
    <x v="4"/>
    <x v="0"/>
    <x v="115"/>
    <x v="0"/>
    <x v="0"/>
    <x v="7"/>
    <s v="OIC Thumb-Tacks"/>
    <n v="5.47"/>
    <n v="6"/>
    <n v="1.85"/>
  </r>
  <r>
    <d v="2014-05-04T00:00:00"/>
    <x v="4"/>
    <x v="0"/>
    <x v="183"/>
    <x v="22"/>
    <x v="1"/>
    <x v="8"/>
    <s v="Eldon Regeneration Recycled Desk Accessories, Smoke"/>
    <n v="12.18"/>
    <n v="7"/>
    <n v="3.9"/>
  </r>
  <r>
    <d v="2014-05-04T00:00:00"/>
    <x v="4"/>
    <x v="0"/>
    <x v="183"/>
    <x v="22"/>
    <x v="0"/>
    <x v="12"/>
    <s v="Holmes Odor Grabber"/>
    <n v="57.68"/>
    <n v="4"/>
    <n v="19.03"/>
  </r>
  <r>
    <d v="2014-05-05T00:00:00"/>
    <x v="4"/>
    <x v="0"/>
    <x v="184"/>
    <x v="5"/>
    <x v="0"/>
    <x v="0"/>
    <s v="Adams &quot;While You Were Out&quot; Message Pads"/>
    <n v="9.42"/>
    <n v="3"/>
    <n v="4.24"/>
  </r>
  <r>
    <d v="2014-05-05T00:00:00"/>
    <x v="4"/>
    <x v="0"/>
    <x v="184"/>
    <x v="5"/>
    <x v="0"/>
    <x v="4"/>
    <s v="Newell 350"/>
    <n v="6.56"/>
    <n v="2"/>
    <n v="1.9"/>
  </r>
  <r>
    <d v="2014-05-05T00:00:00"/>
    <x v="4"/>
    <x v="0"/>
    <x v="184"/>
    <x v="5"/>
    <x v="0"/>
    <x v="0"/>
    <s v="Xerox 1933"/>
    <n v="24.56"/>
    <n v="2"/>
    <n v="11.54"/>
  </r>
  <r>
    <d v="2014-05-05T00:00:00"/>
    <x v="4"/>
    <x v="0"/>
    <x v="185"/>
    <x v="0"/>
    <x v="1"/>
    <x v="5"/>
    <s v="Global Value Mid-Back Manager's Chair, Gray"/>
    <n v="127.87"/>
    <n v="3"/>
    <n v="-9.1300000000000008"/>
  </r>
  <r>
    <d v="2014-05-05T00:00:00"/>
    <x v="4"/>
    <x v="0"/>
    <x v="121"/>
    <x v="1"/>
    <x v="0"/>
    <x v="2"/>
    <s v="Eldon Portable Mobile Manager"/>
    <n v="45.25"/>
    <n v="2"/>
    <n v="3.96"/>
  </r>
  <r>
    <d v="2014-05-05T00:00:00"/>
    <x v="4"/>
    <x v="0"/>
    <x v="186"/>
    <x v="6"/>
    <x v="0"/>
    <x v="3"/>
    <s v="Storex Dura Pro Binders"/>
    <n v="11.88"/>
    <n v="2"/>
    <n v="5.35"/>
  </r>
  <r>
    <d v="2014-05-05T00:00:00"/>
    <x v="4"/>
    <x v="0"/>
    <x v="186"/>
    <x v="6"/>
    <x v="0"/>
    <x v="0"/>
    <s v="Easy-staple paper"/>
    <n v="35.44"/>
    <n v="1"/>
    <n v="16.66"/>
  </r>
  <r>
    <d v="2014-05-06T00:00:00"/>
    <x v="4"/>
    <x v="0"/>
    <x v="187"/>
    <x v="3"/>
    <x v="0"/>
    <x v="3"/>
    <s v="Wilson Jones Legal Size Ring Binders"/>
    <n v="140.74"/>
    <n v="8"/>
    <n v="52.78"/>
  </r>
  <r>
    <d v="2014-05-06T00:00:00"/>
    <x v="4"/>
    <x v="0"/>
    <x v="188"/>
    <x v="3"/>
    <x v="0"/>
    <x v="1"/>
    <s v="Staple-on labels"/>
    <n v="5.78"/>
    <n v="2"/>
    <n v="2.72"/>
  </r>
  <r>
    <d v="2014-05-06T00:00:00"/>
    <x v="4"/>
    <x v="0"/>
    <x v="188"/>
    <x v="3"/>
    <x v="0"/>
    <x v="4"/>
    <s v="Model L Table or Wall-Mount Pencil Sharpener"/>
    <n v="107.94"/>
    <n v="6"/>
    <n v="30.22"/>
  </r>
  <r>
    <d v="2014-05-07T00:00:00"/>
    <x v="4"/>
    <x v="0"/>
    <x v="189"/>
    <x v="32"/>
    <x v="0"/>
    <x v="3"/>
    <s v="Acco PRESSTEX Data Binder with Storage Hooks, Dark Blue, 14 7/8&quot; X 11&quot;"/>
    <n v="16.14"/>
    <n v="3"/>
    <n v="7.91"/>
  </r>
  <r>
    <d v="2014-05-07T00:00:00"/>
    <x v="4"/>
    <x v="0"/>
    <x v="189"/>
    <x v="32"/>
    <x v="1"/>
    <x v="13"/>
    <s v="Balt Split Level Computer Training Table"/>
    <n v="194.25"/>
    <n v="2"/>
    <n v="-38.85"/>
  </r>
  <r>
    <d v="2014-05-07T00:00:00"/>
    <x v="4"/>
    <x v="0"/>
    <x v="189"/>
    <x v="32"/>
    <x v="0"/>
    <x v="4"/>
    <s v="Newell 335"/>
    <n v="8.64"/>
    <n v="3"/>
    <n v="2.5099999999999998"/>
  </r>
  <r>
    <d v="2014-05-07T00:00:00"/>
    <x v="4"/>
    <x v="0"/>
    <x v="189"/>
    <x v="32"/>
    <x v="1"/>
    <x v="5"/>
    <s v="Lifetime Advantage Folding Chairs, 4/Carton"/>
    <n v="872.32"/>
    <n v="4"/>
    <n v="244.25"/>
  </r>
  <r>
    <d v="2014-05-08T00:00:00"/>
    <x v="4"/>
    <x v="0"/>
    <x v="73"/>
    <x v="2"/>
    <x v="2"/>
    <x v="16"/>
    <s v="Hewlett Packard LaserJet 3310 Copier"/>
    <n v="1799.97"/>
    <n v="5"/>
    <n v="240"/>
  </r>
  <r>
    <d v="2014-05-09T00:00:00"/>
    <x v="4"/>
    <x v="0"/>
    <x v="190"/>
    <x v="3"/>
    <x v="2"/>
    <x v="9"/>
    <s v="Kingston Digital DataTraveler 32GB USB 2.0"/>
    <n v="67.8"/>
    <n v="4"/>
    <n v="4.07"/>
  </r>
  <r>
    <d v="2014-05-09T00:00:00"/>
    <x v="4"/>
    <x v="0"/>
    <x v="190"/>
    <x v="3"/>
    <x v="2"/>
    <x v="9"/>
    <s v="Sony Micro Vault Click 16 GB USB 2.0 Flash Drive"/>
    <n v="167.97"/>
    <n v="3"/>
    <n v="40.31"/>
  </r>
  <r>
    <d v="2014-05-09T00:00:00"/>
    <x v="4"/>
    <x v="0"/>
    <x v="191"/>
    <x v="5"/>
    <x v="0"/>
    <x v="2"/>
    <s v="Fellowes Super Stor/Drawer"/>
    <n v="83.25"/>
    <n v="3"/>
    <n v="14.99"/>
  </r>
  <r>
    <d v="2014-05-09T00:00:00"/>
    <x v="4"/>
    <x v="0"/>
    <x v="191"/>
    <x v="5"/>
    <x v="0"/>
    <x v="1"/>
    <s v="Avery 518"/>
    <n v="9.4499999999999993"/>
    <n v="3"/>
    <n v="4.54"/>
  </r>
  <r>
    <d v="2014-05-09T00:00:00"/>
    <x v="4"/>
    <x v="0"/>
    <x v="191"/>
    <x v="5"/>
    <x v="0"/>
    <x v="1"/>
    <s v="Avery 506"/>
    <n v="20.65"/>
    <n v="5"/>
    <n v="9.5"/>
  </r>
  <r>
    <d v="2014-05-09T00:00:00"/>
    <x v="4"/>
    <x v="0"/>
    <x v="191"/>
    <x v="5"/>
    <x v="0"/>
    <x v="0"/>
    <s v="Weyerhaeuser First Choice Laser/Copy Paper (20Lb. and 88 Bright)"/>
    <n v="45.36"/>
    <n v="7"/>
    <n v="21.77"/>
  </r>
  <r>
    <d v="2014-05-10T00:00:00"/>
    <x v="4"/>
    <x v="0"/>
    <x v="170"/>
    <x v="22"/>
    <x v="0"/>
    <x v="10"/>
    <s v="Strathmore #10 Envelopes, Ultimate White"/>
    <n v="158.13"/>
    <n v="3"/>
    <n v="77.48"/>
  </r>
  <r>
    <d v="2014-05-10T00:00:00"/>
    <x v="4"/>
    <x v="0"/>
    <x v="170"/>
    <x v="22"/>
    <x v="2"/>
    <x v="6"/>
    <s v="LF Elite 3D Dazzle Designer Hard Case Cover, Lf Stylus Pen and Wiper For Apple Iphone 5c Mini Lite"/>
    <n v="43.6"/>
    <n v="5"/>
    <n v="4.3600000000000003"/>
  </r>
  <r>
    <d v="2014-05-10T00:00:00"/>
    <x v="4"/>
    <x v="0"/>
    <x v="192"/>
    <x v="2"/>
    <x v="1"/>
    <x v="11"/>
    <s v="Bestar Classic Bookcase"/>
    <n v="349.97"/>
    <n v="7"/>
    <n v="-216.98"/>
  </r>
  <r>
    <d v="2014-05-10T00:00:00"/>
    <x v="4"/>
    <x v="0"/>
    <x v="192"/>
    <x v="2"/>
    <x v="0"/>
    <x v="4"/>
    <s v="DIXON Ticonderoga Erasable Checking Pencils"/>
    <n v="22.32"/>
    <n v="5"/>
    <n v="5.3"/>
  </r>
  <r>
    <d v="2014-05-10T00:00:00"/>
    <x v="4"/>
    <x v="0"/>
    <x v="193"/>
    <x v="3"/>
    <x v="0"/>
    <x v="0"/>
    <s v="Southworth 25% Cotton Premium Laser Paper and Envelopes"/>
    <n v="39.96"/>
    <n v="2"/>
    <n v="19.18"/>
  </r>
  <r>
    <d v="2014-05-10T00:00:00"/>
    <x v="4"/>
    <x v="0"/>
    <x v="193"/>
    <x v="3"/>
    <x v="2"/>
    <x v="6"/>
    <s v="Wilson Electronics DB Pro Signal Booster"/>
    <n v="1432"/>
    <n v="5"/>
    <n v="125.3"/>
  </r>
  <r>
    <d v="2014-05-10T00:00:00"/>
    <x v="4"/>
    <x v="0"/>
    <x v="193"/>
    <x v="3"/>
    <x v="0"/>
    <x v="14"/>
    <s v="Acme Design Stainless Steel Bent Scissors"/>
    <n v="41.04"/>
    <n v="6"/>
    <n v="11.08"/>
  </r>
  <r>
    <d v="2014-05-10T00:00:00"/>
    <x v="4"/>
    <x v="0"/>
    <x v="193"/>
    <x v="3"/>
    <x v="1"/>
    <x v="5"/>
    <s v="Hon Pagoda Stacking Chairs"/>
    <n v="256.77999999999997"/>
    <n v="1"/>
    <n v="32.1"/>
  </r>
  <r>
    <d v="2014-05-11T00:00:00"/>
    <x v="4"/>
    <x v="0"/>
    <x v="194"/>
    <x v="0"/>
    <x v="2"/>
    <x v="9"/>
    <s v="SanDisk Cruzer 64 GB USB Flash Drive"/>
    <n v="58.11"/>
    <n v="2"/>
    <n v="7.26"/>
  </r>
  <r>
    <d v="2014-05-11T00:00:00"/>
    <x v="4"/>
    <x v="0"/>
    <x v="194"/>
    <x v="0"/>
    <x v="2"/>
    <x v="6"/>
    <s v="Xblue XB-1670-86 X16 SmallÂ Office TelephoneÂ - Titanium"/>
    <n v="100.79"/>
    <n v="1"/>
    <n v="6.3"/>
  </r>
  <r>
    <d v="2014-05-11T00:00:00"/>
    <x v="4"/>
    <x v="0"/>
    <x v="194"/>
    <x v="0"/>
    <x v="1"/>
    <x v="8"/>
    <s v="Deflect-o EconoMat Studded, No Bevel Mat for Low Pile Carpeting"/>
    <n v="66.11"/>
    <n v="4"/>
    <n v="-84.29"/>
  </r>
  <r>
    <d v="2014-05-11T00:00:00"/>
    <x v="4"/>
    <x v="0"/>
    <x v="195"/>
    <x v="0"/>
    <x v="2"/>
    <x v="9"/>
    <s v="Logitech ClearChat Comfort/USB Headset H390"/>
    <n v="46.86"/>
    <n v="2"/>
    <n v="7.62"/>
  </r>
  <r>
    <d v="2014-05-11T00:00:00"/>
    <x v="4"/>
    <x v="0"/>
    <x v="196"/>
    <x v="20"/>
    <x v="0"/>
    <x v="12"/>
    <s v="Staple holder"/>
    <n v="35.909999999999997"/>
    <n v="3"/>
    <n v="9.6999999999999993"/>
  </r>
  <r>
    <d v="2014-05-11T00:00:00"/>
    <x v="4"/>
    <x v="0"/>
    <x v="197"/>
    <x v="0"/>
    <x v="1"/>
    <x v="5"/>
    <s v="Hon Multipurpose Stacking Arm Chairs"/>
    <n v="1212.96"/>
    <n v="8"/>
    <n v="-69.31"/>
  </r>
  <r>
    <d v="2014-05-11T00:00:00"/>
    <x v="4"/>
    <x v="0"/>
    <x v="198"/>
    <x v="1"/>
    <x v="0"/>
    <x v="0"/>
    <s v="Black Print Carbonless 8 1/2&quot; x 8 1/4&quot; Rapid Memo Book"/>
    <n v="17.47"/>
    <n v="3"/>
    <n v="5.68"/>
  </r>
  <r>
    <d v="2014-05-11T00:00:00"/>
    <x v="4"/>
    <x v="0"/>
    <x v="198"/>
    <x v="1"/>
    <x v="0"/>
    <x v="3"/>
    <s v="Avery Arch Ring Binders"/>
    <n v="104.58"/>
    <n v="9"/>
    <n v="-172.56"/>
  </r>
  <r>
    <d v="2014-05-12T00:00:00"/>
    <x v="4"/>
    <x v="0"/>
    <x v="19"/>
    <x v="21"/>
    <x v="1"/>
    <x v="8"/>
    <s v="DAX Value U-Channel Document Frames, Easel Back"/>
    <n v="34.79"/>
    <n v="7"/>
    <n v="10.78"/>
  </r>
  <r>
    <d v="2014-05-12T00:00:00"/>
    <x v="4"/>
    <x v="0"/>
    <x v="73"/>
    <x v="32"/>
    <x v="1"/>
    <x v="13"/>
    <s v="Bevis Traditional Conference Table Top, Plinth Base"/>
    <n v="700.06"/>
    <n v="3"/>
    <n v="-130.01"/>
  </r>
  <r>
    <d v="2014-05-13T00:00:00"/>
    <x v="4"/>
    <x v="0"/>
    <x v="199"/>
    <x v="27"/>
    <x v="0"/>
    <x v="2"/>
    <s v="Fellowes Super Stor/Drawer"/>
    <n v="55.5"/>
    <n v="2"/>
    <n v="9.99"/>
  </r>
  <r>
    <d v="2014-05-13T00:00:00"/>
    <x v="4"/>
    <x v="0"/>
    <x v="200"/>
    <x v="16"/>
    <x v="0"/>
    <x v="7"/>
    <s v="Staples"/>
    <n v="7.1"/>
    <n v="2"/>
    <n v="2.4"/>
  </r>
  <r>
    <d v="2014-05-13T00:00:00"/>
    <x v="4"/>
    <x v="0"/>
    <x v="200"/>
    <x v="16"/>
    <x v="0"/>
    <x v="3"/>
    <s v="GBC DocuBind P100 Manual Binding Machine"/>
    <n v="398.35"/>
    <n v="8"/>
    <n v="-331.96"/>
  </r>
  <r>
    <d v="2014-05-13T00:00:00"/>
    <x v="4"/>
    <x v="0"/>
    <x v="201"/>
    <x v="3"/>
    <x v="2"/>
    <x v="9"/>
    <s v="Plantronics Audio 478 Stereo USB Headset"/>
    <n v="149.97"/>
    <n v="3"/>
    <n v="52.49"/>
  </r>
  <r>
    <d v="2014-05-13T00:00:00"/>
    <x v="4"/>
    <x v="0"/>
    <x v="160"/>
    <x v="3"/>
    <x v="1"/>
    <x v="5"/>
    <s v="Iceberg Nesting Folding Chair, 19w x 6d x 43h"/>
    <n v="279.45999999999998"/>
    <n v="6"/>
    <n v="20.96"/>
  </r>
  <r>
    <d v="2014-05-13T00:00:00"/>
    <x v="4"/>
    <x v="0"/>
    <x v="160"/>
    <x v="3"/>
    <x v="0"/>
    <x v="0"/>
    <s v="EcoTones Memo Sheets"/>
    <n v="8"/>
    <n v="2"/>
    <n v="3.84"/>
  </r>
  <r>
    <d v="2014-05-14T00:00:00"/>
    <x v="4"/>
    <x v="0"/>
    <x v="202"/>
    <x v="16"/>
    <x v="1"/>
    <x v="8"/>
    <s v="Electrix Halogen Magnifier Lamp"/>
    <n v="310.88"/>
    <n v="2"/>
    <n v="23.32"/>
  </r>
  <r>
    <d v="2014-05-16T00:00:00"/>
    <x v="4"/>
    <x v="0"/>
    <x v="203"/>
    <x v="3"/>
    <x v="1"/>
    <x v="5"/>
    <s v="Iceberg Nesting Folding Chair, 19w x 6d x 43h"/>
    <n v="232.88"/>
    <n v="5"/>
    <n v="17.47"/>
  </r>
  <r>
    <d v="2014-05-16T00:00:00"/>
    <x v="4"/>
    <x v="0"/>
    <x v="204"/>
    <x v="3"/>
    <x v="2"/>
    <x v="9"/>
    <s v="ImationÂ Clip USBÂ flash driveÂ - 8 GB"/>
    <n v="56.4"/>
    <n v="3"/>
    <n v="3.38"/>
  </r>
  <r>
    <d v="2014-05-17T00:00:00"/>
    <x v="4"/>
    <x v="0"/>
    <x v="205"/>
    <x v="21"/>
    <x v="0"/>
    <x v="3"/>
    <s v="Surelock Post Binders"/>
    <n v="91.68"/>
    <n v="3"/>
    <n v="45.84"/>
  </r>
  <r>
    <d v="2014-05-18T00:00:00"/>
    <x v="4"/>
    <x v="0"/>
    <x v="206"/>
    <x v="10"/>
    <x v="2"/>
    <x v="6"/>
    <s v="Apple iPhone 5"/>
    <n v="779.8"/>
    <n v="2"/>
    <n v="-168.96"/>
  </r>
  <r>
    <d v="2014-05-18T00:00:00"/>
    <x v="4"/>
    <x v="0"/>
    <x v="207"/>
    <x v="10"/>
    <x v="1"/>
    <x v="8"/>
    <s v="Deflect-o Glass Clear Studded Chair Mats"/>
    <n v="149.22999999999999"/>
    <n v="3"/>
    <n v="3.73"/>
  </r>
  <r>
    <d v="2014-05-18T00:00:00"/>
    <x v="4"/>
    <x v="0"/>
    <x v="207"/>
    <x v="10"/>
    <x v="0"/>
    <x v="0"/>
    <s v="Xerox 1949"/>
    <n v="15.94"/>
    <n v="4"/>
    <n v="5.78"/>
  </r>
  <r>
    <d v="2014-05-18T00:00:00"/>
    <x v="4"/>
    <x v="0"/>
    <x v="208"/>
    <x v="0"/>
    <x v="0"/>
    <x v="0"/>
    <s v="Xerox 1949"/>
    <n v="3.98"/>
    <n v="1"/>
    <n v="1.44"/>
  </r>
  <r>
    <d v="2014-05-19T00:00:00"/>
    <x v="4"/>
    <x v="0"/>
    <x v="209"/>
    <x v="14"/>
    <x v="0"/>
    <x v="3"/>
    <s v="Avery Heavy-Duty EZD View Binder with Locking Rings"/>
    <n v="57.42"/>
    <n v="9"/>
    <n v="26.41"/>
  </r>
  <r>
    <d v="2014-05-19T00:00:00"/>
    <x v="4"/>
    <x v="0"/>
    <x v="210"/>
    <x v="6"/>
    <x v="0"/>
    <x v="14"/>
    <s v="Acme Design Stainless Steel Bent Scissors"/>
    <n v="34.200000000000003"/>
    <n v="5"/>
    <n v="9.23"/>
  </r>
  <r>
    <d v="2014-05-20T00:00:00"/>
    <x v="4"/>
    <x v="0"/>
    <x v="211"/>
    <x v="38"/>
    <x v="0"/>
    <x v="12"/>
    <s v="Acco 6 Outlet Guardian Basic Surge Suppressor"/>
    <n v="33.28"/>
    <n v="4"/>
    <n v="9.32"/>
  </r>
  <r>
    <d v="2014-05-20T00:00:00"/>
    <x v="4"/>
    <x v="0"/>
    <x v="211"/>
    <x v="38"/>
    <x v="0"/>
    <x v="4"/>
    <s v="Sanford Colorific Scented Colored Pencils, 12/Pack"/>
    <n v="38.520000000000003"/>
    <n v="9"/>
    <n v="11.94"/>
  </r>
  <r>
    <d v="2014-05-20T00:00:00"/>
    <x v="4"/>
    <x v="0"/>
    <x v="211"/>
    <x v="38"/>
    <x v="1"/>
    <x v="8"/>
    <s v="24-Hour Round Wall Clock"/>
    <n v="139.86000000000001"/>
    <n v="7"/>
    <n v="60.14"/>
  </r>
  <r>
    <d v="2014-05-20T00:00:00"/>
    <x v="4"/>
    <x v="0"/>
    <x v="212"/>
    <x v="0"/>
    <x v="1"/>
    <x v="8"/>
    <s v="Contemporary Borderless Frame"/>
    <n v="10.33"/>
    <n v="3"/>
    <n v="-5.94"/>
  </r>
  <r>
    <d v="2014-05-20T00:00:00"/>
    <x v="4"/>
    <x v="0"/>
    <x v="212"/>
    <x v="0"/>
    <x v="0"/>
    <x v="0"/>
    <s v="Xerox 213"/>
    <n v="10.37"/>
    <n v="2"/>
    <n v="3.63"/>
  </r>
  <r>
    <d v="2014-05-20T00:00:00"/>
    <x v="4"/>
    <x v="0"/>
    <x v="212"/>
    <x v="0"/>
    <x v="2"/>
    <x v="9"/>
    <s v="SanDisk Ultra 16 GB MicroSDHC Class 10 Memory Card"/>
    <n v="20.78"/>
    <n v="2"/>
    <n v="-3.64"/>
  </r>
  <r>
    <d v="2014-05-20T00:00:00"/>
    <x v="4"/>
    <x v="0"/>
    <x v="212"/>
    <x v="0"/>
    <x v="0"/>
    <x v="2"/>
    <s v="Rogers Profile Extra Capacity Storage Tub"/>
    <n v="66.959999999999994"/>
    <n v="5"/>
    <n v="-13.39"/>
  </r>
  <r>
    <d v="2014-05-21T00:00:00"/>
    <x v="4"/>
    <x v="0"/>
    <x v="213"/>
    <x v="6"/>
    <x v="0"/>
    <x v="3"/>
    <s v="Fellowes PB300 Plastic Comb Binding Machine"/>
    <n v="2715.93"/>
    <n v="7"/>
    <n v="1276.49"/>
  </r>
  <r>
    <d v="2014-05-21T00:00:00"/>
    <x v="4"/>
    <x v="0"/>
    <x v="213"/>
    <x v="6"/>
    <x v="2"/>
    <x v="6"/>
    <s v="Plantronics Voyager Pro Legend"/>
    <n v="617.97"/>
    <n v="3"/>
    <n v="173.03"/>
  </r>
  <r>
    <d v="2014-05-21T00:00:00"/>
    <x v="4"/>
    <x v="0"/>
    <x v="214"/>
    <x v="3"/>
    <x v="0"/>
    <x v="4"/>
    <s v="4009 Highlighters by Sanford"/>
    <n v="31.84"/>
    <n v="8"/>
    <n v="10.51"/>
  </r>
  <r>
    <d v="2014-05-21T00:00:00"/>
    <x v="4"/>
    <x v="0"/>
    <x v="215"/>
    <x v="32"/>
    <x v="0"/>
    <x v="3"/>
    <s v="GBC ProClick Punch Binding System"/>
    <n v="447.86"/>
    <n v="7"/>
    <n v="219.45"/>
  </r>
  <r>
    <d v="2014-05-21T00:00:00"/>
    <x v="4"/>
    <x v="0"/>
    <x v="215"/>
    <x v="32"/>
    <x v="0"/>
    <x v="0"/>
    <s v="Xerox 1992"/>
    <n v="17.940000000000001"/>
    <n v="3"/>
    <n v="8.7899999999999991"/>
  </r>
  <r>
    <d v="2014-05-21T00:00:00"/>
    <x v="4"/>
    <x v="0"/>
    <x v="215"/>
    <x v="32"/>
    <x v="0"/>
    <x v="12"/>
    <s v="Belkin 8 Outlet Surge Protector"/>
    <n v="245.88"/>
    <n v="6"/>
    <n v="68.849999999999994"/>
  </r>
  <r>
    <d v="2014-05-21T00:00:00"/>
    <x v="4"/>
    <x v="0"/>
    <x v="175"/>
    <x v="0"/>
    <x v="0"/>
    <x v="10"/>
    <s v="Staple envelope"/>
    <n v="56.06"/>
    <n v="6"/>
    <n v="21.02"/>
  </r>
  <r>
    <d v="2014-05-21T00:00:00"/>
    <x v="4"/>
    <x v="0"/>
    <x v="175"/>
    <x v="0"/>
    <x v="1"/>
    <x v="5"/>
    <s v="Global Deluxe Steno Chair"/>
    <n v="107.77"/>
    <n v="2"/>
    <n v="-29.25"/>
  </r>
  <r>
    <d v="2014-05-21T00:00:00"/>
    <x v="4"/>
    <x v="0"/>
    <x v="175"/>
    <x v="0"/>
    <x v="0"/>
    <x v="0"/>
    <s v="Adams Telephone Message Books, 5 1/4Â” x 11Â”"/>
    <n v="4.83"/>
    <n v="1"/>
    <n v="1.63"/>
  </r>
  <r>
    <d v="2014-05-21T00:00:00"/>
    <x v="4"/>
    <x v="0"/>
    <x v="175"/>
    <x v="0"/>
    <x v="0"/>
    <x v="3"/>
    <s v="Ibico Plastic Spiral Binding Combs"/>
    <n v="18.239999999999998"/>
    <n v="3"/>
    <n v="-31.01"/>
  </r>
  <r>
    <d v="2014-05-22T00:00:00"/>
    <x v="4"/>
    <x v="0"/>
    <x v="216"/>
    <x v="33"/>
    <x v="2"/>
    <x v="6"/>
    <s v="Nortel Networks T7316 E Nt8 B27"/>
    <n v="135.97999999999999"/>
    <n v="2"/>
    <n v="34"/>
  </r>
  <r>
    <d v="2014-05-22T00:00:00"/>
    <x v="4"/>
    <x v="0"/>
    <x v="216"/>
    <x v="33"/>
    <x v="2"/>
    <x v="6"/>
    <s v="Plantronics Encore H101 Dual EarpiecesÂ Headset"/>
    <n v="44.95"/>
    <n v="1"/>
    <n v="12.59"/>
  </r>
  <r>
    <d v="2014-05-23T00:00:00"/>
    <x v="4"/>
    <x v="0"/>
    <x v="177"/>
    <x v="2"/>
    <x v="0"/>
    <x v="3"/>
    <s v="Angle-D Ring Binders"/>
    <n v="3.28"/>
    <n v="2"/>
    <n v="-2.63"/>
  </r>
  <r>
    <d v="2014-05-23T00:00:00"/>
    <x v="4"/>
    <x v="0"/>
    <x v="177"/>
    <x v="2"/>
    <x v="0"/>
    <x v="4"/>
    <s v="Newell 317"/>
    <n v="21.17"/>
    <n v="9"/>
    <n v="2.38"/>
  </r>
  <r>
    <d v="2014-05-23T00:00:00"/>
    <x v="4"/>
    <x v="0"/>
    <x v="177"/>
    <x v="2"/>
    <x v="2"/>
    <x v="6"/>
    <s v="Motorola L804"/>
    <n v="55.19"/>
    <n v="2"/>
    <n v="-10.119999999999999"/>
  </r>
  <r>
    <d v="2014-05-23T00:00:00"/>
    <x v="4"/>
    <x v="0"/>
    <x v="15"/>
    <x v="22"/>
    <x v="0"/>
    <x v="0"/>
    <s v="Xerox 1999"/>
    <n v="12.96"/>
    <n v="2"/>
    <n v="6.22"/>
  </r>
  <r>
    <d v="2014-05-23T00:00:00"/>
    <x v="4"/>
    <x v="0"/>
    <x v="217"/>
    <x v="20"/>
    <x v="0"/>
    <x v="3"/>
    <s v="Avery Non-Stick Binders"/>
    <n v="17.96"/>
    <n v="5"/>
    <n v="5.84"/>
  </r>
  <r>
    <d v="2014-05-23T00:00:00"/>
    <x v="4"/>
    <x v="0"/>
    <x v="217"/>
    <x v="20"/>
    <x v="0"/>
    <x v="14"/>
    <s v="Letter Slitter"/>
    <n v="5.04"/>
    <n v="2"/>
    <n v="0.15"/>
  </r>
  <r>
    <d v="2014-05-23T00:00:00"/>
    <x v="4"/>
    <x v="0"/>
    <x v="217"/>
    <x v="20"/>
    <x v="0"/>
    <x v="12"/>
    <s v="1.7 Cubic Foot Compact &quot;Cube&quot; Office Refrigerators"/>
    <n v="208.16"/>
    <n v="1"/>
    <n v="56.2"/>
  </r>
  <r>
    <d v="2014-05-24T00:00:00"/>
    <x v="4"/>
    <x v="0"/>
    <x v="218"/>
    <x v="36"/>
    <x v="0"/>
    <x v="0"/>
    <s v="Xerox 1944"/>
    <n v="116.28"/>
    <n v="3"/>
    <n v="56.98"/>
  </r>
  <r>
    <d v="2014-05-25T00:00:00"/>
    <x v="4"/>
    <x v="0"/>
    <x v="219"/>
    <x v="1"/>
    <x v="0"/>
    <x v="12"/>
    <s v="Harmony Air Purifier"/>
    <n v="75.599999999999994"/>
    <n v="2"/>
    <n v="-166.32"/>
  </r>
  <r>
    <d v="2014-05-25T00:00:00"/>
    <x v="4"/>
    <x v="0"/>
    <x v="219"/>
    <x v="1"/>
    <x v="1"/>
    <x v="8"/>
    <s v="Electrix Incandescent Magnifying Lamp, Black"/>
    <n v="29.32"/>
    <n v="2"/>
    <n v="-24.19"/>
  </r>
  <r>
    <d v="2014-05-25T00:00:00"/>
    <x v="4"/>
    <x v="0"/>
    <x v="220"/>
    <x v="20"/>
    <x v="0"/>
    <x v="0"/>
    <s v="Strathmore Photo Frame Cards"/>
    <n v="14.62"/>
    <n v="2"/>
    <n v="6.73"/>
  </r>
  <r>
    <d v="2014-05-26T00:00:00"/>
    <x v="4"/>
    <x v="0"/>
    <x v="44"/>
    <x v="3"/>
    <x v="1"/>
    <x v="11"/>
    <s v="Sauder Inglewood Library Bookcases"/>
    <n v="290.67"/>
    <n v="2"/>
    <n v="27.36"/>
  </r>
  <r>
    <d v="2014-05-26T00:00:00"/>
    <x v="4"/>
    <x v="0"/>
    <x v="44"/>
    <x v="3"/>
    <x v="2"/>
    <x v="6"/>
    <s v="VTech DS6151"/>
    <n v="201.58"/>
    <n v="2"/>
    <n v="20.16"/>
  </r>
  <r>
    <d v="2014-05-26T00:00:00"/>
    <x v="4"/>
    <x v="0"/>
    <x v="44"/>
    <x v="3"/>
    <x v="2"/>
    <x v="6"/>
    <s v="netTALK DUO VoIP Telephone Service"/>
    <n v="83.98"/>
    <n v="2"/>
    <n v="31.49"/>
  </r>
  <r>
    <d v="2014-05-26T00:00:00"/>
    <x v="4"/>
    <x v="0"/>
    <x v="221"/>
    <x v="3"/>
    <x v="1"/>
    <x v="5"/>
    <s v="Hon Olson Stacker Stools"/>
    <n v="225.3"/>
    <n v="2"/>
    <n v="22.53"/>
  </r>
  <r>
    <d v="2014-05-26T00:00:00"/>
    <x v="4"/>
    <x v="0"/>
    <x v="222"/>
    <x v="27"/>
    <x v="0"/>
    <x v="0"/>
    <s v="Wirebound Service Call Books, 5 1/2&quot; x 4&quot;"/>
    <n v="48.4"/>
    <n v="5"/>
    <n v="23.23"/>
  </r>
  <r>
    <d v="2014-05-26T00:00:00"/>
    <x v="4"/>
    <x v="0"/>
    <x v="147"/>
    <x v="1"/>
    <x v="0"/>
    <x v="2"/>
    <s v="SAFCO Mobile Desk Side File, Wire Frame"/>
    <n v="102.62"/>
    <n v="3"/>
    <n v="7.7"/>
  </r>
  <r>
    <d v="2014-05-26T00:00:00"/>
    <x v="4"/>
    <x v="0"/>
    <x v="147"/>
    <x v="1"/>
    <x v="1"/>
    <x v="5"/>
    <s v="Global Commerce Series Low-Back Swivel/Tilt Chairs"/>
    <n v="359.77"/>
    <n v="2"/>
    <n v="-5.14"/>
  </r>
  <r>
    <d v="2014-05-26T00:00:00"/>
    <x v="4"/>
    <x v="0"/>
    <x v="147"/>
    <x v="1"/>
    <x v="0"/>
    <x v="4"/>
    <s v="DIXON Ticonderoga Erasable Checking Pencils"/>
    <n v="13.39"/>
    <n v="3"/>
    <n v="3.18"/>
  </r>
  <r>
    <d v="2014-05-27T00:00:00"/>
    <x v="4"/>
    <x v="0"/>
    <x v="223"/>
    <x v="3"/>
    <x v="1"/>
    <x v="13"/>
    <s v="KI Conference Tables"/>
    <n v="567.12"/>
    <n v="10"/>
    <n v="-28.36"/>
  </r>
  <r>
    <d v="2014-05-27T00:00:00"/>
    <x v="4"/>
    <x v="0"/>
    <x v="223"/>
    <x v="3"/>
    <x v="0"/>
    <x v="2"/>
    <s v="Fellowes Officeware Wire Shelving"/>
    <n v="359.32"/>
    <n v="4"/>
    <n v="7.19"/>
  </r>
  <r>
    <d v="2014-05-27T00:00:00"/>
    <x v="4"/>
    <x v="0"/>
    <x v="164"/>
    <x v="3"/>
    <x v="2"/>
    <x v="6"/>
    <s v="Plantronics HL10 Handset Lifter"/>
    <n v="1113.5"/>
    <n v="12"/>
    <n v="125.27"/>
  </r>
  <r>
    <d v="2014-05-27T00:00:00"/>
    <x v="4"/>
    <x v="0"/>
    <x v="164"/>
    <x v="3"/>
    <x v="2"/>
    <x v="9"/>
    <s v="Logitech Wireless Performance Mouse MX for PC and Mac"/>
    <n v="99.99"/>
    <n v="1"/>
    <n v="38"/>
  </r>
  <r>
    <d v="2014-05-27T00:00:00"/>
    <x v="4"/>
    <x v="0"/>
    <x v="224"/>
    <x v="1"/>
    <x v="0"/>
    <x v="3"/>
    <s v="Fellowes Presentation Covers for Comb Binding Machines"/>
    <n v="17.46"/>
    <n v="6"/>
    <n v="-30.56"/>
  </r>
  <r>
    <d v="2014-05-28T00:00:00"/>
    <x v="4"/>
    <x v="0"/>
    <x v="225"/>
    <x v="22"/>
    <x v="2"/>
    <x v="6"/>
    <s v="I Need's 3d Hello Kitty Hybrid Silicone Case Cover for HTC One X 4g with 3d Hello Kitty Stylus Pen Green/pink"/>
    <n v="57.41"/>
    <n v="6"/>
    <n v="5.74"/>
  </r>
  <r>
    <d v="2014-05-28T00:00:00"/>
    <x v="4"/>
    <x v="0"/>
    <x v="225"/>
    <x v="22"/>
    <x v="2"/>
    <x v="9"/>
    <s v="ImationÂ 30456 USBÂ Flash DriveÂ 8GB"/>
    <n v="27.6"/>
    <n v="4"/>
    <n v="2.21"/>
  </r>
  <r>
    <d v="2014-05-28T00:00:00"/>
    <x v="4"/>
    <x v="0"/>
    <x v="226"/>
    <x v="22"/>
    <x v="0"/>
    <x v="3"/>
    <s v="Green Canvas Binder for 8-1/2&quot; x 14&quot; Sheets"/>
    <n v="136.96"/>
    <n v="4"/>
    <n v="51.36"/>
  </r>
  <r>
    <d v="2014-05-30T00:00:00"/>
    <x v="4"/>
    <x v="0"/>
    <x v="227"/>
    <x v="6"/>
    <x v="0"/>
    <x v="0"/>
    <s v="Ampad Poly Cover Wirebound Steno Book, 6&quot; x 9&quot; Assorted Colors, Gregg Ruled"/>
    <n v="13.62"/>
    <n v="3"/>
    <n v="6.13"/>
  </r>
  <r>
    <d v="2014-05-30T00:00:00"/>
    <x v="4"/>
    <x v="0"/>
    <x v="228"/>
    <x v="1"/>
    <x v="1"/>
    <x v="13"/>
    <s v="Chromcraft Rectangular Conference Tables"/>
    <n v="355.46"/>
    <n v="3"/>
    <n v="-184.84"/>
  </r>
  <r>
    <d v="2014-05-30T00:00:00"/>
    <x v="4"/>
    <x v="0"/>
    <x v="229"/>
    <x v="20"/>
    <x v="0"/>
    <x v="3"/>
    <s v="Wilson Jones Legal Size Ring Binders"/>
    <n v="70.37"/>
    <n v="4"/>
    <n v="26.39"/>
  </r>
  <r>
    <d v="2014-05-30T00:00:00"/>
    <x v="4"/>
    <x v="0"/>
    <x v="230"/>
    <x v="20"/>
    <x v="0"/>
    <x v="3"/>
    <s v="GBC Pre-Punched Binding Paper, Plastic, White, 8-1/2&quot; x 11&quot;"/>
    <n v="25.58"/>
    <n v="2"/>
    <n v="8.9499999999999993"/>
  </r>
  <r>
    <d v="2014-05-30T00:00:00"/>
    <x v="4"/>
    <x v="0"/>
    <x v="230"/>
    <x v="20"/>
    <x v="2"/>
    <x v="6"/>
    <s v="Geemarc AmpliPOWER60"/>
    <n v="464"/>
    <n v="5"/>
    <n v="134.56"/>
  </r>
  <r>
    <d v="2014-05-30T00:00:00"/>
    <x v="4"/>
    <x v="0"/>
    <x v="230"/>
    <x v="20"/>
    <x v="0"/>
    <x v="12"/>
    <s v="Honeywell Quietcare HEPA Air Cleaner"/>
    <n v="235.95"/>
    <n v="3"/>
    <n v="77.86"/>
  </r>
  <r>
    <d v="2014-05-30T00:00:00"/>
    <x v="4"/>
    <x v="0"/>
    <x v="230"/>
    <x v="20"/>
    <x v="0"/>
    <x v="0"/>
    <s v="Xerox 1948"/>
    <n v="39.96"/>
    <n v="4"/>
    <n v="17.98"/>
  </r>
  <r>
    <d v="2014-05-30T00:00:00"/>
    <x v="4"/>
    <x v="0"/>
    <x v="231"/>
    <x v="1"/>
    <x v="2"/>
    <x v="16"/>
    <s v="Brother DCP1000 Digital 3 in 1 Multifunction Machine"/>
    <n v="719.98"/>
    <n v="3"/>
    <n v="135"/>
  </r>
  <r>
    <d v="2014-05-31T00:00:00"/>
    <x v="4"/>
    <x v="0"/>
    <x v="232"/>
    <x v="29"/>
    <x v="2"/>
    <x v="6"/>
    <s v="Samsung Galaxy Note 3"/>
    <n v="659.97"/>
    <n v="3"/>
    <n v="197.99"/>
  </r>
  <r>
    <d v="2014-05-31T00:00:00"/>
    <x v="4"/>
    <x v="0"/>
    <x v="232"/>
    <x v="29"/>
    <x v="2"/>
    <x v="6"/>
    <s v="Grandstream GXP1160 VoIP phone"/>
    <n v="113.73"/>
    <n v="3"/>
    <n v="32.979999999999997"/>
  </r>
  <r>
    <d v="2014-06-01T00:00:00"/>
    <x v="5"/>
    <x v="0"/>
    <x v="233"/>
    <x v="28"/>
    <x v="1"/>
    <x v="5"/>
    <s v="Global Deluxe High-Back Manager's Chair"/>
    <n v="2001.86"/>
    <n v="7"/>
    <n v="580.54"/>
  </r>
  <r>
    <d v="2014-06-01T00:00:00"/>
    <x v="5"/>
    <x v="0"/>
    <x v="233"/>
    <x v="28"/>
    <x v="0"/>
    <x v="2"/>
    <s v="Safco Steel Mobile File Cart"/>
    <n v="166.72"/>
    <n v="2"/>
    <n v="41.68"/>
  </r>
  <r>
    <d v="2014-06-01T00:00:00"/>
    <x v="5"/>
    <x v="0"/>
    <x v="233"/>
    <x v="28"/>
    <x v="0"/>
    <x v="0"/>
    <s v="Adams Telephone Message Book w/Frequently-Called Numbers Space, 400 Messages per Book"/>
    <n v="47.88"/>
    <n v="6"/>
    <n v="23.94"/>
  </r>
  <r>
    <d v="2014-06-01T00:00:00"/>
    <x v="5"/>
    <x v="0"/>
    <x v="233"/>
    <x v="28"/>
    <x v="0"/>
    <x v="12"/>
    <s v="Honeywell Enviracaire Portable HEPA Air Cleaner for 17' x 22' Room"/>
    <n v="1503.25"/>
    <n v="5"/>
    <n v="496.07"/>
  </r>
  <r>
    <d v="2014-06-01T00:00:00"/>
    <x v="5"/>
    <x v="0"/>
    <x v="233"/>
    <x v="28"/>
    <x v="0"/>
    <x v="0"/>
    <s v="Xerox 205"/>
    <n v="25.92"/>
    <n v="4"/>
    <n v="12.44"/>
  </r>
  <r>
    <d v="2014-06-01T00:00:00"/>
    <x v="5"/>
    <x v="0"/>
    <x v="234"/>
    <x v="23"/>
    <x v="0"/>
    <x v="3"/>
    <s v="GBC Clear Cover, 8-1/2 x 11, unpunched, 25 covers per pack"/>
    <n v="45.48"/>
    <n v="3"/>
    <n v="20.92"/>
  </r>
  <r>
    <d v="2014-06-01T00:00:00"/>
    <x v="5"/>
    <x v="0"/>
    <x v="234"/>
    <x v="23"/>
    <x v="0"/>
    <x v="4"/>
    <s v="Boston Heavy-Duty Trimline Electric Pencil Sharpeners"/>
    <n v="289.2"/>
    <n v="6"/>
    <n v="83.87"/>
  </r>
  <r>
    <d v="2014-06-01T00:00:00"/>
    <x v="5"/>
    <x v="0"/>
    <x v="235"/>
    <x v="13"/>
    <x v="1"/>
    <x v="8"/>
    <s v="3M Hangers With Command Adhesive"/>
    <n v="22.2"/>
    <n v="6"/>
    <n v="9.1"/>
  </r>
  <r>
    <d v="2014-06-01T00:00:00"/>
    <x v="5"/>
    <x v="0"/>
    <x v="235"/>
    <x v="13"/>
    <x v="2"/>
    <x v="6"/>
    <s v="Adtran 1202752G1"/>
    <n v="881.93"/>
    <n v="7"/>
    <n v="229.3"/>
  </r>
  <r>
    <d v="2014-06-01T00:00:00"/>
    <x v="5"/>
    <x v="0"/>
    <x v="87"/>
    <x v="14"/>
    <x v="0"/>
    <x v="3"/>
    <s v="Wilson Jones Heavy-Duty Casebound Ring Binders with Metal Hinges"/>
    <n v="138.56"/>
    <n v="4"/>
    <n v="66.510000000000005"/>
  </r>
  <r>
    <d v="2014-06-01T00:00:00"/>
    <x v="5"/>
    <x v="0"/>
    <x v="87"/>
    <x v="14"/>
    <x v="0"/>
    <x v="12"/>
    <s v="Acco 6 Outlet Guardian Premium Surge Suppressor"/>
    <n v="65.52"/>
    <n v="5"/>
    <n v="12.38"/>
  </r>
  <r>
    <d v="2014-06-02T00:00:00"/>
    <x v="5"/>
    <x v="0"/>
    <x v="79"/>
    <x v="27"/>
    <x v="0"/>
    <x v="3"/>
    <s v="GBC Standard Therm-A-Bind Covers"/>
    <n v="59.81"/>
    <n v="3"/>
    <n v="19.440000000000001"/>
  </r>
  <r>
    <d v="2014-06-02T00:00:00"/>
    <x v="5"/>
    <x v="0"/>
    <x v="79"/>
    <x v="27"/>
    <x v="1"/>
    <x v="8"/>
    <s v="Aluminum Document Frame"/>
    <n v="73.319999999999993"/>
    <n v="6"/>
    <n v="22"/>
  </r>
  <r>
    <d v="2014-06-02T00:00:00"/>
    <x v="5"/>
    <x v="0"/>
    <x v="149"/>
    <x v="4"/>
    <x v="0"/>
    <x v="4"/>
    <s v="Sanford Colorific Scented Colored Pencils, 12/Pack"/>
    <n v="8.56"/>
    <n v="2"/>
    <n v="2.65"/>
  </r>
  <r>
    <d v="2014-06-02T00:00:00"/>
    <x v="5"/>
    <x v="0"/>
    <x v="149"/>
    <x v="4"/>
    <x v="2"/>
    <x v="6"/>
    <s v="Mophie Juice Pack Helium for iPhone"/>
    <n v="239.97"/>
    <n v="3"/>
    <n v="67.19"/>
  </r>
  <r>
    <d v="2014-06-02T00:00:00"/>
    <x v="5"/>
    <x v="0"/>
    <x v="149"/>
    <x v="4"/>
    <x v="0"/>
    <x v="2"/>
    <s v="Hot File 7-Pocket, Floor Stand"/>
    <n v="356.94"/>
    <n v="2"/>
    <n v="107.08"/>
  </r>
  <r>
    <d v="2014-06-03T00:00:00"/>
    <x v="5"/>
    <x v="0"/>
    <x v="236"/>
    <x v="22"/>
    <x v="1"/>
    <x v="13"/>
    <s v="KI Adjustable-Height Table"/>
    <n v="515.88"/>
    <n v="6"/>
    <n v="113.49"/>
  </r>
  <r>
    <d v="2014-06-03T00:00:00"/>
    <x v="5"/>
    <x v="0"/>
    <x v="237"/>
    <x v="14"/>
    <x v="0"/>
    <x v="10"/>
    <s v="Security-Tint Envelopes"/>
    <n v="15.28"/>
    <n v="2"/>
    <n v="7.49"/>
  </r>
  <r>
    <d v="2014-06-03T00:00:00"/>
    <x v="5"/>
    <x v="0"/>
    <x v="238"/>
    <x v="1"/>
    <x v="0"/>
    <x v="1"/>
    <s v="Avery 513"/>
    <n v="15.94"/>
    <n v="4"/>
    <n v="5.18"/>
  </r>
  <r>
    <d v="2014-06-03T00:00:00"/>
    <x v="5"/>
    <x v="0"/>
    <x v="238"/>
    <x v="1"/>
    <x v="1"/>
    <x v="8"/>
    <s v="Contract Clock, 14&quot;, Brown"/>
    <n v="61.54"/>
    <n v="7"/>
    <n v="-40"/>
  </r>
  <r>
    <d v="2014-06-03T00:00:00"/>
    <x v="5"/>
    <x v="0"/>
    <x v="238"/>
    <x v="1"/>
    <x v="0"/>
    <x v="2"/>
    <s v="Recycled Steel Personal File for Standard File Folders"/>
    <n v="132.69999999999999"/>
    <n v="3"/>
    <n v="9.9499999999999993"/>
  </r>
  <r>
    <d v="2014-06-04T00:00:00"/>
    <x v="5"/>
    <x v="0"/>
    <x v="114"/>
    <x v="10"/>
    <x v="0"/>
    <x v="0"/>
    <s v="Easy-staple paper"/>
    <n v="16.22"/>
    <n v="2"/>
    <n v="5.88"/>
  </r>
  <r>
    <d v="2014-06-04T00:00:00"/>
    <x v="5"/>
    <x v="0"/>
    <x v="239"/>
    <x v="20"/>
    <x v="1"/>
    <x v="8"/>
    <s v="Seth Thomas 14&quot; Day/Date Wall Clock"/>
    <n v="56.96"/>
    <n v="2"/>
    <n v="21.08"/>
  </r>
  <r>
    <d v="2014-06-04T00:00:00"/>
    <x v="5"/>
    <x v="0"/>
    <x v="239"/>
    <x v="20"/>
    <x v="0"/>
    <x v="12"/>
    <s v="Commercial WindTunnel Clean Air Upright Vacuum, Replacement Belts, Filtration Bags"/>
    <n v="15.56"/>
    <n v="4"/>
    <n v="4.05"/>
  </r>
  <r>
    <d v="2014-06-04T00:00:00"/>
    <x v="5"/>
    <x v="0"/>
    <x v="239"/>
    <x v="20"/>
    <x v="1"/>
    <x v="11"/>
    <s v="O'Sullivan Living Dimensions 5-Shelf Bookcases"/>
    <n v="353.57"/>
    <n v="2"/>
    <n v="-44.2"/>
  </r>
  <r>
    <d v="2014-06-04T00:00:00"/>
    <x v="5"/>
    <x v="0"/>
    <x v="239"/>
    <x v="20"/>
    <x v="1"/>
    <x v="8"/>
    <s v="G.E. Halogen Desk Lamp Bulbs"/>
    <n v="13.96"/>
    <n v="2"/>
    <n v="6.7"/>
  </r>
  <r>
    <d v="2014-06-06T00:00:00"/>
    <x v="5"/>
    <x v="0"/>
    <x v="240"/>
    <x v="20"/>
    <x v="0"/>
    <x v="4"/>
    <s v="Sanford Liquid Accent Highlighters"/>
    <n v="13.36"/>
    <n v="2"/>
    <n v="4.9400000000000004"/>
  </r>
  <r>
    <d v="2014-06-06T00:00:00"/>
    <x v="5"/>
    <x v="0"/>
    <x v="241"/>
    <x v="20"/>
    <x v="0"/>
    <x v="3"/>
    <s v="Wilson Jones Century Plastic Molded Ring Binders"/>
    <n v="149.54"/>
    <n v="9"/>
    <n v="50.47"/>
  </r>
  <r>
    <d v="2014-06-06T00:00:00"/>
    <x v="5"/>
    <x v="0"/>
    <x v="241"/>
    <x v="20"/>
    <x v="0"/>
    <x v="14"/>
    <s v="Acme Office Executive Series Stainless Steel Trimmers"/>
    <n v="17.14"/>
    <n v="2"/>
    <n v="4.46"/>
  </r>
  <r>
    <d v="2014-06-06T00:00:00"/>
    <x v="5"/>
    <x v="0"/>
    <x v="241"/>
    <x v="20"/>
    <x v="1"/>
    <x v="13"/>
    <s v="Chromcraft Bull-Nose Wood 48&quot; x 96&quot; Rectangular Conference Tables"/>
    <n v="991.76"/>
    <n v="3"/>
    <n v="-347.12"/>
  </r>
  <r>
    <d v="2014-06-06T00:00:00"/>
    <x v="5"/>
    <x v="0"/>
    <x v="242"/>
    <x v="1"/>
    <x v="0"/>
    <x v="3"/>
    <s v="Avery Trapezoid Ring Binder, 3&quot; Capacity, Black, 1040 sheets"/>
    <n v="24.59"/>
    <n v="3"/>
    <n v="-38.11"/>
  </r>
  <r>
    <d v="2014-06-06T00:00:00"/>
    <x v="5"/>
    <x v="0"/>
    <x v="242"/>
    <x v="1"/>
    <x v="0"/>
    <x v="10"/>
    <s v="#10- 4 1/8&quot; x 9 1/2&quot; Recycled Envelopes"/>
    <n v="13.98"/>
    <n v="2"/>
    <n v="4.72"/>
  </r>
  <r>
    <d v="2014-06-06T00:00:00"/>
    <x v="5"/>
    <x v="0"/>
    <x v="243"/>
    <x v="0"/>
    <x v="0"/>
    <x v="1"/>
    <s v="Round Specialty Laser Printer Labels"/>
    <n v="100.24"/>
    <n v="10"/>
    <n v="33.83"/>
  </r>
  <r>
    <d v="2014-06-06T00:00:00"/>
    <x v="5"/>
    <x v="0"/>
    <x v="149"/>
    <x v="16"/>
    <x v="0"/>
    <x v="3"/>
    <s v="Presstex Flexible Ring Binders"/>
    <n v="1.37"/>
    <n v="1"/>
    <n v="-0.91"/>
  </r>
  <r>
    <d v="2014-06-06T00:00:00"/>
    <x v="5"/>
    <x v="0"/>
    <x v="149"/>
    <x v="16"/>
    <x v="0"/>
    <x v="0"/>
    <s v="Xerox 1944"/>
    <n v="62.02"/>
    <n v="2"/>
    <n v="22.48"/>
  </r>
  <r>
    <d v="2014-06-07T00:00:00"/>
    <x v="5"/>
    <x v="0"/>
    <x v="244"/>
    <x v="1"/>
    <x v="0"/>
    <x v="3"/>
    <s v="Wilson Jones Century Plastic Molded Ring Binders"/>
    <n v="12.46"/>
    <n v="3"/>
    <n v="-20.56"/>
  </r>
  <r>
    <d v="2014-06-07T00:00:00"/>
    <x v="5"/>
    <x v="0"/>
    <x v="245"/>
    <x v="1"/>
    <x v="1"/>
    <x v="13"/>
    <s v="Bevis Round Conference Table Top, X-Base"/>
    <n v="268.94"/>
    <n v="3"/>
    <n v="-209.77"/>
  </r>
  <r>
    <d v="2014-06-08T00:00:00"/>
    <x v="5"/>
    <x v="0"/>
    <x v="246"/>
    <x v="22"/>
    <x v="1"/>
    <x v="5"/>
    <s v="Hon Deluxe Fabric Upholstered Stacking Chairs, Squared Back"/>
    <n v="585.54999999999995"/>
    <n v="3"/>
    <n v="73.19"/>
  </r>
  <r>
    <d v="2014-06-08T00:00:00"/>
    <x v="5"/>
    <x v="0"/>
    <x v="124"/>
    <x v="15"/>
    <x v="1"/>
    <x v="5"/>
    <s v="Situations Contoured Folding Chairs, 4/Set"/>
    <n v="170.35"/>
    <n v="3"/>
    <n v="10.65"/>
  </r>
  <r>
    <d v="2014-06-08T00:00:00"/>
    <x v="5"/>
    <x v="0"/>
    <x v="247"/>
    <x v="20"/>
    <x v="0"/>
    <x v="3"/>
    <s v="Green Canvas Binder for 8-1/2&quot; x 14&quot; Sheets"/>
    <n v="68.48"/>
    <n v="2"/>
    <n v="25.68"/>
  </r>
  <r>
    <d v="2014-06-08T00:00:00"/>
    <x v="5"/>
    <x v="0"/>
    <x v="247"/>
    <x v="20"/>
    <x v="0"/>
    <x v="2"/>
    <s v="Tennsco Snap-Together Open Shelving Units, Starter Sets and Add-On Units"/>
    <n v="1676.88"/>
    <n v="6"/>
    <n v="83.84"/>
  </r>
  <r>
    <d v="2014-06-09T00:00:00"/>
    <x v="5"/>
    <x v="0"/>
    <x v="248"/>
    <x v="3"/>
    <x v="1"/>
    <x v="8"/>
    <s v="Eldon Expressions Wood and Plastic Desk Accessories, Cherry Wood"/>
    <n v="48.86"/>
    <n v="7"/>
    <n v="14.17"/>
  </r>
  <r>
    <d v="2014-06-09T00:00:00"/>
    <x v="5"/>
    <x v="0"/>
    <x v="248"/>
    <x v="3"/>
    <x v="0"/>
    <x v="4"/>
    <s v="Newell 322"/>
    <n v="7.28"/>
    <n v="4"/>
    <n v="1.97"/>
  </r>
  <r>
    <d v="2014-06-09T00:00:00"/>
    <x v="5"/>
    <x v="0"/>
    <x v="248"/>
    <x v="3"/>
    <x v="2"/>
    <x v="6"/>
    <s v="Mitel 5320 IP Phone VoIP phone"/>
    <n v="907.15"/>
    <n v="6"/>
    <n v="90.72"/>
  </r>
  <r>
    <d v="2014-06-09T00:00:00"/>
    <x v="5"/>
    <x v="0"/>
    <x v="248"/>
    <x v="3"/>
    <x v="0"/>
    <x v="3"/>
    <s v="DXL Angle-View Binders with Locking Rings by Samsill"/>
    <n v="18.5"/>
    <n v="3"/>
    <n v="5.78"/>
  </r>
  <r>
    <d v="2014-06-09T00:00:00"/>
    <x v="5"/>
    <x v="0"/>
    <x v="248"/>
    <x v="3"/>
    <x v="0"/>
    <x v="12"/>
    <s v="Belkin F5C206VTEL 6 Outlet Surge"/>
    <n v="114.9"/>
    <n v="5"/>
    <n v="34.47"/>
  </r>
  <r>
    <d v="2014-06-09T00:00:00"/>
    <x v="5"/>
    <x v="0"/>
    <x v="248"/>
    <x v="3"/>
    <x v="1"/>
    <x v="13"/>
    <s v="Chromcraft Rectangular Conference Tables"/>
    <n v="1706.18"/>
    <n v="9"/>
    <n v="85.31"/>
  </r>
  <r>
    <d v="2014-06-09T00:00:00"/>
    <x v="5"/>
    <x v="0"/>
    <x v="248"/>
    <x v="3"/>
    <x v="2"/>
    <x v="6"/>
    <s v="Konftel 250 ConferenceÂ phoneÂ - Charcoal black"/>
    <n v="911.42"/>
    <n v="4"/>
    <n v="68.36"/>
  </r>
  <r>
    <d v="2014-06-09T00:00:00"/>
    <x v="5"/>
    <x v="0"/>
    <x v="249"/>
    <x v="0"/>
    <x v="2"/>
    <x v="6"/>
    <s v="Square Credit Card Reader"/>
    <n v="7.99"/>
    <n v="1"/>
    <n v="0.6"/>
  </r>
  <r>
    <d v="2014-06-09T00:00:00"/>
    <x v="5"/>
    <x v="0"/>
    <x v="249"/>
    <x v="0"/>
    <x v="2"/>
    <x v="9"/>
    <s v="Logitech M510 Wireless Mouse"/>
    <n v="63.98"/>
    <n v="2"/>
    <n v="10.4"/>
  </r>
  <r>
    <d v="2014-06-09T00:00:00"/>
    <x v="5"/>
    <x v="0"/>
    <x v="249"/>
    <x v="0"/>
    <x v="0"/>
    <x v="4"/>
    <s v="Boston 1645 Deluxe Heavier-Duty Electric Pencil Sharpener"/>
    <n v="70.37"/>
    <n v="2"/>
    <n v="6.16"/>
  </r>
  <r>
    <d v="2014-06-09T00:00:00"/>
    <x v="5"/>
    <x v="0"/>
    <x v="250"/>
    <x v="3"/>
    <x v="0"/>
    <x v="14"/>
    <s v="Staple remover"/>
    <n v="7.36"/>
    <n v="2"/>
    <n v="0.15"/>
  </r>
  <r>
    <d v="2014-06-09T00:00:00"/>
    <x v="5"/>
    <x v="0"/>
    <x v="250"/>
    <x v="3"/>
    <x v="0"/>
    <x v="4"/>
    <s v="Deluxe Chalkboard Eraser Cleaner"/>
    <n v="23.1"/>
    <n v="2"/>
    <n v="10.63"/>
  </r>
  <r>
    <d v="2014-06-09T00:00:00"/>
    <x v="5"/>
    <x v="0"/>
    <x v="251"/>
    <x v="6"/>
    <x v="1"/>
    <x v="13"/>
    <s v="Bevis 44 x 96 Conference Tables"/>
    <n v="1441.3"/>
    <n v="7"/>
    <n v="245.02"/>
  </r>
  <r>
    <d v="2014-06-09T00:00:00"/>
    <x v="5"/>
    <x v="0"/>
    <x v="93"/>
    <x v="17"/>
    <x v="0"/>
    <x v="4"/>
    <s v="DIXON Oriole Pencils"/>
    <n v="18.059999999999999"/>
    <n v="7"/>
    <n v="4.7"/>
  </r>
  <r>
    <d v="2014-06-09T00:00:00"/>
    <x v="5"/>
    <x v="0"/>
    <x v="93"/>
    <x v="17"/>
    <x v="0"/>
    <x v="0"/>
    <s v="Xerox 1909"/>
    <n v="79.14"/>
    <n v="3"/>
    <n v="36.4"/>
  </r>
  <r>
    <d v="2014-06-09T00:00:00"/>
    <x v="5"/>
    <x v="0"/>
    <x v="93"/>
    <x v="17"/>
    <x v="1"/>
    <x v="8"/>
    <s v="Executive Impressions 13-1/2&quot; Indoor/Outdoor Wall Clock"/>
    <n v="37.4"/>
    <n v="2"/>
    <n v="14.21"/>
  </r>
  <r>
    <d v="2014-06-10T00:00:00"/>
    <x v="5"/>
    <x v="0"/>
    <x v="252"/>
    <x v="14"/>
    <x v="0"/>
    <x v="1"/>
    <s v="Dot Matrix Printer Tape Reel Labels, White, 5000/Box"/>
    <n v="491.55"/>
    <n v="5"/>
    <n v="240.86"/>
  </r>
  <r>
    <d v="2014-06-13T00:00:00"/>
    <x v="5"/>
    <x v="0"/>
    <x v="76"/>
    <x v="3"/>
    <x v="0"/>
    <x v="4"/>
    <s v="Staples in misc. colors"/>
    <n v="14.52"/>
    <n v="3"/>
    <n v="4.79"/>
  </r>
  <r>
    <d v="2014-06-14T00:00:00"/>
    <x v="5"/>
    <x v="0"/>
    <x v="253"/>
    <x v="14"/>
    <x v="1"/>
    <x v="11"/>
    <s v="Hon Metal Bookcases, Gray"/>
    <n v="212.94"/>
    <n v="3"/>
    <n v="57.49"/>
  </r>
  <r>
    <d v="2014-06-15T00:00:00"/>
    <x v="5"/>
    <x v="0"/>
    <x v="254"/>
    <x v="0"/>
    <x v="1"/>
    <x v="13"/>
    <s v="Lesro Sheffield Collection Coffee Table, End Table, Center Table, Corner Table"/>
    <n v="99.92"/>
    <n v="2"/>
    <n v="-18.559999999999999"/>
  </r>
  <r>
    <d v="2014-06-15T00:00:00"/>
    <x v="5"/>
    <x v="0"/>
    <x v="254"/>
    <x v="0"/>
    <x v="1"/>
    <x v="5"/>
    <s v="Global Commerce Series High-Back Swivel/Tilt Chairs"/>
    <n v="797.94"/>
    <n v="4"/>
    <n v="-57"/>
  </r>
  <r>
    <d v="2014-06-15T00:00:00"/>
    <x v="5"/>
    <x v="0"/>
    <x v="254"/>
    <x v="0"/>
    <x v="0"/>
    <x v="3"/>
    <s v="Avery Premier Heavy-Duty Binder with Round Locking Rings"/>
    <n v="8.57"/>
    <n v="3"/>
    <n v="-14.57"/>
  </r>
  <r>
    <d v="2014-06-15T00:00:00"/>
    <x v="5"/>
    <x v="0"/>
    <x v="255"/>
    <x v="0"/>
    <x v="0"/>
    <x v="0"/>
    <s v="Xerox 1902"/>
    <n v="36.54"/>
    <n v="2"/>
    <n v="11.88"/>
  </r>
  <r>
    <d v="2014-06-16T00:00:00"/>
    <x v="5"/>
    <x v="0"/>
    <x v="256"/>
    <x v="18"/>
    <x v="1"/>
    <x v="5"/>
    <s v="Global Geo Office Task Chair, Gray"/>
    <n v="647.84"/>
    <n v="8"/>
    <n v="32.39"/>
  </r>
  <r>
    <d v="2014-06-16T00:00:00"/>
    <x v="5"/>
    <x v="0"/>
    <x v="74"/>
    <x v="20"/>
    <x v="0"/>
    <x v="10"/>
    <s v="Staple envelope"/>
    <n v="41.4"/>
    <n v="5"/>
    <n v="19.46"/>
  </r>
  <r>
    <d v="2014-06-16T00:00:00"/>
    <x v="5"/>
    <x v="0"/>
    <x v="74"/>
    <x v="20"/>
    <x v="0"/>
    <x v="4"/>
    <s v="Boston 16750 Black Compact Battery Pencil Sharpener"/>
    <n v="35"/>
    <n v="4"/>
    <n v="10.5"/>
  </r>
  <r>
    <d v="2014-06-16T00:00:00"/>
    <x v="5"/>
    <x v="0"/>
    <x v="74"/>
    <x v="20"/>
    <x v="0"/>
    <x v="3"/>
    <s v="Ibico Standard Transparent Covers"/>
    <n v="39.549999999999997"/>
    <n v="3"/>
    <n v="14.34"/>
  </r>
  <r>
    <d v="2014-06-17T00:00:00"/>
    <x v="5"/>
    <x v="0"/>
    <x v="257"/>
    <x v="7"/>
    <x v="2"/>
    <x v="15"/>
    <s v="Texas Instruments TI-34 Scientific Calculator"/>
    <n v="65.97"/>
    <n v="3"/>
    <n v="31.01"/>
  </r>
  <r>
    <d v="2014-06-17T00:00:00"/>
    <x v="5"/>
    <x v="0"/>
    <x v="258"/>
    <x v="22"/>
    <x v="1"/>
    <x v="8"/>
    <s v="Eldon Wave Desk Accessories"/>
    <n v="6.24"/>
    <n v="3"/>
    <n v="2.62"/>
  </r>
  <r>
    <d v="2014-06-17T00:00:00"/>
    <x v="5"/>
    <x v="0"/>
    <x v="258"/>
    <x v="22"/>
    <x v="0"/>
    <x v="7"/>
    <s v="OIC Binder Clips"/>
    <n v="17.899999999999999"/>
    <n v="5"/>
    <n v="8.9499999999999993"/>
  </r>
  <r>
    <d v="2014-06-17T00:00:00"/>
    <x v="5"/>
    <x v="0"/>
    <x v="258"/>
    <x v="22"/>
    <x v="0"/>
    <x v="3"/>
    <s v="GBC DocuBind P400 Electric Binding System"/>
    <n v="3266.38"/>
    <n v="3"/>
    <n v="1061.57"/>
  </r>
  <r>
    <d v="2014-06-17T00:00:00"/>
    <x v="5"/>
    <x v="0"/>
    <x v="259"/>
    <x v="1"/>
    <x v="0"/>
    <x v="0"/>
    <s v="Xerox 1892"/>
    <n v="62.02"/>
    <n v="2"/>
    <n v="22.48"/>
  </r>
  <r>
    <d v="2014-06-18T00:00:00"/>
    <x v="5"/>
    <x v="0"/>
    <x v="260"/>
    <x v="3"/>
    <x v="2"/>
    <x v="6"/>
    <s v="Plantronics CordlessÂ Phone HeadsetÂ with In-line Volume - M214C"/>
    <n v="139.80000000000001"/>
    <n v="5"/>
    <n v="12.23"/>
  </r>
  <r>
    <d v="2014-06-20T00:00:00"/>
    <x v="5"/>
    <x v="0"/>
    <x v="66"/>
    <x v="0"/>
    <x v="2"/>
    <x v="6"/>
    <s v="HTC One Mini"/>
    <n v="201.58"/>
    <n v="2"/>
    <n v="20.16"/>
  </r>
  <r>
    <d v="2014-06-20T00:00:00"/>
    <x v="5"/>
    <x v="0"/>
    <x v="66"/>
    <x v="0"/>
    <x v="0"/>
    <x v="3"/>
    <s v="Storex DuraTech Recycled Plastic Frosted Binders"/>
    <n v="3.39"/>
    <n v="4"/>
    <n v="-5.09"/>
  </r>
  <r>
    <d v="2014-06-20T00:00:00"/>
    <x v="5"/>
    <x v="0"/>
    <x v="66"/>
    <x v="0"/>
    <x v="1"/>
    <x v="11"/>
    <s v="Hon Metal Bookcases, Black"/>
    <n v="193.07"/>
    <n v="4"/>
    <n v="-19.87"/>
  </r>
  <r>
    <d v="2014-06-20T00:00:00"/>
    <x v="5"/>
    <x v="0"/>
    <x v="66"/>
    <x v="0"/>
    <x v="0"/>
    <x v="0"/>
    <s v="Xerox 2"/>
    <n v="15.55"/>
    <n v="3"/>
    <n v="5.44"/>
  </r>
  <r>
    <d v="2014-06-20T00:00:00"/>
    <x v="5"/>
    <x v="0"/>
    <x v="66"/>
    <x v="0"/>
    <x v="0"/>
    <x v="0"/>
    <s v="Array Parchment Paper, Assorted Colors"/>
    <n v="11.65"/>
    <n v="2"/>
    <n v="4.08"/>
  </r>
  <r>
    <d v="2014-06-20T00:00:00"/>
    <x v="5"/>
    <x v="0"/>
    <x v="66"/>
    <x v="0"/>
    <x v="2"/>
    <x v="15"/>
    <s v="Okidata C331dn Printer"/>
    <n v="418.8"/>
    <n v="2"/>
    <n v="-97.72"/>
  </r>
  <r>
    <d v="2014-06-20T00:00:00"/>
    <x v="5"/>
    <x v="0"/>
    <x v="66"/>
    <x v="0"/>
    <x v="0"/>
    <x v="2"/>
    <s v="Safco Industrial Wire Shelving System"/>
    <n v="509.49"/>
    <n v="7"/>
    <n v="-127.37"/>
  </r>
  <r>
    <d v="2014-06-20T00:00:00"/>
    <x v="5"/>
    <x v="0"/>
    <x v="261"/>
    <x v="39"/>
    <x v="0"/>
    <x v="12"/>
    <s v="Honeywell Quietcare HEPA Air Cleaner"/>
    <n v="471.9"/>
    <n v="6"/>
    <n v="155.72999999999999"/>
  </r>
  <r>
    <d v="2014-06-20T00:00:00"/>
    <x v="5"/>
    <x v="0"/>
    <x v="261"/>
    <x v="39"/>
    <x v="0"/>
    <x v="4"/>
    <s v="Nontoxic Chalk"/>
    <n v="3.52"/>
    <n v="2"/>
    <n v="1.69"/>
  </r>
  <r>
    <d v="2014-06-21T00:00:00"/>
    <x v="5"/>
    <x v="0"/>
    <x v="201"/>
    <x v="6"/>
    <x v="1"/>
    <x v="8"/>
    <s v="Luxo Professional Magnifying Clamp-On Fluorescent Lamps"/>
    <n v="104.01"/>
    <n v="1"/>
    <n v="14.56"/>
  </r>
  <r>
    <d v="2014-06-21T00:00:00"/>
    <x v="5"/>
    <x v="0"/>
    <x v="201"/>
    <x v="6"/>
    <x v="2"/>
    <x v="6"/>
    <s v="Konftel 250 ConferenceÂ phoneÂ - Charcoal black"/>
    <n v="284.82"/>
    <n v="1"/>
    <n v="74.05"/>
  </r>
  <r>
    <d v="2014-06-21T00:00:00"/>
    <x v="5"/>
    <x v="0"/>
    <x v="201"/>
    <x v="6"/>
    <x v="0"/>
    <x v="2"/>
    <s v="Recycled Eldon Regeneration Jumbo File"/>
    <n v="36.840000000000003"/>
    <n v="3"/>
    <n v="10.32"/>
  </r>
  <r>
    <d v="2014-06-21T00:00:00"/>
    <x v="5"/>
    <x v="0"/>
    <x v="56"/>
    <x v="23"/>
    <x v="2"/>
    <x v="6"/>
    <s v="Wireless Extenders zBoost YX545 SOHO Signal Booster"/>
    <n v="1322.93"/>
    <n v="7"/>
    <n v="357.19"/>
  </r>
  <r>
    <d v="2014-06-21T00:00:00"/>
    <x v="5"/>
    <x v="0"/>
    <x v="56"/>
    <x v="23"/>
    <x v="0"/>
    <x v="4"/>
    <s v="OIC #2 Pencils, Medium Soft"/>
    <n v="3.76"/>
    <n v="2"/>
    <n v="1.0900000000000001"/>
  </r>
  <r>
    <d v="2014-06-21T00:00:00"/>
    <x v="5"/>
    <x v="0"/>
    <x v="195"/>
    <x v="37"/>
    <x v="0"/>
    <x v="4"/>
    <s v="Newell 341"/>
    <n v="21.4"/>
    <n v="5"/>
    <n v="6.21"/>
  </r>
  <r>
    <d v="2014-06-21T00:00:00"/>
    <x v="5"/>
    <x v="0"/>
    <x v="149"/>
    <x v="26"/>
    <x v="0"/>
    <x v="3"/>
    <s v="Wilson Jones 1&quot; Hanging DublLock Ring Binders"/>
    <n v="11.09"/>
    <n v="7"/>
    <n v="-8.1300000000000008"/>
  </r>
  <r>
    <d v="2014-06-21T00:00:00"/>
    <x v="5"/>
    <x v="0"/>
    <x v="149"/>
    <x v="26"/>
    <x v="0"/>
    <x v="3"/>
    <s v="Avery Trapezoid Extra Heavy Duty 4&quot; Binders"/>
    <n v="25.16"/>
    <n v="2"/>
    <n v="-16.78"/>
  </r>
  <r>
    <d v="2014-06-21T00:00:00"/>
    <x v="5"/>
    <x v="0"/>
    <x v="262"/>
    <x v="2"/>
    <x v="0"/>
    <x v="10"/>
    <s v="Staple envelope"/>
    <n v="24.9"/>
    <n v="4"/>
    <n v="8.4"/>
  </r>
  <r>
    <d v="2014-06-21T00:00:00"/>
    <x v="5"/>
    <x v="0"/>
    <x v="262"/>
    <x v="2"/>
    <x v="1"/>
    <x v="8"/>
    <s v="Stacking Trays by OIC"/>
    <n v="3.98"/>
    <n v="1"/>
    <n v="0.65"/>
  </r>
  <r>
    <d v="2014-06-21T00:00:00"/>
    <x v="5"/>
    <x v="0"/>
    <x v="262"/>
    <x v="2"/>
    <x v="2"/>
    <x v="9"/>
    <s v="Logitech 910-002974 M325 Wireless Mouse for Web Scrolling"/>
    <n v="95.97"/>
    <n v="4"/>
    <n v="28.79"/>
  </r>
  <r>
    <d v="2014-06-21T00:00:00"/>
    <x v="5"/>
    <x v="0"/>
    <x v="262"/>
    <x v="2"/>
    <x v="2"/>
    <x v="15"/>
    <s v="Epson Perfection V600 Photo Scanner"/>
    <n v="206.99"/>
    <n v="3"/>
    <n v="-172.49"/>
  </r>
  <r>
    <d v="2014-06-21T00:00:00"/>
    <x v="5"/>
    <x v="0"/>
    <x v="262"/>
    <x v="2"/>
    <x v="0"/>
    <x v="12"/>
    <s v="Fellowes Advanced 8 Outlet Surge Suppressor with Phone/Fax Protection"/>
    <n v="44.42"/>
    <n v="2"/>
    <n v="3.89"/>
  </r>
  <r>
    <d v="2014-06-21T00:00:00"/>
    <x v="5"/>
    <x v="0"/>
    <x v="262"/>
    <x v="2"/>
    <x v="0"/>
    <x v="3"/>
    <s v="GBC Prepunched Paper, 19-Hole, for Binding Systems, 24-lb"/>
    <n v="9.01"/>
    <n v="2"/>
    <n v="-7.2"/>
  </r>
  <r>
    <d v="2014-06-21T00:00:00"/>
    <x v="5"/>
    <x v="0"/>
    <x v="263"/>
    <x v="20"/>
    <x v="0"/>
    <x v="0"/>
    <s v="Message Book, Phone, Wirebound Standard Line Memo, 2 3/4&quot; X 5&quot;"/>
    <n v="19.649999999999999"/>
    <n v="3"/>
    <n v="9.0399999999999991"/>
  </r>
  <r>
    <d v="2014-06-21T00:00:00"/>
    <x v="5"/>
    <x v="0"/>
    <x v="263"/>
    <x v="20"/>
    <x v="2"/>
    <x v="6"/>
    <s v="GE 2-Jack Phone Line Splitter"/>
    <n v="617.97"/>
    <n v="3"/>
    <n v="160.66999999999999"/>
  </r>
  <r>
    <d v="2014-06-21T00:00:00"/>
    <x v="5"/>
    <x v="0"/>
    <x v="263"/>
    <x v="20"/>
    <x v="0"/>
    <x v="12"/>
    <s v="Holmes Cool Mist Humidifier for the Whole House with 8-Gallon Output per Day, Extended Life Filter"/>
    <n v="59.7"/>
    <n v="3"/>
    <n v="26.87"/>
  </r>
  <r>
    <d v="2014-06-21T00:00:00"/>
    <x v="5"/>
    <x v="0"/>
    <x v="229"/>
    <x v="20"/>
    <x v="2"/>
    <x v="6"/>
    <s v="Polycom SoundStation2 EX ConferenceÂ phone"/>
    <n v="1214.8499999999999"/>
    <n v="3"/>
    <n v="352.31"/>
  </r>
  <r>
    <d v="2014-06-22T00:00:00"/>
    <x v="5"/>
    <x v="0"/>
    <x v="264"/>
    <x v="26"/>
    <x v="2"/>
    <x v="9"/>
    <s v="KeyTronicÂ 6101 Series -Â KeyboardÂ - Black"/>
    <n v="196.75"/>
    <n v="6"/>
    <n v="56.57"/>
  </r>
  <r>
    <d v="2014-06-22T00:00:00"/>
    <x v="5"/>
    <x v="0"/>
    <x v="265"/>
    <x v="28"/>
    <x v="0"/>
    <x v="2"/>
    <s v="Office Impressions Heavy Duty Welded Shelving &amp; Multimedia Storage Drawers"/>
    <n v="501.81"/>
    <n v="3"/>
    <n v="0"/>
  </r>
  <r>
    <d v="2014-06-22T00:00:00"/>
    <x v="5"/>
    <x v="0"/>
    <x v="265"/>
    <x v="28"/>
    <x v="0"/>
    <x v="2"/>
    <s v="Fellowes Bankers Box Recycled Super Stor/Drawer"/>
    <n v="161.94"/>
    <n v="3"/>
    <n v="9.7200000000000006"/>
  </r>
  <r>
    <d v="2014-06-22T00:00:00"/>
    <x v="5"/>
    <x v="0"/>
    <x v="266"/>
    <x v="2"/>
    <x v="1"/>
    <x v="5"/>
    <s v="Padded Folding Chairs, Black, 4/Carton"/>
    <n v="170.06"/>
    <n v="3"/>
    <n v="-4.8600000000000003"/>
  </r>
  <r>
    <d v="2014-06-22T00:00:00"/>
    <x v="5"/>
    <x v="0"/>
    <x v="266"/>
    <x v="2"/>
    <x v="2"/>
    <x v="6"/>
    <s v="Panasonic Kx-TS550"/>
    <n v="82.78"/>
    <n v="3"/>
    <n v="-15.18"/>
  </r>
  <r>
    <d v="2014-06-22T00:00:00"/>
    <x v="5"/>
    <x v="0"/>
    <x v="266"/>
    <x v="2"/>
    <x v="1"/>
    <x v="5"/>
    <s v="Hon Deluxe Fabric Upholstered Stacking Chairs, Rounded Back"/>
    <n v="853.93"/>
    <n v="5"/>
    <n v="0"/>
  </r>
  <r>
    <d v="2014-06-22T00:00:00"/>
    <x v="5"/>
    <x v="0"/>
    <x v="263"/>
    <x v="12"/>
    <x v="0"/>
    <x v="3"/>
    <s v="SpineVue Locking Slant-D Ring Binders by Cardinal"/>
    <n v="8.23"/>
    <n v="3"/>
    <n v="-6.03"/>
  </r>
  <r>
    <d v="2014-06-23T00:00:00"/>
    <x v="5"/>
    <x v="0"/>
    <x v="267"/>
    <x v="2"/>
    <x v="2"/>
    <x v="9"/>
    <s v="Sony 64GB Class 10 Micro SDHC R40 Memory Card"/>
    <n v="86.38"/>
    <n v="3"/>
    <n v="1.08"/>
  </r>
  <r>
    <d v="2014-06-23T00:00:00"/>
    <x v="5"/>
    <x v="0"/>
    <x v="268"/>
    <x v="25"/>
    <x v="0"/>
    <x v="4"/>
    <s v="Prang Drawing Pencil Set"/>
    <n v="20.02"/>
    <n v="9"/>
    <n v="1.75"/>
  </r>
  <r>
    <d v="2014-06-23T00:00:00"/>
    <x v="5"/>
    <x v="0"/>
    <x v="268"/>
    <x v="25"/>
    <x v="0"/>
    <x v="14"/>
    <s v="Acme Kleen Earth Office Shears"/>
    <n v="3.1"/>
    <n v="1"/>
    <n v="0.35"/>
  </r>
  <r>
    <d v="2014-06-24T00:00:00"/>
    <x v="5"/>
    <x v="0"/>
    <x v="269"/>
    <x v="12"/>
    <x v="1"/>
    <x v="8"/>
    <s v="Acrylic Self-Standing Desk Frames"/>
    <n v="4.2699999999999996"/>
    <n v="2"/>
    <n v="0.96"/>
  </r>
  <r>
    <d v="2014-06-25T00:00:00"/>
    <x v="5"/>
    <x v="0"/>
    <x v="270"/>
    <x v="3"/>
    <x v="1"/>
    <x v="13"/>
    <s v="Hon 4060 Series Tables"/>
    <n v="447.84"/>
    <n v="5"/>
    <n v="11.2"/>
  </r>
  <r>
    <d v="2014-06-25T00:00:00"/>
    <x v="5"/>
    <x v="0"/>
    <x v="271"/>
    <x v="11"/>
    <x v="2"/>
    <x v="6"/>
    <s v="Plantronics 81402"/>
    <n v="263.95999999999998"/>
    <n v="5"/>
    <n v="19.8"/>
  </r>
  <r>
    <d v="2014-06-25T00:00:00"/>
    <x v="5"/>
    <x v="0"/>
    <x v="271"/>
    <x v="11"/>
    <x v="0"/>
    <x v="4"/>
    <s v="Avery Hi-Liter EverBold Pen Style Fluorescent Highlighters, 4/Pack"/>
    <n v="71.63"/>
    <n v="11"/>
    <n v="17.91"/>
  </r>
  <r>
    <d v="2014-06-25T00:00:00"/>
    <x v="5"/>
    <x v="0"/>
    <x v="271"/>
    <x v="11"/>
    <x v="0"/>
    <x v="4"/>
    <s v="Hunt BOSTON Vista Battery-Operated Pencil Sharpener, Black"/>
    <n v="9.33"/>
    <n v="1"/>
    <n v="0.82"/>
  </r>
  <r>
    <d v="2014-06-27T00:00:00"/>
    <x v="5"/>
    <x v="0"/>
    <x v="272"/>
    <x v="29"/>
    <x v="0"/>
    <x v="2"/>
    <s v="SAFCO Commercial Wire Shelving, 72h"/>
    <n v="306.2"/>
    <n v="5"/>
    <n v="0"/>
  </r>
  <r>
    <d v="2014-06-27T00:00:00"/>
    <x v="5"/>
    <x v="0"/>
    <x v="272"/>
    <x v="29"/>
    <x v="1"/>
    <x v="13"/>
    <s v="KI Adjustable-Height Table"/>
    <n v="85.98"/>
    <n v="1"/>
    <n v="22.35"/>
  </r>
  <r>
    <d v="2014-06-27T00:00:00"/>
    <x v="5"/>
    <x v="0"/>
    <x v="272"/>
    <x v="29"/>
    <x v="2"/>
    <x v="9"/>
    <s v="Sony Micro Vault Click 16 GB USB 2.0 Flash Drive"/>
    <n v="223.96"/>
    <n v="4"/>
    <n v="53.75"/>
  </r>
  <r>
    <d v="2014-06-28T00:00:00"/>
    <x v="5"/>
    <x v="0"/>
    <x v="273"/>
    <x v="2"/>
    <x v="0"/>
    <x v="0"/>
    <s v="Xerox 1995"/>
    <n v="41.47"/>
    <n v="8"/>
    <n v="14.52"/>
  </r>
  <r>
    <d v="2014-06-28T00:00:00"/>
    <x v="5"/>
    <x v="0"/>
    <x v="273"/>
    <x v="2"/>
    <x v="0"/>
    <x v="3"/>
    <s v="Self-Adhesive Ring Binder Labels"/>
    <n v="3.17"/>
    <n v="3"/>
    <n v="-2.4300000000000002"/>
  </r>
  <r>
    <d v="2014-06-28T00:00:00"/>
    <x v="5"/>
    <x v="0"/>
    <x v="273"/>
    <x v="2"/>
    <x v="1"/>
    <x v="5"/>
    <s v="Global Leather Executive Chair"/>
    <n v="1228.47"/>
    <n v="5"/>
    <n v="0"/>
  </r>
  <r>
    <d v="2014-06-28T00:00:00"/>
    <x v="5"/>
    <x v="0"/>
    <x v="273"/>
    <x v="2"/>
    <x v="0"/>
    <x v="3"/>
    <s v="GBC Recycled Grain Textured Covers"/>
    <n v="31.09"/>
    <n v="3"/>
    <n v="-22.8"/>
  </r>
  <r>
    <d v="2014-06-28T00:00:00"/>
    <x v="5"/>
    <x v="0"/>
    <x v="273"/>
    <x v="2"/>
    <x v="0"/>
    <x v="0"/>
    <s v="Xerox 1941"/>
    <n v="335.52"/>
    <n v="4"/>
    <n v="117.43"/>
  </r>
  <r>
    <d v="2014-06-28T00:00:00"/>
    <x v="5"/>
    <x v="0"/>
    <x v="274"/>
    <x v="14"/>
    <x v="0"/>
    <x v="7"/>
    <s v="Staples"/>
    <n v="6.08"/>
    <n v="1"/>
    <n v="3.04"/>
  </r>
  <r>
    <d v="2014-06-29T00:00:00"/>
    <x v="5"/>
    <x v="0"/>
    <x v="275"/>
    <x v="10"/>
    <x v="0"/>
    <x v="4"/>
    <s v="Dixon My First Ticonderoga Pencil, #2"/>
    <n v="32.76"/>
    <n v="7"/>
    <n v="3.69"/>
  </r>
  <r>
    <d v="2014-06-29T00:00:00"/>
    <x v="5"/>
    <x v="0"/>
    <x v="232"/>
    <x v="20"/>
    <x v="0"/>
    <x v="3"/>
    <s v="Wilson Jones Clip &amp; Carry Folder Binder Tool for Ring Binders, Clear"/>
    <n v="13.92"/>
    <n v="3"/>
    <n v="4.87"/>
  </r>
  <r>
    <d v="2014-06-30T00:00:00"/>
    <x v="5"/>
    <x v="0"/>
    <x v="276"/>
    <x v="20"/>
    <x v="0"/>
    <x v="3"/>
    <s v="GBC Recycled Regency Composition Covers"/>
    <n v="334.77"/>
    <n v="7"/>
    <n v="108.8"/>
  </r>
  <r>
    <d v="2014-06-30T00:00:00"/>
    <x v="5"/>
    <x v="0"/>
    <x v="277"/>
    <x v="1"/>
    <x v="0"/>
    <x v="4"/>
    <s v="BIC Brite Liner Grip Highlighters"/>
    <n v="5.25"/>
    <n v="4"/>
    <n v="1.64"/>
  </r>
  <r>
    <d v="2014-06-30T00:00:00"/>
    <x v="5"/>
    <x v="0"/>
    <x v="278"/>
    <x v="3"/>
    <x v="0"/>
    <x v="4"/>
    <s v="BIC Brite Liner Highlighters, Chisel Tip"/>
    <n v="32.4"/>
    <n v="5"/>
    <n v="10.37"/>
  </r>
  <r>
    <d v="2014-06-30T00:00:00"/>
    <x v="5"/>
    <x v="0"/>
    <x v="279"/>
    <x v="0"/>
    <x v="0"/>
    <x v="0"/>
    <s v="Xerox 225"/>
    <n v="25.92"/>
    <n v="5"/>
    <n v="9.07"/>
  </r>
  <r>
    <d v="2014-06-30T00:00:00"/>
    <x v="5"/>
    <x v="0"/>
    <x v="279"/>
    <x v="0"/>
    <x v="0"/>
    <x v="7"/>
    <s v="Staples"/>
    <n v="21.31"/>
    <n v="6"/>
    <n v="7.19"/>
  </r>
  <r>
    <d v="2014-06-30T00:00:00"/>
    <x v="5"/>
    <x v="0"/>
    <x v="178"/>
    <x v="20"/>
    <x v="0"/>
    <x v="3"/>
    <s v="Cardinal Poly Pocket Divider Pockets for Ring Binders"/>
    <n v="2.69"/>
    <n v="1"/>
    <n v="0.84"/>
  </r>
  <r>
    <d v="2014-06-30T00:00:00"/>
    <x v="5"/>
    <x v="0"/>
    <x v="178"/>
    <x v="20"/>
    <x v="0"/>
    <x v="4"/>
    <s v="Sanford Uni-Blazer View Highlighters, Chisel Tip, Yellow"/>
    <n v="6.6"/>
    <n v="3"/>
    <n v="2.9"/>
  </r>
  <r>
    <d v="2014-06-30T00:00:00"/>
    <x v="5"/>
    <x v="0"/>
    <x v="280"/>
    <x v="25"/>
    <x v="0"/>
    <x v="0"/>
    <s v="Xerox 1913"/>
    <n v="310.69"/>
    <n v="7"/>
    <n v="108.74"/>
  </r>
  <r>
    <d v="2014-07-01T00:00:00"/>
    <x v="6"/>
    <x v="0"/>
    <x v="112"/>
    <x v="22"/>
    <x v="0"/>
    <x v="3"/>
    <s v="Cardinal Holdit Business Card Pockets"/>
    <n v="19.920000000000002"/>
    <n v="5"/>
    <n v="6.97"/>
  </r>
  <r>
    <d v="2014-07-01T00:00:00"/>
    <x v="6"/>
    <x v="0"/>
    <x v="230"/>
    <x v="16"/>
    <x v="2"/>
    <x v="6"/>
    <s v="Wilson SignalBoost 841262 DB PRO Amplifier Kit"/>
    <n v="575.91999999999996"/>
    <n v="2"/>
    <n v="71.989999999999995"/>
  </r>
  <r>
    <d v="2014-07-01T00:00:00"/>
    <x v="6"/>
    <x v="0"/>
    <x v="230"/>
    <x v="16"/>
    <x v="0"/>
    <x v="3"/>
    <s v="Avery Durable Binders"/>
    <n v="5.18"/>
    <n v="6"/>
    <n v="-3.63"/>
  </r>
  <r>
    <d v="2014-07-02T00:00:00"/>
    <x v="6"/>
    <x v="0"/>
    <x v="281"/>
    <x v="23"/>
    <x v="2"/>
    <x v="6"/>
    <s v="Logitech B530 USBÂ HeadsetÂ -Â headsetÂ - Full size, Binaural"/>
    <n v="73.98"/>
    <n v="2"/>
    <n v="19.97"/>
  </r>
  <r>
    <d v="2014-07-02T00:00:00"/>
    <x v="6"/>
    <x v="0"/>
    <x v="281"/>
    <x v="23"/>
    <x v="0"/>
    <x v="4"/>
    <s v="DIXON Ticonderoga Erasable Checking Pencils"/>
    <n v="5.58"/>
    <n v="1"/>
    <n v="2.1800000000000002"/>
  </r>
  <r>
    <d v="2014-07-04T00:00:00"/>
    <x v="6"/>
    <x v="0"/>
    <x v="124"/>
    <x v="26"/>
    <x v="0"/>
    <x v="0"/>
    <s v="Xerox 194"/>
    <n v="177.54"/>
    <n v="4"/>
    <n v="62.14"/>
  </r>
  <r>
    <d v="2014-07-04T00:00:00"/>
    <x v="6"/>
    <x v="0"/>
    <x v="124"/>
    <x v="26"/>
    <x v="0"/>
    <x v="12"/>
    <s v="Fellowes Mighty 8 Compact Surge Protector"/>
    <n v="32.43"/>
    <n v="2"/>
    <n v="3.24"/>
  </r>
  <r>
    <d v="2014-07-04T00:00:00"/>
    <x v="6"/>
    <x v="0"/>
    <x v="282"/>
    <x v="6"/>
    <x v="0"/>
    <x v="0"/>
    <s v="Southworth Structures Collection"/>
    <n v="21.84"/>
    <n v="3"/>
    <n v="10.92"/>
  </r>
  <r>
    <d v="2014-07-04T00:00:00"/>
    <x v="6"/>
    <x v="0"/>
    <x v="282"/>
    <x v="6"/>
    <x v="0"/>
    <x v="3"/>
    <s v="Zipper Ring Binder Pockets"/>
    <n v="15.6"/>
    <n v="5"/>
    <n v="7.64"/>
  </r>
  <r>
    <d v="2014-07-05T00:00:00"/>
    <x v="6"/>
    <x v="0"/>
    <x v="283"/>
    <x v="29"/>
    <x v="2"/>
    <x v="9"/>
    <s v="NETGEAR AC1750 Dual Band GigabitÂ Smart WiFi Router"/>
    <n v="479.97"/>
    <n v="3"/>
    <n v="163.19"/>
  </r>
  <r>
    <d v="2014-07-05T00:00:00"/>
    <x v="6"/>
    <x v="0"/>
    <x v="283"/>
    <x v="29"/>
    <x v="0"/>
    <x v="1"/>
    <s v="Avery 516"/>
    <n v="14.62"/>
    <n v="2"/>
    <n v="6.87"/>
  </r>
  <r>
    <d v="2014-07-05T00:00:00"/>
    <x v="6"/>
    <x v="0"/>
    <x v="283"/>
    <x v="29"/>
    <x v="0"/>
    <x v="0"/>
    <s v="Xerox 1995"/>
    <n v="19.440000000000001"/>
    <n v="3"/>
    <n v="9.33"/>
  </r>
  <r>
    <d v="2014-07-05T00:00:00"/>
    <x v="6"/>
    <x v="0"/>
    <x v="284"/>
    <x v="0"/>
    <x v="0"/>
    <x v="2"/>
    <s v="Gould Plastics 18-Pocket Panel Bin, 34w x 5-1/4d x 20-1/2h"/>
    <n v="220.78"/>
    <n v="3"/>
    <n v="-44.16"/>
  </r>
  <r>
    <d v="2014-07-05T00:00:00"/>
    <x v="6"/>
    <x v="0"/>
    <x v="284"/>
    <x v="0"/>
    <x v="0"/>
    <x v="2"/>
    <s v="Fellowes Bankers Box Stor/Drawer Steel Plus"/>
    <n v="281.42"/>
    <n v="11"/>
    <n v="-35.18"/>
  </r>
  <r>
    <d v="2014-07-05T00:00:00"/>
    <x v="6"/>
    <x v="0"/>
    <x v="285"/>
    <x v="3"/>
    <x v="0"/>
    <x v="3"/>
    <s v="Vinyl Sectional Post Binders"/>
    <n v="180.96"/>
    <n v="6"/>
    <n v="67.86"/>
  </r>
  <r>
    <d v="2014-07-05T00:00:00"/>
    <x v="6"/>
    <x v="0"/>
    <x v="17"/>
    <x v="15"/>
    <x v="0"/>
    <x v="4"/>
    <s v="Newell 322"/>
    <n v="4.37"/>
    <n v="3"/>
    <n v="0.38"/>
  </r>
  <r>
    <d v="2014-07-05T00:00:00"/>
    <x v="6"/>
    <x v="0"/>
    <x v="286"/>
    <x v="16"/>
    <x v="1"/>
    <x v="8"/>
    <s v="Advantus Panel Wall Certificate Holder - 8.5x11"/>
    <n v="19.52"/>
    <n v="2"/>
    <n v="5.37"/>
  </r>
  <r>
    <d v="2014-07-05T00:00:00"/>
    <x v="6"/>
    <x v="0"/>
    <x v="286"/>
    <x v="16"/>
    <x v="0"/>
    <x v="3"/>
    <s v="Wilson Jones Four-Pocket Poly Binders"/>
    <n v="9.81"/>
    <n v="5"/>
    <n v="-6.87"/>
  </r>
  <r>
    <d v="2014-07-05T00:00:00"/>
    <x v="6"/>
    <x v="0"/>
    <x v="286"/>
    <x v="16"/>
    <x v="1"/>
    <x v="8"/>
    <s v="Luxo Adjustable Task Clamp Lamp"/>
    <n v="213.22"/>
    <n v="3"/>
    <n v="15.99"/>
  </r>
  <r>
    <d v="2014-07-06T00:00:00"/>
    <x v="6"/>
    <x v="0"/>
    <x v="287"/>
    <x v="20"/>
    <x v="2"/>
    <x v="16"/>
    <s v="Canon Imageclass D680 Copier / Fax"/>
    <n v="559.99"/>
    <n v="1"/>
    <n v="175"/>
  </r>
  <r>
    <d v="2014-07-06T00:00:00"/>
    <x v="6"/>
    <x v="0"/>
    <x v="288"/>
    <x v="3"/>
    <x v="1"/>
    <x v="5"/>
    <s v="Global Comet Stacking Armless Chair"/>
    <n v="478.48"/>
    <n v="2"/>
    <n v="47.85"/>
  </r>
  <r>
    <d v="2014-07-07T00:00:00"/>
    <x v="6"/>
    <x v="0"/>
    <x v="154"/>
    <x v="2"/>
    <x v="1"/>
    <x v="5"/>
    <s v="Global High-Back Leather Tilter, Burgundy"/>
    <n v="172.19"/>
    <n v="2"/>
    <n v="-46.74"/>
  </r>
  <r>
    <d v="2014-07-07T00:00:00"/>
    <x v="6"/>
    <x v="0"/>
    <x v="154"/>
    <x v="2"/>
    <x v="1"/>
    <x v="8"/>
    <s v="Howard Miller 11-1/2&quot; Diameter Grantwood Wall Clock"/>
    <n v="69.010000000000005"/>
    <n v="2"/>
    <n v="12.08"/>
  </r>
  <r>
    <d v="2014-07-08T00:00:00"/>
    <x v="6"/>
    <x v="0"/>
    <x v="289"/>
    <x v="20"/>
    <x v="1"/>
    <x v="5"/>
    <s v="Situations Contoured Folding Chairs, 4/Set"/>
    <n v="63.88"/>
    <n v="1"/>
    <n v="10.65"/>
  </r>
  <r>
    <d v="2014-07-08T00:00:00"/>
    <x v="6"/>
    <x v="0"/>
    <x v="290"/>
    <x v="3"/>
    <x v="1"/>
    <x v="13"/>
    <s v="Hon 2111 Invitation Series Corner Table"/>
    <n v="502.49"/>
    <n v="3"/>
    <n v="-87.94"/>
  </r>
  <r>
    <d v="2014-07-08T00:00:00"/>
    <x v="6"/>
    <x v="0"/>
    <x v="290"/>
    <x v="3"/>
    <x v="0"/>
    <x v="3"/>
    <s v="Wilson Jones Ledger-Size, Piano-Hinge Binder, 2&quot;, Blue"/>
    <n v="196.7"/>
    <n v="6"/>
    <n v="68.849999999999994"/>
  </r>
  <r>
    <d v="2014-07-09T00:00:00"/>
    <x v="6"/>
    <x v="0"/>
    <x v="291"/>
    <x v="0"/>
    <x v="0"/>
    <x v="0"/>
    <s v="Eureka Recycled Copy Paper 8 1/2&quot; x 11&quot;, Ream"/>
    <n v="10.37"/>
    <n v="2"/>
    <n v="3.63"/>
  </r>
  <r>
    <d v="2014-07-09T00:00:00"/>
    <x v="6"/>
    <x v="0"/>
    <x v="291"/>
    <x v="0"/>
    <x v="0"/>
    <x v="0"/>
    <s v="Xerox 1895"/>
    <n v="14.35"/>
    <n v="3"/>
    <n v="4.49"/>
  </r>
  <r>
    <d v="2014-07-09T00:00:00"/>
    <x v="6"/>
    <x v="0"/>
    <x v="292"/>
    <x v="3"/>
    <x v="0"/>
    <x v="1"/>
    <s v="Avery 49"/>
    <n v="2.88"/>
    <n v="1"/>
    <n v="1.41"/>
  </r>
  <r>
    <d v="2014-07-09T00:00:00"/>
    <x v="6"/>
    <x v="0"/>
    <x v="292"/>
    <x v="3"/>
    <x v="0"/>
    <x v="3"/>
    <s v="Wilson Jones Leather-Like Binders with DublLock Round Rings"/>
    <n v="41.9"/>
    <n v="6"/>
    <n v="14.14"/>
  </r>
  <r>
    <d v="2014-07-09T00:00:00"/>
    <x v="6"/>
    <x v="0"/>
    <x v="292"/>
    <x v="3"/>
    <x v="0"/>
    <x v="2"/>
    <s v="Perma STOR-ALL Hanging File Box, 13 1/8&quot;W x 12 1/4&quot;D x 10 1/2&quot;H"/>
    <n v="23.92"/>
    <n v="4"/>
    <n v="4.07"/>
  </r>
  <r>
    <d v="2014-07-09T00:00:00"/>
    <x v="6"/>
    <x v="0"/>
    <x v="293"/>
    <x v="3"/>
    <x v="0"/>
    <x v="3"/>
    <s v="Avery Hidden Tab Dividers for Binding Systems"/>
    <n v="14.3"/>
    <n v="6"/>
    <n v="4.6500000000000004"/>
  </r>
  <r>
    <d v="2014-07-09T00:00:00"/>
    <x v="6"/>
    <x v="0"/>
    <x v="293"/>
    <x v="3"/>
    <x v="1"/>
    <x v="11"/>
    <s v="Bush Heritage Pine Collection 5-Shelf Bookcase, Albany Pine Finish, *Special Order"/>
    <n v="119.83"/>
    <n v="1"/>
    <n v="7.05"/>
  </r>
  <r>
    <d v="2014-07-09T00:00:00"/>
    <x v="6"/>
    <x v="0"/>
    <x v="293"/>
    <x v="3"/>
    <x v="0"/>
    <x v="4"/>
    <s v="Prang Drawing Pencil Set"/>
    <n v="5.56"/>
    <n v="2"/>
    <n v="2.2200000000000002"/>
  </r>
  <r>
    <d v="2014-07-09T00:00:00"/>
    <x v="6"/>
    <x v="0"/>
    <x v="293"/>
    <x v="3"/>
    <x v="0"/>
    <x v="0"/>
    <s v="Xerox 1967"/>
    <n v="32.4"/>
    <n v="5"/>
    <n v="15.55"/>
  </r>
  <r>
    <d v="2014-07-11T00:00:00"/>
    <x v="6"/>
    <x v="0"/>
    <x v="174"/>
    <x v="23"/>
    <x v="0"/>
    <x v="0"/>
    <s v="Easy-staple paper"/>
    <n v="177.2"/>
    <n v="5"/>
    <n v="83.28"/>
  </r>
  <r>
    <d v="2014-07-11T00:00:00"/>
    <x v="6"/>
    <x v="0"/>
    <x v="174"/>
    <x v="23"/>
    <x v="2"/>
    <x v="6"/>
    <s v="Cisco SPA508G"/>
    <n v="197.97"/>
    <n v="3"/>
    <n v="57.41"/>
  </r>
  <r>
    <d v="2014-07-11T00:00:00"/>
    <x v="6"/>
    <x v="0"/>
    <x v="174"/>
    <x v="23"/>
    <x v="1"/>
    <x v="5"/>
    <s v="Global Commerce Series High-Back Swivel/Tilt Chairs"/>
    <n v="854.94"/>
    <n v="3"/>
    <n v="213.74"/>
  </r>
  <r>
    <d v="2014-07-11T00:00:00"/>
    <x v="6"/>
    <x v="0"/>
    <x v="174"/>
    <x v="23"/>
    <x v="1"/>
    <x v="8"/>
    <s v="9-3/4 Diameter Round Wall Clock"/>
    <n v="124.11"/>
    <n v="9"/>
    <n v="52.13"/>
  </r>
  <r>
    <d v="2014-07-11T00:00:00"/>
    <x v="6"/>
    <x v="0"/>
    <x v="174"/>
    <x v="23"/>
    <x v="0"/>
    <x v="1"/>
    <s v="Avery 514"/>
    <n v="14.4"/>
    <n v="5"/>
    <n v="7.06"/>
  </r>
  <r>
    <d v="2014-07-11T00:00:00"/>
    <x v="6"/>
    <x v="0"/>
    <x v="46"/>
    <x v="0"/>
    <x v="2"/>
    <x v="6"/>
    <s v="Polycom VVX 310 VoIP phone"/>
    <n v="575.97"/>
    <n v="4"/>
    <n v="43.2"/>
  </r>
  <r>
    <d v="2014-07-11T00:00:00"/>
    <x v="6"/>
    <x v="0"/>
    <x v="46"/>
    <x v="0"/>
    <x v="0"/>
    <x v="0"/>
    <s v="Xerox 200"/>
    <n v="10.37"/>
    <n v="2"/>
    <n v="3.63"/>
  </r>
  <r>
    <d v="2014-07-11T00:00:00"/>
    <x v="6"/>
    <x v="0"/>
    <x v="294"/>
    <x v="20"/>
    <x v="0"/>
    <x v="0"/>
    <s v="Xerox 1881"/>
    <n v="49.12"/>
    <n v="4"/>
    <n v="23.09"/>
  </r>
  <r>
    <d v="2014-07-11T00:00:00"/>
    <x v="6"/>
    <x v="0"/>
    <x v="294"/>
    <x v="20"/>
    <x v="0"/>
    <x v="3"/>
    <s v="Newell 3-Hole Punched Plastic Slotted Magazine Holders for Binders"/>
    <n v="18.28"/>
    <n v="5"/>
    <n v="6.4"/>
  </r>
  <r>
    <d v="2014-07-11T00:00:00"/>
    <x v="6"/>
    <x v="0"/>
    <x v="295"/>
    <x v="20"/>
    <x v="2"/>
    <x v="6"/>
    <s v="Cisco SPA112 2 Port Phone Adapter"/>
    <n v="164.85"/>
    <n v="3"/>
    <n v="47.81"/>
  </r>
  <r>
    <d v="2014-07-12T00:00:00"/>
    <x v="6"/>
    <x v="0"/>
    <x v="296"/>
    <x v="3"/>
    <x v="0"/>
    <x v="3"/>
    <s v="Tuff Stuff Recycled Round Ring Binders"/>
    <n v="7.71"/>
    <n v="2"/>
    <n v="2.8"/>
  </r>
  <r>
    <d v="2014-07-12T00:00:00"/>
    <x v="6"/>
    <x v="0"/>
    <x v="296"/>
    <x v="3"/>
    <x v="1"/>
    <x v="13"/>
    <s v="Hon 5100 Series Wood Tables"/>
    <n v="698.35"/>
    <n v="3"/>
    <n v="-17.46"/>
  </r>
  <r>
    <d v="2014-07-12T00:00:00"/>
    <x v="6"/>
    <x v="0"/>
    <x v="151"/>
    <x v="3"/>
    <x v="0"/>
    <x v="2"/>
    <s v="Fellowes Super Stor/Drawer"/>
    <n v="249.75"/>
    <n v="9"/>
    <n v="44.96"/>
  </r>
  <r>
    <d v="2014-07-12T00:00:00"/>
    <x v="6"/>
    <x v="0"/>
    <x v="151"/>
    <x v="3"/>
    <x v="2"/>
    <x v="6"/>
    <s v="GE DSL Phone Line Filter"/>
    <n v="255.94"/>
    <n v="8"/>
    <n v="28.79"/>
  </r>
  <r>
    <d v="2014-07-12T00:00:00"/>
    <x v="6"/>
    <x v="0"/>
    <x v="68"/>
    <x v="22"/>
    <x v="1"/>
    <x v="5"/>
    <s v="Safco Chair Connectors, 6/Carton"/>
    <n v="123.14"/>
    <n v="4"/>
    <n v="13.85"/>
  </r>
  <r>
    <d v="2014-07-12T00:00:00"/>
    <x v="6"/>
    <x v="0"/>
    <x v="68"/>
    <x v="22"/>
    <x v="0"/>
    <x v="3"/>
    <s v="Self-Adhesive Ring Binder Labels"/>
    <n v="11.26"/>
    <n v="4"/>
    <n v="3.8"/>
  </r>
  <r>
    <d v="2014-07-12T00:00:00"/>
    <x v="6"/>
    <x v="0"/>
    <x v="297"/>
    <x v="1"/>
    <x v="0"/>
    <x v="0"/>
    <s v="Xerox 1949"/>
    <n v="35.86"/>
    <n v="9"/>
    <n v="13"/>
  </r>
  <r>
    <d v="2014-07-12T00:00:00"/>
    <x v="6"/>
    <x v="0"/>
    <x v="297"/>
    <x v="1"/>
    <x v="2"/>
    <x v="9"/>
    <s v="Verbatim 25 GB 6x Blu-ray Single Layer Recordable Disc, 1/Pack"/>
    <n v="23.84"/>
    <n v="4"/>
    <n v="3.28"/>
  </r>
  <r>
    <d v="2014-07-12T00:00:00"/>
    <x v="6"/>
    <x v="0"/>
    <x v="298"/>
    <x v="0"/>
    <x v="1"/>
    <x v="5"/>
    <s v="Hon Deluxe Fabric Upholstered Stacking Chairs"/>
    <n v="512.36"/>
    <n v="3"/>
    <n v="-14.64"/>
  </r>
  <r>
    <d v="2014-07-12T00:00:00"/>
    <x v="6"/>
    <x v="0"/>
    <x v="298"/>
    <x v="0"/>
    <x v="0"/>
    <x v="7"/>
    <s v="Stockwell Push Pins"/>
    <n v="3.49"/>
    <n v="2"/>
    <n v="0.56999999999999995"/>
  </r>
  <r>
    <d v="2014-07-12T00:00:00"/>
    <x v="6"/>
    <x v="0"/>
    <x v="298"/>
    <x v="0"/>
    <x v="0"/>
    <x v="4"/>
    <s v="Fluorescent Highlighters by Dixon"/>
    <n v="22.29"/>
    <n v="7"/>
    <n v="3.9"/>
  </r>
  <r>
    <d v="2014-07-12T00:00:00"/>
    <x v="6"/>
    <x v="0"/>
    <x v="298"/>
    <x v="0"/>
    <x v="0"/>
    <x v="0"/>
    <s v="Xerox 195"/>
    <n v="16.03"/>
    <n v="3"/>
    <n v="5.61"/>
  </r>
  <r>
    <d v="2014-07-13T00:00:00"/>
    <x v="6"/>
    <x v="0"/>
    <x v="271"/>
    <x v="3"/>
    <x v="1"/>
    <x v="13"/>
    <s v="Bevis Round Conference Table Top &amp; Single Column Base"/>
    <n v="351.22"/>
    <n v="3"/>
    <n v="4.3899999999999997"/>
  </r>
  <r>
    <d v="2014-07-14T00:00:00"/>
    <x v="6"/>
    <x v="0"/>
    <x v="299"/>
    <x v="1"/>
    <x v="0"/>
    <x v="3"/>
    <s v="Acco D-Ring Binder w/DublLock"/>
    <n v="29.93"/>
    <n v="7"/>
    <n v="-46.39"/>
  </r>
  <r>
    <d v="2014-07-14T00:00:00"/>
    <x v="6"/>
    <x v="0"/>
    <x v="299"/>
    <x v="1"/>
    <x v="2"/>
    <x v="6"/>
    <s v="I Need's 3d Hello Kitty Hybrid Silicone Case Cover for HTC One X 4g with 3d Hello Kitty Stylus Pen Green/pink"/>
    <n v="38.270000000000003"/>
    <n v="4"/>
    <n v="3.83"/>
  </r>
  <r>
    <d v="2014-07-14T00:00:00"/>
    <x v="6"/>
    <x v="0"/>
    <x v="300"/>
    <x v="12"/>
    <x v="0"/>
    <x v="2"/>
    <s v="Eldon Fold 'N Roll Cart System"/>
    <n v="55.92"/>
    <n v="5"/>
    <n v="6.29"/>
  </r>
  <r>
    <d v="2014-07-14T00:00:00"/>
    <x v="6"/>
    <x v="0"/>
    <x v="43"/>
    <x v="2"/>
    <x v="2"/>
    <x v="6"/>
    <s v="Griffin GC36547 PowerJolt SE Lightning Charger"/>
    <n v="13.49"/>
    <n v="1"/>
    <n v="-2.25"/>
  </r>
  <r>
    <d v="2014-07-14T00:00:00"/>
    <x v="6"/>
    <x v="0"/>
    <x v="43"/>
    <x v="2"/>
    <x v="2"/>
    <x v="6"/>
    <s v="iOttie HLCRIO102 Car Mount"/>
    <n v="23.99"/>
    <n v="2"/>
    <n v="-13.99"/>
  </r>
  <r>
    <d v="2014-07-14T00:00:00"/>
    <x v="6"/>
    <x v="0"/>
    <x v="43"/>
    <x v="2"/>
    <x v="1"/>
    <x v="8"/>
    <s v="Tensor Track Tree Floor Lamp"/>
    <n v="31.98"/>
    <n v="2"/>
    <n v="1.2"/>
  </r>
  <r>
    <d v="2014-07-14T00:00:00"/>
    <x v="6"/>
    <x v="0"/>
    <x v="43"/>
    <x v="2"/>
    <x v="0"/>
    <x v="4"/>
    <s v="BOSTON Ranger #55 Pencil Sharpener, Black"/>
    <n v="41.58"/>
    <n v="2"/>
    <n v="4.68"/>
  </r>
  <r>
    <d v="2014-07-14T00:00:00"/>
    <x v="6"/>
    <x v="0"/>
    <x v="301"/>
    <x v="7"/>
    <x v="0"/>
    <x v="12"/>
    <s v="Belkin 7 Outlet SurgeMaster II"/>
    <n v="39.479999999999997"/>
    <n v="1"/>
    <n v="11.05"/>
  </r>
  <r>
    <d v="2014-07-14T00:00:00"/>
    <x v="6"/>
    <x v="0"/>
    <x v="302"/>
    <x v="20"/>
    <x v="0"/>
    <x v="4"/>
    <s v="Newell 315"/>
    <n v="17.940000000000001"/>
    <n v="3"/>
    <n v="4.49"/>
  </r>
  <r>
    <d v="2014-07-15T00:00:00"/>
    <x v="6"/>
    <x v="0"/>
    <x v="197"/>
    <x v="19"/>
    <x v="2"/>
    <x v="9"/>
    <s v="Maxell 4.7GB DVD-R 5/Pack"/>
    <n v="2.97"/>
    <n v="3"/>
    <n v="1.31"/>
  </r>
  <r>
    <d v="2014-07-15T00:00:00"/>
    <x v="6"/>
    <x v="0"/>
    <x v="197"/>
    <x v="19"/>
    <x v="0"/>
    <x v="7"/>
    <s v="Advantus Push Pins"/>
    <n v="6.54"/>
    <n v="3"/>
    <n v="2.68"/>
  </r>
  <r>
    <d v="2014-07-18T00:00:00"/>
    <x v="6"/>
    <x v="0"/>
    <x v="303"/>
    <x v="12"/>
    <x v="1"/>
    <x v="5"/>
    <s v="Office Star - Ergonomically Designed Knee Chair"/>
    <n v="259.14"/>
    <n v="4"/>
    <n v="-25.91"/>
  </r>
  <r>
    <d v="2014-07-18T00:00:00"/>
    <x v="6"/>
    <x v="0"/>
    <x v="304"/>
    <x v="20"/>
    <x v="0"/>
    <x v="3"/>
    <s v="Cardinal Slant-D Ring Binder, Heavy Gauge Vinyl"/>
    <n v="13.9"/>
    <n v="2"/>
    <n v="4.5199999999999996"/>
  </r>
  <r>
    <d v="2014-07-19T00:00:00"/>
    <x v="6"/>
    <x v="0"/>
    <x v="305"/>
    <x v="37"/>
    <x v="2"/>
    <x v="6"/>
    <s v="Polycom VVX 310 VoIP phone"/>
    <n v="359.98"/>
    <n v="2"/>
    <n v="93.59"/>
  </r>
  <r>
    <d v="2014-07-19T00:00:00"/>
    <x v="6"/>
    <x v="0"/>
    <x v="305"/>
    <x v="37"/>
    <x v="1"/>
    <x v="13"/>
    <s v="Barricks 18&quot; x 48&quot; Non-Folding Utility Table with Bottom Storage Shelf"/>
    <n v="70.56"/>
    <n v="1"/>
    <n v="-4.03"/>
  </r>
  <r>
    <d v="2014-07-19T00:00:00"/>
    <x v="6"/>
    <x v="0"/>
    <x v="305"/>
    <x v="37"/>
    <x v="0"/>
    <x v="3"/>
    <s v="Avery 3 1/2&quot; Diskette Storage Pages, 10/Pack"/>
    <n v="20.88"/>
    <n v="2"/>
    <n v="9.6"/>
  </r>
  <r>
    <d v="2014-07-19T00:00:00"/>
    <x v="6"/>
    <x v="0"/>
    <x v="305"/>
    <x v="37"/>
    <x v="0"/>
    <x v="3"/>
    <s v="Acco Hanging Data Binders"/>
    <n v="3.81"/>
    <n v="1"/>
    <n v="1.83"/>
  </r>
  <r>
    <d v="2014-07-19T00:00:00"/>
    <x v="6"/>
    <x v="0"/>
    <x v="306"/>
    <x v="35"/>
    <x v="0"/>
    <x v="3"/>
    <s v="Acco Pressboard Covers with Storage Hooks, 14 7/8&quot; x 11&quot;, Dark Blue"/>
    <n v="6.1"/>
    <n v="2"/>
    <n v="2.21"/>
  </r>
  <r>
    <d v="2014-07-20T00:00:00"/>
    <x v="6"/>
    <x v="0"/>
    <x v="307"/>
    <x v="0"/>
    <x v="0"/>
    <x v="2"/>
    <s v="Letter Size Cart"/>
    <n v="342.86"/>
    <n v="3"/>
    <n v="38.57"/>
  </r>
  <r>
    <d v="2014-07-20T00:00:00"/>
    <x v="6"/>
    <x v="0"/>
    <x v="307"/>
    <x v="0"/>
    <x v="1"/>
    <x v="8"/>
    <s v="Westinghouse Clip-On Gooseneck Lamps"/>
    <n v="16.739999999999998"/>
    <n v="5"/>
    <n v="-14.23"/>
  </r>
  <r>
    <d v="2014-07-20T00:00:00"/>
    <x v="6"/>
    <x v="0"/>
    <x v="307"/>
    <x v="0"/>
    <x v="1"/>
    <x v="5"/>
    <s v="HON 5400 Series Task Chairs for Big and Tall"/>
    <n v="981.37"/>
    <n v="2"/>
    <n v="-140.19999999999999"/>
  </r>
  <r>
    <d v="2014-07-20T00:00:00"/>
    <x v="6"/>
    <x v="0"/>
    <x v="308"/>
    <x v="10"/>
    <x v="0"/>
    <x v="2"/>
    <s v="Fellowes Neat Ideas Storage Cubes"/>
    <n v="25.98"/>
    <n v="1"/>
    <n v="-5.2"/>
  </r>
  <r>
    <d v="2014-07-20T00:00:00"/>
    <x v="6"/>
    <x v="0"/>
    <x v="308"/>
    <x v="10"/>
    <x v="0"/>
    <x v="3"/>
    <s v="Ibico Plastic Spiral Binding Combs"/>
    <n v="27.36"/>
    <n v="3"/>
    <n v="-21.89"/>
  </r>
  <r>
    <d v="2014-07-20T00:00:00"/>
    <x v="6"/>
    <x v="0"/>
    <x v="309"/>
    <x v="3"/>
    <x v="0"/>
    <x v="0"/>
    <s v="Xerox 189"/>
    <n v="104.85"/>
    <n v="1"/>
    <n v="50.33"/>
  </r>
  <r>
    <d v="2014-07-20T00:00:00"/>
    <x v="6"/>
    <x v="0"/>
    <x v="309"/>
    <x v="3"/>
    <x v="0"/>
    <x v="3"/>
    <s v="Wilson Jones Custom Binder Spines &amp; Labels"/>
    <n v="8.6999999999999993"/>
    <n v="2"/>
    <n v="3.16"/>
  </r>
  <r>
    <d v="2014-07-20T00:00:00"/>
    <x v="6"/>
    <x v="0"/>
    <x v="309"/>
    <x v="3"/>
    <x v="0"/>
    <x v="0"/>
    <s v="Xerox 1897"/>
    <n v="19.920000000000002"/>
    <n v="4"/>
    <n v="9.76"/>
  </r>
  <r>
    <d v="2014-07-20T00:00:00"/>
    <x v="6"/>
    <x v="0"/>
    <x v="309"/>
    <x v="3"/>
    <x v="1"/>
    <x v="8"/>
    <s v="Nu-Dell Leatherette Frames"/>
    <n v="43.02"/>
    <n v="3"/>
    <n v="15.49"/>
  </r>
  <r>
    <d v="2014-07-20T00:00:00"/>
    <x v="6"/>
    <x v="0"/>
    <x v="310"/>
    <x v="3"/>
    <x v="0"/>
    <x v="3"/>
    <s v="Clear Mylar Reinforcing Strips"/>
    <n v="89.71"/>
    <n v="6"/>
    <n v="30.28"/>
  </r>
  <r>
    <d v="2014-07-20T00:00:00"/>
    <x v="6"/>
    <x v="0"/>
    <x v="310"/>
    <x v="3"/>
    <x v="0"/>
    <x v="0"/>
    <s v="Wirebound Message Books, Two 4 1/4&quot; x 5&quot; Forms per Page"/>
    <n v="22.83"/>
    <n v="3"/>
    <n v="10.73"/>
  </r>
  <r>
    <d v="2014-07-20T00:00:00"/>
    <x v="6"/>
    <x v="0"/>
    <x v="104"/>
    <x v="3"/>
    <x v="2"/>
    <x v="9"/>
    <s v="Maxell 74 Minute CD-R Spindle, 50/Pack"/>
    <n v="41.94"/>
    <n v="2"/>
    <n v="15.1"/>
  </r>
  <r>
    <d v="2014-07-20T00:00:00"/>
    <x v="6"/>
    <x v="0"/>
    <x v="104"/>
    <x v="3"/>
    <x v="0"/>
    <x v="0"/>
    <s v="Xerox 1965"/>
    <n v="11.96"/>
    <n v="2"/>
    <n v="5.86"/>
  </r>
  <r>
    <d v="2014-07-20T00:00:00"/>
    <x v="6"/>
    <x v="0"/>
    <x v="104"/>
    <x v="3"/>
    <x v="0"/>
    <x v="4"/>
    <s v="Newell 348"/>
    <n v="13.12"/>
    <n v="4"/>
    <n v="3.8"/>
  </r>
  <r>
    <d v="2014-07-20T00:00:00"/>
    <x v="6"/>
    <x v="0"/>
    <x v="104"/>
    <x v="3"/>
    <x v="0"/>
    <x v="2"/>
    <s v="Hot File 7-Pocket, Floor Stand"/>
    <n v="535.41"/>
    <n v="3"/>
    <n v="160.62"/>
  </r>
  <r>
    <d v="2014-07-21T00:00:00"/>
    <x v="6"/>
    <x v="0"/>
    <x v="311"/>
    <x v="3"/>
    <x v="0"/>
    <x v="4"/>
    <s v="Newell 334"/>
    <n v="99.2"/>
    <n v="5"/>
    <n v="25.79"/>
  </r>
  <r>
    <d v="2014-07-21T00:00:00"/>
    <x v="6"/>
    <x v="0"/>
    <x v="311"/>
    <x v="3"/>
    <x v="1"/>
    <x v="5"/>
    <s v="Global Troy Executive Leather Low-Back Tilter"/>
    <n v="801.57"/>
    <n v="2"/>
    <n v="50.1"/>
  </r>
  <r>
    <d v="2014-07-21T00:00:00"/>
    <x v="6"/>
    <x v="0"/>
    <x v="311"/>
    <x v="3"/>
    <x v="1"/>
    <x v="13"/>
    <s v="Hon 30&quot; x 60&quot; Table with Locking Drawer"/>
    <n v="272.85000000000002"/>
    <n v="1"/>
    <n v="27.28"/>
  </r>
  <r>
    <d v="2014-07-21T00:00:00"/>
    <x v="6"/>
    <x v="0"/>
    <x v="312"/>
    <x v="0"/>
    <x v="0"/>
    <x v="12"/>
    <s v="Acco 6 Outlet Guardian Basic Surge Suppressor"/>
    <n v="4.99"/>
    <n v="3"/>
    <n v="-12.98"/>
  </r>
  <r>
    <d v="2014-07-21T00:00:00"/>
    <x v="6"/>
    <x v="0"/>
    <x v="312"/>
    <x v="0"/>
    <x v="0"/>
    <x v="10"/>
    <s v="Inter-Office Recycled Envelopes, Brown Kraft, Button-String,10&quot; x 13&quot; , 100/Box"/>
    <n v="87.92"/>
    <n v="5"/>
    <n v="29.67"/>
  </r>
  <r>
    <d v="2014-07-21T00:00:00"/>
    <x v="6"/>
    <x v="0"/>
    <x v="312"/>
    <x v="0"/>
    <x v="1"/>
    <x v="5"/>
    <s v="Hon Every-Day Series Multi-Task Chairs"/>
    <n v="657.93"/>
    <n v="5"/>
    <n v="-93.99"/>
  </r>
  <r>
    <d v="2014-07-21T00:00:00"/>
    <x v="6"/>
    <x v="0"/>
    <x v="312"/>
    <x v="0"/>
    <x v="0"/>
    <x v="3"/>
    <s v="Acco Economy Flexible Poly Round Ring Binder"/>
    <n v="1.04"/>
    <n v="1"/>
    <n v="-1.83"/>
  </r>
  <r>
    <d v="2014-07-21T00:00:00"/>
    <x v="6"/>
    <x v="0"/>
    <x v="190"/>
    <x v="40"/>
    <x v="2"/>
    <x v="6"/>
    <s v="Griffin GC17055 Auxiliary Audio Cable"/>
    <n v="35.979999999999997"/>
    <n v="2"/>
    <n v="10.07"/>
  </r>
  <r>
    <d v="2014-07-22T00:00:00"/>
    <x v="6"/>
    <x v="0"/>
    <x v="313"/>
    <x v="20"/>
    <x v="0"/>
    <x v="4"/>
    <s v="Premium Writing Pencils, Soft, #2 by Central Association for the Blind"/>
    <n v="5.96"/>
    <n v="2"/>
    <n v="1.67"/>
  </r>
  <r>
    <d v="2014-07-22T00:00:00"/>
    <x v="6"/>
    <x v="0"/>
    <x v="313"/>
    <x v="20"/>
    <x v="2"/>
    <x v="9"/>
    <s v="Logitech G602 Wireless Gaming Mouse"/>
    <n v="159.97999999999999"/>
    <n v="2"/>
    <n v="57.59"/>
  </r>
  <r>
    <d v="2014-07-22T00:00:00"/>
    <x v="6"/>
    <x v="0"/>
    <x v="201"/>
    <x v="3"/>
    <x v="0"/>
    <x v="4"/>
    <s v="Newell 32"/>
    <n v="11.52"/>
    <n v="4"/>
    <n v="3.23"/>
  </r>
  <r>
    <d v="2014-07-22T00:00:00"/>
    <x v="6"/>
    <x v="0"/>
    <x v="201"/>
    <x v="3"/>
    <x v="1"/>
    <x v="5"/>
    <s v="Global Comet Stacking Armless Chair"/>
    <n v="717.72"/>
    <n v="3"/>
    <n v="71.77"/>
  </r>
  <r>
    <d v="2014-07-22T00:00:00"/>
    <x v="6"/>
    <x v="0"/>
    <x v="201"/>
    <x v="3"/>
    <x v="0"/>
    <x v="2"/>
    <s v="Eldon Mobile Mega Data Cart  Mega Stackable  Add-On Trays"/>
    <n v="236.5"/>
    <n v="10"/>
    <n v="68.59"/>
  </r>
  <r>
    <d v="2014-07-22T00:00:00"/>
    <x v="6"/>
    <x v="0"/>
    <x v="201"/>
    <x v="3"/>
    <x v="1"/>
    <x v="13"/>
    <s v="Safco Drafting Table"/>
    <n v="170.35"/>
    <n v="3"/>
    <n v="19.16"/>
  </r>
  <r>
    <d v="2014-07-22T00:00:00"/>
    <x v="6"/>
    <x v="0"/>
    <x v="314"/>
    <x v="3"/>
    <x v="0"/>
    <x v="4"/>
    <s v="Crayola Colored Pencils"/>
    <n v="19.68"/>
    <n v="6"/>
    <n v="6.49"/>
  </r>
  <r>
    <d v="2014-07-22T00:00:00"/>
    <x v="6"/>
    <x v="0"/>
    <x v="315"/>
    <x v="0"/>
    <x v="0"/>
    <x v="2"/>
    <s v="Fellowes Bases and Tops For Staxonsteel/High-Stak Systems"/>
    <n v="26.63"/>
    <n v="1"/>
    <n v="1.33"/>
  </r>
  <r>
    <d v="2014-07-23T00:00:00"/>
    <x v="6"/>
    <x v="0"/>
    <x v="316"/>
    <x v="12"/>
    <x v="0"/>
    <x v="3"/>
    <s v="Wilson Jones Custom Binder Spines &amp; Labels"/>
    <n v="8.16"/>
    <n v="5"/>
    <n v="-5.71"/>
  </r>
  <r>
    <d v="2014-07-23T00:00:00"/>
    <x v="6"/>
    <x v="0"/>
    <x v="316"/>
    <x v="12"/>
    <x v="2"/>
    <x v="9"/>
    <s v="NETGEAR AC1750 Dual Band GigabitÂ Smart WiFi Router"/>
    <n v="1023.94"/>
    <n v="8"/>
    <n v="179.19"/>
  </r>
  <r>
    <d v="2014-07-23T00:00:00"/>
    <x v="6"/>
    <x v="0"/>
    <x v="316"/>
    <x v="12"/>
    <x v="0"/>
    <x v="4"/>
    <s v="Newell 324"/>
    <n v="9.24"/>
    <n v="1"/>
    <n v="0.92"/>
  </r>
  <r>
    <d v="2014-07-23T00:00:00"/>
    <x v="6"/>
    <x v="0"/>
    <x v="316"/>
    <x v="12"/>
    <x v="2"/>
    <x v="9"/>
    <s v="Microsoft Natural Keyboard Elite"/>
    <n v="479.04"/>
    <n v="10"/>
    <n v="-29.94"/>
  </r>
  <r>
    <d v="2014-07-23T00:00:00"/>
    <x v="6"/>
    <x v="0"/>
    <x v="199"/>
    <x v="20"/>
    <x v="2"/>
    <x v="9"/>
    <s v="Case Logic 2.4GHz Wireless Keyboard"/>
    <n v="99.98"/>
    <n v="2"/>
    <n v="8"/>
  </r>
  <r>
    <d v="2014-07-23T00:00:00"/>
    <x v="6"/>
    <x v="0"/>
    <x v="317"/>
    <x v="3"/>
    <x v="2"/>
    <x v="6"/>
    <s v="VTech DS6151"/>
    <n v="604.75"/>
    <n v="6"/>
    <n v="60.48"/>
  </r>
  <r>
    <d v="2014-07-23T00:00:00"/>
    <x v="6"/>
    <x v="0"/>
    <x v="317"/>
    <x v="3"/>
    <x v="0"/>
    <x v="14"/>
    <s v="Acme Softgrip Scissors"/>
    <n v="40.700000000000003"/>
    <n v="5"/>
    <n v="11.8"/>
  </r>
  <r>
    <d v="2014-07-23T00:00:00"/>
    <x v="6"/>
    <x v="0"/>
    <x v="317"/>
    <x v="3"/>
    <x v="2"/>
    <x v="6"/>
    <s v="AT&amp;T CL2909"/>
    <n v="302.38"/>
    <n v="3"/>
    <n v="37.799999999999997"/>
  </r>
  <r>
    <d v="2014-07-23T00:00:00"/>
    <x v="6"/>
    <x v="0"/>
    <x v="317"/>
    <x v="3"/>
    <x v="2"/>
    <x v="9"/>
    <s v="ImationÂ 8gb Micro Traveldrive Usb 2.0Â Flash Drive"/>
    <n v="45"/>
    <n v="3"/>
    <n v="4.95"/>
  </r>
  <r>
    <d v="2014-07-25T00:00:00"/>
    <x v="6"/>
    <x v="0"/>
    <x v="318"/>
    <x v="3"/>
    <x v="0"/>
    <x v="2"/>
    <s v="Fellowes Personal Hanging Folder Files, Navy"/>
    <n v="53.72"/>
    <n v="4"/>
    <n v="15.04"/>
  </r>
  <r>
    <d v="2014-07-25T00:00:00"/>
    <x v="6"/>
    <x v="0"/>
    <x v="318"/>
    <x v="3"/>
    <x v="0"/>
    <x v="14"/>
    <s v="High Speed Automatic Electric Letter Opener"/>
    <n v="8187.65"/>
    <n v="5"/>
    <n v="327.51"/>
  </r>
  <r>
    <d v="2014-07-25T00:00:00"/>
    <x v="6"/>
    <x v="0"/>
    <x v="318"/>
    <x v="3"/>
    <x v="1"/>
    <x v="8"/>
    <s v="Staple-based wall hangings"/>
    <n v="77.92"/>
    <n v="8"/>
    <n v="34.28"/>
  </r>
  <r>
    <d v="2014-07-25T00:00:00"/>
    <x v="6"/>
    <x v="0"/>
    <x v="58"/>
    <x v="3"/>
    <x v="0"/>
    <x v="0"/>
    <s v="Xerox 1966"/>
    <n v="6.48"/>
    <n v="1"/>
    <n v="3.18"/>
  </r>
  <r>
    <d v="2014-07-25T00:00:00"/>
    <x v="6"/>
    <x v="0"/>
    <x v="58"/>
    <x v="3"/>
    <x v="0"/>
    <x v="14"/>
    <s v="Acme Kleen Earth Office Shears"/>
    <n v="15.52"/>
    <n v="4"/>
    <n v="4.5"/>
  </r>
  <r>
    <d v="2014-07-26T00:00:00"/>
    <x v="6"/>
    <x v="0"/>
    <x v="319"/>
    <x v="1"/>
    <x v="0"/>
    <x v="2"/>
    <s v="Belkin 19&quot; Vented Equipment Shelf, Black"/>
    <n v="123.55"/>
    <n v="3"/>
    <n v="-29.34"/>
  </r>
  <r>
    <d v="2014-07-26T00:00:00"/>
    <x v="6"/>
    <x v="0"/>
    <x v="111"/>
    <x v="17"/>
    <x v="2"/>
    <x v="6"/>
    <s v="Apple iPhone 5S"/>
    <n v="911.98"/>
    <n v="2"/>
    <n v="114"/>
  </r>
  <r>
    <d v="2014-07-26T00:00:00"/>
    <x v="6"/>
    <x v="0"/>
    <x v="111"/>
    <x v="17"/>
    <x v="1"/>
    <x v="5"/>
    <s v="Hon 2090 Â“Pillow SoftÂ” Series Mid Back Swivel/Tilt Chairs"/>
    <n v="674.35"/>
    <n v="3"/>
    <n v="-109.58"/>
  </r>
  <r>
    <d v="2014-07-26T00:00:00"/>
    <x v="6"/>
    <x v="0"/>
    <x v="111"/>
    <x v="17"/>
    <x v="1"/>
    <x v="8"/>
    <s v="Tensor Computer Mounted Lamp"/>
    <n v="134.01"/>
    <n v="9"/>
    <n v="36.18"/>
  </r>
  <r>
    <d v="2014-07-26T00:00:00"/>
    <x v="6"/>
    <x v="0"/>
    <x v="111"/>
    <x v="17"/>
    <x v="2"/>
    <x v="9"/>
    <s v="Logitech Illuminated Ultrathin Keyboard with Backlighting"/>
    <n v="170.97"/>
    <n v="3"/>
    <n v="70.099999999999994"/>
  </r>
  <r>
    <d v="2014-07-26T00:00:00"/>
    <x v="6"/>
    <x v="0"/>
    <x v="4"/>
    <x v="27"/>
    <x v="2"/>
    <x v="9"/>
    <s v="Memorex Micro Travel Drive 16 GB"/>
    <n v="111.93"/>
    <n v="7"/>
    <n v="34.700000000000003"/>
  </r>
  <r>
    <d v="2014-07-26T00:00:00"/>
    <x v="6"/>
    <x v="0"/>
    <x v="320"/>
    <x v="4"/>
    <x v="1"/>
    <x v="5"/>
    <s v="Metal Folding Chairs, Beige, 4/Carton"/>
    <n v="67.88"/>
    <n v="2"/>
    <n v="18.329999999999998"/>
  </r>
  <r>
    <d v="2014-07-26T00:00:00"/>
    <x v="6"/>
    <x v="0"/>
    <x v="320"/>
    <x v="4"/>
    <x v="0"/>
    <x v="1"/>
    <s v="Avery 485"/>
    <n v="162.88999999999999"/>
    <n v="13"/>
    <n v="76.56"/>
  </r>
  <r>
    <d v="2014-07-26T00:00:00"/>
    <x v="6"/>
    <x v="0"/>
    <x v="320"/>
    <x v="4"/>
    <x v="1"/>
    <x v="8"/>
    <s v="DAX Cubicle Frames, 8-1/2 x 11"/>
    <n v="25.71"/>
    <n v="3"/>
    <n v="9.26"/>
  </r>
  <r>
    <d v="2014-07-26T00:00:00"/>
    <x v="6"/>
    <x v="0"/>
    <x v="321"/>
    <x v="0"/>
    <x v="0"/>
    <x v="3"/>
    <s v="GBC DocuBind P400 Electric Binding System"/>
    <n v="2177.58"/>
    <n v="8"/>
    <n v="-3701.89"/>
  </r>
  <r>
    <d v="2014-07-26T00:00:00"/>
    <x v="6"/>
    <x v="0"/>
    <x v="321"/>
    <x v="0"/>
    <x v="1"/>
    <x v="8"/>
    <s v="DAX Clear Channel Poster Frame"/>
    <n v="17.5"/>
    <n v="3"/>
    <n v="-10.06"/>
  </r>
  <r>
    <d v="2014-07-26T00:00:00"/>
    <x v="6"/>
    <x v="0"/>
    <x v="321"/>
    <x v="0"/>
    <x v="0"/>
    <x v="3"/>
    <s v="GBC Premium Transparent Covers with Diagonal Lined Pattern"/>
    <n v="16.78"/>
    <n v="4"/>
    <n v="-26.85"/>
  </r>
  <r>
    <d v="2014-07-26T00:00:00"/>
    <x v="6"/>
    <x v="0"/>
    <x v="321"/>
    <x v="0"/>
    <x v="2"/>
    <x v="9"/>
    <s v="Microsoft Natural Keyboard Elite"/>
    <n v="431.14"/>
    <n v="9"/>
    <n v="-26.95"/>
  </r>
  <r>
    <d v="2014-07-26T00:00:00"/>
    <x v="6"/>
    <x v="0"/>
    <x v="321"/>
    <x v="0"/>
    <x v="0"/>
    <x v="3"/>
    <s v="GBC Instant Index System for Binding Systems"/>
    <n v="8.8800000000000008"/>
    <n v="5"/>
    <n v="-13.32"/>
  </r>
  <r>
    <d v="2014-07-26T00:00:00"/>
    <x v="6"/>
    <x v="0"/>
    <x v="321"/>
    <x v="0"/>
    <x v="0"/>
    <x v="12"/>
    <s v="Acco 6 Outlet Guardian Standard Surge Suppressor"/>
    <n v="4.84"/>
    <n v="2"/>
    <n v="-12.09"/>
  </r>
  <r>
    <d v="2014-07-27T00:00:00"/>
    <x v="6"/>
    <x v="0"/>
    <x v="60"/>
    <x v="3"/>
    <x v="2"/>
    <x v="9"/>
    <s v="WD My Passport Ultra 2TB Portable External Hard Drive"/>
    <n v="238"/>
    <n v="2"/>
    <n v="38.08"/>
  </r>
  <r>
    <d v="2014-07-27T00:00:00"/>
    <x v="6"/>
    <x v="0"/>
    <x v="322"/>
    <x v="20"/>
    <x v="0"/>
    <x v="0"/>
    <s v="Xerox 1956"/>
    <n v="65.78"/>
    <n v="11"/>
    <n v="32.229999999999997"/>
  </r>
  <r>
    <d v="2014-07-27T00:00:00"/>
    <x v="6"/>
    <x v="0"/>
    <x v="323"/>
    <x v="3"/>
    <x v="0"/>
    <x v="2"/>
    <s v="SAFCO Commercial Wire Shelving, Black"/>
    <n v="276.27999999999997"/>
    <n v="2"/>
    <n v="0"/>
  </r>
  <r>
    <d v="2014-07-28T00:00:00"/>
    <x v="6"/>
    <x v="0"/>
    <x v="74"/>
    <x v="16"/>
    <x v="0"/>
    <x v="7"/>
    <s v="OIC Colored Binder Clips, Assorted Sizes"/>
    <n v="14.32"/>
    <n v="5"/>
    <n v="5.19"/>
  </r>
  <r>
    <d v="2014-07-28T00:00:00"/>
    <x v="6"/>
    <x v="0"/>
    <x v="74"/>
    <x v="16"/>
    <x v="1"/>
    <x v="8"/>
    <s v="DataProducts Ampli Magnifier Task Lamp, Black,"/>
    <n v="129.88999999999999"/>
    <n v="6"/>
    <n v="12.99"/>
  </r>
  <r>
    <d v="2014-07-28T00:00:00"/>
    <x v="6"/>
    <x v="0"/>
    <x v="74"/>
    <x v="16"/>
    <x v="0"/>
    <x v="10"/>
    <s v="#10- 4 1/8&quot; x 9 1/2&quot; Recycled Envelopes"/>
    <n v="48.94"/>
    <n v="7"/>
    <n v="16.52"/>
  </r>
  <r>
    <d v="2014-07-30T00:00:00"/>
    <x v="6"/>
    <x v="0"/>
    <x v="324"/>
    <x v="22"/>
    <x v="1"/>
    <x v="11"/>
    <s v="Rush Hierlooms Collection 1&quot; Thick Stackable Bookcases"/>
    <n v="1367.84"/>
    <n v="8"/>
    <n v="259.89"/>
  </r>
  <r>
    <d v="2014-08-01T00:00:00"/>
    <x v="7"/>
    <x v="0"/>
    <x v="302"/>
    <x v="25"/>
    <x v="0"/>
    <x v="1"/>
    <s v="Self-Adhesive Address Labels for Typewriters by Universal"/>
    <n v="17.54"/>
    <n v="3"/>
    <n v="5.92"/>
  </r>
  <r>
    <d v="2014-08-01T00:00:00"/>
    <x v="7"/>
    <x v="0"/>
    <x v="302"/>
    <x v="25"/>
    <x v="1"/>
    <x v="8"/>
    <s v="9-3/4 Diameter Round Wall Clock"/>
    <n v="44.13"/>
    <n v="4"/>
    <n v="12.14"/>
  </r>
  <r>
    <d v="2014-08-01T00:00:00"/>
    <x v="7"/>
    <x v="0"/>
    <x v="302"/>
    <x v="25"/>
    <x v="0"/>
    <x v="12"/>
    <s v="Honeywell Quietcare HEPA Air Cleaner"/>
    <n v="62.92"/>
    <n v="1"/>
    <n v="10.220000000000001"/>
  </r>
  <r>
    <d v="2014-08-01T00:00:00"/>
    <x v="7"/>
    <x v="0"/>
    <x v="302"/>
    <x v="25"/>
    <x v="0"/>
    <x v="0"/>
    <s v="Xerox 1916"/>
    <n v="78.3"/>
    <n v="2"/>
    <n v="29.36"/>
  </r>
  <r>
    <d v="2014-08-01T00:00:00"/>
    <x v="7"/>
    <x v="0"/>
    <x v="325"/>
    <x v="3"/>
    <x v="0"/>
    <x v="3"/>
    <s v="Wilson Jones data.warehouse D-Ring Binders with DublLock"/>
    <n v="19.75"/>
    <n v="3"/>
    <n v="6.91"/>
  </r>
  <r>
    <d v="2014-08-01T00:00:00"/>
    <x v="7"/>
    <x v="0"/>
    <x v="326"/>
    <x v="2"/>
    <x v="0"/>
    <x v="7"/>
    <s v="Acco Clips to Go Binder Clips, 24 Clips in Two Sizes"/>
    <n v="5.68"/>
    <n v="2"/>
    <n v="1.92"/>
  </r>
  <r>
    <d v="2014-08-02T00:00:00"/>
    <x v="7"/>
    <x v="0"/>
    <x v="327"/>
    <x v="24"/>
    <x v="0"/>
    <x v="3"/>
    <s v="Wilson Jones 14 Line Acrylic Coated Pressboard Data Binders"/>
    <n v="26.7"/>
    <n v="5"/>
    <n v="12.55"/>
  </r>
  <r>
    <d v="2014-08-02T00:00:00"/>
    <x v="7"/>
    <x v="0"/>
    <x v="327"/>
    <x v="24"/>
    <x v="2"/>
    <x v="9"/>
    <s v="Memorex Micro Travel Drive 4 GB"/>
    <n v="21.2"/>
    <n v="2"/>
    <n v="9.1199999999999992"/>
  </r>
  <r>
    <d v="2014-08-02T00:00:00"/>
    <x v="7"/>
    <x v="0"/>
    <x v="327"/>
    <x v="24"/>
    <x v="0"/>
    <x v="2"/>
    <s v="Smead Adjustable Mobile File Trolley with Lockable Top"/>
    <n v="838.38"/>
    <n v="2"/>
    <n v="226.36"/>
  </r>
  <r>
    <d v="2014-08-03T00:00:00"/>
    <x v="7"/>
    <x v="0"/>
    <x v="206"/>
    <x v="26"/>
    <x v="1"/>
    <x v="13"/>
    <s v="BoxOffice By Design Rectangular and Half-Moon Meeting Room Tables"/>
    <n v="218.75"/>
    <n v="2"/>
    <n v="-161.88"/>
  </r>
  <r>
    <d v="2014-08-03T00:00:00"/>
    <x v="7"/>
    <x v="0"/>
    <x v="206"/>
    <x v="26"/>
    <x v="0"/>
    <x v="12"/>
    <s v="Bravo II Megaboss 12-Amp Hard Body Upright, Replacement Belts, 2 Belts per Pack"/>
    <n v="2.6"/>
    <n v="1"/>
    <n v="0.28999999999999998"/>
  </r>
  <r>
    <d v="2014-08-03T00:00:00"/>
    <x v="7"/>
    <x v="0"/>
    <x v="328"/>
    <x v="20"/>
    <x v="0"/>
    <x v="0"/>
    <s v="Xerox 1884"/>
    <n v="39.96"/>
    <n v="2"/>
    <n v="18.78"/>
  </r>
  <r>
    <d v="2014-08-03T00:00:00"/>
    <x v="7"/>
    <x v="0"/>
    <x v="328"/>
    <x v="20"/>
    <x v="0"/>
    <x v="14"/>
    <s v="Acme Box Cutter Scissors"/>
    <n v="102.3"/>
    <n v="10"/>
    <n v="26.6"/>
  </r>
  <r>
    <d v="2014-08-03T00:00:00"/>
    <x v="7"/>
    <x v="0"/>
    <x v="328"/>
    <x v="20"/>
    <x v="0"/>
    <x v="2"/>
    <s v="Staple magnet"/>
    <n v="21.36"/>
    <n v="2"/>
    <n v="5.77"/>
  </r>
  <r>
    <d v="2014-08-03T00:00:00"/>
    <x v="7"/>
    <x v="0"/>
    <x v="292"/>
    <x v="12"/>
    <x v="0"/>
    <x v="0"/>
    <s v="White Computer Printout Paper by Universal"/>
    <n v="93.02"/>
    <n v="3"/>
    <n v="33.72"/>
  </r>
  <r>
    <d v="2014-08-04T00:00:00"/>
    <x v="7"/>
    <x v="0"/>
    <x v="329"/>
    <x v="27"/>
    <x v="0"/>
    <x v="12"/>
    <s v="Hoover WindTunnel Plus Canister Vacuum"/>
    <n v="1089.75"/>
    <n v="3"/>
    <n v="305.13"/>
  </r>
  <r>
    <d v="2014-08-04T00:00:00"/>
    <x v="7"/>
    <x v="0"/>
    <x v="329"/>
    <x v="27"/>
    <x v="0"/>
    <x v="0"/>
    <s v="Xerox 1934"/>
    <n v="447.84"/>
    <n v="8"/>
    <n v="219.44"/>
  </r>
  <r>
    <d v="2014-08-04T00:00:00"/>
    <x v="7"/>
    <x v="0"/>
    <x v="329"/>
    <x v="27"/>
    <x v="0"/>
    <x v="4"/>
    <s v="Newell 329"/>
    <n v="16.399999999999999"/>
    <n v="5"/>
    <n v="4.26"/>
  </r>
  <r>
    <d v="2014-08-04T00:00:00"/>
    <x v="7"/>
    <x v="0"/>
    <x v="329"/>
    <x v="27"/>
    <x v="2"/>
    <x v="6"/>
    <s v="Panasonic KX T7731-B Digital phone"/>
    <n v="399.96"/>
    <n v="5"/>
    <n v="35"/>
  </r>
  <r>
    <d v="2014-08-04T00:00:00"/>
    <x v="7"/>
    <x v="0"/>
    <x v="329"/>
    <x v="27"/>
    <x v="0"/>
    <x v="2"/>
    <s v="Safco Wire Cube Shelving System, For Use as 4 or 5 14&quot; Cubes, Black"/>
    <n v="158.9"/>
    <n v="5"/>
    <n v="7.95"/>
  </r>
  <r>
    <d v="2014-08-04T00:00:00"/>
    <x v="7"/>
    <x v="0"/>
    <x v="329"/>
    <x v="27"/>
    <x v="0"/>
    <x v="3"/>
    <s v="Ibico Standard Transparent Covers"/>
    <n v="13.18"/>
    <n v="1"/>
    <n v="4.78"/>
  </r>
  <r>
    <d v="2014-08-04T00:00:00"/>
    <x v="7"/>
    <x v="0"/>
    <x v="44"/>
    <x v="41"/>
    <x v="0"/>
    <x v="12"/>
    <s v="Eureka The Boss Cordless Rechargeable Stick Vac"/>
    <n v="101.96"/>
    <n v="2"/>
    <n v="27.53"/>
  </r>
  <r>
    <d v="2014-08-04T00:00:00"/>
    <x v="7"/>
    <x v="0"/>
    <x v="44"/>
    <x v="41"/>
    <x v="0"/>
    <x v="0"/>
    <s v="Southworth 25% Cotton Premium Laser Paper and Envelopes"/>
    <n v="259.74"/>
    <n v="13"/>
    <n v="124.68"/>
  </r>
  <r>
    <d v="2014-08-04T00:00:00"/>
    <x v="7"/>
    <x v="0"/>
    <x v="44"/>
    <x v="41"/>
    <x v="2"/>
    <x v="9"/>
    <s v="Maxell 4.7GB DVD-R"/>
    <n v="255.42"/>
    <n v="9"/>
    <n v="104.72"/>
  </r>
  <r>
    <d v="2014-08-05T00:00:00"/>
    <x v="7"/>
    <x v="0"/>
    <x v="330"/>
    <x v="3"/>
    <x v="0"/>
    <x v="0"/>
    <s v="Adams Phone Message Book, Professional, 400 Message Capacity, 5 3/6Â” x 11Â”"/>
    <n v="20.94"/>
    <n v="3"/>
    <n v="9.84"/>
  </r>
  <r>
    <d v="2014-08-05T00:00:00"/>
    <x v="7"/>
    <x v="0"/>
    <x v="330"/>
    <x v="3"/>
    <x v="0"/>
    <x v="0"/>
    <s v="Xerox 1913"/>
    <n v="110.96"/>
    <n v="2"/>
    <n v="53.26"/>
  </r>
  <r>
    <d v="2014-08-05T00:00:00"/>
    <x v="7"/>
    <x v="0"/>
    <x v="330"/>
    <x v="3"/>
    <x v="1"/>
    <x v="5"/>
    <s v="Global Value Steno Chair, Gray"/>
    <n v="340.14"/>
    <n v="7"/>
    <n v="21.26"/>
  </r>
  <r>
    <d v="2014-08-05T00:00:00"/>
    <x v="7"/>
    <x v="0"/>
    <x v="331"/>
    <x v="3"/>
    <x v="2"/>
    <x v="9"/>
    <s v="Logitech Desktop MK120 Mouse and keyboard Combo"/>
    <n v="16.36"/>
    <n v="1"/>
    <n v="1.64"/>
  </r>
  <r>
    <d v="2014-08-05T00:00:00"/>
    <x v="7"/>
    <x v="0"/>
    <x v="331"/>
    <x v="3"/>
    <x v="0"/>
    <x v="2"/>
    <s v="Akro Stacking Bins"/>
    <n v="15.78"/>
    <n v="2"/>
    <n v="0.63"/>
  </r>
  <r>
    <d v="2014-08-05T00:00:00"/>
    <x v="7"/>
    <x v="0"/>
    <x v="331"/>
    <x v="3"/>
    <x v="0"/>
    <x v="4"/>
    <s v="Boston KS Multi-Size Manual Pencil Sharpener"/>
    <n v="45.98"/>
    <n v="2"/>
    <n v="12.87"/>
  </r>
  <r>
    <d v="2014-08-05T00:00:00"/>
    <x v="7"/>
    <x v="0"/>
    <x v="332"/>
    <x v="37"/>
    <x v="0"/>
    <x v="12"/>
    <s v="Fellowes Advanced Computer Series Surge Protectors"/>
    <n v="79.47"/>
    <n v="3"/>
    <n v="22.25"/>
  </r>
  <r>
    <d v="2014-08-05T00:00:00"/>
    <x v="7"/>
    <x v="0"/>
    <x v="332"/>
    <x v="37"/>
    <x v="0"/>
    <x v="4"/>
    <s v="Binney &amp; Smith inkTank Erasable Pocket Highlighter, Chisel Tip, Yellow"/>
    <n v="4.5599999999999996"/>
    <n v="2"/>
    <n v="2.0099999999999998"/>
  </r>
  <r>
    <d v="2014-08-05T00:00:00"/>
    <x v="7"/>
    <x v="0"/>
    <x v="332"/>
    <x v="37"/>
    <x v="1"/>
    <x v="5"/>
    <s v="Hon GuestStacker Chair"/>
    <n v="1133.3499999999999"/>
    <n v="5"/>
    <n v="294.67"/>
  </r>
  <r>
    <d v="2014-08-05T00:00:00"/>
    <x v="7"/>
    <x v="0"/>
    <x v="153"/>
    <x v="20"/>
    <x v="2"/>
    <x v="6"/>
    <s v="Plantronics CS 50-USB -Â headsetÂ - Convertible, Monaural"/>
    <n v="135.99"/>
    <n v="1"/>
    <n v="36.72"/>
  </r>
  <r>
    <d v="2014-08-05T00:00:00"/>
    <x v="7"/>
    <x v="0"/>
    <x v="153"/>
    <x v="20"/>
    <x v="0"/>
    <x v="4"/>
    <s v="Binney &amp; Smith inkTank Erasable Pocket Highlighter, Chisel Tip, Yellow"/>
    <n v="15.96"/>
    <n v="7"/>
    <n v="7.02"/>
  </r>
  <r>
    <d v="2014-08-05T00:00:00"/>
    <x v="7"/>
    <x v="0"/>
    <x v="333"/>
    <x v="0"/>
    <x v="1"/>
    <x v="13"/>
    <s v="SAFCO PlanMaster Heigh-Adjustable Drafting Table Base, 43w x 30d x 30-37h, Black"/>
    <n v="489.23"/>
    <n v="2"/>
    <n v="41.93"/>
  </r>
  <r>
    <d v="2014-08-06T00:00:00"/>
    <x v="7"/>
    <x v="0"/>
    <x v="334"/>
    <x v="9"/>
    <x v="2"/>
    <x v="9"/>
    <s v="Maxell 74 Minute CD-R Spindle, 50/Pack"/>
    <n v="62.91"/>
    <n v="3"/>
    <n v="22.65"/>
  </r>
  <r>
    <d v="2014-08-06T00:00:00"/>
    <x v="7"/>
    <x v="0"/>
    <x v="335"/>
    <x v="20"/>
    <x v="2"/>
    <x v="9"/>
    <s v="Logitech G700s Rechargeable Gaming Mouse"/>
    <n v="199.98"/>
    <n v="2"/>
    <n v="83.99"/>
  </r>
  <r>
    <d v="2014-08-08T00:00:00"/>
    <x v="7"/>
    <x v="0"/>
    <x v="336"/>
    <x v="3"/>
    <x v="0"/>
    <x v="12"/>
    <s v="Fellowes Superior 10 Outlet Split Surge Protector"/>
    <n v="76.12"/>
    <n v="2"/>
    <n v="22.07"/>
  </r>
  <r>
    <d v="2014-08-08T00:00:00"/>
    <x v="7"/>
    <x v="0"/>
    <x v="336"/>
    <x v="3"/>
    <x v="2"/>
    <x v="16"/>
    <s v="Sharp AL-1530CS Digital Copier"/>
    <n v="1199.98"/>
    <n v="3"/>
    <n v="434.99"/>
  </r>
  <r>
    <d v="2014-08-08T00:00:00"/>
    <x v="7"/>
    <x v="0"/>
    <x v="336"/>
    <x v="3"/>
    <x v="2"/>
    <x v="6"/>
    <s v="AT&amp;T 1070 Corded Phone"/>
    <n v="445.96"/>
    <n v="5"/>
    <n v="55.75"/>
  </r>
  <r>
    <d v="2014-08-08T00:00:00"/>
    <x v="7"/>
    <x v="0"/>
    <x v="336"/>
    <x v="3"/>
    <x v="1"/>
    <x v="8"/>
    <s v="Dana Halogen Swing-Arm Architect Lamp"/>
    <n v="327.76"/>
    <n v="8"/>
    <n v="91.77"/>
  </r>
  <r>
    <d v="2014-08-08T00:00:00"/>
    <x v="7"/>
    <x v="0"/>
    <x v="337"/>
    <x v="12"/>
    <x v="1"/>
    <x v="8"/>
    <s v="Eldon Delta Triangular Chair Mat, 52&quot; x 58&quot;, Clear"/>
    <n v="121.38"/>
    <n v="4"/>
    <n v="-3.03"/>
  </r>
  <r>
    <d v="2014-08-08T00:00:00"/>
    <x v="7"/>
    <x v="0"/>
    <x v="337"/>
    <x v="12"/>
    <x v="2"/>
    <x v="9"/>
    <s v="SanDisk Ultra 64 GB MicroSDHC Class 10 Memory Card"/>
    <n v="95.98"/>
    <n v="3"/>
    <n v="-10.8"/>
  </r>
  <r>
    <d v="2014-08-08T00:00:00"/>
    <x v="7"/>
    <x v="0"/>
    <x v="51"/>
    <x v="3"/>
    <x v="0"/>
    <x v="2"/>
    <s v="Advantus Rolling Drawer Organizers"/>
    <n v="423.28"/>
    <n v="11"/>
    <n v="110.05"/>
  </r>
  <r>
    <d v="2014-08-08T00:00:00"/>
    <x v="7"/>
    <x v="0"/>
    <x v="338"/>
    <x v="14"/>
    <x v="2"/>
    <x v="16"/>
    <s v="Sharp 1540cs Digital Laser Copier"/>
    <n v="549.99"/>
    <n v="1"/>
    <n v="275"/>
  </r>
  <r>
    <d v="2014-08-08T00:00:00"/>
    <x v="7"/>
    <x v="0"/>
    <x v="338"/>
    <x v="14"/>
    <x v="0"/>
    <x v="12"/>
    <s v="Acco Smartsocket Table Surge Protector, 6 Color-Coded Adapter Outlets"/>
    <n v="167.54"/>
    <n v="3"/>
    <n v="37.229999999999997"/>
  </r>
  <r>
    <d v="2014-08-08T00:00:00"/>
    <x v="7"/>
    <x v="0"/>
    <x v="338"/>
    <x v="14"/>
    <x v="0"/>
    <x v="10"/>
    <s v="Globe Weis Peel &amp; Seel First Class Envelopes"/>
    <n v="38.340000000000003"/>
    <n v="3"/>
    <n v="17.25"/>
  </r>
  <r>
    <d v="2014-08-08T00:00:00"/>
    <x v="7"/>
    <x v="0"/>
    <x v="338"/>
    <x v="14"/>
    <x v="1"/>
    <x v="8"/>
    <s v="Nu-Dell Float Frame 11 x 14 1/2"/>
    <n v="53.88"/>
    <n v="6"/>
    <n v="22.63"/>
  </r>
  <r>
    <d v="2014-08-08T00:00:00"/>
    <x v="7"/>
    <x v="0"/>
    <x v="338"/>
    <x v="14"/>
    <x v="2"/>
    <x v="6"/>
    <s v="Motorola Droid Maxx"/>
    <n v="299.98"/>
    <n v="2"/>
    <n v="83.99"/>
  </r>
  <r>
    <d v="2014-08-08T00:00:00"/>
    <x v="7"/>
    <x v="0"/>
    <x v="339"/>
    <x v="16"/>
    <x v="1"/>
    <x v="11"/>
    <s v="O'Sullivan 2-Shelf Heavy-Duty Bookcases"/>
    <n v="155.46"/>
    <n v="4"/>
    <n v="-7.77"/>
  </r>
  <r>
    <d v="2014-08-09T00:00:00"/>
    <x v="7"/>
    <x v="0"/>
    <x v="340"/>
    <x v="16"/>
    <x v="2"/>
    <x v="6"/>
    <s v="AT&amp;T 1070 Corded Phone"/>
    <n v="178.38"/>
    <n v="2"/>
    <n v="22.3"/>
  </r>
  <r>
    <d v="2014-08-09T00:00:00"/>
    <x v="7"/>
    <x v="0"/>
    <x v="340"/>
    <x v="16"/>
    <x v="0"/>
    <x v="0"/>
    <s v="Xerox 21"/>
    <n v="15.55"/>
    <n v="3"/>
    <n v="5.44"/>
  </r>
  <r>
    <d v="2014-08-09T00:00:00"/>
    <x v="7"/>
    <x v="0"/>
    <x v="341"/>
    <x v="3"/>
    <x v="0"/>
    <x v="1"/>
    <s v="Avery 494"/>
    <n v="20.88"/>
    <n v="8"/>
    <n v="9.6"/>
  </r>
  <r>
    <d v="2014-08-09T00:00:00"/>
    <x v="7"/>
    <x v="0"/>
    <x v="342"/>
    <x v="22"/>
    <x v="2"/>
    <x v="6"/>
    <s v="Cisco Unified IP Phone 7945G VoIP phone"/>
    <n v="1091.17"/>
    <n v="4"/>
    <n v="68.2"/>
  </r>
  <r>
    <d v="2014-08-09T00:00:00"/>
    <x v="7"/>
    <x v="0"/>
    <x v="342"/>
    <x v="22"/>
    <x v="2"/>
    <x v="6"/>
    <s v="Jawbone MINI JAMBOX Wireless Bluetooth Speaker"/>
    <n v="219.17"/>
    <n v="2"/>
    <n v="-43.83"/>
  </r>
  <r>
    <d v="2014-08-09T00:00:00"/>
    <x v="7"/>
    <x v="0"/>
    <x v="343"/>
    <x v="22"/>
    <x v="0"/>
    <x v="3"/>
    <s v="Ibico Ibimaster 300 Manual Binding System"/>
    <n v="2060.7399999999998"/>
    <n v="7"/>
    <n v="643.98"/>
  </r>
  <r>
    <d v="2014-08-09T00:00:00"/>
    <x v="7"/>
    <x v="0"/>
    <x v="344"/>
    <x v="3"/>
    <x v="0"/>
    <x v="0"/>
    <s v="Great White Multi-Use Recycled Paper (20Lb. and 84 Bright)"/>
    <n v="5.98"/>
    <n v="1"/>
    <n v="2.69"/>
  </r>
  <r>
    <d v="2014-08-09T00:00:00"/>
    <x v="7"/>
    <x v="0"/>
    <x v="310"/>
    <x v="12"/>
    <x v="0"/>
    <x v="7"/>
    <s v="Super Bands, 12/Pack"/>
    <n v="4.46"/>
    <n v="3"/>
    <n v="-0.95"/>
  </r>
  <r>
    <d v="2014-08-09T00:00:00"/>
    <x v="7"/>
    <x v="0"/>
    <x v="310"/>
    <x v="12"/>
    <x v="0"/>
    <x v="3"/>
    <s v="Avery Hole Reinforcements"/>
    <n v="9.35"/>
    <n v="5"/>
    <n v="-6.54"/>
  </r>
  <r>
    <d v="2014-08-11T00:00:00"/>
    <x v="7"/>
    <x v="0"/>
    <x v="193"/>
    <x v="22"/>
    <x v="1"/>
    <x v="8"/>
    <s v="Eldon Image Series Desk Accessories, Ebony"/>
    <n v="12.35"/>
    <n v="1"/>
    <n v="5.43"/>
  </r>
  <r>
    <d v="2014-08-11T00:00:00"/>
    <x v="7"/>
    <x v="0"/>
    <x v="193"/>
    <x v="22"/>
    <x v="0"/>
    <x v="4"/>
    <s v="Sanford 52201 APSCO Electric Pencil Sharpener"/>
    <n v="40.97"/>
    <n v="1"/>
    <n v="10.65"/>
  </r>
  <r>
    <d v="2014-08-11T00:00:00"/>
    <x v="7"/>
    <x v="0"/>
    <x v="193"/>
    <x v="22"/>
    <x v="0"/>
    <x v="7"/>
    <s v="Vinyl Coated Wire Paper Clips in Organizer Box, 800/Box"/>
    <n v="22.96"/>
    <n v="2"/>
    <n v="10.79"/>
  </r>
  <r>
    <d v="2014-08-11T00:00:00"/>
    <x v="7"/>
    <x v="0"/>
    <x v="318"/>
    <x v="20"/>
    <x v="0"/>
    <x v="2"/>
    <s v="Tennsco Single-Tier Lockers"/>
    <n v="375.34"/>
    <n v="1"/>
    <n v="18.77"/>
  </r>
  <r>
    <d v="2014-08-12T00:00:00"/>
    <x v="7"/>
    <x v="0"/>
    <x v="345"/>
    <x v="23"/>
    <x v="0"/>
    <x v="3"/>
    <s v="Performers Binder/Pad Holder, Black"/>
    <n v="196.21"/>
    <n v="7"/>
    <n v="98.11"/>
  </r>
  <r>
    <d v="2014-08-12T00:00:00"/>
    <x v="7"/>
    <x v="0"/>
    <x v="346"/>
    <x v="3"/>
    <x v="2"/>
    <x v="6"/>
    <s v="BlackBerry Q10"/>
    <n v="806.34"/>
    <n v="8"/>
    <n v="50.4"/>
  </r>
  <r>
    <d v="2014-08-12T00:00:00"/>
    <x v="7"/>
    <x v="0"/>
    <x v="346"/>
    <x v="3"/>
    <x v="1"/>
    <x v="8"/>
    <s v="Seth Thomas 14&quot; Day/Date Wall Clock"/>
    <n v="85.44"/>
    <n v="3"/>
    <n v="31.61"/>
  </r>
  <r>
    <d v="2014-08-12T00:00:00"/>
    <x v="7"/>
    <x v="0"/>
    <x v="347"/>
    <x v="16"/>
    <x v="0"/>
    <x v="0"/>
    <s v="Xerox 229"/>
    <n v="31.1"/>
    <n v="6"/>
    <n v="10.89"/>
  </r>
  <r>
    <d v="2014-08-12T00:00:00"/>
    <x v="7"/>
    <x v="0"/>
    <x v="347"/>
    <x v="16"/>
    <x v="0"/>
    <x v="4"/>
    <s v="Bulldog Vacuum Base Pencil Sharpener"/>
    <n v="47.96"/>
    <n v="5"/>
    <n v="4.2"/>
  </r>
  <r>
    <d v="2014-08-12T00:00:00"/>
    <x v="7"/>
    <x v="0"/>
    <x v="347"/>
    <x v="16"/>
    <x v="2"/>
    <x v="9"/>
    <s v="Maxell 4.7GB DVD-R"/>
    <n v="158.93"/>
    <n v="7"/>
    <n v="41.72"/>
  </r>
  <r>
    <d v="2014-08-12T00:00:00"/>
    <x v="7"/>
    <x v="0"/>
    <x v="347"/>
    <x v="16"/>
    <x v="0"/>
    <x v="12"/>
    <s v="Acco Smartsocket Color-Coded Six-Outlet AC Adapter Model Surge Protectors"/>
    <n v="211.25"/>
    <n v="6"/>
    <n v="15.84"/>
  </r>
  <r>
    <d v="2014-08-12T00:00:00"/>
    <x v="7"/>
    <x v="0"/>
    <x v="347"/>
    <x v="16"/>
    <x v="0"/>
    <x v="14"/>
    <s v="Acco Side-Punched Conventional Columnar Pads"/>
    <n v="5.55"/>
    <n v="2"/>
    <n v="-1.04"/>
  </r>
  <r>
    <d v="2014-08-12T00:00:00"/>
    <x v="7"/>
    <x v="0"/>
    <x v="347"/>
    <x v="16"/>
    <x v="0"/>
    <x v="1"/>
    <s v="Avery 501"/>
    <n v="2.95"/>
    <n v="1"/>
    <n v="1"/>
  </r>
  <r>
    <d v="2014-08-12T00:00:00"/>
    <x v="7"/>
    <x v="0"/>
    <x v="172"/>
    <x v="4"/>
    <x v="0"/>
    <x v="3"/>
    <s v="Acco Translucent Poly Ring Binders"/>
    <n v="14.04"/>
    <n v="3"/>
    <n v="6.74"/>
  </r>
  <r>
    <d v="2014-08-12T00:00:00"/>
    <x v="7"/>
    <x v="0"/>
    <x v="172"/>
    <x v="4"/>
    <x v="2"/>
    <x v="9"/>
    <s v="Maxell 74 Minute CD-R Spindle, 50/Pack"/>
    <n v="272.61"/>
    <n v="13"/>
    <n v="98.14"/>
  </r>
  <r>
    <d v="2014-08-15T00:00:00"/>
    <x v="7"/>
    <x v="0"/>
    <x v="348"/>
    <x v="0"/>
    <x v="0"/>
    <x v="3"/>
    <s v="GBC Durable Plastic Covers"/>
    <n v="30.96"/>
    <n v="8"/>
    <n v="-52.63"/>
  </r>
  <r>
    <d v="2014-08-15T00:00:00"/>
    <x v="7"/>
    <x v="0"/>
    <x v="349"/>
    <x v="37"/>
    <x v="0"/>
    <x v="3"/>
    <s v="Premium Transparent Presentation Covers by GBC"/>
    <n v="62.94"/>
    <n v="3"/>
    <n v="30.21"/>
  </r>
  <r>
    <d v="2014-08-15T00:00:00"/>
    <x v="7"/>
    <x v="0"/>
    <x v="349"/>
    <x v="16"/>
    <x v="0"/>
    <x v="0"/>
    <s v="Xerox 1955"/>
    <n v="91.36"/>
    <n v="5"/>
    <n v="29.69"/>
  </r>
  <r>
    <d v="2014-08-15T00:00:00"/>
    <x v="7"/>
    <x v="0"/>
    <x v="349"/>
    <x v="16"/>
    <x v="0"/>
    <x v="12"/>
    <s v="Fellowes Superior 10 Outlet Split Surge Protector"/>
    <n v="152.24"/>
    <n v="5"/>
    <n v="17.13"/>
  </r>
  <r>
    <d v="2014-08-15T00:00:00"/>
    <x v="7"/>
    <x v="0"/>
    <x v="12"/>
    <x v="3"/>
    <x v="0"/>
    <x v="12"/>
    <s v="Tripp Lite TLP810NET Broadband Surge for Modem/Fax"/>
    <n v="152.91"/>
    <n v="3"/>
    <n v="42.81"/>
  </r>
  <r>
    <d v="2014-08-15T00:00:00"/>
    <x v="7"/>
    <x v="0"/>
    <x v="12"/>
    <x v="3"/>
    <x v="0"/>
    <x v="0"/>
    <s v="Xerox 1925"/>
    <n v="92.94"/>
    <n v="3"/>
    <n v="41.82"/>
  </r>
  <r>
    <d v="2014-08-15T00:00:00"/>
    <x v="7"/>
    <x v="0"/>
    <x v="12"/>
    <x v="3"/>
    <x v="0"/>
    <x v="3"/>
    <s v="Avery Heavy-Duty EZD  Binder With Locking Rings"/>
    <n v="17.86"/>
    <n v="4"/>
    <n v="6.25"/>
  </r>
  <r>
    <d v="2014-08-15T00:00:00"/>
    <x v="7"/>
    <x v="0"/>
    <x v="12"/>
    <x v="3"/>
    <x v="0"/>
    <x v="3"/>
    <s v="GBC Durable Plastic Covers"/>
    <n v="46.44"/>
    <n v="3"/>
    <n v="15.09"/>
  </r>
  <r>
    <d v="2014-08-15T00:00:00"/>
    <x v="7"/>
    <x v="0"/>
    <x v="12"/>
    <x v="3"/>
    <x v="1"/>
    <x v="5"/>
    <s v="Novimex Fabric Task Chair"/>
    <n v="195.14"/>
    <n v="4"/>
    <n v="-12.2"/>
  </r>
  <r>
    <d v="2014-08-16T00:00:00"/>
    <x v="7"/>
    <x v="0"/>
    <x v="350"/>
    <x v="2"/>
    <x v="1"/>
    <x v="13"/>
    <s v="Chromcraft Rectangular Conference Tables"/>
    <n v="853.09"/>
    <n v="6"/>
    <n v="-227.49"/>
  </r>
  <r>
    <d v="2014-08-17T00:00:00"/>
    <x v="7"/>
    <x v="0"/>
    <x v="127"/>
    <x v="0"/>
    <x v="0"/>
    <x v="0"/>
    <s v="Xerox 203"/>
    <n v="15.55"/>
    <n v="3"/>
    <n v="5.44"/>
  </r>
  <r>
    <d v="2014-08-17T00:00:00"/>
    <x v="7"/>
    <x v="0"/>
    <x v="351"/>
    <x v="13"/>
    <x v="0"/>
    <x v="0"/>
    <s v="Xerox 1929"/>
    <n v="114.2"/>
    <n v="5"/>
    <n v="52.53"/>
  </r>
  <r>
    <d v="2014-08-17T00:00:00"/>
    <x v="7"/>
    <x v="0"/>
    <x v="351"/>
    <x v="13"/>
    <x v="0"/>
    <x v="3"/>
    <s v="Avery Non-Stick Binders"/>
    <n v="17.96"/>
    <n v="4"/>
    <n v="8.26"/>
  </r>
  <r>
    <d v="2014-08-17T00:00:00"/>
    <x v="7"/>
    <x v="0"/>
    <x v="351"/>
    <x v="13"/>
    <x v="0"/>
    <x v="7"/>
    <s v="Colored Push Pins"/>
    <n v="12.67"/>
    <n v="7"/>
    <n v="4.5599999999999996"/>
  </r>
  <r>
    <d v="2014-08-17T00:00:00"/>
    <x v="7"/>
    <x v="0"/>
    <x v="351"/>
    <x v="13"/>
    <x v="2"/>
    <x v="9"/>
    <s v="LogitechÂ Gaming G510s - Keyboard"/>
    <n v="339.96"/>
    <n v="4"/>
    <n v="122.39"/>
  </r>
  <r>
    <d v="2014-08-19T00:00:00"/>
    <x v="7"/>
    <x v="0"/>
    <x v="232"/>
    <x v="10"/>
    <x v="0"/>
    <x v="4"/>
    <s v="Turquoise Lead Holder with Pocket Clip"/>
    <n v="10.72"/>
    <n v="2"/>
    <n v="1.74"/>
  </r>
  <r>
    <d v="2014-08-19T00:00:00"/>
    <x v="7"/>
    <x v="0"/>
    <x v="282"/>
    <x v="10"/>
    <x v="0"/>
    <x v="3"/>
    <s v="GBC DocuBind P50 Personal Binding Machine"/>
    <n v="76.78"/>
    <n v="4"/>
    <n v="-58.86"/>
  </r>
  <r>
    <d v="2014-08-19T00:00:00"/>
    <x v="7"/>
    <x v="0"/>
    <x v="282"/>
    <x v="10"/>
    <x v="0"/>
    <x v="14"/>
    <s v="Acme Kleencut Forged Steel Scissors"/>
    <n v="9.18"/>
    <n v="2"/>
    <n v="1.1499999999999999"/>
  </r>
  <r>
    <d v="2014-08-19T00:00:00"/>
    <x v="7"/>
    <x v="0"/>
    <x v="352"/>
    <x v="13"/>
    <x v="1"/>
    <x v="11"/>
    <s v="Hon Metal Bookcases, Gray"/>
    <n v="638.82000000000005"/>
    <n v="9"/>
    <n v="172.48"/>
  </r>
  <r>
    <d v="2014-08-19T00:00:00"/>
    <x v="7"/>
    <x v="0"/>
    <x v="17"/>
    <x v="3"/>
    <x v="1"/>
    <x v="8"/>
    <s v="Deflect-o EconoMat Studded, No Bevel Mat for Low Pile Carpeting"/>
    <n v="289.24"/>
    <n v="7"/>
    <n v="26.03"/>
  </r>
  <r>
    <d v="2014-08-19T00:00:00"/>
    <x v="7"/>
    <x v="0"/>
    <x v="17"/>
    <x v="3"/>
    <x v="0"/>
    <x v="3"/>
    <s v="Satellite Sectional Post Binders"/>
    <n v="69.459999999999994"/>
    <n v="2"/>
    <n v="22.57"/>
  </r>
  <r>
    <d v="2014-08-19T00:00:00"/>
    <x v="7"/>
    <x v="0"/>
    <x v="183"/>
    <x v="4"/>
    <x v="0"/>
    <x v="2"/>
    <s v="Space Solutions HD Industrial Steel Shelving."/>
    <n v="344.91"/>
    <n v="3"/>
    <n v="10.35"/>
  </r>
  <r>
    <d v="2014-08-20T00:00:00"/>
    <x v="7"/>
    <x v="0"/>
    <x v="353"/>
    <x v="1"/>
    <x v="1"/>
    <x v="5"/>
    <s v="Global Leather and Oak Executive Chair, Black"/>
    <n v="421.37"/>
    <n v="2"/>
    <n v="-6.02"/>
  </r>
  <r>
    <d v="2014-08-20T00:00:00"/>
    <x v="7"/>
    <x v="0"/>
    <x v="317"/>
    <x v="6"/>
    <x v="1"/>
    <x v="5"/>
    <s v="Safco Chair Connectors, 6/Carton"/>
    <n v="500.24"/>
    <n v="13"/>
    <n v="145.07"/>
  </r>
  <r>
    <d v="2014-08-20T00:00:00"/>
    <x v="7"/>
    <x v="0"/>
    <x v="317"/>
    <x v="6"/>
    <x v="0"/>
    <x v="0"/>
    <s v="Riverleaf Stik-Withit Designer Note Cubes"/>
    <n v="20.12"/>
    <n v="2"/>
    <n v="9.26"/>
  </r>
  <r>
    <d v="2014-08-20T00:00:00"/>
    <x v="7"/>
    <x v="0"/>
    <x v="317"/>
    <x v="6"/>
    <x v="0"/>
    <x v="3"/>
    <s v="GBC DocuBind TL300 Electric Binding System"/>
    <n v="896.99"/>
    <n v="1"/>
    <n v="421.59"/>
  </r>
  <r>
    <d v="2014-08-22T00:00:00"/>
    <x v="7"/>
    <x v="0"/>
    <x v="354"/>
    <x v="10"/>
    <x v="0"/>
    <x v="4"/>
    <s v="Faber Castell Col-Erase Pencils"/>
    <n v="3.91"/>
    <n v="1"/>
    <n v="1.03"/>
  </r>
  <r>
    <d v="2014-08-22T00:00:00"/>
    <x v="7"/>
    <x v="0"/>
    <x v="355"/>
    <x v="16"/>
    <x v="0"/>
    <x v="14"/>
    <s v="Acme Serrated Blade Letter Opener"/>
    <n v="7.63"/>
    <n v="3"/>
    <n v="-1.81"/>
  </r>
  <r>
    <d v="2014-08-22T00:00:00"/>
    <x v="7"/>
    <x v="0"/>
    <x v="259"/>
    <x v="24"/>
    <x v="0"/>
    <x v="0"/>
    <s v="Xerox 1899"/>
    <n v="11.56"/>
    <n v="2"/>
    <n v="5.66"/>
  </r>
  <r>
    <d v="2014-08-23T00:00:00"/>
    <x v="7"/>
    <x v="0"/>
    <x v="356"/>
    <x v="20"/>
    <x v="0"/>
    <x v="0"/>
    <s v="Xerox 1994"/>
    <n v="25.92"/>
    <n v="4"/>
    <n v="12.44"/>
  </r>
  <r>
    <d v="2014-08-23T00:00:00"/>
    <x v="7"/>
    <x v="0"/>
    <x v="356"/>
    <x v="20"/>
    <x v="0"/>
    <x v="0"/>
    <s v="Personal Creations Ink Jet Cards and Labels"/>
    <n v="45.92"/>
    <n v="4"/>
    <n v="22.5"/>
  </r>
  <r>
    <d v="2014-08-23T00:00:00"/>
    <x v="7"/>
    <x v="0"/>
    <x v="357"/>
    <x v="3"/>
    <x v="0"/>
    <x v="3"/>
    <s v="GBC Linen Binding Covers"/>
    <n v="49.57"/>
    <n v="2"/>
    <n v="17.350000000000001"/>
  </r>
  <r>
    <d v="2014-08-23T00:00:00"/>
    <x v="7"/>
    <x v="0"/>
    <x v="358"/>
    <x v="26"/>
    <x v="0"/>
    <x v="0"/>
    <s v="Xerox 1976"/>
    <n v="15.55"/>
    <n v="3"/>
    <n v="5.44"/>
  </r>
  <r>
    <d v="2014-08-23T00:00:00"/>
    <x v="7"/>
    <x v="0"/>
    <x v="358"/>
    <x v="26"/>
    <x v="0"/>
    <x v="14"/>
    <s v="Acme Titanium Bonded Scissors"/>
    <n v="6.8"/>
    <n v="1"/>
    <n v="0.51"/>
  </r>
  <r>
    <d v="2014-08-23T00:00:00"/>
    <x v="7"/>
    <x v="0"/>
    <x v="358"/>
    <x v="26"/>
    <x v="1"/>
    <x v="8"/>
    <s v="Regeneration Desk Collection"/>
    <n v="4.22"/>
    <n v="3"/>
    <n v="1.27"/>
  </r>
  <r>
    <d v="2014-08-23T00:00:00"/>
    <x v="7"/>
    <x v="0"/>
    <x v="358"/>
    <x v="26"/>
    <x v="2"/>
    <x v="6"/>
    <s v="Cisco SPA525G2 IP Phone - Wireless"/>
    <n v="143.63999999999999"/>
    <n v="9"/>
    <n v="10.77"/>
  </r>
  <r>
    <d v="2014-08-23T00:00:00"/>
    <x v="7"/>
    <x v="0"/>
    <x v="358"/>
    <x v="26"/>
    <x v="0"/>
    <x v="0"/>
    <s v="Xerox 1931"/>
    <n v="31.1"/>
    <n v="6"/>
    <n v="10.89"/>
  </r>
  <r>
    <d v="2014-08-23T00:00:00"/>
    <x v="7"/>
    <x v="0"/>
    <x v="358"/>
    <x v="26"/>
    <x v="0"/>
    <x v="0"/>
    <s v="Xerox 1988"/>
    <n v="223.06"/>
    <n v="9"/>
    <n v="69.709999999999994"/>
  </r>
  <r>
    <d v="2014-08-23T00:00:00"/>
    <x v="7"/>
    <x v="0"/>
    <x v="234"/>
    <x v="14"/>
    <x v="0"/>
    <x v="0"/>
    <s v="Xerox 1993"/>
    <n v="19.440000000000001"/>
    <n v="3"/>
    <n v="9.5299999999999994"/>
  </r>
  <r>
    <d v="2014-08-24T00:00:00"/>
    <x v="7"/>
    <x v="0"/>
    <x v="357"/>
    <x v="35"/>
    <x v="0"/>
    <x v="3"/>
    <s v="SlimView Poly Binder, 3/8&quot;"/>
    <n v="8.2899999999999991"/>
    <n v="2"/>
    <n v="2.69"/>
  </r>
  <r>
    <d v="2014-08-24T00:00:00"/>
    <x v="7"/>
    <x v="0"/>
    <x v="359"/>
    <x v="20"/>
    <x v="1"/>
    <x v="8"/>
    <s v="G.E. Longer-Life Indoor Recessed Floodlight Bulbs"/>
    <n v="13.28"/>
    <n v="2"/>
    <n v="6.37"/>
  </r>
  <r>
    <d v="2014-08-24T00:00:00"/>
    <x v="7"/>
    <x v="0"/>
    <x v="359"/>
    <x v="20"/>
    <x v="0"/>
    <x v="3"/>
    <s v="Wilson Jones 1&quot; Hanging DublLock Ring Binders"/>
    <n v="12.67"/>
    <n v="3"/>
    <n v="4.4400000000000004"/>
  </r>
  <r>
    <d v="2014-08-24T00:00:00"/>
    <x v="7"/>
    <x v="0"/>
    <x v="360"/>
    <x v="5"/>
    <x v="0"/>
    <x v="14"/>
    <s v="Acme Titanium Bonded Scissors"/>
    <n v="25.5"/>
    <n v="3"/>
    <n v="6.63"/>
  </r>
  <r>
    <d v="2014-08-25T00:00:00"/>
    <x v="7"/>
    <x v="0"/>
    <x v="361"/>
    <x v="10"/>
    <x v="0"/>
    <x v="7"/>
    <s v="OIC Colored Binder Clips, Assorted Sizes"/>
    <n v="40.1"/>
    <n v="14"/>
    <n v="14.53"/>
  </r>
  <r>
    <d v="2014-08-25T00:00:00"/>
    <x v="7"/>
    <x v="0"/>
    <x v="361"/>
    <x v="10"/>
    <x v="0"/>
    <x v="10"/>
    <s v="Redi-Strip #10 Envelopes, 4 1/8 x 9 1/2"/>
    <n v="4.72"/>
    <n v="2"/>
    <n v="1.65"/>
  </r>
  <r>
    <d v="2014-08-25T00:00:00"/>
    <x v="7"/>
    <x v="0"/>
    <x v="361"/>
    <x v="10"/>
    <x v="0"/>
    <x v="0"/>
    <s v="Xerox 1921"/>
    <n v="23.98"/>
    <n v="3"/>
    <n v="7.49"/>
  </r>
  <r>
    <d v="2014-08-25T00:00:00"/>
    <x v="7"/>
    <x v="0"/>
    <x v="361"/>
    <x v="10"/>
    <x v="0"/>
    <x v="10"/>
    <s v="Tyvek  Top-Opening Peel &amp; Seel Envelopes, Plain White"/>
    <n v="130.46"/>
    <n v="6"/>
    <n v="44.03"/>
  </r>
  <r>
    <d v="2014-08-25T00:00:00"/>
    <x v="7"/>
    <x v="0"/>
    <x v="362"/>
    <x v="3"/>
    <x v="1"/>
    <x v="8"/>
    <s v="Eldon 200 Class Desk Accessories, Smoke"/>
    <n v="6.28"/>
    <n v="1"/>
    <n v="2.64"/>
  </r>
  <r>
    <d v="2014-08-25T00:00:00"/>
    <x v="7"/>
    <x v="0"/>
    <x v="362"/>
    <x v="3"/>
    <x v="2"/>
    <x v="9"/>
    <s v="SanDisk Cruzer 32 GB USB Flash Drive"/>
    <n v="95.1"/>
    <n v="5"/>
    <n v="30.43"/>
  </r>
  <r>
    <d v="2014-08-25T00:00:00"/>
    <x v="7"/>
    <x v="0"/>
    <x v="362"/>
    <x v="3"/>
    <x v="0"/>
    <x v="0"/>
    <s v="Xerox 23"/>
    <n v="25.92"/>
    <n v="4"/>
    <n v="12.44"/>
  </r>
  <r>
    <d v="2014-08-25T00:00:00"/>
    <x v="7"/>
    <x v="0"/>
    <x v="362"/>
    <x v="3"/>
    <x v="0"/>
    <x v="2"/>
    <s v="Portable Personal File Box"/>
    <n v="48.84"/>
    <n v="4"/>
    <n v="13.19"/>
  </r>
  <r>
    <d v="2014-08-25T00:00:00"/>
    <x v="7"/>
    <x v="0"/>
    <x v="363"/>
    <x v="22"/>
    <x v="2"/>
    <x v="6"/>
    <s v="Polycom VVX 310 VoIP phone"/>
    <n v="1007.94"/>
    <n v="7"/>
    <n v="75.599999999999994"/>
  </r>
  <r>
    <d v="2014-08-25T00:00:00"/>
    <x v="7"/>
    <x v="0"/>
    <x v="364"/>
    <x v="0"/>
    <x v="0"/>
    <x v="3"/>
    <s v="Wilson Jones Elliptical Ring 3 1/2&quot; Capacity Binders, 800 sheets"/>
    <n v="25.68"/>
    <n v="3"/>
    <n v="-39.799999999999997"/>
  </r>
  <r>
    <d v="2014-08-25T00:00:00"/>
    <x v="7"/>
    <x v="0"/>
    <x v="364"/>
    <x v="0"/>
    <x v="0"/>
    <x v="3"/>
    <s v="Square Ring Data Binders, Rigid 75 Pt. Covers, 11&quot; x 14-7/8&quot;"/>
    <n v="12.38"/>
    <n v="3"/>
    <n v="-19.809999999999999"/>
  </r>
  <r>
    <d v="2014-08-25T00:00:00"/>
    <x v="7"/>
    <x v="0"/>
    <x v="14"/>
    <x v="10"/>
    <x v="0"/>
    <x v="3"/>
    <s v="Wilson Jones Custom Binder Spines &amp; Labels"/>
    <n v="6.53"/>
    <n v="4"/>
    <n v="-4.57"/>
  </r>
  <r>
    <d v="2014-08-25T00:00:00"/>
    <x v="7"/>
    <x v="0"/>
    <x v="14"/>
    <x v="10"/>
    <x v="0"/>
    <x v="3"/>
    <s v="Insertable Tab Indexes For Data Binders"/>
    <n v="2.86"/>
    <n v="3"/>
    <n v="-2.29"/>
  </r>
  <r>
    <d v="2014-08-25T00:00:00"/>
    <x v="7"/>
    <x v="0"/>
    <x v="14"/>
    <x v="10"/>
    <x v="0"/>
    <x v="3"/>
    <s v="Cardinal Slant-D Ring Binder, Heavy Gauge Vinyl"/>
    <n v="20.86"/>
    <n v="8"/>
    <n v="-16.68"/>
  </r>
  <r>
    <d v="2014-08-26T00:00:00"/>
    <x v="7"/>
    <x v="0"/>
    <x v="365"/>
    <x v="3"/>
    <x v="2"/>
    <x v="9"/>
    <s v="SanDisk Ultra 32 GB MicroSDHC Class 10 Memory Card"/>
    <n v="176.8"/>
    <n v="8"/>
    <n v="22.98"/>
  </r>
  <r>
    <d v="2014-08-26T00:00:00"/>
    <x v="7"/>
    <x v="0"/>
    <x v="366"/>
    <x v="7"/>
    <x v="1"/>
    <x v="8"/>
    <s v="Acrylic Self-Standing Desk Frames"/>
    <n v="10.68"/>
    <n v="4"/>
    <n v="4.0599999999999996"/>
  </r>
  <r>
    <d v="2014-08-26T00:00:00"/>
    <x v="7"/>
    <x v="0"/>
    <x v="366"/>
    <x v="7"/>
    <x v="0"/>
    <x v="0"/>
    <s v="Xerox 1978"/>
    <n v="17.34"/>
    <n v="3"/>
    <n v="8.5"/>
  </r>
  <r>
    <d v="2014-08-26T00:00:00"/>
    <x v="7"/>
    <x v="0"/>
    <x v="366"/>
    <x v="7"/>
    <x v="0"/>
    <x v="0"/>
    <s v="Avoid Verbal Orders Carbonless Minifold Book"/>
    <n v="3.38"/>
    <n v="1"/>
    <n v="1.55"/>
  </r>
  <r>
    <d v="2014-08-26T00:00:00"/>
    <x v="7"/>
    <x v="0"/>
    <x v="367"/>
    <x v="7"/>
    <x v="0"/>
    <x v="4"/>
    <s v="Newell 340"/>
    <n v="8.64"/>
    <n v="3"/>
    <n v="2.5099999999999998"/>
  </r>
  <r>
    <d v="2014-08-26T00:00:00"/>
    <x v="7"/>
    <x v="0"/>
    <x v="367"/>
    <x v="7"/>
    <x v="2"/>
    <x v="9"/>
    <s v="Plantronics Audio 478 Stereo USB Headset"/>
    <n v="149.97"/>
    <n v="3"/>
    <n v="52.49"/>
  </r>
  <r>
    <d v="2014-08-27T00:00:00"/>
    <x v="7"/>
    <x v="0"/>
    <x v="368"/>
    <x v="3"/>
    <x v="0"/>
    <x v="4"/>
    <s v="Newell 341"/>
    <n v="8.56"/>
    <n v="2"/>
    <n v="2.48"/>
  </r>
  <r>
    <d v="2014-08-27T00:00:00"/>
    <x v="7"/>
    <x v="0"/>
    <x v="368"/>
    <x v="3"/>
    <x v="2"/>
    <x v="6"/>
    <s v="Cisco SPA 501G IP Phone"/>
    <n v="213.48"/>
    <n v="3"/>
    <n v="16.010000000000002"/>
  </r>
  <r>
    <d v="2014-08-27T00:00:00"/>
    <x v="7"/>
    <x v="0"/>
    <x v="368"/>
    <x v="3"/>
    <x v="0"/>
    <x v="3"/>
    <s v="Wilson Jones Hanging View Binder, White, 1&quot;"/>
    <n v="22.72"/>
    <n v="4"/>
    <n v="7.38"/>
  </r>
  <r>
    <d v="2014-08-27T00:00:00"/>
    <x v="7"/>
    <x v="0"/>
    <x v="369"/>
    <x v="6"/>
    <x v="2"/>
    <x v="6"/>
    <s v="GE 30522EE2"/>
    <n v="579.95000000000005"/>
    <n v="5"/>
    <n v="168.19"/>
  </r>
  <r>
    <d v="2014-08-27T00:00:00"/>
    <x v="7"/>
    <x v="0"/>
    <x v="369"/>
    <x v="6"/>
    <x v="1"/>
    <x v="8"/>
    <s v="Master Caster Door Stop, Large Neon Orange"/>
    <n v="29.12"/>
    <n v="4"/>
    <n v="12.52"/>
  </r>
  <r>
    <d v="2014-08-27T00:00:00"/>
    <x v="7"/>
    <x v="0"/>
    <x v="369"/>
    <x v="6"/>
    <x v="1"/>
    <x v="13"/>
    <s v="Bretford CR8500 Series Meeting Room Furniture"/>
    <n v="1202.94"/>
    <n v="3"/>
    <n v="300.74"/>
  </r>
  <r>
    <d v="2014-08-27T00:00:00"/>
    <x v="7"/>
    <x v="0"/>
    <x v="13"/>
    <x v="6"/>
    <x v="0"/>
    <x v="0"/>
    <s v="Xerox 1898"/>
    <n v="13.36"/>
    <n v="2"/>
    <n v="6.41"/>
  </r>
  <r>
    <d v="2014-08-29T00:00:00"/>
    <x v="7"/>
    <x v="0"/>
    <x v="370"/>
    <x v="3"/>
    <x v="0"/>
    <x v="0"/>
    <s v="Xerox 1940"/>
    <n v="109.92"/>
    <n v="2"/>
    <n v="53.86"/>
  </r>
  <r>
    <d v="2014-08-29T00:00:00"/>
    <x v="7"/>
    <x v="0"/>
    <x v="370"/>
    <x v="3"/>
    <x v="0"/>
    <x v="0"/>
    <s v="Xerox 1986"/>
    <n v="13.36"/>
    <n v="2"/>
    <n v="6.41"/>
  </r>
  <r>
    <d v="2014-08-29T00:00:00"/>
    <x v="7"/>
    <x v="0"/>
    <x v="371"/>
    <x v="16"/>
    <x v="0"/>
    <x v="10"/>
    <s v="Jiffy Padded Mailers with Self-Seal Closure"/>
    <n v="29.81"/>
    <n v="2"/>
    <n v="10.81"/>
  </r>
  <r>
    <d v="2014-08-29T00:00:00"/>
    <x v="7"/>
    <x v="0"/>
    <x v="371"/>
    <x v="16"/>
    <x v="0"/>
    <x v="3"/>
    <s v="GBC DocuBind 200 Manual Binding Machine"/>
    <n v="505.18"/>
    <n v="4"/>
    <n v="-336.78"/>
  </r>
  <r>
    <d v="2014-08-29T00:00:00"/>
    <x v="7"/>
    <x v="0"/>
    <x v="371"/>
    <x v="16"/>
    <x v="1"/>
    <x v="13"/>
    <s v="Balt Solid Wood Rectangular Table"/>
    <n v="174.06"/>
    <n v="3"/>
    <n v="-110.76"/>
  </r>
  <r>
    <d v="2014-08-30T00:00:00"/>
    <x v="7"/>
    <x v="0"/>
    <x v="372"/>
    <x v="37"/>
    <x v="0"/>
    <x v="3"/>
    <s v="Wilson Jones Standard D-Ring Binders"/>
    <n v="25.3"/>
    <n v="5"/>
    <n v="11.89"/>
  </r>
  <r>
    <d v="2014-08-30T00:00:00"/>
    <x v="7"/>
    <x v="0"/>
    <x v="372"/>
    <x v="37"/>
    <x v="0"/>
    <x v="2"/>
    <s v="Fellowes Bankers Box Stor/Drawer Steel Plus"/>
    <n v="95.94"/>
    <n v="3"/>
    <n v="9.59"/>
  </r>
  <r>
    <d v="2014-08-31T00:00:00"/>
    <x v="7"/>
    <x v="0"/>
    <x v="373"/>
    <x v="31"/>
    <x v="2"/>
    <x v="9"/>
    <s v="KeyTronicÂ KT400U2 -Â KeyboardÂ - Black"/>
    <n v="92.52"/>
    <n v="9"/>
    <n v="18.5"/>
  </r>
  <r>
    <d v="2014-09-01T00:00:00"/>
    <x v="8"/>
    <x v="0"/>
    <x v="374"/>
    <x v="3"/>
    <x v="0"/>
    <x v="4"/>
    <s v="BOSTON Model 1800 Electric Pencil Sharpeners, Putty/Woodgrain"/>
    <n v="53.94"/>
    <n v="3"/>
    <n v="15.64"/>
  </r>
  <r>
    <d v="2014-09-01T00:00:00"/>
    <x v="8"/>
    <x v="0"/>
    <x v="304"/>
    <x v="0"/>
    <x v="0"/>
    <x v="3"/>
    <s v="Prestige Round Ring Binders"/>
    <n v="3.65"/>
    <n v="3"/>
    <n v="-6.02"/>
  </r>
  <r>
    <d v="2014-09-01T00:00:00"/>
    <x v="8"/>
    <x v="0"/>
    <x v="304"/>
    <x v="0"/>
    <x v="0"/>
    <x v="0"/>
    <s v="Xerox 216"/>
    <n v="31.1"/>
    <n v="6"/>
    <n v="10.89"/>
  </r>
  <r>
    <d v="2014-09-01T00:00:00"/>
    <x v="8"/>
    <x v="0"/>
    <x v="352"/>
    <x v="20"/>
    <x v="0"/>
    <x v="3"/>
    <s v="Wilson Jones Hanging Recycled Pressboard Data Binders"/>
    <n v="23.74"/>
    <n v="2"/>
    <n v="8.31"/>
  </r>
  <r>
    <d v="2014-09-01T00:00:00"/>
    <x v="8"/>
    <x v="0"/>
    <x v="352"/>
    <x v="20"/>
    <x v="2"/>
    <x v="9"/>
    <s v="WD My Passport Ultra 2TB Portable External Hard Drive"/>
    <n v="357"/>
    <n v="3"/>
    <n v="57.12"/>
  </r>
  <r>
    <d v="2014-09-02T00:00:00"/>
    <x v="8"/>
    <x v="0"/>
    <x v="176"/>
    <x v="20"/>
    <x v="0"/>
    <x v="12"/>
    <s v="Holmes Cool Mist Humidifier for the Whole House with 8-Gallon Output per Day, Extended Life Filter"/>
    <n v="19.899999999999999"/>
    <n v="1"/>
    <n v="8.9600000000000009"/>
  </r>
  <r>
    <d v="2014-09-02T00:00:00"/>
    <x v="8"/>
    <x v="0"/>
    <x v="176"/>
    <x v="20"/>
    <x v="1"/>
    <x v="8"/>
    <s v="Tenex Carpeted, Granite-Look or Clear Contemporary Contour Shape Chair Mats"/>
    <n v="70.709999999999994"/>
    <n v="1"/>
    <n v="4.95"/>
  </r>
  <r>
    <d v="2014-09-02T00:00:00"/>
    <x v="8"/>
    <x v="0"/>
    <x v="68"/>
    <x v="20"/>
    <x v="0"/>
    <x v="4"/>
    <s v="SANFORD Major Accent Highlighters"/>
    <n v="21.24"/>
    <n v="3"/>
    <n v="8.07"/>
  </r>
  <r>
    <d v="2014-09-02T00:00:00"/>
    <x v="8"/>
    <x v="0"/>
    <x v="375"/>
    <x v="20"/>
    <x v="0"/>
    <x v="4"/>
    <s v="Newell 324"/>
    <n v="57.75"/>
    <n v="5"/>
    <n v="16.170000000000002"/>
  </r>
  <r>
    <d v="2014-09-02T00:00:00"/>
    <x v="8"/>
    <x v="0"/>
    <x v="375"/>
    <x v="20"/>
    <x v="0"/>
    <x v="0"/>
    <s v="Easy-staple paper"/>
    <n v="14.94"/>
    <n v="3"/>
    <n v="7.02"/>
  </r>
  <r>
    <d v="2014-09-02T00:00:00"/>
    <x v="8"/>
    <x v="0"/>
    <x v="107"/>
    <x v="1"/>
    <x v="2"/>
    <x v="9"/>
    <s v="Logitech Wireless Performance Mouse MX for PC and Mac"/>
    <n v="239.98"/>
    <n v="3"/>
    <n v="53.99"/>
  </r>
  <r>
    <d v="2014-09-02T00:00:00"/>
    <x v="8"/>
    <x v="0"/>
    <x v="340"/>
    <x v="0"/>
    <x v="2"/>
    <x v="15"/>
    <s v="Epson TM-T88V Direct Thermal Printer - Monochrome - Desktop"/>
    <n v="559.71"/>
    <n v="3"/>
    <n v="-121.27"/>
  </r>
  <r>
    <d v="2014-09-02T00:00:00"/>
    <x v="8"/>
    <x v="0"/>
    <x v="42"/>
    <x v="13"/>
    <x v="0"/>
    <x v="3"/>
    <s v="GBC DocuBind TL300 Electric Binding System"/>
    <n v="1793.98"/>
    <n v="2"/>
    <n v="843.17"/>
  </r>
  <r>
    <d v="2014-09-02T00:00:00"/>
    <x v="8"/>
    <x v="0"/>
    <x v="240"/>
    <x v="1"/>
    <x v="2"/>
    <x v="9"/>
    <s v="LogitechÂ Gaming G510s - Keyboard"/>
    <n v="475.94"/>
    <n v="7"/>
    <n v="95.19"/>
  </r>
  <r>
    <d v="2014-09-03T00:00:00"/>
    <x v="8"/>
    <x v="0"/>
    <x v="156"/>
    <x v="20"/>
    <x v="0"/>
    <x v="1"/>
    <s v="Avery 514"/>
    <n v="14.4"/>
    <n v="5"/>
    <n v="7.06"/>
  </r>
  <r>
    <d v="2014-09-03T00:00:00"/>
    <x v="8"/>
    <x v="0"/>
    <x v="376"/>
    <x v="0"/>
    <x v="0"/>
    <x v="3"/>
    <s v="GBC VeloBinder Strips"/>
    <n v="7.68"/>
    <n v="5"/>
    <n v="-11.52"/>
  </r>
  <r>
    <d v="2014-09-05T00:00:00"/>
    <x v="8"/>
    <x v="0"/>
    <x v="377"/>
    <x v="10"/>
    <x v="0"/>
    <x v="2"/>
    <s v="Economy Rollaway Files"/>
    <n v="264.32"/>
    <n v="2"/>
    <n v="19.82"/>
  </r>
  <r>
    <d v="2014-09-05T00:00:00"/>
    <x v="8"/>
    <x v="0"/>
    <x v="378"/>
    <x v="16"/>
    <x v="1"/>
    <x v="8"/>
    <s v="Telescoping Adjustable Floor Lamp"/>
    <n v="31.98"/>
    <n v="2"/>
    <n v="2"/>
  </r>
  <r>
    <d v="2014-09-06T00:00:00"/>
    <x v="8"/>
    <x v="0"/>
    <x v="379"/>
    <x v="3"/>
    <x v="1"/>
    <x v="8"/>
    <s v="Eldon Expressions Wood and Plastic Desk Accessories, Cherry Wood"/>
    <n v="41.88"/>
    <n v="6"/>
    <n v="12.15"/>
  </r>
  <r>
    <d v="2014-09-06T00:00:00"/>
    <x v="8"/>
    <x v="0"/>
    <x v="379"/>
    <x v="3"/>
    <x v="0"/>
    <x v="1"/>
    <s v="Avery 516"/>
    <n v="58.48"/>
    <n v="8"/>
    <n v="27.49"/>
  </r>
  <r>
    <d v="2014-09-07T00:00:00"/>
    <x v="8"/>
    <x v="0"/>
    <x v="191"/>
    <x v="2"/>
    <x v="0"/>
    <x v="2"/>
    <s v="Carina 42&quot;Hx23 3/4&quot;W Media Storage Unit"/>
    <n v="64.78"/>
    <n v="1"/>
    <n v="-14.58"/>
  </r>
  <r>
    <d v="2014-09-07T00:00:00"/>
    <x v="8"/>
    <x v="0"/>
    <x v="191"/>
    <x v="2"/>
    <x v="2"/>
    <x v="6"/>
    <s v="invisibleSHIELD by ZAGG Smudge-Free Screen Protector"/>
    <n v="32.380000000000003"/>
    <n v="3"/>
    <n v="4.32"/>
  </r>
  <r>
    <d v="2014-09-07T00:00:00"/>
    <x v="8"/>
    <x v="0"/>
    <x v="191"/>
    <x v="2"/>
    <x v="1"/>
    <x v="8"/>
    <s v="DAX Natural Wood-Tone Poster Frame"/>
    <n v="42.37"/>
    <n v="2"/>
    <n v="8.4700000000000006"/>
  </r>
  <r>
    <d v="2014-09-07T00:00:00"/>
    <x v="8"/>
    <x v="0"/>
    <x v="191"/>
    <x v="2"/>
    <x v="2"/>
    <x v="15"/>
    <s v="StarTech.com 10/100 VDSL2 Ethernet Extender Kit"/>
    <n v="399.54"/>
    <n v="4"/>
    <n v="-559.36"/>
  </r>
  <r>
    <d v="2014-09-07T00:00:00"/>
    <x v="8"/>
    <x v="0"/>
    <x v="23"/>
    <x v="39"/>
    <x v="1"/>
    <x v="8"/>
    <s v="Executive Impressions 13&quot; Clairmont Wall Clock"/>
    <n v="57.69"/>
    <n v="3"/>
    <n v="23.65"/>
  </r>
  <r>
    <d v="2014-09-07T00:00:00"/>
    <x v="8"/>
    <x v="0"/>
    <x v="23"/>
    <x v="39"/>
    <x v="0"/>
    <x v="3"/>
    <s v="GBC Laser Imprintable Binding System Covers, Desert Sand"/>
    <n v="42.81"/>
    <n v="3"/>
    <n v="20.12"/>
  </r>
  <r>
    <d v="2014-09-07T00:00:00"/>
    <x v="8"/>
    <x v="0"/>
    <x v="23"/>
    <x v="39"/>
    <x v="0"/>
    <x v="0"/>
    <s v="Xerox 2000"/>
    <n v="12.96"/>
    <n v="2"/>
    <n v="6.22"/>
  </r>
  <r>
    <d v="2014-09-07T00:00:00"/>
    <x v="8"/>
    <x v="0"/>
    <x v="23"/>
    <x v="39"/>
    <x v="1"/>
    <x v="8"/>
    <s v="3M Polarizing Task Lamp with Clamp Arm, Light Gray"/>
    <n v="821.88"/>
    <n v="6"/>
    <n v="213.69"/>
  </r>
  <r>
    <d v="2014-09-07T00:00:00"/>
    <x v="8"/>
    <x v="0"/>
    <x v="23"/>
    <x v="39"/>
    <x v="2"/>
    <x v="6"/>
    <s v="Plantronics CordlessÂ Phone HeadsetÂ with In-line Volume - M214C"/>
    <n v="104.85"/>
    <n v="3"/>
    <n v="28.31"/>
  </r>
  <r>
    <d v="2014-09-07T00:00:00"/>
    <x v="8"/>
    <x v="0"/>
    <x v="380"/>
    <x v="20"/>
    <x v="2"/>
    <x v="6"/>
    <s v="AT&amp;T EL51110 DECT"/>
    <n v="377.97"/>
    <n v="3"/>
    <n v="109.61"/>
  </r>
  <r>
    <d v="2014-09-07T00:00:00"/>
    <x v="8"/>
    <x v="0"/>
    <x v="381"/>
    <x v="0"/>
    <x v="2"/>
    <x v="6"/>
    <s v="Panasonic KX TS3282B Corded phone"/>
    <n v="196.78"/>
    <n v="3"/>
    <n v="14.76"/>
  </r>
  <r>
    <d v="2014-09-07T00:00:00"/>
    <x v="8"/>
    <x v="0"/>
    <x v="381"/>
    <x v="0"/>
    <x v="0"/>
    <x v="3"/>
    <s v="Angle-D Binders with Locking Rings, Label Holders"/>
    <n v="2.92"/>
    <n v="2"/>
    <n v="-4.82"/>
  </r>
  <r>
    <d v="2014-09-07T00:00:00"/>
    <x v="8"/>
    <x v="0"/>
    <x v="381"/>
    <x v="0"/>
    <x v="1"/>
    <x v="13"/>
    <s v="Riverside Furniture Oval Coffee Table, Oval End Table, End Table with Drawer"/>
    <n v="200.8"/>
    <n v="1"/>
    <n v="-22.95"/>
  </r>
  <r>
    <d v="2014-09-07T00:00:00"/>
    <x v="8"/>
    <x v="0"/>
    <x v="381"/>
    <x v="0"/>
    <x v="2"/>
    <x v="9"/>
    <s v="Belkin Standard 104 key USB Keyboard"/>
    <n v="46.69"/>
    <n v="4"/>
    <n v="-2.92"/>
  </r>
  <r>
    <d v="2014-09-07T00:00:00"/>
    <x v="8"/>
    <x v="0"/>
    <x v="381"/>
    <x v="0"/>
    <x v="0"/>
    <x v="4"/>
    <s v="Dixon Ticonderoga Core-Lock Colored Pencils"/>
    <n v="21.86"/>
    <n v="3"/>
    <n v="3.55"/>
  </r>
  <r>
    <d v="2014-09-07T00:00:00"/>
    <x v="8"/>
    <x v="0"/>
    <x v="81"/>
    <x v="39"/>
    <x v="1"/>
    <x v="13"/>
    <s v="KI Adjustable-Height Table"/>
    <n v="429.9"/>
    <n v="5"/>
    <n v="111.77"/>
  </r>
  <r>
    <d v="2014-09-07T00:00:00"/>
    <x v="8"/>
    <x v="0"/>
    <x v="81"/>
    <x v="39"/>
    <x v="0"/>
    <x v="3"/>
    <s v="Avery Recycled Flexi-View Covers for Binding Systems"/>
    <n v="32.06"/>
    <n v="2"/>
    <n v="15.39"/>
  </r>
  <r>
    <d v="2014-09-07T00:00:00"/>
    <x v="8"/>
    <x v="0"/>
    <x v="81"/>
    <x v="39"/>
    <x v="1"/>
    <x v="5"/>
    <s v="Padded Folding Chairs, Black, 4/Carton"/>
    <n v="161.96"/>
    <n v="2"/>
    <n v="45.35"/>
  </r>
  <r>
    <d v="2014-09-07T00:00:00"/>
    <x v="8"/>
    <x v="0"/>
    <x v="81"/>
    <x v="39"/>
    <x v="0"/>
    <x v="2"/>
    <s v="Akro-Mils 12-Gallon Tote"/>
    <n v="19.86"/>
    <n v="2"/>
    <n v="5.76"/>
  </r>
  <r>
    <d v="2014-09-07T00:00:00"/>
    <x v="8"/>
    <x v="0"/>
    <x v="382"/>
    <x v="3"/>
    <x v="0"/>
    <x v="14"/>
    <s v="Acme Design Line 8&quot; Stainless Steel Bent Scissors w/Champagne Handles, 3-1/8&quot; Cut"/>
    <n v="27.36"/>
    <n v="4"/>
    <n v="7.39"/>
  </r>
  <r>
    <d v="2014-09-07T00:00:00"/>
    <x v="8"/>
    <x v="0"/>
    <x v="382"/>
    <x v="3"/>
    <x v="0"/>
    <x v="0"/>
    <s v="Message Book, Wirebound, Four 5 1/2&quot; X 4&quot; Forms/Pg., 200 Dupl. Sets/Book"/>
    <n v="20.56"/>
    <n v="2"/>
    <n v="9.66"/>
  </r>
  <r>
    <d v="2014-09-07T00:00:00"/>
    <x v="8"/>
    <x v="0"/>
    <x v="382"/>
    <x v="3"/>
    <x v="0"/>
    <x v="3"/>
    <s v="Avery Legal 4-Ring Binder"/>
    <n v="83.92"/>
    <n v="5"/>
    <n v="31.47"/>
  </r>
  <r>
    <d v="2014-09-07T00:00:00"/>
    <x v="8"/>
    <x v="0"/>
    <x v="228"/>
    <x v="1"/>
    <x v="0"/>
    <x v="7"/>
    <s v="Acco Hot Clips Clips to Go"/>
    <n v="13.16"/>
    <n v="5"/>
    <n v="4.1100000000000003"/>
  </r>
  <r>
    <d v="2014-09-07T00:00:00"/>
    <x v="8"/>
    <x v="0"/>
    <x v="228"/>
    <x v="1"/>
    <x v="0"/>
    <x v="3"/>
    <s v="Avery Heavy-Duty EZD View Binder with Locking Rings"/>
    <n v="3.83"/>
    <n v="3"/>
    <n v="-6.51"/>
  </r>
  <r>
    <d v="2014-09-07T00:00:00"/>
    <x v="8"/>
    <x v="0"/>
    <x v="228"/>
    <x v="1"/>
    <x v="0"/>
    <x v="3"/>
    <s v="Ibico Hi-Tech Manual Binding System"/>
    <n v="304.99"/>
    <n v="5"/>
    <n v="-533.73"/>
  </r>
  <r>
    <d v="2014-09-08T00:00:00"/>
    <x v="8"/>
    <x v="0"/>
    <x v="383"/>
    <x v="0"/>
    <x v="0"/>
    <x v="4"/>
    <s v="BIC Brite Liner Highlighters"/>
    <n v="9.94"/>
    <n v="3"/>
    <n v="2.73"/>
  </r>
  <r>
    <d v="2014-09-08T00:00:00"/>
    <x v="8"/>
    <x v="0"/>
    <x v="383"/>
    <x v="0"/>
    <x v="2"/>
    <x v="15"/>
    <s v="Lexmark MX611dhe Monochrome Laser Printer"/>
    <n v="8159.95"/>
    <n v="8"/>
    <n v="-1359.99"/>
  </r>
  <r>
    <d v="2014-09-08T00:00:00"/>
    <x v="8"/>
    <x v="0"/>
    <x v="383"/>
    <x v="0"/>
    <x v="0"/>
    <x v="2"/>
    <s v="Space Solutions HD Industrial Steel Shelving."/>
    <n v="275.93"/>
    <n v="3"/>
    <n v="-58.63"/>
  </r>
  <r>
    <d v="2014-09-08T00:00:00"/>
    <x v="8"/>
    <x v="0"/>
    <x v="383"/>
    <x v="0"/>
    <x v="1"/>
    <x v="5"/>
    <s v="SAFCO Arco Folding Chair"/>
    <n v="1740.06"/>
    <n v="9"/>
    <n v="-24.86"/>
  </r>
  <r>
    <d v="2014-09-08T00:00:00"/>
    <x v="8"/>
    <x v="0"/>
    <x v="383"/>
    <x v="0"/>
    <x v="0"/>
    <x v="4"/>
    <s v="Sanford Liquid Accent Highlighters"/>
    <n v="32.06"/>
    <n v="6"/>
    <n v="6.81"/>
  </r>
  <r>
    <d v="2014-09-08T00:00:00"/>
    <x v="8"/>
    <x v="0"/>
    <x v="383"/>
    <x v="0"/>
    <x v="0"/>
    <x v="12"/>
    <s v="Kensington 7 Outlet MasterPiece Power Center"/>
    <n v="177.98"/>
    <n v="5"/>
    <n v="-453.85"/>
  </r>
  <r>
    <d v="2014-09-08T00:00:00"/>
    <x v="8"/>
    <x v="0"/>
    <x v="383"/>
    <x v="0"/>
    <x v="2"/>
    <x v="6"/>
    <s v="JBL Micro Wireless Portable Bluetooth Speaker"/>
    <n v="143.97999999999999"/>
    <n v="3"/>
    <n v="9"/>
  </r>
  <r>
    <d v="2014-09-08T00:00:00"/>
    <x v="8"/>
    <x v="0"/>
    <x v="333"/>
    <x v="3"/>
    <x v="2"/>
    <x v="9"/>
    <s v="Logitech Wireless Touch Keyboard K400"/>
    <n v="49.98"/>
    <n v="2"/>
    <n v="8.5"/>
  </r>
  <r>
    <d v="2014-09-08T00:00:00"/>
    <x v="8"/>
    <x v="0"/>
    <x v="384"/>
    <x v="0"/>
    <x v="0"/>
    <x v="3"/>
    <s v="GBC ProClick Punch Binding System"/>
    <n v="51.18"/>
    <n v="4"/>
    <n v="-79.34"/>
  </r>
  <r>
    <d v="2014-09-08T00:00:00"/>
    <x v="8"/>
    <x v="0"/>
    <x v="385"/>
    <x v="4"/>
    <x v="2"/>
    <x v="9"/>
    <s v="Memorex Froggy Flash Drive 4 GB"/>
    <n v="32.97"/>
    <n v="3"/>
    <n v="12.86"/>
  </r>
  <r>
    <d v="2014-09-08T00:00:00"/>
    <x v="8"/>
    <x v="0"/>
    <x v="385"/>
    <x v="4"/>
    <x v="2"/>
    <x v="9"/>
    <s v="Maxell 74 Minute CD-R Spindle, 50/Pack"/>
    <n v="83.88"/>
    <n v="4"/>
    <n v="30.2"/>
  </r>
  <r>
    <d v="2014-09-08T00:00:00"/>
    <x v="8"/>
    <x v="0"/>
    <x v="285"/>
    <x v="3"/>
    <x v="0"/>
    <x v="12"/>
    <s v="Holmes Replacement Filter for HEPA Air Cleaner, Medium Room"/>
    <n v="56.65"/>
    <n v="5"/>
    <n v="24.36"/>
  </r>
  <r>
    <d v="2014-09-08T00:00:00"/>
    <x v="8"/>
    <x v="0"/>
    <x v="285"/>
    <x v="3"/>
    <x v="0"/>
    <x v="2"/>
    <s v="Pizazz Global Quick File"/>
    <n v="14.97"/>
    <n v="1"/>
    <n v="4.1900000000000004"/>
  </r>
  <r>
    <d v="2014-09-08T00:00:00"/>
    <x v="8"/>
    <x v="0"/>
    <x v="285"/>
    <x v="3"/>
    <x v="0"/>
    <x v="7"/>
    <s v="Ideal Clamps"/>
    <n v="4.0199999999999996"/>
    <n v="2"/>
    <n v="1.97"/>
  </r>
  <r>
    <d v="2014-09-08T00:00:00"/>
    <x v="8"/>
    <x v="0"/>
    <x v="207"/>
    <x v="6"/>
    <x v="0"/>
    <x v="7"/>
    <s v="Advantus Plastic Paper Clips"/>
    <n v="45"/>
    <n v="9"/>
    <n v="21.6"/>
  </r>
  <r>
    <d v="2014-09-08T00:00:00"/>
    <x v="8"/>
    <x v="0"/>
    <x v="207"/>
    <x v="6"/>
    <x v="2"/>
    <x v="15"/>
    <s v="Epson WorkForce WF-2530 All-in-One Printer, Copier Scanner"/>
    <n v="209.97"/>
    <n v="3"/>
    <n v="90.29"/>
  </r>
  <r>
    <d v="2014-09-08T00:00:00"/>
    <x v="8"/>
    <x v="0"/>
    <x v="386"/>
    <x v="20"/>
    <x v="0"/>
    <x v="12"/>
    <s v="Black &amp; Decker Filter for Double Action Dustbuster Cordless Vac BLDV7210"/>
    <n v="16.78"/>
    <n v="2"/>
    <n v="4.2"/>
  </r>
  <r>
    <d v="2014-09-08T00:00:00"/>
    <x v="8"/>
    <x v="0"/>
    <x v="387"/>
    <x v="22"/>
    <x v="0"/>
    <x v="4"/>
    <s v="Prang Colored Pencils"/>
    <n v="5.88"/>
    <n v="2"/>
    <n v="2.65"/>
  </r>
  <r>
    <d v="2014-09-08T00:00:00"/>
    <x v="8"/>
    <x v="0"/>
    <x v="387"/>
    <x v="22"/>
    <x v="1"/>
    <x v="5"/>
    <s v="Hon Deluxe Fabric Upholstered Stacking Chairs, Rounded Back"/>
    <n v="975.92"/>
    <n v="5"/>
    <n v="121.99"/>
  </r>
  <r>
    <d v="2014-09-08T00:00:00"/>
    <x v="8"/>
    <x v="0"/>
    <x v="387"/>
    <x v="22"/>
    <x v="0"/>
    <x v="4"/>
    <s v="Hunt PowerHouse Electric Pencil Sharpener, Blue"/>
    <n v="303.83999999999997"/>
    <n v="8"/>
    <n v="91.15"/>
  </r>
  <r>
    <d v="2014-09-08T00:00:00"/>
    <x v="8"/>
    <x v="0"/>
    <x v="387"/>
    <x v="22"/>
    <x v="0"/>
    <x v="2"/>
    <s v="Carina Double Wide Media Storage Towers in Natural &amp; Black"/>
    <n v="485.88"/>
    <n v="6"/>
    <n v="19.440000000000001"/>
  </r>
  <r>
    <d v="2014-09-08T00:00:00"/>
    <x v="8"/>
    <x v="0"/>
    <x v="388"/>
    <x v="0"/>
    <x v="0"/>
    <x v="0"/>
    <s v="Geographics Note Cards, Blank, White, 8 1/2&quot; x 11&quot;"/>
    <n v="17.899999999999999"/>
    <n v="2"/>
    <n v="6.27"/>
  </r>
  <r>
    <d v="2014-09-08T00:00:00"/>
    <x v="8"/>
    <x v="0"/>
    <x v="388"/>
    <x v="0"/>
    <x v="1"/>
    <x v="5"/>
    <s v="SAFCO Arco Folding Chair"/>
    <n v="966.7"/>
    <n v="5"/>
    <n v="-13.81"/>
  </r>
  <r>
    <d v="2014-09-08T00:00:00"/>
    <x v="8"/>
    <x v="0"/>
    <x v="388"/>
    <x v="0"/>
    <x v="0"/>
    <x v="0"/>
    <s v="Snap-A-Way Black Print Carbonless Ruled Speed Letter, Triplicate"/>
    <n v="182.11"/>
    <n v="6"/>
    <n v="61.46"/>
  </r>
  <r>
    <d v="2014-09-08T00:00:00"/>
    <x v="8"/>
    <x v="0"/>
    <x v="367"/>
    <x v="20"/>
    <x v="1"/>
    <x v="5"/>
    <s v="Global Super Steno Chair"/>
    <n v="172.76"/>
    <n v="2"/>
    <n v="13.44"/>
  </r>
  <r>
    <d v="2014-09-08T00:00:00"/>
    <x v="8"/>
    <x v="0"/>
    <x v="367"/>
    <x v="20"/>
    <x v="0"/>
    <x v="4"/>
    <s v="Nontoxic Chalk"/>
    <n v="3.52"/>
    <n v="2"/>
    <n v="1.69"/>
  </r>
  <r>
    <d v="2014-09-08T00:00:00"/>
    <x v="8"/>
    <x v="0"/>
    <x v="18"/>
    <x v="3"/>
    <x v="0"/>
    <x v="3"/>
    <s v="Acco PRESSTEX Data Binder with Storage Hooks, Light Blue, 9 1/2&quot; X 11&quot;"/>
    <n v="8.61"/>
    <n v="2"/>
    <n v="3.01"/>
  </r>
  <r>
    <d v="2014-09-09T00:00:00"/>
    <x v="8"/>
    <x v="0"/>
    <x v="389"/>
    <x v="14"/>
    <x v="0"/>
    <x v="1"/>
    <s v="Alphabetical Labels for Top Tab Filing"/>
    <n v="103.6"/>
    <n v="7"/>
    <n v="51.8"/>
  </r>
  <r>
    <d v="2014-09-09T00:00:00"/>
    <x v="8"/>
    <x v="0"/>
    <x v="390"/>
    <x v="32"/>
    <x v="0"/>
    <x v="0"/>
    <s v="Xerox 1913"/>
    <n v="166.44"/>
    <n v="3"/>
    <n v="79.89"/>
  </r>
  <r>
    <d v="2014-09-09T00:00:00"/>
    <x v="8"/>
    <x v="0"/>
    <x v="390"/>
    <x v="32"/>
    <x v="1"/>
    <x v="5"/>
    <s v="Global Italian Leather Office Chair"/>
    <n v="785.88"/>
    <n v="6"/>
    <n v="212.19"/>
  </r>
  <r>
    <d v="2014-09-09T00:00:00"/>
    <x v="8"/>
    <x v="0"/>
    <x v="390"/>
    <x v="32"/>
    <x v="0"/>
    <x v="0"/>
    <s v="Advantus Motivational Note Cards"/>
    <n v="26.2"/>
    <n v="2"/>
    <n v="12.84"/>
  </r>
  <r>
    <d v="2014-09-09T00:00:00"/>
    <x v="8"/>
    <x v="0"/>
    <x v="390"/>
    <x v="32"/>
    <x v="0"/>
    <x v="2"/>
    <s v="Tennsco 6- and 18-Compartment Lockers"/>
    <n v="1325.85"/>
    <n v="5"/>
    <n v="238.65"/>
  </r>
  <r>
    <d v="2014-09-09T00:00:00"/>
    <x v="8"/>
    <x v="0"/>
    <x v="391"/>
    <x v="2"/>
    <x v="0"/>
    <x v="0"/>
    <s v="Xerox 210"/>
    <n v="15.55"/>
    <n v="3"/>
    <n v="5.44"/>
  </r>
  <r>
    <d v="2014-09-09T00:00:00"/>
    <x v="8"/>
    <x v="0"/>
    <x v="391"/>
    <x v="2"/>
    <x v="2"/>
    <x v="9"/>
    <s v="Rosewill 107 Normal Keys USB Wired Standard Keyboard"/>
    <n v="64.7"/>
    <n v="6"/>
    <n v="-4.8499999999999996"/>
  </r>
  <r>
    <d v="2014-09-09T00:00:00"/>
    <x v="8"/>
    <x v="0"/>
    <x v="391"/>
    <x v="2"/>
    <x v="1"/>
    <x v="8"/>
    <s v="Master Caster Door Stop, Large Neon Orange"/>
    <n v="17.47"/>
    <n v="3"/>
    <n v="5.0199999999999996"/>
  </r>
  <r>
    <d v="2014-09-09T00:00:00"/>
    <x v="8"/>
    <x v="0"/>
    <x v="391"/>
    <x v="2"/>
    <x v="2"/>
    <x v="6"/>
    <s v="Polycom SoundPoint IP 450 VoIP phone"/>
    <n v="135.52000000000001"/>
    <n v="1"/>
    <n v="-31.62"/>
  </r>
  <r>
    <d v="2014-09-09T00:00:00"/>
    <x v="8"/>
    <x v="0"/>
    <x v="392"/>
    <x v="25"/>
    <x v="2"/>
    <x v="15"/>
    <s v="3D Systems Cube Printer, 2nd Generation, White"/>
    <n v="1299.99"/>
    <n v="2"/>
    <n v="-572"/>
  </r>
  <r>
    <d v="2014-09-09T00:00:00"/>
    <x v="8"/>
    <x v="0"/>
    <x v="155"/>
    <x v="10"/>
    <x v="1"/>
    <x v="8"/>
    <s v="Nu-Dell Executive Frame"/>
    <n v="60.67"/>
    <n v="6"/>
    <n v="12.89"/>
  </r>
  <r>
    <d v="2014-09-09T00:00:00"/>
    <x v="8"/>
    <x v="0"/>
    <x v="155"/>
    <x v="10"/>
    <x v="0"/>
    <x v="4"/>
    <s v="Newell 320"/>
    <n v="30.82"/>
    <n v="9"/>
    <n v="2.7"/>
  </r>
  <r>
    <d v="2014-09-09T00:00:00"/>
    <x v="8"/>
    <x v="0"/>
    <x v="393"/>
    <x v="1"/>
    <x v="0"/>
    <x v="0"/>
    <s v="Ampad Poly Cover Wirebound Steno Book, 6&quot; x 9&quot; Assorted Colors, Gregg Ruled"/>
    <n v="10.9"/>
    <n v="3"/>
    <n v="3.41"/>
  </r>
  <r>
    <d v="2014-09-10T00:00:00"/>
    <x v="8"/>
    <x v="0"/>
    <x v="163"/>
    <x v="6"/>
    <x v="0"/>
    <x v="3"/>
    <s v="Tuff Stuff Recycled Round Ring Binders"/>
    <n v="9.64"/>
    <n v="2"/>
    <n v="4.72"/>
  </r>
  <r>
    <d v="2014-09-10T00:00:00"/>
    <x v="8"/>
    <x v="0"/>
    <x v="68"/>
    <x v="11"/>
    <x v="0"/>
    <x v="10"/>
    <s v="Peel &amp; Seel Envelopes"/>
    <n v="21.73"/>
    <n v="7"/>
    <n v="7.6"/>
  </r>
  <r>
    <d v="2014-09-10T00:00:00"/>
    <x v="8"/>
    <x v="0"/>
    <x v="68"/>
    <x v="11"/>
    <x v="1"/>
    <x v="5"/>
    <s v="GuestStacker Chair with Chrome Finish Legs"/>
    <n v="1487.04"/>
    <n v="5"/>
    <n v="148.69999999999999"/>
  </r>
  <r>
    <d v="2014-09-10T00:00:00"/>
    <x v="8"/>
    <x v="0"/>
    <x v="394"/>
    <x v="23"/>
    <x v="0"/>
    <x v="12"/>
    <s v="Kensington 6 Outlet Guardian Standard Surge Protector"/>
    <n v="81.92"/>
    <n v="4"/>
    <n v="22.12"/>
  </r>
  <r>
    <d v="2014-09-10T00:00:00"/>
    <x v="8"/>
    <x v="0"/>
    <x v="394"/>
    <x v="23"/>
    <x v="1"/>
    <x v="8"/>
    <s v="Dana Fluorescent Magnifying Lamp, White, 36&quot;"/>
    <n v="254.9"/>
    <n v="5"/>
    <n v="76.47"/>
  </r>
  <r>
    <d v="2014-09-11T00:00:00"/>
    <x v="8"/>
    <x v="0"/>
    <x v="395"/>
    <x v="3"/>
    <x v="1"/>
    <x v="8"/>
    <s v="Deflect-o DuraMat Lighweight, Studded, Beveled Mat for Low Pile Carpeting"/>
    <n v="127.95"/>
    <n v="3"/>
    <n v="21.75"/>
  </r>
  <r>
    <d v="2014-09-12T00:00:00"/>
    <x v="8"/>
    <x v="0"/>
    <x v="26"/>
    <x v="20"/>
    <x v="2"/>
    <x v="15"/>
    <s v="Epson WorkForce WF-2530 All-in-One Printer, Copier Scanner"/>
    <n v="69.989999999999995"/>
    <n v="1"/>
    <n v="30.1"/>
  </r>
  <r>
    <d v="2014-09-12T00:00:00"/>
    <x v="8"/>
    <x v="0"/>
    <x v="396"/>
    <x v="25"/>
    <x v="0"/>
    <x v="0"/>
    <s v="Xerox 220"/>
    <n v="10.37"/>
    <n v="2"/>
    <n v="3.63"/>
  </r>
  <r>
    <d v="2014-09-12T00:00:00"/>
    <x v="8"/>
    <x v="0"/>
    <x v="396"/>
    <x v="25"/>
    <x v="0"/>
    <x v="12"/>
    <s v="Fellowes 8 Outlet Superior Workstation Surge Protector"/>
    <n v="166.84"/>
    <n v="5"/>
    <n v="18.77"/>
  </r>
  <r>
    <d v="2014-09-12T00:00:00"/>
    <x v="8"/>
    <x v="0"/>
    <x v="396"/>
    <x v="25"/>
    <x v="2"/>
    <x v="9"/>
    <s v="SanDisk Cruzer 32 GB USB Flash Drive"/>
    <n v="15.22"/>
    <n v="1"/>
    <n v="2.2799999999999998"/>
  </r>
  <r>
    <d v="2014-09-12T00:00:00"/>
    <x v="8"/>
    <x v="0"/>
    <x v="397"/>
    <x v="0"/>
    <x v="0"/>
    <x v="3"/>
    <s v="Wilson Jones Impact Binders"/>
    <n v="5.18"/>
    <n v="5"/>
    <n v="-8.0299999999999994"/>
  </r>
  <r>
    <d v="2014-09-12T00:00:00"/>
    <x v="8"/>
    <x v="0"/>
    <x v="192"/>
    <x v="10"/>
    <x v="0"/>
    <x v="3"/>
    <s v="Premier Elliptical Ring Binder, Black"/>
    <n v="63.92"/>
    <n v="7"/>
    <n v="-46.88"/>
  </r>
  <r>
    <d v="2014-09-12T00:00:00"/>
    <x v="8"/>
    <x v="0"/>
    <x v="398"/>
    <x v="42"/>
    <x v="0"/>
    <x v="14"/>
    <s v="Compact Automatic Electric Letter Opener"/>
    <n v="357.93"/>
    <n v="3"/>
    <n v="7.16"/>
  </r>
  <r>
    <d v="2014-09-12T00:00:00"/>
    <x v="8"/>
    <x v="0"/>
    <x v="398"/>
    <x v="42"/>
    <x v="2"/>
    <x v="9"/>
    <s v="SanDisk Cruzer 16 GB USB Flash Drive"/>
    <n v="57.4"/>
    <n v="5"/>
    <n v="10.91"/>
  </r>
  <r>
    <d v="2014-09-12T00:00:00"/>
    <x v="8"/>
    <x v="0"/>
    <x v="398"/>
    <x v="42"/>
    <x v="0"/>
    <x v="3"/>
    <s v="GBC DocuBind P100 Manual Binding Machine"/>
    <n v="331.96"/>
    <n v="2"/>
    <n v="149.38"/>
  </r>
  <r>
    <d v="2014-09-12T00:00:00"/>
    <x v="8"/>
    <x v="0"/>
    <x v="398"/>
    <x v="42"/>
    <x v="1"/>
    <x v="8"/>
    <s v="Seth Thomas 8 1/2&quot; Cubicle Clock"/>
    <n v="40.56"/>
    <n v="2"/>
    <n v="12.98"/>
  </r>
  <r>
    <d v="2014-09-12T00:00:00"/>
    <x v="8"/>
    <x v="0"/>
    <x v="399"/>
    <x v="20"/>
    <x v="1"/>
    <x v="5"/>
    <s v="HON 5400 Series Task Chairs for Big and Tall"/>
    <n v="3785.29"/>
    <n v="6"/>
    <n v="420.59"/>
  </r>
  <r>
    <d v="2014-09-13T00:00:00"/>
    <x v="8"/>
    <x v="0"/>
    <x v="400"/>
    <x v="25"/>
    <x v="0"/>
    <x v="3"/>
    <s v="GBC Instant Index System for Binding Systems"/>
    <n v="18.649999999999999"/>
    <n v="7"/>
    <n v="-12.43"/>
  </r>
  <r>
    <d v="2014-09-13T00:00:00"/>
    <x v="8"/>
    <x v="0"/>
    <x v="401"/>
    <x v="2"/>
    <x v="0"/>
    <x v="0"/>
    <s v="Xerox 1985"/>
    <n v="15.55"/>
    <n v="3"/>
    <n v="5.44"/>
  </r>
  <r>
    <d v="2014-09-13T00:00:00"/>
    <x v="8"/>
    <x v="0"/>
    <x v="401"/>
    <x v="2"/>
    <x v="2"/>
    <x v="9"/>
    <s v="Hypercom P1300 Pinpad"/>
    <n v="252"/>
    <n v="5"/>
    <n v="53.55"/>
  </r>
  <r>
    <d v="2014-09-13T00:00:00"/>
    <x v="8"/>
    <x v="0"/>
    <x v="284"/>
    <x v="20"/>
    <x v="0"/>
    <x v="4"/>
    <s v="Newell 322"/>
    <n v="5.46"/>
    <n v="3"/>
    <n v="1.47"/>
  </r>
  <r>
    <d v="2014-09-13T00:00:00"/>
    <x v="8"/>
    <x v="0"/>
    <x v="402"/>
    <x v="12"/>
    <x v="0"/>
    <x v="2"/>
    <s v="Eldon File Chest Portable File"/>
    <n v="79.400000000000006"/>
    <n v="5"/>
    <n v="5.96"/>
  </r>
  <r>
    <d v="2014-09-13T00:00:00"/>
    <x v="8"/>
    <x v="0"/>
    <x v="288"/>
    <x v="0"/>
    <x v="1"/>
    <x v="5"/>
    <s v="Padded Folding Chairs, Black, 4/Carton"/>
    <n v="340.12"/>
    <n v="6"/>
    <n v="-9.7200000000000006"/>
  </r>
  <r>
    <d v="2014-09-13T00:00:00"/>
    <x v="8"/>
    <x v="0"/>
    <x v="352"/>
    <x v="10"/>
    <x v="0"/>
    <x v="3"/>
    <s v="Acco Suede Grain Vinyl Round Ring Binder"/>
    <n v="2.5"/>
    <n v="3"/>
    <n v="-2"/>
  </r>
  <r>
    <d v="2014-09-13T00:00:00"/>
    <x v="8"/>
    <x v="0"/>
    <x v="218"/>
    <x v="22"/>
    <x v="0"/>
    <x v="7"/>
    <s v="OIC Thumb-Tacks"/>
    <n v="5.7"/>
    <n v="5"/>
    <n v="2.68"/>
  </r>
  <r>
    <d v="2014-09-13T00:00:00"/>
    <x v="8"/>
    <x v="0"/>
    <x v="218"/>
    <x v="22"/>
    <x v="1"/>
    <x v="8"/>
    <s v="C-Line Cubicle Keepers Polyproplyene Holder With Velcro Backings"/>
    <n v="14.19"/>
    <n v="3"/>
    <n v="5.53"/>
  </r>
  <r>
    <d v="2014-09-13T00:00:00"/>
    <x v="8"/>
    <x v="0"/>
    <x v="218"/>
    <x v="22"/>
    <x v="0"/>
    <x v="14"/>
    <s v="Acme Value Line Scissors"/>
    <n v="7.3"/>
    <n v="2"/>
    <n v="2.19"/>
  </r>
  <r>
    <d v="2014-09-13T00:00:00"/>
    <x v="8"/>
    <x v="0"/>
    <x v="218"/>
    <x v="22"/>
    <x v="2"/>
    <x v="9"/>
    <s v="Logitech Wireless Performance Mouse MX for PC and Mac"/>
    <n v="199.98"/>
    <n v="2"/>
    <n v="75.989999999999995"/>
  </r>
  <r>
    <d v="2014-09-13T00:00:00"/>
    <x v="8"/>
    <x v="0"/>
    <x v="218"/>
    <x v="22"/>
    <x v="2"/>
    <x v="9"/>
    <s v="Memorex Mini Travel Drive 64 GB USB 2.0 Flash Drive"/>
    <n v="144.96"/>
    <n v="4"/>
    <n v="60.88"/>
  </r>
  <r>
    <d v="2014-09-13T00:00:00"/>
    <x v="8"/>
    <x v="0"/>
    <x v="218"/>
    <x v="22"/>
    <x v="2"/>
    <x v="9"/>
    <s v="WD My Passport Ultra 500GB Portable External Hard Drive"/>
    <n v="118"/>
    <n v="2"/>
    <n v="20.059999999999999"/>
  </r>
  <r>
    <d v="2014-09-13T00:00:00"/>
    <x v="8"/>
    <x v="0"/>
    <x v="218"/>
    <x v="22"/>
    <x v="0"/>
    <x v="0"/>
    <s v="Xerox 1942"/>
    <n v="48.94"/>
    <n v="1"/>
    <n v="24.47"/>
  </r>
  <r>
    <d v="2014-09-13T00:00:00"/>
    <x v="8"/>
    <x v="0"/>
    <x v="218"/>
    <x v="22"/>
    <x v="0"/>
    <x v="12"/>
    <s v="Holmes Replacement Filter for HEPA Air Cleaner, Medium Room"/>
    <n v="22.66"/>
    <n v="2"/>
    <n v="9.74"/>
  </r>
  <r>
    <d v="2014-09-14T00:00:00"/>
    <x v="8"/>
    <x v="0"/>
    <x v="403"/>
    <x v="1"/>
    <x v="0"/>
    <x v="12"/>
    <s v="Kensington 7 Outlet MasterPiece HOMEOFFICE Power Control Center"/>
    <n v="52.45"/>
    <n v="2"/>
    <n v="-131.12"/>
  </r>
  <r>
    <d v="2014-09-14T00:00:00"/>
    <x v="8"/>
    <x v="0"/>
    <x v="403"/>
    <x v="1"/>
    <x v="0"/>
    <x v="1"/>
    <s v="Avery 51"/>
    <n v="20.16"/>
    <n v="4"/>
    <n v="6.55"/>
  </r>
  <r>
    <d v="2014-09-14T00:00:00"/>
    <x v="8"/>
    <x v="0"/>
    <x v="404"/>
    <x v="20"/>
    <x v="0"/>
    <x v="2"/>
    <s v="Fellowes Officeware Wire Shelving"/>
    <n v="449.15"/>
    <n v="5"/>
    <n v="8.98"/>
  </r>
  <r>
    <d v="2014-09-14T00:00:00"/>
    <x v="8"/>
    <x v="0"/>
    <x v="404"/>
    <x v="20"/>
    <x v="0"/>
    <x v="10"/>
    <s v="Colored Envelopes"/>
    <n v="11.07"/>
    <n v="3"/>
    <n v="5.09"/>
  </r>
  <r>
    <d v="2014-09-14T00:00:00"/>
    <x v="8"/>
    <x v="0"/>
    <x v="273"/>
    <x v="16"/>
    <x v="0"/>
    <x v="12"/>
    <s v="Sanitaire Vibra Groomer IR Commercial Upright Vacuum, Replacement Belts"/>
    <n v="13"/>
    <n v="5"/>
    <n v="1.3"/>
  </r>
  <r>
    <d v="2014-09-14T00:00:00"/>
    <x v="8"/>
    <x v="0"/>
    <x v="273"/>
    <x v="16"/>
    <x v="1"/>
    <x v="8"/>
    <s v="Advantus Panel Wall Acrylic Frame"/>
    <n v="13.13"/>
    <n v="3"/>
    <n v="3.77"/>
  </r>
  <r>
    <d v="2014-09-14T00:00:00"/>
    <x v="8"/>
    <x v="0"/>
    <x v="405"/>
    <x v="4"/>
    <x v="1"/>
    <x v="8"/>
    <s v="Seth Thomas 14&quot; Day/Date Wall Clock"/>
    <n v="142.4"/>
    <n v="5"/>
    <n v="52.69"/>
  </r>
  <r>
    <d v="2014-09-14T00:00:00"/>
    <x v="8"/>
    <x v="0"/>
    <x v="405"/>
    <x v="4"/>
    <x v="0"/>
    <x v="3"/>
    <s v="Avery Poly Binder Pockets"/>
    <n v="7.16"/>
    <n v="2"/>
    <n v="3.44"/>
  </r>
  <r>
    <d v="2014-09-14T00:00:00"/>
    <x v="8"/>
    <x v="0"/>
    <x v="406"/>
    <x v="20"/>
    <x v="1"/>
    <x v="13"/>
    <s v="KI Adjustable-Height Table"/>
    <n v="464.29"/>
    <n v="9"/>
    <n v="-108.33"/>
  </r>
  <r>
    <d v="2014-09-14T00:00:00"/>
    <x v="8"/>
    <x v="0"/>
    <x v="406"/>
    <x v="20"/>
    <x v="0"/>
    <x v="10"/>
    <s v="Staple envelope"/>
    <n v="68.459999999999994"/>
    <n v="7"/>
    <n v="31.49"/>
  </r>
  <r>
    <d v="2014-09-14T00:00:00"/>
    <x v="8"/>
    <x v="0"/>
    <x v="406"/>
    <x v="20"/>
    <x v="2"/>
    <x v="15"/>
    <s v="Ativa V4110MDD Micro-Cut Shredder"/>
    <n v="2799.96"/>
    <n v="4"/>
    <n v="1371.98"/>
  </r>
  <r>
    <d v="2014-09-14T00:00:00"/>
    <x v="8"/>
    <x v="0"/>
    <x v="406"/>
    <x v="20"/>
    <x v="0"/>
    <x v="12"/>
    <s v="Honeywell Enviracaire Portable HEPA Air Cleaner for 17' x 22' Room"/>
    <n v="601.29999999999995"/>
    <n v="2"/>
    <n v="198.43"/>
  </r>
  <r>
    <d v="2014-09-14T00:00:00"/>
    <x v="8"/>
    <x v="0"/>
    <x v="406"/>
    <x v="20"/>
    <x v="2"/>
    <x v="6"/>
    <s v="Spigen Samsung Galaxy S5 Case Wallet"/>
    <n v="16.989999999999998"/>
    <n v="1"/>
    <n v="4.42"/>
  </r>
  <r>
    <d v="2014-09-14T00:00:00"/>
    <x v="8"/>
    <x v="0"/>
    <x v="406"/>
    <x v="20"/>
    <x v="2"/>
    <x v="6"/>
    <s v="Vtech CS6719"/>
    <n v="287.97000000000003"/>
    <n v="3"/>
    <n v="80.63"/>
  </r>
  <r>
    <d v="2014-09-14T00:00:00"/>
    <x v="8"/>
    <x v="0"/>
    <x v="406"/>
    <x v="20"/>
    <x v="0"/>
    <x v="0"/>
    <s v="Xerox 198"/>
    <n v="44.82"/>
    <n v="9"/>
    <n v="21.07"/>
  </r>
  <r>
    <d v="2014-09-14T00:00:00"/>
    <x v="8"/>
    <x v="0"/>
    <x v="134"/>
    <x v="0"/>
    <x v="0"/>
    <x v="7"/>
    <s v="Revere Boxed Rubber Bands by Revere"/>
    <n v="6.05"/>
    <n v="4"/>
    <n v="-1.36"/>
  </r>
  <r>
    <d v="2014-09-14T00:00:00"/>
    <x v="8"/>
    <x v="0"/>
    <x v="134"/>
    <x v="0"/>
    <x v="0"/>
    <x v="0"/>
    <s v="Xerox 1900"/>
    <n v="6.85"/>
    <n v="2"/>
    <n v="2.14"/>
  </r>
  <r>
    <d v="2014-09-14T00:00:00"/>
    <x v="8"/>
    <x v="0"/>
    <x v="134"/>
    <x v="0"/>
    <x v="1"/>
    <x v="8"/>
    <s v="Stacking Trays by OIC"/>
    <n v="9.9600000000000009"/>
    <n v="5"/>
    <n v="-6.72"/>
  </r>
  <r>
    <d v="2014-09-14T00:00:00"/>
    <x v="8"/>
    <x v="0"/>
    <x v="134"/>
    <x v="0"/>
    <x v="0"/>
    <x v="3"/>
    <s v="Trimflex Flexible Post Binders"/>
    <n v="8.5500000000000007"/>
    <n v="2"/>
    <n v="-13.68"/>
  </r>
  <r>
    <d v="2014-09-15T00:00:00"/>
    <x v="8"/>
    <x v="0"/>
    <x v="407"/>
    <x v="2"/>
    <x v="1"/>
    <x v="8"/>
    <s v="Seth Thomas 16&quot; Steel Case Clock"/>
    <n v="103.94"/>
    <n v="4"/>
    <n v="16.89"/>
  </r>
  <r>
    <d v="2014-09-15T00:00:00"/>
    <x v="8"/>
    <x v="0"/>
    <x v="116"/>
    <x v="20"/>
    <x v="0"/>
    <x v="0"/>
    <s v="Easy-staple paper"/>
    <n v="14.94"/>
    <n v="3"/>
    <n v="7.02"/>
  </r>
  <r>
    <d v="2014-09-15T00:00:00"/>
    <x v="8"/>
    <x v="0"/>
    <x v="116"/>
    <x v="20"/>
    <x v="1"/>
    <x v="8"/>
    <s v="Master Caster Door Stop, Large Neon Orange"/>
    <n v="14.56"/>
    <n v="2"/>
    <n v="6.26"/>
  </r>
  <r>
    <d v="2014-09-16T00:00:00"/>
    <x v="8"/>
    <x v="0"/>
    <x v="211"/>
    <x v="20"/>
    <x v="0"/>
    <x v="3"/>
    <s v="Avery Trapezoid Extra Heavy Duty 4&quot; Binders"/>
    <n v="33.549999999999997"/>
    <n v="1"/>
    <n v="12.58"/>
  </r>
  <r>
    <d v="2014-09-17T00:00:00"/>
    <x v="8"/>
    <x v="0"/>
    <x v="408"/>
    <x v="2"/>
    <x v="0"/>
    <x v="3"/>
    <s v="Acco Pressboard Covers with Storage Hooks, 14 7/8&quot; x 11&quot;, Light Blue"/>
    <n v="5.89"/>
    <n v="4"/>
    <n v="-4.12"/>
  </r>
  <r>
    <d v="2014-09-17T00:00:00"/>
    <x v="8"/>
    <x v="0"/>
    <x v="388"/>
    <x v="25"/>
    <x v="2"/>
    <x v="9"/>
    <s v="Logitech Trackman Marble Mouse"/>
    <n v="47.98"/>
    <n v="2"/>
    <n v="13.2"/>
  </r>
  <r>
    <d v="2014-09-17T00:00:00"/>
    <x v="8"/>
    <x v="0"/>
    <x v="388"/>
    <x v="25"/>
    <x v="0"/>
    <x v="0"/>
    <s v="Xerox 1924"/>
    <n v="4.62"/>
    <n v="1"/>
    <n v="1.68"/>
  </r>
  <r>
    <d v="2014-09-17T00:00:00"/>
    <x v="8"/>
    <x v="0"/>
    <x v="84"/>
    <x v="22"/>
    <x v="0"/>
    <x v="2"/>
    <s v="Eldon Gobal File Keepers"/>
    <n v="30.28"/>
    <n v="2"/>
    <n v="1.21"/>
  </r>
  <r>
    <d v="2014-09-17T00:00:00"/>
    <x v="8"/>
    <x v="0"/>
    <x v="84"/>
    <x v="22"/>
    <x v="0"/>
    <x v="2"/>
    <s v="Eldon ProFile File 'N Store Portable File Tub Letter/Legal Size Black"/>
    <n v="57.93"/>
    <n v="3"/>
    <n v="16.22"/>
  </r>
  <r>
    <d v="2014-09-17T00:00:00"/>
    <x v="8"/>
    <x v="0"/>
    <x v="84"/>
    <x v="22"/>
    <x v="1"/>
    <x v="8"/>
    <s v="Executive Impressions 12&quot; Wall Clock"/>
    <n v="35.340000000000003"/>
    <n v="2"/>
    <n v="13.43"/>
  </r>
  <r>
    <d v="2014-09-17T00:00:00"/>
    <x v="8"/>
    <x v="0"/>
    <x v="84"/>
    <x v="22"/>
    <x v="0"/>
    <x v="3"/>
    <s v="GBC Prestige Therm-A-Bind Covers"/>
    <n v="137.24"/>
    <n v="5"/>
    <n v="46.32"/>
  </r>
  <r>
    <d v="2014-09-17T00:00:00"/>
    <x v="8"/>
    <x v="0"/>
    <x v="245"/>
    <x v="3"/>
    <x v="0"/>
    <x v="10"/>
    <s v="Tyvek Interoffice Envelopes, 9 1/2&quot; x 12 1/2&quot;, 100/Box"/>
    <n v="182.94"/>
    <n v="3"/>
    <n v="85.98"/>
  </r>
  <r>
    <d v="2014-09-17T00:00:00"/>
    <x v="8"/>
    <x v="0"/>
    <x v="409"/>
    <x v="11"/>
    <x v="0"/>
    <x v="4"/>
    <s v="Newell 313"/>
    <n v="5.25"/>
    <n v="2"/>
    <n v="0.46"/>
  </r>
  <r>
    <d v="2014-09-17T00:00:00"/>
    <x v="8"/>
    <x v="0"/>
    <x v="409"/>
    <x v="11"/>
    <x v="0"/>
    <x v="4"/>
    <s v="Boston 16701 Slimline Battery Pencil Sharpener"/>
    <n v="38.26"/>
    <n v="3"/>
    <n v="4.78"/>
  </r>
  <r>
    <d v="2014-09-17T00:00:00"/>
    <x v="8"/>
    <x v="0"/>
    <x v="409"/>
    <x v="11"/>
    <x v="0"/>
    <x v="0"/>
    <s v="Riverleaf Stik-Withit Designer Note Cubes"/>
    <n v="40.24"/>
    <n v="5"/>
    <n v="13.08"/>
  </r>
  <r>
    <d v="2014-09-17T00:00:00"/>
    <x v="8"/>
    <x v="0"/>
    <x v="409"/>
    <x v="11"/>
    <x v="2"/>
    <x v="15"/>
    <s v="Plantronics Single Ear Headset"/>
    <n v="29.93"/>
    <n v="5"/>
    <n v="-21.95"/>
  </r>
  <r>
    <d v="2014-09-17T00:00:00"/>
    <x v="8"/>
    <x v="0"/>
    <x v="409"/>
    <x v="11"/>
    <x v="0"/>
    <x v="0"/>
    <s v="Xerox 1960"/>
    <n v="148.69999999999999"/>
    <n v="6"/>
    <n v="46.47"/>
  </r>
  <r>
    <d v="2014-09-17T00:00:00"/>
    <x v="8"/>
    <x v="0"/>
    <x v="409"/>
    <x v="11"/>
    <x v="2"/>
    <x v="9"/>
    <s v="Verbatim 25 GB 6x Blu-ray Single Layer Recordable Disc, 3/Pack"/>
    <n v="55.92"/>
    <n v="10"/>
    <n v="16.78"/>
  </r>
  <r>
    <d v="2014-09-19T00:00:00"/>
    <x v="8"/>
    <x v="0"/>
    <x v="191"/>
    <x v="0"/>
    <x v="2"/>
    <x v="15"/>
    <s v="Lexmark MX611dhe Monochrome Laser Printer"/>
    <n v="3059.98"/>
    <n v="3"/>
    <n v="-510"/>
  </r>
  <r>
    <d v="2014-09-19T00:00:00"/>
    <x v="8"/>
    <x v="0"/>
    <x v="191"/>
    <x v="0"/>
    <x v="2"/>
    <x v="15"/>
    <s v="Xerox WorkCentre 6505DN Laser Multifunction Printer"/>
    <n v="2519.96"/>
    <n v="7"/>
    <n v="-252"/>
  </r>
  <r>
    <d v="2014-09-19T00:00:00"/>
    <x v="8"/>
    <x v="0"/>
    <x v="410"/>
    <x v="3"/>
    <x v="0"/>
    <x v="7"/>
    <s v="OIC Binder Clips"/>
    <n v="7.16"/>
    <n v="2"/>
    <n v="3.58"/>
  </r>
  <r>
    <d v="2014-09-19T00:00:00"/>
    <x v="8"/>
    <x v="0"/>
    <x v="154"/>
    <x v="25"/>
    <x v="0"/>
    <x v="2"/>
    <s v="Project Tote Personal File"/>
    <n v="67.34"/>
    <n v="6"/>
    <n v="7.58"/>
  </r>
  <r>
    <d v="2014-09-19T00:00:00"/>
    <x v="8"/>
    <x v="0"/>
    <x v="154"/>
    <x v="25"/>
    <x v="2"/>
    <x v="15"/>
    <s v="HP Designjet T520 Inkjet Large Format Printer - 24&quot; Color"/>
    <n v="2624.99"/>
    <n v="3"/>
    <n v="-944.99"/>
  </r>
  <r>
    <d v="2014-09-19T00:00:00"/>
    <x v="8"/>
    <x v="0"/>
    <x v="183"/>
    <x v="20"/>
    <x v="1"/>
    <x v="5"/>
    <s v="Hon Olson Stacker Stools"/>
    <n v="887.1"/>
    <n v="7"/>
    <n v="177.42"/>
  </r>
  <r>
    <d v="2014-09-19T00:00:00"/>
    <x v="8"/>
    <x v="0"/>
    <x v="411"/>
    <x v="22"/>
    <x v="0"/>
    <x v="2"/>
    <s v="Decoflex Hanging Personal Folder File, Blue"/>
    <n v="92.52"/>
    <n v="6"/>
    <n v="24.98"/>
  </r>
  <r>
    <d v="2014-09-19T00:00:00"/>
    <x v="8"/>
    <x v="0"/>
    <x v="412"/>
    <x v="3"/>
    <x v="0"/>
    <x v="7"/>
    <s v="Revere Boxed Rubber Bands by Revere"/>
    <n v="5.67"/>
    <n v="3"/>
    <n v="0.11"/>
  </r>
  <r>
    <d v="2014-09-19T00:00:00"/>
    <x v="8"/>
    <x v="0"/>
    <x v="37"/>
    <x v="12"/>
    <x v="1"/>
    <x v="13"/>
    <s v="Hon 2111 Invitation Series Straight Table"/>
    <n v="73.92"/>
    <n v="1"/>
    <n v="-45.83"/>
  </r>
  <r>
    <d v="2014-09-20T00:00:00"/>
    <x v="8"/>
    <x v="0"/>
    <x v="413"/>
    <x v="1"/>
    <x v="1"/>
    <x v="13"/>
    <s v="Bevis 44 x 96 Conference Tables"/>
    <n v="617.70000000000005"/>
    <n v="6"/>
    <n v="-407.68"/>
  </r>
  <r>
    <d v="2014-09-20T00:00:00"/>
    <x v="8"/>
    <x v="0"/>
    <x v="414"/>
    <x v="3"/>
    <x v="0"/>
    <x v="1"/>
    <s v="Avery 499"/>
    <n v="9.9600000000000009"/>
    <n v="2"/>
    <n v="4.58"/>
  </r>
  <r>
    <d v="2014-09-20T00:00:00"/>
    <x v="8"/>
    <x v="0"/>
    <x v="414"/>
    <x v="3"/>
    <x v="0"/>
    <x v="0"/>
    <s v="Wirebound Message Book, 4 per Page"/>
    <n v="21.72"/>
    <n v="4"/>
    <n v="10.64"/>
  </r>
  <r>
    <d v="2014-09-20T00:00:00"/>
    <x v="8"/>
    <x v="0"/>
    <x v="159"/>
    <x v="16"/>
    <x v="0"/>
    <x v="4"/>
    <s v="Nontoxic Chalk"/>
    <n v="2.82"/>
    <n v="2"/>
    <n v="0.99"/>
  </r>
  <r>
    <d v="2014-09-20T00:00:00"/>
    <x v="8"/>
    <x v="0"/>
    <x v="415"/>
    <x v="3"/>
    <x v="0"/>
    <x v="12"/>
    <s v="Staple holder"/>
    <n v="43.92"/>
    <n v="4"/>
    <n v="11.86"/>
  </r>
  <r>
    <d v="2014-09-20T00:00:00"/>
    <x v="8"/>
    <x v="0"/>
    <x v="415"/>
    <x v="3"/>
    <x v="0"/>
    <x v="3"/>
    <s v="Ibico Plastic and Wire Spiral Binding Combs"/>
    <n v="20.23"/>
    <n v="3"/>
    <n v="6.58"/>
  </r>
  <r>
    <d v="2014-09-20T00:00:00"/>
    <x v="8"/>
    <x v="0"/>
    <x v="416"/>
    <x v="36"/>
    <x v="1"/>
    <x v="8"/>
    <s v="C-Line Cubicle Keepers Polyproplyene Holder w/Velcro Back, 8-1/2x11, 25/Bx"/>
    <n v="164.22"/>
    <n v="3"/>
    <n v="50.91"/>
  </r>
  <r>
    <d v="2014-09-20T00:00:00"/>
    <x v="8"/>
    <x v="0"/>
    <x v="416"/>
    <x v="36"/>
    <x v="1"/>
    <x v="11"/>
    <s v="O'Sullivan Living Dimensions 2-Shelf Bookcases"/>
    <n v="362.94"/>
    <n v="3"/>
    <n v="36.29"/>
  </r>
  <r>
    <d v="2014-09-20T00:00:00"/>
    <x v="8"/>
    <x v="0"/>
    <x v="416"/>
    <x v="36"/>
    <x v="2"/>
    <x v="9"/>
    <s v="Logitech 910-002974 M325 Wireless Mouse for Web Scrolling"/>
    <n v="59.98"/>
    <n v="2"/>
    <n v="26.39"/>
  </r>
  <r>
    <d v="2014-09-20T00:00:00"/>
    <x v="8"/>
    <x v="0"/>
    <x v="417"/>
    <x v="1"/>
    <x v="1"/>
    <x v="11"/>
    <s v="Bush Heritage Pine Collection 5-Shelf Bookcase, Albany Pine Finish, *Special Order"/>
    <n v="493.43"/>
    <n v="5"/>
    <n v="-70.489999999999995"/>
  </r>
  <r>
    <d v="2014-09-20T00:00:00"/>
    <x v="8"/>
    <x v="0"/>
    <x v="417"/>
    <x v="1"/>
    <x v="2"/>
    <x v="6"/>
    <s v="QVS USB Car Charger 2-Port 2.1Amp for iPod/iPhone/iPad/iPad 2/iPad 3"/>
    <n v="11.12"/>
    <n v="2"/>
    <n v="3.48"/>
  </r>
  <r>
    <d v="2014-09-20T00:00:00"/>
    <x v="8"/>
    <x v="0"/>
    <x v="418"/>
    <x v="3"/>
    <x v="0"/>
    <x v="0"/>
    <s v="Xerox 1900"/>
    <n v="8.56"/>
    <n v="2"/>
    <n v="3.85"/>
  </r>
  <r>
    <d v="2014-09-20T00:00:00"/>
    <x v="8"/>
    <x v="0"/>
    <x v="363"/>
    <x v="20"/>
    <x v="2"/>
    <x v="6"/>
    <s v="Ooma Telo VoIP Home Phone System"/>
    <n v="629.95000000000005"/>
    <n v="5"/>
    <n v="157.49"/>
  </r>
  <r>
    <d v="2014-09-20T00:00:00"/>
    <x v="8"/>
    <x v="0"/>
    <x v="363"/>
    <x v="20"/>
    <x v="1"/>
    <x v="5"/>
    <s v="Global Leather Executive Chair"/>
    <n v="631.78"/>
    <n v="2"/>
    <n v="140.4"/>
  </r>
  <r>
    <d v="2014-09-20T00:00:00"/>
    <x v="8"/>
    <x v="0"/>
    <x v="363"/>
    <x v="20"/>
    <x v="1"/>
    <x v="11"/>
    <s v="DMI Eclipse Executive Suite Bookcases"/>
    <n v="801.57"/>
    <n v="2"/>
    <n v="-10.02"/>
  </r>
  <r>
    <d v="2014-09-20T00:00:00"/>
    <x v="8"/>
    <x v="0"/>
    <x v="363"/>
    <x v="20"/>
    <x v="0"/>
    <x v="1"/>
    <s v="Avery 485"/>
    <n v="75.180000000000007"/>
    <n v="6"/>
    <n v="35.33"/>
  </r>
  <r>
    <d v="2014-09-20T00:00:00"/>
    <x v="8"/>
    <x v="0"/>
    <x v="363"/>
    <x v="20"/>
    <x v="0"/>
    <x v="12"/>
    <s v="Euro-Pro Shark Turbo Vacuum"/>
    <n v="30.98"/>
    <n v="1"/>
    <n v="8.0500000000000007"/>
  </r>
  <r>
    <d v="2014-09-20T00:00:00"/>
    <x v="8"/>
    <x v="0"/>
    <x v="363"/>
    <x v="20"/>
    <x v="2"/>
    <x v="6"/>
    <s v="Panasonic KX-TG9541B DECT 6.0 Digital 2-Line Expandable Cordless Phone With Digital Answering System"/>
    <n v="1349.91"/>
    <n v="9"/>
    <n v="661.46"/>
  </r>
  <r>
    <d v="2014-09-21T00:00:00"/>
    <x v="8"/>
    <x v="0"/>
    <x v="419"/>
    <x v="22"/>
    <x v="2"/>
    <x v="6"/>
    <s v="Nortel Meridian M3904 Professional Digital phone"/>
    <n v="246.38"/>
    <n v="2"/>
    <n v="27.72"/>
  </r>
  <r>
    <d v="2014-09-21T00:00:00"/>
    <x v="8"/>
    <x v="0"/>
    <x v="419"/>
    <x v="22"/>
    <x v="2"/>
    <x v="16"/>
    <s v="Canon PC1080F Personal Copier"/>
    <n v="1799.97"/>
    <n v="3"/>
    <n v="701.99"/>
  </r>
  <r>
    <d v="2014-09-21T00:00:00"/>
    <x v="8"/>
    <x v="0"/>
    <x v="291"/>
    <x v="40"/>
    <x v="0"/>
    <x v="12"/>
    <s v="Fellowes Basic Home/Office Series Surge Protectors"/>
    <n v="25.96"/>
    <n v="2"/>
    <n v="7.53"/>
  </r>
  <r>
    <d v="2014-09-21T00:00:00"/>
    <x v="8"/>
    <x v="0"/>
    <x v="291"/>
    <x v="40"/>
    <x v="0"/>
    <x v="12"/>
    <s v="Acco 6 Outlet Guardian Standard Surge Suppressor"/>
    <n v="36.270000000000003"/>
    <n v="3"/>
    <n v="10.88"/>
  </r>
  <r>
    <d v="2014-09-21T00:00:00"/>
    <x v="8"/>
    <x v="0"/>
    <x v="291"/>
    <x v="40"/>
    <x v="0"/>
    <x v="0"/>
    <s v="Xerox 224"/>
    <n v="6.48"/>
    <n v="1"/>
    <n v="3.11"/>
  </r>
  <r>
    <d v="2014-09-21T00:00:00"/>
    <x v="8"/>
    <x v="0"/>
    <x v="221"/>
    <x v="3"/>
    <x v="0"/>
    <x v="10"/>
    <s v="Staple envelope"/>
    <n v="15.56"/>
    <n v="2"/>
    <n v="7.31"/>
  </r>
  <r>
    <d v="2014-09-21T00:00:00"/>
    <x v="8"/>
    <x v="0"/>
    <x v="221"/>
    <x v="3"/>
    <x v="0"/>
    <x v="10"/>
    <s v="#10 White Business Envelopes,4 1/8 x 9 1/2"/>
    <n v="78.349999999999994"/>
    <n v="5"/>
    <n v="36.82"/>
  </r>
  <r>
    <d v="2014-09-21T00:00:00"/>
    <x v="8"/>
    <x v="0"/>
    <x v="221"/>
    <x v="3"/>
    <x v="0"/>
    <x v="4"/>
    <s v="Newell 34"/>
    <n v="59.52"/>
    <n v="3"/>
    <n v="15.48"/>
  </r>
  <r>
    <d v="2014-09-21T00:00:00"/>
    <x v="8"/>
    <x v="0"/>
    <x v="221"/>
    <x v="3"/>
    <x v="0"/>
    <x v="0"/>
    <s v="Xerox 1971"/>
    <n v="38.520000000000003"/>
    <n v="9"/>
    <n v="17.329999999999998"/>
  </r>
  <r>
    <d v="2014-09-21T00:00:00"/>
    <x v="8"/>
    <x v="0"/>
    <x v="221"/>
    <x v="3"/>
    <x v="2"/>
    <x v="6"/>
    <s v="Polycom CX300 Desktop Phone USB VoIP phone"/>
    <n v="239.98"/>
    <n v="2"/>
    <n v="24"/>
  </r>
  <r>
    <d v="2014-09-21T00:00:00"/>
    <x v="8"/>
    <x v="0"/>
    <x v="221"/>
    <x v="3"/>
    <x v="0"/>
    <x v="0"/>
    <s v="Wirebound Four 2-3/4 x 5 Forms per Page, 400 Sets per Book"/>
    <n v="19.350000000000001"/>
    <n v="3"/>
    <n v="9.48"/>
  </r>
  <r>
    <d v="2014-09-21T00:00:00"/>
    <x v="8"/>
    <x v="0"/>
    <x v="338"/>
    <x v="2"/>
    <x v="0"/>
    <x v="0"/>
    <s v="While You Were Out Pads, 50 per Pad, 4 x 5 1/4, Green Cycle"/>
    <n v="11.35"/>
    <n v="3"/>
    <n v="4.12"/>
  </r>
  <r>
    <d v="2014-09-21T00:00:00"/>
    <x v="8"/>
    <x v="0"/>
    <x v="338"/>
    <x v="2"/>
    <x v="0"/>
    <x v="1"/>
    <s v="Staple-on labels"/>
    <n v="20.81"/>
    <n v="9"/>
    <n v="7.02"/>
  </r>
  <r>
    <d v="2014-09-21T00:00:00"/>
    <x v="8"/>
    <x v="0"/>
    <x v="179"/>
    <x v="0"/>
    <x v="1"/>
    <x v="8"/>
    <s v="Dana Swing-Arm Lamps"/>
    <n v="8.5399999999999991"/>
    <n v="2"/>
    <n v="-7.48"/>
  </r>
  <r>
    <d v="2014-09-21T00:00:00"/>
    <x v="8"/>
    <x v="0"/>
    <x v="420"/>
    <x v="2"/>
    <x v="0"/>
    <x v="3"/>
    <s v="Angle-D Binders with Locking Rings, Label Holders"/>
    <n v="6.57"/>
    <n v="3"/>
    <n v="-5.04"/>
  </r>
  <r>
    <d v="2014-09-21T00:00:00"/>
    <x v="8"/>
    <x v="0"/>
    <x v="421"/>
    <x v="20"/>
    <x v="0"/>
    <x v="4"/>
    <s v="Boston 16801 Nautilus Battery Pencil Sharpener"/>
    <n v="66.03"/>
    <n v="3"/>
    <n v="17.170000000000002"/>
  </r>
  <r>
    <d v="2014-09-22T00:00:00"/>
    <x v="8"/>
    <x v="0"/>
    <x v="389"/>
    <x v="16"/>
    <x v="0"/>
    <x v="1"/>
    <s v="Avery File Folder Labels"/>
    <n v="4.6100000000000003"/>
    <n v="2"/>
    <n v="1.67"/>
  </r>
  <r>
    <d v="2014-09-22T00:00:00"/>
    <x v="8"/>
    <x v="0"/>
    <x v="422"/>
    <x v="1"/>
    <x v="0"/>
    <x v="2"/>
    <s v="SAFCO Commercial Wire Shelving, Black"/>
    <n v="331.54"/>
    <n v="3"/>
    <n v="-82.88"/>
  </r>
  <r>
    <d v="2014-09-22T00:00:00"/>
    <x v="8"/>
    <x v="0"/>
    <x v="145"/>
    <x v="3"/>
    <x v="0"/>
    <x v="2"/>
    <s v="File Shuttle II and Handi-File, Black"/>
    <n v="169.45"/>
    <n v="5"/>
    <n v="42.36"/>
  </r>
  <r>
    <d v="2014-09-22T00:00:00"/>
    <x v="8"/>
    <x v="0"/>
    <x v="145"/>
    <x v="3"/>
    <x v="0"/>
    <x v="2"/>
    <s v="Tennsco Commercial Shelving"/>
    <n v="40.68"/>
    <n v="2"/>
    <n v="0.41"/>
  </r>
  <r>
    <d v="2014-09-22T00:00:00"/>
    <x v="8"/>
    <x v="0"/>
    <x v="423"/>
    <x v="20"/>
    <x v="1"/>
    <x v="8"/>
    <s v="Computer Room Manger, 14&quot;"/>
    <n v="97.44"/>
    <n v="3"/>
    <n v="35.08"/>
  </r>
  <r>
    <d v="2014-09-22T00:00:00"/>
    <x v="8"/>
    <x v="0"/>
    <x v="423"/>
    <x v="20"/>
    <x v="0"/>
    <x v="3"/>
    <s v="Cardinal Holdit Business Card Pockets"/>
    <n v="3.98"/>
    <n v="1"/>
    <n v="1.39"/>
  </r>
  <r>
    <d v="2014-09-22T00:00:00"/>
    <x v="8"/>
    <x v="0"/>
    <x v="423"/>
    <x v="20"/>
    <x v="0"/>
    <x v="4"/>
    <s v="Avery Hi-Liter GlideStik Fluorescent Highlighter, Yellow Ink"/>
    <n v="13.04"/>
    <n v="4"/>
    <n v="5.74"/>
  </r>
  <r>
    <d v="2014-09-22T00:00:00"/>
    <x v="8"/>
    <x v="0"/>
    <x v="423"/>
    <x v="20"/>
    <x v="1"/>
    <x v="5"/>
    <s v="Office Star - Mid Back Dual function Ergonomic High Back Chair with 2-Way Adjustable Arms"/>
    <n v="579.53"/>
    <n v="4"/>
    <n v="83.71"/>
  </r>
  <r>
    <d v="2014-09-23T00:00:00"/>
    <x v="8"/>
    <x v="0"/>
    <x v="291"/>
    <x v="3"/>
    <x v="1"/>
    <x v="11"/>
    <s v="Rush Hierlooms Collection 1&quot; Thick Stackable Bookcases"/>
    <n v="436"/>
    <n v="3"/>
    <n v="20.52"/>
  </r>
  <r>
    <d v="2014-09-23T00:00:00"/>
    <x v="8"/>
    <x v="0"/>
    <x v="291"/>
    <x v="3"/>
    <x v="2"/>
    <x v="6"/>
    <s v="netTALK DUO VoIP Telephone Service"/>
    <n v="83.98"/>
    <n v="2"/>
    <n v="31.49"/>
  </r>
  <r>
    <d v="2014-09-23T00:00:00"/>
    <x v="8"/>
    <x v="0"/>
    <x v="43"/>
    <x v="20"/>
    <x v="0"/>
    <x v="3"/>
    <s v="Avery Arch Ring Binders"/>
    <n v="139.44"/>
    <n v="3"/>
    <n v="47.06"/>
  </r>
  <r>
    <d v="2014-09-23T00:00:00"/>
    <x v="8"/>
    <x v="0"/>
    <x v="42"/>
    <x v="28"/>
    <x v="0"/>
    <x v="0"/>
    <s v="Xerox 217"/>
    <n v="32.4"/>
    <n v="5"/>
    <n v="15.55"/>
  </r>
  <r>
    <d v="2014-09-23T00:00:00"/>
    <x v="8"/>
    <x v="0"/>
    <x v="42"/>
    <x v="28"/>
    <x v="0"/>
    <x v="2"/>
    <s v="Carina Double Wide Media Storage Towers in Natural &amp; Black"/>
    <n v="404.9"/>
    <n v="5"/>
    <n v="16.2"/>
  </r>
  <r>
    <d v="2014-09-23T00:00:00"/>
    <x v="8"/>
    <x v="0"/>
    <x v="42"/>
    <x v="28"/>
    <x v="0"/>
    <x v="3"/>
    <s v="Ibico EPK-21 Electric Binding System"/>
    <n v="9449.9500000000007"/>
    <n v="5"/>
    <n v="4630.4799999999996"/>
  </r>
  <r>
    <d v="2014-09-23T00:00:00"/>
    <x v="8"/>
    <x v="0"/>
    <x v="42"/>
    <x v="28"/>
    <x v="0"/>
    <x v="3"/>
    <s v="GBC Instant Report Kit"/>
    <n v="12.94"/>
    <n v="2"/>
    <n v="6.47"/>
  </r>
  <r>
    <d v="2014-09-23T00:00:00"/>
    <x v="8"/>
    <x v="0"/>
    <x v="412"/>
    <x v="10"/>
    <x v="0"/>
    <x v="0"/>
    <s v="EcoTones Memo Sheets"/>
    <n v="28.8"/>
    <n v="9"/>
    <n v="10.08"/>
  </r>
  <r>
    <d v="2014-09-23T00:00:00"/>
    <x v="8"/>
    <x v="0"/>
    <x v="424"/>
    <x v="7"/>
    <x v="0"/>
    <x v="3"/>
    <s v="Wilson Jones Suede Grain Vinyl Binders"/>
    <n v="11.12"/>
    <n v="4"/>
    <n v="5.45"/>
  </r>
  <r>
    <d v="2014-09-23T00:00:00"/>
    <x v="8"/>
    <x v="0"/>
    <x v="425"/>
    <x v="20"/>
    <x v="0"/>
    <x v="3"/>
    <s v="Avery Binding System Hidden Tab Executive Style Index Sets"/>
    <n v="18.46"/>
    <n v="4"/>
    <n v="6.92"/>
  </r>
  <r>
    <d v="2014-09-23T00:00:00"/>
    <x v="8"/>
    <x v="0"/>
    <x v="426"/>
    <x v="7"/>
    <x v="0"/>
    <x v="4"/>
    <s v="Newell 351"/>
    <n v="9.84"/>
    <n v="3"/>
    <n v="2.85"/>
  </r>
  <r>
    <d v="2014-09-23T00:00:00"/>
    <x v="8"/>
    <x v="0"/>
    <x v="426"/>
    <x v="7"/>
    <x v="0"/>
    <x v="3"/>
    <s v="Ibico Covers for Plastic or Wire Binding Elements"/>
    <n v="34.5"/>
    <n v="3"/>
    <n v="15.53"/>
  </r>
  <r>
    <d v="2014-09-24T00:00:00"/>
    <x v="8"/>
    <x v="0"/>
    <x v="427"/>
    <x v="3"/>
    <x v="0"/>
    <x v="2"/>
    <s v="Gould Plastics 9-Pocket Panel Bin, 18-3/8w x 5-1/4d x 20-1/2h, Black"/>
    <n v="211.96"/>
    <n v="4"/>
    <n v="8.48"/>
  </r>
  <r>
    <d v="2014-09-25T00:00:00"/>
    <x v="8"/>
    <x v="0"/>
    <x v="428"/>
    <x v="0"/>
    <x v="0"/>
    <x v="0"/>
    <s v="Xerox 1954"/>
    <n v="33.79"/>
    <n v="8"/>
    <n v="10.56"/>
  </r>
  <r>
    <d v="2014-09-25T00:00:00"/>
    <x v="8"/>
    <x v="0"/>
    <x v="428"/>
    <x v="0"/>
    <x v="1"/>
    <x v="11"/>
    <s v="O'Sullivan Living Dimensions 5-Shelf Bookcases"/>
    <n v="300.52999999999997"/>
    <n v="2"/>
    <n v="-97.23"/>
  </r>
  <r>
    <d v="2014-09-25T00:00:00"/>
    <x v="8"/>
    <x v="0"/>
    <x v="428"/>
    <x v="0"/>
    <x v="0"/>
    <x v="3"/>
    <s v="Avery Self-Adhesive Photo Pockets for Polaroid Photos"/>
    <n v="2.72"/>
    <n v="2"/>
    <n v="-4.3600000000000003"/>
  </r>
  <r>
    <d v="2014-09-25T00:00:00"/>
    <x v="8"/>
    <x v="0"/>
    <x v="428"/>
    <x v="0"/>
    <x v="0"/>
    <x v="10"/>
    <s v="Poly String Tie Envelopes"/>
    <n v="3.26"/>
    <n v="2"/>
    <n v="1.1000000000000001"/>
  </r>
  <r>
    <d v="2014-09-25T00:00:00"/>
    <x v="8"/>
    <x v="0"/>
    <x v="429"/>
    <x v="26"/>
    <x v="0"/>
    <x v="4"/>
    <s v="Dixon Ticonderoga Core-Lock Colored Pencils"/>
    <n v="14.58"/>
    <n v="2"/>
    <n v="2.37"/>
  </r>
  <r>
    <d v="2014-09-26T00:00:00"/>
    <x v="8"/>
    <x v="0"/>
    <x v="388"/>
    <x v="3"/>
    <x v="1"/>
    <x v="5"/>
    <s v="Leather Task Chair, Black"/>
    <n v="145.57"/>
    <n v="2"/>
    <n v="0"/>
  </r>
  <r>
    <d v="2014-09-26T00:00:00"/>
    <x v="8"/>
    <x v="0"/>
    <x v="418"/>
    <x v="0"/>
    <x v="0"/>
    <x v="3"/>
    <s v="Acco 3-Hole Punch"/>
    <n v="0.88"/>
    <n v="1"/>
    <n v="-1.4"/>
  </r>
  <r>
    <d v="2014-09-26T00:00:00"/>
    <x v="8"/>
    <x v="0"/>
    <x v="430"/>
    <x v="2"/>
    <x v="0"/>
    <x v="12"/>
    <s v="Belkin 8 Outlet SurgeMaster II Gold Surge Protector"/>
    <n v="143.94999999999999"/>
    <n v="3"/>
    <n v="14.4"/>
  </r>
  <r>
    <d v="2014-09-26T00:00:00"/>
    <x v="8"/>
    <x v="0"/>
    <x v="431"/>
    <x v="22"/>
    <x v="0"/>
    <x v="2"/>
    <s v="Dual Level, Single-Width Filing Carts"/>
    <n v="310.12"/>
    <n v="2"/>
    <n v="80.63"/>
  </r>
  <r>
    <d v="2014-09-26T00:00:00"/>
    <x v="8"/>
    <x v="0"/>
    <x v="432"/>
    <x v="3"/>
    <x v="1"/>
    <x v="5"/>
    <s v="Hon Deluxe Fabric Upholstered Stacking Chairs, Rounded Back"/>
    <n v="585.54999999999995"/>
    <n v="3"/>
    <n v="73.19"/>
  </r>
  <r>
    <d v="2014-09-26T00:00:00"/>
    <x v="8"/>
    <x v="0"/>
    <x v="432"/>
    <x v="3"/>
    <x v="0"/>
    <x v="0"/>
    <s v="Xerox 217"/>
    <n v="19.440000000000001"/>
    <n v="3"/>
    <n v="9.33"/>
  </r>
  <r>
    <d v="2014-09-26T00:00:00"/>
    <x v="8"/>
    <x v="0"/>
    <x v="71"/>
    <x v="2"/>
    <x v="0"/>
    <x v="3"/>
    <s v="Avery Durable Slant Ring Binders, No Labels"/>
    <n v="5.97"/>
    <n v="5"/>
    <n v="-4.58"/>
  </r>
  <r>
    <d v="2014-09-26T00:00:00"/>
    <x v="8"/>
    <x v="0"/>
    <x v="71"/>
    <x v="2"/>
    <x v="1"/>
    <x v="8"/>
    <s v="DAX Black Cherry Wood-Tone Poster Frame"/>
    <n v="21.18"/>
    <n v="1"/>
    <n v="4.7699999999999996"/>
  </r>
  <r>
    <d v="2014-09-26T00:00:00"/>
    <x v="8"/>
    <x v="0"/>
    <x v="71"/>
    <x v="2"/>
    <x v="0"/>
    <x v="12"/>
    <s v="Acco Six-Outlet Power Strip, 4' Cord Length"/>
    <n v="41.38"/>
    <n v="6"/>
    <n v="3.1"/>
  </r>
  <r>
    <d v="2014-09-26T00:00:00"/>
    <x v="8"/>
    <x v="0"/>
    <x v="163"/>
    <x v="10"/>
    <x v="0"/>
    <x v="12"/>
    <s v="Hoover Commercial Lightweight Upright Vacuum"/>
    <n v="16.7"/>
    <n v="6"/>
    <n v="1.25"/>
  </r>
  <r>
    <d v="2014-09-26T00:00:00"/>
    <x v="8"/>
    <x v="0"/>
    <x v="163"/>
    <x v="10"/>
    <x v="2"/>
    <x v="9"/>
    <s v="Maxell CD-R Discs"/>
    <n v="3.15"/>
    <n v="2"/>
    <n v="0.47"/>
  </r>
  <r>
    <d v="2014-09-26T00:00:00"/>
    <x v="8"/>
    <x v="0"/>
    <x v="163"/>
    <x v="10"/>
    <x v="0"/>
    <x v="0"/>
    <s v="Message Book, Wirebound, Four 5 1/2&quot; X 4&quot; Forms/Pg., 200 Dupl. Sets/Book"/>
    <n v="32.9"/>
    <n v="4"/>
    <n v="11.1"/>
  </r>
  <r>
    <d v="2014-09-26T00:00:00"/>
    <x v="8"/>
    <x v="0"/>
    <x v="13"/>
    <x v="1"/>
    <x v="2"/>
    <x v="9"/>
    <s v="Maxell Pro 80 Minute CD-R, 10/Pack"/>
    <n v="153.82"/>
    <n v="11"/>
    <n v="38.46"/>
  </r>
  <r>
    <d v="2014-09-27T00:00:00"/>
    <x v="8"/>
    <x v="0"/>
    <x v="93"/>
    <x v="23"/>
    <x v="1"/>
    <x v="8"/>
    <s v="Deflect-o SuperTray Unbreakable Stackable Tray, Letter, Black"/>
    <n v="87.54"/>
    <n v="3"/>
    <n v="37.64"/>
  </r>
  <r>
    <d v="2014-09-27T00:00:00"/>
    <x v="8"/>
    <x v="0"/>
    <x v="433"/>
    <x v="3"/>
    <x v="1"/>
    <x v="5"/>
    <s v="DMI Arturo Collection Mission-style Design Wood Chair"/>
    <n v="603.91999999999996"/>
    <n v="5"/>
    <n v="45.29"/>
  </r>
  <r>
    <d v="2014-09-27T00:00:00"/>
    <x v="8"/>
    <x v="0"/>
    <x v="433"/>
    <x v="3"/>
    <x v="0"/>
    <x v="0"/>
    <s v="Xerox 1919"/>
    <n v="81.98"/>
    <n v="2"/>
    <n v="40.17"/>
  </r>
  <r>
    <d v="2014-09-28T00:00:00"/>
    <x v="8"/>
    <x v="0"/>
    <x v="434"/>
    <x v="32"/>
    <x v="0"/>
    <x v="2"/>
    <s v="Decoflex Hanging Personal Folder File, Blue"/>
    <n v="46.26"/>
    <n v="3"/>
    <n v="12.49"/>
  </r>
  <r>
    <d v="2014-09-28T00:00:00"/>
    <x v="8"/>
    <x v="0"/>
    <x v="435"/>
    <x v="25"/>
    <x v="0"/>
    <x v="0"/>
    <s v="White GlueTop Scratch Pads"/>
    <n v="96.26"/>
    <n v="8"/>
    <n v="31.28"/>
  </r>
  <r>
    <d v="2014-09-28T00:00:00"/>
    <x v="8"/>
    <x v="0"/>
    <x v="435"/>
    <x v="25"/>
    <x v="0"/>
    <x v="0"/>
    <s v="Xerox 195"/>
    <n v="10.69"/>
    <n v="2"/>
    <n v="3.74"/>
  </r>
  <r>
    <d v="2014-09-28T00:00:00"/>
    <x v="8"/>
    <x v="0"/>
    <x v="21"/>
    <x v="16"/>
    <x v="1"/>
    <x v="8"/>
    <s v="Deflect-o DuraMat Antistatic Studded Beveled Mat for Medium Pile Carpeting"/>
    <n v="337.09"/>
    <n v="4"/>
    <n v="16.850000000000001"/>
  </r>
  <r>
    <d v="2014-09-29T00:00:00"/>
    <x v="8"/>
    <x v="0"/>
    <x v="358"/>
    <x v="3"/>
    <x v="1"/>
    <x v="8"/>
    <s v="Luxo Professional Combination Clamp-On Lamps"/>
    <n v="204.6"/>
    <n v="2"/>
    <n v="53.2"/>
  </r>
  <r>
    <d v="2014-09-29T00:00:00"/>
    <x v="8"/>
    <x v="0"/>
    <x v="358"/>
    <x v="3"/>
    <x v="0"/>
    <x v="7"/>
    <s v="Stockwell Push Pins"/>
    <n v="8.7200000000000006"/>
    <n v="4"/>
    <n v="2.88"/>
  </r>
  <r>
    <d v="2014-09-29T00:00:00"/>
    <x v="8"/>
    <x v="0"/>
    <x v="358"/>
    <x v="3"/>
    <x v="0"/>
    <x v="0"/>
    <s v="Xerox 223"/>
    <n v="6.48"/>
    <n v="1"/>
    <n v="3.11"/>
  </r>
  <r>
    <d v="2014-09-29T00:00:00"/>
    <x v="8"/>
    <x v="0"/>
    <x v="358"/>
    <x v="3"/>
    <x v="2"/>
    <x v="15"/>
    <s v="Star Micronics TSP800 TSP847IIU Receipt Printer"/>
    <n v="686.32"/>
    <n v="2"/>
    <n v="223.05"/>
  </r>
  <r>
    <d v="2014-09-29T00:00:00"/>
    <x v="8"/>
    <x v="0"/>
    <x v="358"/>
    <x v="3"/>
    <x v="0"/>
    <x v="2"/>
    <s v="Fellowes Mobile File Cart, Black"/>
    <n v="62.18"/>
    <n v="1"/>
    <n v="16.79"/>
  </r>
  <r>
    <d v="2014-09-29T00:00:00"/>
    <x v="8"/>
    <x v="0"/>
    <x v="436"/>
    <x v="2"/>
    <x v="0"/>
    <x v="4"/>
    <s v="Nontoxic Chalk"/>
    <n v="4.22"/>
    <n v="3"/>
    <n v="1.48"/>
  </r>
  <r>
    <d v="2014-09-29T00:00:00"/>
    <x v="8"/>
    <x v="0"/>
    <x v="436"/>
    <x v="2"/>
    <x v="1"/>
    <x v="13"/>
    <s v="Hon 30&quot; x 60&quot; Table with Locking Drawer"/>
    <n v="409.27"/>
    <n v="2"/>
    <n v="-81.849999999999994"/>
  </r>
  <r>
    <d v="2014-09-29T00:00:00"/>
    <x v="8"/>
    <x v="0"/>
    <x v="436"/>
    <x v="2"/>
    <x v="0"/>
    <x v="1"/>
    <s v="Permanent Self-Adhesive File Folder Labels for Typewriters, 1 1/8 x 3 1/2, White"/>
    <n v="55.44"/>
    <n v="11"/>
    <n v="18.02"/>
  </r>
  <r>
    <d v="2014-09-29T00:00:00"/>
    <x v="8"/>
    <x v="0"/>
    <x v="436"/>
    <x v="2"/>
    <x v="0"/>
    <x v="0"/>
    <s v="Southworth Parchment Paper &amp; Envelopes"/>
    <n v="20.93"/>
    <n v="4"/>
    <n v="6.8"/>
  </r>
  <r>
    <d v="2014-09-29T00:00:00"/>
    <x v="8"/>
    <x v="0"/>
    <x v="436"/>
    <x v="2"/>
    <x v="0"/>
    <x v="2"/>
    <s v="Tennsco Single-Tier Lockers"/>
    <n v="1801.63"/>
    <n v="6"/>
    <n v="-337.81"/>
  </r>
  <r>
    <d v="2014-09-29T00:00:00"/>
    <x v="8"/>
    <x v="0"/>
    <x v="436"/>
    <x v="2"/>
    <x v="1"/>
    <x v="13"/>
    <s v="Hon 4060 Series Tables"/>
    <n v="67.180000000000007"/>
    <n v="1"/>
    <n v="-20.149999999999999"/>
  </r>
  <r>
    <d v="2014-09-29T00:00:00"/>
    <x v="8"/>
    <x v="0"/>
    <x v="367"/>
    <x v="22"/>
    <x v="1"/>
    <x v="8"/>
    <s v="Longer-Life Soft White Bulbs"/>
    <n v="6.16"/>
    <n v="2"/>
    <n v="2.96"/>
  </r>
  <r>
    <d v="2014-09-29T00:00:00"/>
    <x v="8"/>
    <x v="0"/>
    <x v="367"/>
    <x v="22"/>
    <x v="1"/>
    <x v="13"/>
    <s v="Bevis Oval Conference Table, Walnut"/>
    <n v="2348.8200000000002"/>
    <n v="9"/>
    <n v="399.3"/>
  </r>
  <r>
    <d v="2014-09-29T00:00:00"/>
    <x v="8"/>
    <x v="0"/>
    <x v="437"/>
    <x v="20"/>
    <x v="0"/>
    <x v="2"/>
    <s v="Dual Level, Single-Width Filing Carts"/>
    <n v="1395.54"/>
    <n v="9"/>
    <n v="362.84"/>
  </r>
  <r>
    <d v="2014-09-29T00:00:00"/>
    <x v="8"/>
    <x v="0"/>
    <x v="437"/>
    <x v="20"/>
    <x v="1"/>
    <x v="8"/>
    <s v="Seth Thomas 14&quot; Putty-Colored Wall Clock"/>
    <n v="117.36"/>
    <n v="4"/>
    <n v="36.380000000000003"/>
  </r>
  <r>
    <d v="2014-09-29T00:00:00"/>
    <x v="8"/>
    <x v="0"/>
    <x v="437"/>
    <x v="20"/>
    <x v="0"/>
    <x v="1"/>
    <s v="Avery 48"/>
    <n v="18.899999999999999"/>
    <n v="3"/>
    <n v="8.69"/>
  </r>
  <r>
    <d v="2014-09-29T00:00:00"/>
    <x v="8"/>
    <x v="0"/>
    <x v="437"/>
    <x v="20"/>
    <x v="0"/>
    <x v="0"/>
    <s v="White Computer Printout Paper by Universal"/>
    <n v="77.52"/>
    <n v="2"/>
    <n v="37.979999999999997"/>
  </r>
  <r>
    <d v="2014-09-29T00:00:00"/>
    <x v="8"/>
    <x v="0"/>
    <x v="438"/>
    <x v="22"/>
    <x v="0"/>
    <x v="3"/>
    <s v="GBC Standard Plastic Binding Systems' Combs"/>
    <n v="10.050000000000001"/>
    <n v="2"/>
    <n v="3.14"/>
  </r>
  <r>
    <d v="2014-09-29T00:00:00"/>
    <x v="8"/>
    <x v="0"/>
    <x v="438"/>
    <x v="22"/>
    <x v="0"/>
    <x v="2"/>
    <s v="Fellowes Super Stor/Drawer Files"/>
    <n v="807.75"/>
    <n v="5"/>
    <n v="153.47"/>
  </r>
  <r>
    <d v="2014-09-30T00:00:00"/>
    <x v="8"/>
    <x v="0"/>
    <x v="277"/>
    <x v="20"/>
    <x v="0"/>
    <x v="0"/>
    <s v="Tops Green Bar Computer Printout Paper"/>
    <n v="48.94"/>
    <n v="1"/>
    <n v="24.47"/>
  </r>
  <r>
    <d v="2014-09-30T00:00:00"/>
    <x v="8"/>
    <x v="0"/>
    <x v="346"/>
    <x v="16"/>
    <x v="0"/>
    <x v="0"/>
    <s v="Xerox 217"/>
    <n v="15.55"/>
    <n v="3"/>
    <n v="5.44"/>
  </r>
  <r>
    <d v="2014-09-30T00:00:00"/>
    <x v="8"/>
    <x v="0"/>
    <x v="439"/>
    <x v="15"/>
    <x v="0"/>
    <x v="12"/>
    <s v="Holmes Odor Grabber"/>
    <n v="69.22"/>
    <n v="6"/>
    <n v="11.25"/>
  </r>
  <r>
    <d v="2014-09-30T00:00:00"/>
    <x v="8"/>
    <x v="0"/>
    <x v="440"/>
    <x v="22"/>
    <x v="0"/>
    <x v="3"/>
    <s v="DXL Angle-View Binders with Locking Rings by Samsill"/>
    <n v="43.18"/>
    <n v="7"/>
    <n v="13.49"/>
  </r>
  <r>
    <d v="2014-09-30T00:00:00"/>
    <x v="8"/>
    <x v="0"/>
    <x v="223"/>
    <x v="20"/>
    <x v="1"/>
    <x v="8"/>
    <s v="Master Caster Door Stop, Brown"/>
    <n v="15.24"/>
    <n v="3"/>
    <n v="5.18"/>
  </r>
  <r>
    <d v="2014-09-30T00:00:00"/>
    <x v="8"/>
    <x v="0"/>
    <x v="441"/>
    <x v="10"/>
    <x v="0"/>
    <x v="12"/>
    <s v="Eureka Sanitaire  Commercial Upright"/>
    <n v="795.41"/>
    <n v="6"/>
    <n v="59.66"/>
  </r>
  <r>
    <d v="2014-10-01T00:00:00"/>
    <x v="9"/>
    <x v="0"/>
    <x v="82"/>
    <x v="17"/>
    <x v="0"/>
    <x v="7"/>
    <s v="Sterling Rubber Bands by Alliance"/>
    <n v="4.71"/>
    <n v="1"/>
    <n v="0"/>
  </r>
  <r>
    <d v="2014-10-02T00:00:00"/>
    <x v="9"/>
    <x v="0"/>
    <x v="442"/>
    <x v="12"/>
    <x v="0"/>
    <x v="0"/>
    <s v="Adams Telephone Message Book W/Dividers/Space For Phone Numbers, 5 1/4&quot;X8 1/2&quot;, 300/Messages"/>
    <n v="9.41"/>
    <n v="2"/>
    <n v="3.41"/>
  </r>
  <r>
    <d v="2014-10-02T00:00:00"/>
    <x v="9"/>
    <x v="0"/>
    <x v="442"/>
    <x v="12"/>
    <x v="0"/>
    <x v="7"/>
    <s v="Staples"/>
    <n v="4.67"/>
    <n v="2"/>
    <n v="1.46"/>
  </r>
  <r>
    <d v="2014-10-02T00:00:00"/>
    <x v="9"/>
    <x v="0"/>
    <x v="442"/>
    <x v="12"/>
    <x v="2"/>
    <x v="6"/>
    <s v="Bose SoundLink Bluetooth Speaker"/>
    <n v="318.39999999999998"/>
    <n v="2"/>
    <n v="107.46"/>
  </r>
  <r>
    <d v="2014-10-02T00:00:00"/>
    <x v="9"/>
    <x v="0"/>
    <x v="442"/>
    <x v="12"/>
    <x v="0"/>
    <x v="10"/>
    <s v="Letter or Legal Size Expandable Poly String Tie Envelopes"/>
    <n v="12.77"/>
    <n v="6"/>
    <n v="4.63"/>
  </r>
  <r>
    <d v="2014-10-02T00:00:00"/>
    <x v="9"/>
    <x v="0"/>
    <x v="442"/>
    <x v="12"/>
    <x v="0"/>
    <x v="14"/>
    <s v="Stiletto Hand Letter Openers"/>
    <n v="15.36"/>
    <n v="2"/>
    <n v="-3.26"/>
  </r>
  <r>
    <d v="2014-10-02T00:00:00"/>
    <x v="9"/>
    <x v="0"/>
    <x v="442"/>
    <x v="12"/>
    <x v="2"/>
    <x v="6"/>
    <s v="Pyle PMP37LED"/>
    <n v="230.38"/>
    <n v="3"/>
    <n v="20.16"/>
  </r>
  <r>
    <d v="2014-10-02T00:00:00"/>
    <x v="9"/>
    <x v="0"/>
    <x v="442"/>
    <x v="12"/>
    <x v="2"/>
    <x v="9"/>
    <s v="Kingston Digital DataTraveler 16GB USB 2.0"/>
    <n v="7.16"/>
    <n v="1"/>
    <n v="-0.09"/>
  </r>
  <r>
    <d v="2014-10-03T00:00:00"/>
    <x v="9"/>
    <x v="0"/>
    <x v="443"/>
    <x v="1"/>
    <x v="1"/>
    <x v="5"/>
    <s v="Global High-Back Leather Tilter, Burgundy"/>
    <n v="258.27999999999997"/>
    <n v="3"/>
    <n v="-70.099999999999994"/>
  </r>
  <r>
    <d v="2014-10-03T00:00:00"/>
    <x v="9"/>
    <x v="0"/>
    <x v="444"/>
    <x v="3"/>
    <x v="1"/>
    <x v="13"/>
    <s v="Bevis Round Conference Room Tables and Bases"/>
    <n v="143.43"/>
    <n v="1"/>
    <n v="3.59"/>
  </r>
  <r>
    <d v="2014-10-03T00:00:00"/>
    <x v="9"/>
    <x v="0"/>
    <x v="444"/>
    <x v="3"/>
    <x v="1"/>
    <x v="5"/>
    <s v="Global Deluxe Stacking Chair, Gray"/>
    <n v="122.35"/>
    <n v="3"/>
    <n v="13.76"/>
  </r>
  <r>
    <d v="2014-10-03T00:00:00"/>
    <x v="9"/>
    <x v="0"/>
    <x v="421"/>
    <x v="25"/>
    <x v="0"/>
    <x v="2"/>
    <s v="Advantus Rolling Drawer Organizers"/>
    <n v="61.57"/>
    <n v="2"/>
    <n v="4.62"/>
  </r>
  <r>
    <d v="2014-10-03T00:00:00"/>
    <x v="9"/>
    <x v="0"/>
    <x v="421"/>
    <x v="25"/>
    <x v="0"/>
    <x v="4"/>
    <s v="DIXON Oriole Pencils"/>
    <n v="6.19"/>
    <n v="3"/>
    <n v="0.46"/>
  </r>
  <r>
    <d v="2014-10-03T00:00:00"/>
    <x v="9"/>
    <x v="0"/>
    <x v="445"/>
    <x v="10"/>
    <x v="0"/>
    <x v="4"/>
    <s v="Hunt Boston Vacuum Mount KS Pencil Sharpener"/>
    <n v="55.98"/>
    <n v="2"/>
    <n v="4.2"/>
  </r>
  <r>
    <d v="2014-10-03T00:00:00"/>
    <x v="9"/>
    <x v="0"/>
    <x v="445"/>
    <x v="10"/>
    <x v="0"/>
    <x v="10"/>
    <s v="Convenience Packs of Business Envelopes"/>
    <n v="14.48"/>
    <n v="5"/>
    <n v="4.8899999999999997"/>
  </r>
  <r>
    <d v="2014-10-03T00:00:00"/>
    <x v="9"/>
    <x v="0"/>
    <x v="445"/>
    <x v="10"/>
    <x v="2"/>
    <x v="9"/>
    <s v="Logitech G105 Gaming Keyboard"/>
    <n v="142.49"/>
    <n v="3"/>
    <n v="-3.56"/>
  </r>
  <r>
    <d v="2014-10-03T00:00:00"/>
    <x v="9"/>
    <x v="0"/>
    <x v="446"/>
    <x v="0"/>
    <x v="0"/>
    <x v="7"/>
    <s v="Colored Push Pins"/>
    <n v="4.34"/>
    <n v="3"/>
    <n v="0.87"/>
  </r>
  <r>
    <d v="2014-10-03T00:00:00"/>
    <x v="9"/>
    <x v="0"/>
    <x v="446"/>
    <x v="0"/>
    <x v="1"/>
    <x v="8"/>
    <s v="DAX Natural Wood-Tone Poster Frame"/>
    <n v="31.78"/>
    <n v="3"/>
    <n v="-19.07"/>
  </r>
  <r>
    <d v="2014-10-03T00:00:00"/>
    <x v="9"/>
    <x v="0"/>
    <x v="446"/>
    <x v="0"/>
    <x v="0"/>
    <x v="1"/>
    <s v="Smead Alpha-Z Color-Coded Second Alphabetical Labels and Starter Set"/>
    <n v="4.93"/>
    <n v="2"/>
    <n v="1.72"/>
  </r>
  <r>
    <d v="2014-10-03T00:00:00"/>
    <x v="9"/>
    <x v="0"/>
    <x v="446"/>
    <x v="0"/>
    <x v="0"/>
    <x v="3"/>
    <s v="Avery Hidden Tab Dividers for Binding Systems"/>
    <n v="1.79"/>
    <n v="3"/>
    <n v="-3.04"/>
  </r>
  <r>
    <d v="2014-10-03T00:00:00"/>
    <x v="9"/>
    <x v="0"/>
    <x v="446"/>
    <x v="0"/>
    <x v="0"/>
    <x v="7"/>
    <s v="Sterling Rubber Bands by Alliance"/>
    <n v="15.07"/>
    <n v="4"/>
    <n v="-3.77"/>
  </r>
  <r>
    <d v="2014-10-04T00:00:00"/>
    <x v="9"/>
    <x v="0"/>
    <x v="447"/>
    <x v="3"/>
    <x v="0"/>
    <x v="1"/>
    <s v="Avery 512"/>
    <n v="14.45"/>
    <n v="5"/>
    <n v="6.79"/>
  </r>
  <r>
    <d v="2014-10-04T00:00:00"/>
    <x v="9"/>
    <x v="0"/>
    <x v="447"/>
    <x v="3"/>
    <x v="0"/>
    <x v="3"/>
    <s v="GBC Recycled Regency Composition Covers"/>
    <n v="95.65"/>
    <n v="2"/>
    <n v="31.09"/>
  </r>
  <r>
    <d v="2014-10-04T00:00:00"/>
    <x v="9"/>
    <x v="0"/>
    <x v="448"/>
    <x v="22"/>
    <x v="0"/>
    <x v="1"/>
    <s v="Avery 519"/>
    <n v="29.24"/>
    <n v="4"/>
    <n v="13.74"/>
  </r>
  <r>
    <d v="2014-10-04T00:00:00"/>
    <x v="9"/>
    <x v="0"/>
    <x v="393"/>
    <x v="20"/>
    <x v="1"/>
    <x v="5"/>
    <s v="Office Star - Contemporary Task Swivel chair with Loop Arms, Charcoal"/>
    <n v="589.41"/>
    <n v="5"/>
    <n v="-6.55"/>
  </r>
  <r>
    <d v="2014-10-05T00:00:00"/>
    <x v="9"/>
    <x v="0"/>
    <x v="449"/>
    <x v="10"/>
    <x v="0"/>
    <x v="12"/>
    <s v="Belkin F5C206VTEL 6 Outlet Surge"/>
    <n v="91.92"/>
    <n v="5"/>
    <n v="11.49"/>
  </r>
  <r>
    <d v="2014-10-05T00:00:00"/>
    <x v="9"/>
    <x v="0"/>
    <x v="348"/>
    <x v="3"/>
    <x v="2"/>
    <x v="9"/>
    <s v="Plantronics Audio 478 Stereo USB Headset"/>
    <n v="99.98"/>
    <n v="2"/>
    <n v="34.99"/>
  </r>
  <r>
    <d v="2014-10-06T00:00:00"/>
    <x v="9"/>
    <x v="0"/>
    <x v="21"/>
    <x v="3"/>
    <x v="2"/>
    <x v="9"/>
    <s v="ImationÂ USB 2.0 SwivelÂ Flash DriveÂ USBÂ flash driveÂ - 4 GB - Pink"/>
    <n v="9.09"/>
    <n v="3"/>
    <n v="1.91"/>
  </r>
  <r>
    <d v="2014-10-06T00:00:00"/>
    <x v="9"/>
    <x v="0"/>
    <x v="450"/>
    <x v="40"/>
    <x v="0"/>
    <x v="3"/>
    <s v="GBC VeloBinder Strips"/>
    <n v="15.36"/>
    <n v="2"/>
    <n v="7.68"/>
  </r>
  <r>
    <d v="2014-10-06T00:00:00"/>
    <x v="9"/>
    <x v="0"/>
    <x v="448"/>
    <x v="2"/>
    <x v="0"/>
    <x v="2"/>
    <s v="Tennsco Lockers, Gray"/>
    <n v="83.92"/>
    <n v="5"/>
    <n v="-13.64"/>
  </r>
  <r>
    <d v="2014-10-06T00:00:00"/>
    <x v="9"/>
    <x v="0"/>
    <x v="379"/>
    <x v="18"/>
    <x v="0"/>
    <x v="2"/>
    <s v="Fellowes Staxonsteel Drawer Files"/>
    <n v="386.34"/>
    <n v="2"/>
    <n v="54.09"/>
  </r>
  <r>
    <d v="2014-10-07T00:00:00"/>
    <x v="9"/>
    <x v="0"/>
    <x v="376"/>
    <x v="2"/>
    <x v="1"/>
    <x v="8"/>
    <s v="Seth Thomas 16&quot; Steel Case Clock"/>
    <n v="129.91999999999999"/>
    <n v="5"/>
    <n v="21.11"/>
  </r>
  <r>
    <d v="2014-10-07T00:00:00"/>
    <x v="9"/>
    <x v="0"/>
    <x v="130"/>
    <x v="0"/>
    <x v="0"/>
    <x v="2"/>
    <s v="Fellowes Personal Hanging Folder Files, Navy"/>
    <n v="107.44"/>
    <n v="10"/>
    <n v="10.74"/>
  </r>
  <r>
    <d v="2014-10-08T00:00:00"/>
    <x v="9"/>
    <x v="0"/>
    <x v="419"/>
    <x v="25"/>
    <x v="2"/>
    <x v="9"/>
    <s v="Maxell 74 Minute CDR, 10/Pack"/>
    <n v="23.47"/>
    <n v="3"/>
    <n v="4.99"/>
  </r>
  <r>
    <d v="2014-10-08T00:00:00"/>
    <x v="9"/>
    <x v="0"/>
    <x v="416"/>
    <x v="20"/>
    <x v="0"/>
    <x v="0"/>
    <s v="Xerox 197"/>
    <n v="123.92"/>
    <n v="4"/>
    <n v="55.76"/>
  </r>
  <r>
    <d v="2014-10-09T00:00:00"/>
    <x v="9"/>
    <x v="0"/>
    <x v="244"/>
    <x v="25"/>
    <x v="0"/>
    <x v="0"/>
    <s v="Eaton Premium Continuous-Feed Paper, 25% Cotton, Letter Size, White, 1000 Shts/Box"/>
    <n v="88.77"/>
    <n v="2"/>
    <n v="31.07"/>
  </r>
  <r>
    <d v="2014-10-09T00:00:00"/>
    <x v="9"/>
    <x v="0"/>
    <x v="373"/>
    <x v="3"/>
    <x v="0"/>
    <x v="4"/>
    <s v="Boston Heavy-Duty Trimline Electric Pencil Sharpeners"/>
    <n v="144.6"/>
    <n v="3"/>
    <n v="41.93"/>
  </r>
  <r>
    <d v="2014-10-09T00:00:00"/>
    <x v="9"/>
    <x v="0"/>
    <x v="373"/>
    <x v="3"/>
    <x v="2"/>
    <x v="6"/>
    <s v="iOttie HLCRIO102 Car Mount"/>
    <n v="15.99"/>
    <n v="1"/>
    <n v="-3"/>
  </r>
  <r>
    <d v="2014-10-10T00:00:00"/>
    <x v="9"/>
    <x v="0"/>
    <x v="451"/>
    <x v="3"/>
    <x v="1"/>
    <x v="5"/>
    <s v="Global Deluxe Stacking Chair, Gray"/>
    <n v="122.35"/>
    <n v="3"/>
    <n v="13.76"/>
  </r>
  <r>
    <d v="2014-10-10T00:00:00"/>
    <x v="9"/>
    <x v="0"/>
    <x v="451"/>
    <x v="3"/>
    <x v="0"/>
    <x v="10"/>
    <s v="#10- 4 1/8&quot; x 9 1/2&quot; Security-Tint Envelopes"/>
    <n v="15.28"/>
    <n v="2"/>
    <n v="7.49"/>
  </r>
  <r>
    <d v="2014-10-10T00:00:00"/>
    <x v="9"/>
    <x v="0"/>
    <x v="26"/>
    <x v="12"/>
    <x v="1"/>
    <x v="8"/>
    <s v="Westinghouse Clip-On Gooseneck Lamps"/>
    <n v="46.87"/>
    <n v="7"/>
    <n v="3.52"/>
  </r>
  <r>
    <d v="2014-10-10T00:00:00"/>
    <x v="9"/>
    <x v="0"/>
    <x v="71"/>
    <x v="0"/>
    <x v="2"/>
    <x v="6"/>
    <s v="Motorola Droid Maxx"/>
    <n v="719.95"/>
    <n v="6"/>
    <n v="72"/>
  </r>
  <r>
    <d v="2014-10-10T00:00:00"/>
    <x v="9"/>
    <x v="0"/>
    <x v="71"/>
    <x v="0"/>
    <x v="2"/>
    <x v="6"/>
    <s v="Cisco 8x8 Inc. 6753i IP Business Phone System"/>
    <n v="755.94"/>
    <n v="7"/>
    <n v="66.150000000000006"/>
  </r>
  <r>
    <d v="2014-10-10T00:00:00"/>
    <x v="9"/>
    <x v="0"/>
    <x v="71"/>
    <x v="0"/>
    <x v="0"/>
    <x v="3"/>
    <s v="GBC Personal VeloBind Strips"/>
    <n v="11.98"/>
    <n v="5"/>
    <n v="-19.170000000000002"/>
  </r>
  <r>
    <d v="2014-10-10T00:00:00"/>
    <x v="9"/>
    <x v="0"/>
    <x v="71"/>
    <x v="0"/>
    <x v="0"/>
    <x v="3"/>
    <s v="Avery Non-Stick Binders"/>
    <n v="0.9"/>
    <n v="1"/>
    <n v="-1.57"/>
  </r>
  <r>
    <d v="2014-10-10T00:00:00"/>
    <x v="9"/>
    <x v="0"/>
    <x v="77"/>
    <x v="10"/>
    <x v="2"/>
    <x v="15"/>
    <s v="Hewlett-Packard Deskjet F4180 All-in-One Color Ink-jet - Printer / copier / scanner"/>
    <n v="101.99"/>
    <n v="2"/>
    <n v="-71.400000000000006"/>
  </r>
  <r>
    <d v="2014-10-10T00:00:00"/>
    <x v="9"/>
    <x v="0"/>
    <x v="77"/>
    <x v="10"/>
    <x v="0"/>
    <x v="3"/>
    <s v="Premier Elliptical Ring Binder, Black"/>
    <n v="18.260000000000002"/>
    <n v="2"/>
    <n v="-13.39"/>
  </r>
  <r>
    <d v="2014-10-10T00:00:00"/>
    <x v="9"/>
    <x v="0"/>
    <x v="452"/>
    <x v="31"/>
    <x v="0"/>
    <x v="4"/>
    <s v="Dixon Ticonderoga Core-Lock Colored Pencils, 48-Color Set"/>
    <n v="255.85"/>
    <n v="7"/>
    <n v="112.57"/>
  </r>
  <r>
    <d v="2014-10-11T00:00:00"/>
    <x v="9"/>
    <x v="0"/>
    <x v="453"/>
    <x v="2"/>
    <x v="0"/>
    <x v="2"/>
    <s v="Fellowes High-Stak Drawer Files"/>
    <n v="281.89999999999998"/>
    <n v="2"/>
    <n v="10.57"/>
  </r>
  <r>
    <d v="2014-10-11T00:00:00"/>
    <x v="9"/>
    <x v="0"/>
    <x v="453"/>
    <x v="2"/>
    <x v="0"/>
    <x v="10"/>
    <s v="Airmail Envelopes"/>
    <n v="201.43"/>
    <n v="3"/>
    <n v="67.98"/>
  </r>
  <r>
    <d v="2014-10-11T00:00:00"/>
    <x v="9"/>
    <x v="0"/>
    <x v="222"/>
    <x v="22"/>
    <x v="1"/>
    <x v="8"/>
    <s v="DAX Cubicle Frames - 8x10"/>
    <n v="63.47"/>
    <n v="11"/>
    <n v="19.04"/>
  </r>
  <r>
    <d v="2014-10-11T00:00:00"/>
    <x v="9"/>
    <x v="0"/>
    <x v="222"/>
    <x v="22"/>
    <x v="2"/>
    <x v="9"/>
    <s v="WD My Passport Ultra 1TB Portable External Hard Drive"/>
    <n v="345"/>
    <n v="5"/>
    <n v="58.65"/>
  </r>
  <r>
    <d v="2014-10-11T00:00:00"/>
    <x v="9"/>
    <x v="0"/>
    <x v="454"/>
    <x v="3"/>
    <x v="0"/>
    <x v="2"/>
    <s v="Iris Project Case"/>
    <n v="31.92"/>
    <n v="4"/>
    <n v="8.3000000000000007"/>
  </r>
  <r>
    <d v="2014-10-11T00:00:00"/>
    <x v="9"/>
    <x v="0"/>
    <x v="454"/>
    <x v="3"/>
    <x v="1"/>
    <x v="5"/>
    <s v="Global Enterprise Series Seating High-Back Swivel/Tilt Chairs"/>
    <n v="433.57"/>
    <n v="2"/>
    <n v="-65.040000000000006"/>
  </r>
  <r>
    <d v="2014-10-11T00:00:00"/>
    <x v="9"/>
    <x v="0"/>
    <x v="159"/>
    <x v="13"/>
    <x v="0"/>
    <x v="1"/>
    <s v="Self-Adhesive Address Labels for Typewriters by Universal"/>
    <n v="7.31"/>
    <n v="1"/>
    <n v="3.44"/>
  </r>
  <r>
    <d v="2014-10-11T00:00:00"/>
    <x v="9"/>
    <x v="0"/>
    <x v="159"/>
    <x v="13"/>
    <x v="1"/>
    <x v="8"/>
    <s v="Eldon Pizzaz Desk Accessories"/>
    <n v="8.92"/>
    <n v="4"/>
    <n v="3.92"/>
  </r>
  <r>
    <d v="2014-10-11T00:00:00"/>
    <x v="9"/>
    <x v="0"/>
    <x v="83"/>
    <x v="3"/>
    <x v="0"/>
    <x v="10"/>
    <s v="#10- 4 1/8&quot; x 9 1/2&quot; Security-Tint Envelopes"/>
    <n v="7.64"/>
    <n v="1"/>
    <n v="3.74"/>
  </r>
  <r>
    <d v="2014-10-12T00:00:00"/>
    <x v="9"/>
    <x v="0"/>
    <x v="416"/>
    <x v="3"/>
    <x v="0"/>
    <x v="4"/>
    <s v="Premium Writing Pencils, Soft, #2 by Central Association for the Blind"/>
    <n v="14.9"/>
    <n v="5"/>
    <n v="4.17"/>
  </r>
  <r>
    <d v="2014-10-12T00:00:00"/>
    <x v="9"/>
    <x v="0"/>
    <x v="416"/>
    <x v="3"/>
    <x v="0"/>
    <x v="2"/>
    <s v="Sortfiler Multipurpose Personal File Organizer, Black"/>
    <n v="21.39"/>
    <n v="1"/>
    <n v="6.2"/>
  </r>
  <r>
    <d v="2014-10-12T00:00:00"/>
    <x v="9"/>
    <x v="0"/>
    <x v="455"/>
    <x v="1"/>
    <x v="0"/>
    <x v="14"/>
    <s v="Acme Hot Forged Carbon Steel Scissors with Nickel-Plated Handles, 3 7/8&quot; Cut, 8&quot;L"/>
    <n v="22.24"/>
    <n v="2"/>
    <n v="2.5"/>
  </r>
  <r>
    <d v="2014-10-13T00:00:00"/>
    <x v="9"/>
    <x v="0"/>
    <x v="456"/>
    <x v="22"/>
    <x v="0"/>
    <x v="4"/>
    <s v="Newell 32"/>
    <n v="11.52"/>
    <n v="4"/>
    <n v="3.23"/>
  </r>
  <r>
    <d v="2014-10-13T00:00:00"/>
    <x v="9"/>
    <x v="0"/>
    <x v="456"/>
    <x v="22"/>
    <x v="1"/>
    <x v="13"/>
    <s v="Bevis Round Bullnose 29&quot; High Table Top"/>
    <n v="1298.55"/>
    <n v="5"/>
    <n v="311.64999999999998"/>
  </r>
  <r>
    <d v="2014-10-13T00:00:00"/>
    <x v="9"/>
    <x v="0"/>
    <x v="456"/>
    <x v="22"/>
    <x v="0"/>
    <x v="12"/>
    <s v="Belkin F9G930V10-GRY 9 Outlet Surge"/>
    <n v="213.92"/>
    <n v="4"/>
    <n v="62.04"/>
  </r>
  <r>
    <d v="2014-10-13T00:00:00"/>
    <x v="9"/>
    <x v="0"/>
    <x v="456"/>
    <x v="22"/>
    <x v="2"/>
    <x v="9"/>
    <s v="Sony 16GB Class 10 Micro SDHC R40 Memory Card"/>
    <n v="25.78"/>
    <n v="2"/>
    <n v="2.58"/>
  </r>
  <r>
    <d v="2014-10-13T00:00:00"/>
    <x v="9"/>
    <x v="0"/>
    <x v="44"/>
    <x v="23"/>
    <x v="1"/>
    <x v="5"/>
    <s v="Global High-Back Leather Tilter, Burgundy"/>
    <n v="245.98"/>
    <n v="2"/>
    <n v="27.06"/>
  </r>
  <r>
    <d v="2014-10-13T00:00:00"/>
    <x v="9"/>
    <x v="0"/>
    <x v="44"/>
    <x v="23"/>
    <x v="0"/>
    <x v="3"/>
    <s v="Flexible Leather- Look Classic Collection Ring Binder"/>
    <n v="18.940000000000001"/>
    <n v="1"/>
    <n v="9.4700000000000006"/>
  </r>
  <r>
    <d v="2014-10-13T00:00:00"/>
    <x v="9"/>
    <x v="0"/>
    <x v="457"/>
    <x v="20"/>
    <x v="0"/>
    <x v="3"/>
    <s v="Recycled Pressboard Report Cover with Reinforced Top Hinge"/>
    <n v="7.75"/>
    <n v="3"/>
    <n v="2.81"/>
  </r>
  <r>
    <d v="2014-10-13T00:00:00"/>
    <x v="9"/>
    <x v="0"/>
    <x v="415"/>
    <x v="6"/>
    <x v="0"/>
    <x v="10"/>
    <s v="Pastel Pink Envelopes"/>
    <n v="36.4"/>
    <n v="5"/>
    <n v="17.47"/>
  </r>
  <r>
    <d v="2014-10-13T00:00:00"/>
    <x v="9"/>
    <x v="0"/>
    <x v="415"/>
    <x v="6"/>
    <x v="2"/>
    <x v="9"/>
    <s v="SanDisk Cruzer 16 GB USB Flash Drive"/>
    <n v="22.96"/>
    <n v="2"/>
    <n v="4.3600000000000003"/>
  </r>
  <r>
    <d v="2014-10-13T00:00:00"/>
    <x v="9"/>
    <x v="0"/>
    <x v="415"/>
    <x v="6"/>
    <x v="0"/>
    <x v="2"/>
    <s v="Space Solutions Industrial Galvanized Steel Shelving."/>
    <n v="315.2"/>
    <n v="4"/>
    <n v="6.3"/>
  </r>
  <r>
    <d v="2014-10-13T00:00:00"/>
    <x v="9"/>
    <x v="0"/>
    <x v="415"/>
    <x v="6"/>
    <x v="0"/>
    <x v="3"/>
    <s v="Wilson Jones Standard D-Ring Binders"/>
    <n v="15.18"/>
    <n v="3"/>
    <n v="7.13"/>
  </r>
  <r>
    <d v="2014-10-14T00:00:00"/>
    <x v="9"/>
    <x v="0"/>
    <x v="458"/>
    <x v="38"/>
    <x v="0"/>
    <x v="3"/>
    <s v="Avery Metallic Poly Binders"/>
    <n v="22.92"/>
    <n v="4"/>
    <n v="11"/>
  </r>
  <r>
    <d v="2014-10-14T00:00:00"/>
    <x v="9"/>
    <x v="0"/>
    <x v="458"/>
    <x v="38"/>
    <x v="0"/>
    <x v="2"/>
    <s v="Fellowes Bankers Box Recycled Super Stor/Drawer"/>
    <n v="269.89999999999998"/>
    <n v="5"/>
    <n v="16.190000000000001"/>
  </r>
  <r>
    <d v="2014-10-14T00:00:00"/>
    <x v="9"/>
    <x v="0"/>
    <x v="459"/>
    <x v="0"/>
    <x v="0"/>
    <x v="12"/>
    <s v="Hoover Replacement Belts For Soft Guard &amp; Commercial Ltweight Upright Vacs, 2/Pk"/>
    <n v="3.16"/>
    <n v="4"/>
    <n v="-8.5299999999999994"/>
  </r>
  <r>
    <d v="2014-10-14T00:00:00"/>
    <x v="9"/>
    <x v="0"/>
    <x v="459"/>
    <x v="0"/>
    <x v="2"/>
    <x v="16"/>
    <s v="Hewlett Packard 610 Color Digital Copier / Printer"/>
    <n v="1999.96"/>
    <n v="5"/>
    <n v="624.99"/>
  </r>
  <r>
    <d v="2014-10-14T00:00:00"/>
    <x v="9"/>
    <x v="0"/>
    <x v="32"/>
    <x v="1"/>
    <x v="0"/>
    <x v="0"/>
    <s v="Xerox 1951"/>
    <n v="322.19"/>
    <n v="13"/>
    <n v="100.69"/>
  </r>
  <r>
    <d v="2014-10-14T00:00:00"/>
    <x v="9"/>
    <x v="0"/>
    <x v="32"/>
    <x v="1"/>
    <x v="0"/>
    <x v="3"/>
    <s v="Pressboard Covers with Storage Hooks, 9 1/2&quot; x 11&quot;, Light Blue"/>
    <n v="2.95"/>
    <n v="3"/>
    <n v="-4.8600000000000003"/>
  </r>
  <r>
    <d v="2014-10-14T00:00:00"/>
    <x v="9"/>
    <x v="0"/>
    <x v="32"/>
    <x v="1"/>
    <x v="0"/>
    <x v="0"/>
    <s v="Xerox 1903"/>
    <n v="19.14"/>
    <n v="4"/>
    <n v="6.94"/>
  </r>
  <r>
    <d v="2014-10-14T00:00:00"/>
    <x v="9"/>
    <x v="0"/>
    <x v="460"/>
    <x v="32"/>
    <x v="2"/>
    <x v="9"/>
    <s v="WD My Passport Ultra 500GB Portable External Hard Drive"/>
    <n v="177"/>
    <n v="3"/>
    <n v="30.09"/>
  </r>
  <r>
    <d v="2014-10-14T00:00:00"/>
    <x v="9"/>
    <x v="0"/>
    <x v="460"/>
    <x v="32"/>
    <x v="0"/>
    <x v="2"/>
    <s v="SimpliFile Personal File, Black Granite, 15w x 6-15/16d x 11-1/4h"/>
    <n v="79.45"/>
    <n v="7"/>
    <n v="22.25"/>
  </r>
  <r>
    <d v="2014-10-14T00:00:00"/>
    <x v="9"/>
    <x v="0"/>
    <x v="460"/>
    <x v="32"/>
    <x v="1"/>
    <x v="5"/>
    <s v="Office Star - Ergonomic Mid Back Chair with 2-Way Adjustable Arms"/>
    <n v="1628.82"/>
    <n v="9"/>
    <n v="260.61"/>
  </r>
  <r>
    <d v="2014-10-15T00:00:00"/>
    <x v="9"/>
    <x v="0"/>
    <x v="275"/>
    <x v="16"/>
    <x v="1"/>
    <x v="8"/>
    <s v="Executive Impressions 13&quot; Clairmont Wall Clock"/>
    <n v="15.38"/>
    <n v="1"/>
    <n v="4.04"/>
  </r>
  <r>
    <d v="2014-10-15T00:00:00"/>
    <x v="9"/>
    <x v="0"/>
    <x v="461"/>
    <x v="10"/>
    <x v="1"/>
    <x v="5"/>
    <s v="Global Italian Leather Office Chair"/>
    <n v="183.37"/>
    <n v="2"/>
    <n v="-7.86"/>
  </r>
  <r>
    <d v="2014-10-15T00:00:00"/>
    <x v="9"/>
    <x v="0"/>
    <x v="461"/>
    <x v="10"/>
    <x v="0"/>
    <x v="0"/>
    <s v="Xerox 1897"/>
    <n v="7.97"/>
    <n v="2"/>
    <n v="2.89"/>
  </r>
  <r>
    <d v="2014-10-16T00:00:00"/>
    <x v="9"/>
    <x v="0"/>
    <x v="462"/>
    <x v="3"/>
    <x v="0"/>
    <x v="3"/>
    <s v="Avery Non-Stick Heavy Duty View Round Locking Ring Binders"/>
    <n v="14.35"/>
    <n v="3"/>
    <n v="5.0199999999999996"/>
  </r>
  <r>
    <d v="2014-10-16T00:00:00"/>
    <x v="9"/>
    <x v="0"/>
    <x v="462"/>
    <x v="3"/>
    <x v="2"/>
    <x v="9"/>
    <s v="LogitechÂ Illuminated - Keyboard"/>
    <n v="179.97"/>
    <n v="3"/>
    <n v="86.39"/>
  </r>
  <r>
    <d v="2014-10-17T00:00:00"/>
    <x v="9"/>
    <x v="0"/>
    <x v="463"/>
    <x v="0"/>
    <x v="0"/>
    <x v="3"/>
    <s v="GBC Standard Recycled Report Covers, Clear Plastic Sheets"/>
    <n v="10.78"/>
    <n v="5"/>
    <n v="-17.25"/>
  </r>
  <r>
    <d v="2014-10-17T00:00:00"/>
    <x v="9"/>
    <x v="0"/>
    <x v="463"/>
    <x v="0"/>
    <x v="2"/>
    <x v="9"/>
    <s v="Case Logic 2.4GHz Wireless Keyboard"/>
    <n v="119.98"/>
    <n v="3"/>
    <n v="-18"/>
  </r>
  <r>
    <d v="2014-10-17T00:00:00"/>
    <x v="9"/>
    <x v="0"/>
    <x v="438"/>
    <x v="0"/>
    <x v="1"/>
    <x v="8"/>
    <s v="G.E. Longer-Life Indoor Recessed Floodlight Bulbs"/>
    <n v="5.31"/>
    <n v="2"/>
    <n v="-1.59"/>
  </r>
  <r>
    <d v="2014-10-18T00:00:00"/>
    <x v="9"/>
    <x v="0"/>
    <x v="464"/>
    <x v="33"/>
    <x v="0"/>
    <x v="2"/>
    <s v="Gould Plastics 18-Pocket Panel Bin, 34w x 5-1/4d x 20-1/2h"/>
    <n v="275.97000000000003"/>
    <n v="3"/>
    <n v="11.04"/>
  </r>
  <r>
    <d v="2014-10-18T00:00:00"/>
    <x v="9"/>
    <x v="0"/>
    <x v="464"/>
    <x v="33"/>
    <x v="2"/>
    <x v="6"/>
    <s v="Avaya IP Phone 1140E VoIP phone"/>
    <n v="1394.95"/>
    <n v="5"/>
    <n v="362.69"/>
  </r>
  <r>
    <d v="2014-10-18T00:00:00"/>
    <x v="9"/>
    <x v="0"/>
    <x v="464"/>
    <x v="33"/>
    <x v="1"/>
    <x v="5"/>
    <s v="Global Wood Trimmed Manager's Task Chair, Khaki"/>
    <n v="545.88"/>
    <n v="6"/>
    <n v="70.959999999999994"/>
  </r>
  <r>
    <d v="2014-10-18T00:00:00"/>
    <x v="9"/>
    <x v="0"/>
    <x v="150"/>
    <x v="2"/>
    <x v="0"/>
    <x v="10"/>
    <s v="White Business Envelopes with Contemporary Seam, Recycled White Business Envelopes"/>
    <n v="52.51"/>
    <n v="6"/>
    <n v="19.690000000000001"/>
  </r>
  <r>
    <d v="2014-10-18T00:00:00"/>
    <x v="9"/>
    <x v="0"/>
    <x v="150"/>
    <x v="2"/>
    <x v="0"/>
    <x v="2"/>
    <s v="Eldon Base for stackable storage shelf, platinum"/>
    <n v="186.91"/>
    <n v="6"/>
    <n v="-35.049999999999997"/>
  </r>
  <r>
    <d v="2014-10-18T00:00:00"/>
    <x v="9"/>
    <x v="0"/>
    <x v="150"/>
    <x v="2"/>
    <x v="0"/>
    <x v="0"/>
    <s v="Adams &quot;While You Were Out&quot; Message Pads"/>
    <n v="10.050000000000001"/>
    <n v="4"/>
    <n v="3.14"/>
  </r>
  <r>
    <d v="2014-10-18T00:00:00"/>
    <x v="9"/>
    <x v="0"/>
    <x v="465"/>
    <x v="13"/>
    <x v="1"/>
    <x v="5"/>
    <s v="Office Star Flex Back Scooter Chair with Aluminum Finish Frame"/>
    <n v="605.34"/>
    <n v="6"/>
    <n v="145.28"/>
  </r>
  <r>
    <d v="2014-10-18T00:00:00"/>
    <x v="9"/>
    <x v="0"/>
    <x v="466"/>
    <x v="22"/>
    <x v="0"/>
    <x v="0"/>
    <s v="Xerox 1925"/>
    <n v="61.96"/>
    <n v="2"/>
    <n v="27.88"/>
  </r>
  <r>
    <d v="2014-10-18T00:00:00"/>
    <x v="9"/>
    <x v="0"/>
    <x v="466"/>
    <x v="22"/>
    <x v="0"/>
    <x v="3"/>
    <s v="Computer Printout Index Tabs"/>
    <n v="1.34"/>
    <n v="1"/>
    <n v="0.47"/>
  </r>
  <r>
    <d v="2014-10-19T00:00:00"/>
    <x v="9"/>
    <x v="0"/>
    <x v="467"/>
    <x v="3"/>
    <x v="0"/>
    <x v="0"/>
    <s v="Spiral Phone Message Books with Labels by Adams"/>
    <n v="13.44"/>
    <n v="3"/>
    <n v="6.59"/>
  </r>
  <r>
    <d v="2014-10-19T00:00:00"/>
    <x v="9"/>
    <x v="0"/>
    <x v="468"/>
    <x v="3"/>
    <x v="0"/>
    <x v="3"/>
    <s v="Accohide Poly Flexible Ring Binders"/>
    <n v="2.99"/>
    <n v="1"/>
    <n v="1.1200000000000001"/>
  </r>
  <r>
    <d v="2014-10-19T00:00:00"/>
    <x v="9"/>
    <x v="0"/>
    <x v="468"/>
    <x v="3"/>
    <x v="0"/>
    <x v="3"/>
    <s v="Avery Durable Slant Ring Binders With Label Holder"/>
    <n v="20.059999999999999"/>
    <n v="6"/>
    <n v="7.02"/>
  </r>
  <r>
    <d v="2014-10-19T00:00:00"/>
    <x v="9"/>
    <x v="0"/>
    <x v="468"/>
    <x v="3"/>
    <x v="0"/>
    <x v="0"/>
    <s v="Xerox 1917"/>
    <n v="146.72999999999999"/>
    <n v="3"/>
    <n v="68.959999999999994"/>
  </r>
  <r>
    <d v="2014-10-19T00:00:00"/>
    <x v="9"/>
    <x v="0"/>
    <x v="468"/>
    <x v="3"/>
    <x v="0"/>
    <x v="1"/>
    <s v="Avery 480"/>
    <n v="18.75"/>
    <n v="5"/>
    <n v="9"/>
  </r>
  <r>
    <d v="2014-10-19T00:00:00"/>
    <x v="9"/>
    <x v="0"/>
    <x v="468"/>
    <x v="3"/>
    <x v="2"/>
    <x v="6"/>
    <s v="Panasonic KX TS208W Corded phone"/>
    <n v="117.58"/>
    <n v="3"/>
    <n v="11.76"/>
  </r>
  <r>
    <d v="2014-10-19T00:00:00"/>
    <x v="9"/>
    <x v="0"/>
    <x v="469"/>
    <x v="3"/>
    <x v="2"/>
    <x v="6"/>
    <s v="RCA Visys Integrated PBX 8-Line Router"/>
    <n v="321.55"/>
    <n v="6"/>
    <n v="20.100000000000001"/>
  </r>
  <r>
    <d v="2014-10-20T00:00:00"/>
    <x v="9"/>
    <x v="0"/>
    <x v="99"/>
    <x v="14"/>
    <x v="0"/>
    <x v="2"/>
    <s v="Gould Plastics 9-Pocket Panel Bin, 18-3/8w x 5-1/4d x 20-1/2h, Black"/>
    <n v="211.96"/>
    <n v="4"/>
    <n v="8.48"/>
  </r>
  <r>
    <d v="2014-10-20T00:00:00"/>
    <x v="9"/>
    <x v="0"/>
    <x v="470"/>
    <x v="15"/>
    <x v="1"/>
    <x v="13"/>
    <s v="Lesro Round Back Collection Coffee Table, End Table"/>
    <n v="328.59"/>
    <n v="3"/>
    <n v="-147.87"/>
  </r>
  <r>
    <d v="2014-10-20T00:00:00"/>
    <x v="9"/>
    <x v="0"/>
    <x v="470"/>
    <x v="15"/>
    <x v="0"/>
    <x v="2"/>
    <s v="Contico 72&quot;H Heavy-Duty Storage System"/>
    <n v="98.35"/>
    <n v="3"/>
    <n v="-24.59"/>
  </r>
  <r>
    <d v="2014-10-20T00:00:00"/>
    <x v="9"/>
    <x v="0"/>
    <x v="471"/>
    <x v="1"/>
    <x v="2"/>
    <x v="9"/>
    <s v="Logitech Wireless Performance Mouse MX for PC and Mac"/>
    <n v="319.97000000000003"/>
    <n v="4"/>
    <n v="71.989999999999995"/>
  </r>
  <r>
    <d v="2014-10-20T00:00:00"/>
    <x v="9"/>
    <x v="0"/>
    <x v="471"/>
    <x v="1"/>
    <x v="0"/>
    <x v="2"/>
    <s v="24 Capacity Maxi Data Binder Racks, Pearl"/>
    <n v="505.32"/>
    <n v="3"/>
    <n v="31.58"/>
  </r>
  <r>
    <d v="2014-10-20T00:00:00"/>
    <x v="9"/>
    <x v="0"/>
    <x v="471"/>
    <x v="1"/>
    <x v="0"/>
    <x v="0"/>
    <s v="Wirebound Voice Message Log Book"/>
    <n v="3.81"/>
    <n v="1"/>
    <n v="1.24"/>
  </r>
  <r>
    <d v="2014-10-20T00:00:00"/>
    <x v="9"/>
    <x v="0"/>
    <x v="471"/>
    <x v="1"/>
    <x v="0"/>
    <x v="3"/>
    <s v="Satellite Sectional Post Binders"/>
    <n v="8.68"/>
    <n v="1"/>
    <n v="-14.76"/>
  </r>
  <r>
    <d v="2014-10-20T00:00:00"/>
    <x v="9"/>
    <x v="0"/>
    <x v="471"/>
    <x v="1"/>
    <x v="0"/>
    <x v="1"/>
    <s v="Avery 4027 File Folder Labels for Dot Matrix Printers, 5000 Labels per Box, White"/>
    <n v="24.42"/>
    <n v="1"/>
    <n v="7.94"/>
  </r>
  <r>
    <d v="2014-10-21T00:00:00"/>
    <x v="9"/>
    <x v="0"/>
    <x v="463"/>
    <x v="10"/>
    <x v="0"/>
    <x v="12"/>
    <s v="Fellowes Superior 10 Outlet Split Surge Protector"/>
    <n v="121.79"/>
    <n v="4"/>
    <n v="13.7"/>
  </r>
  <r>
    <d v="2014-10-21T00:00:00"/>
    <x v="9"/>
    <x v="0"/>
    <x v="463"/>
    <x v="10"/>
    <x v="1"/>
    <x v="13"/>
    <s v="Hon Practical Foundations 30 x 60 Training Table, Light Gray/Charcoal"/>
    <n v="409.59"/>
    <n v="3"/>
    <n v="-122.88"/>
  </r>
  <r>
    <d v="2014-10-21T00:00:00"/>
    <x v="9"/>
    <x v="0"/>
    <x v="472"/>
    <x v="3"/>
    <x v="0"/>
    <x v="3"/>
    <s v="Plastic Binding Combs"/>
    <n v="36.36"/>
    <n v="3"/>
    <n v="12.27"/>
  </r>
  <r>
    <d v="2014-10-21T00:00:00"/>
    <x v="9"/>
    <x v="0"/>
    <x v="136"/>
    <x v="6"/>
    <x v="0"/>
    <x v="2"/>
    <s v="Eldon Base for stackable storage shelf, platinum"/>
    <n v="194.7"/>
    <n v="5"/>
    <n v="9.74"/>
  </r>
  <r>
    <d v="2014-10-21T00:00:00"/>
    <x v="9"/>
    <x v="0"/>
    <x v="136"/>
    <x v="6"/>
    <x v="1"/>
    <x v="13"/>
    <s v="Hon 2111 Invitation Series Straight Table"/>
    <n v="591.32000000000005"/>
    <n v="4"/>
    <n v="112.35"/>
  </r>
  <r>
    <d v="2014-10-21T00:00:00"/>
    <x v="9"/>
    <x v="0"/>
    <x v="136"/>
    <x v="6"/>
    <x v="0"/>
    <x v="4"/>
    <s v="SANFORD Liquid Accent Tank-Style Highlighters"/>
    <n v="2.84"/>
    <n v="1"/>
    <n v="0.88"/>
  </r>
  <r>
    <d v="2014-10-22T00:00:00"/>
    <x v="9"/>
    <x v="0"/>
    <x v="473"/>
    <x v="10"/>
    <x v="1"/>
    <x v="8"/>
    <s v="Seth Thomas 14&quot; Putty-Colored Wall Clock"/>
    <n v="93.89"/>
    <n v="4"/>
    <n v="12.91"/>
  </r>
  <r>
    <d v="2014-10-22T00:00:00"/>
    <x v="9"/>
    <x v="0"/>
    <x v="430"/>
    <x v="8"/>
    <x v="1"/>
    <x v="8"/>
    <s v="Tenex Chairmats For Use with Hard Floors"/>
    <n v="129.91999999999999"/>
    <n v="4"/>
    <n v="10.39"/>
  </r>
  <r>
    <d v="2014-10-24T00:00:00"/>
    <x v="9"/>
    <x v="0"/>
    <x v="474"/>
    <x v="16"/>
    <x v="0"/>
    <x v="0"/>
    <s v="Xerox 210"/>
    <n v="10.37"/>
    <n v="2"/>
    <n v="3.63"/>
  </r>
  <r>
    <d v="2014-10-24T00:00:00"/>
    <x v="9"/>
    <x v="0"/>
    <x v="158"/>
    <x v="3"/>
    <x v="0"/>
    <x v="3"/>
    <s v="Avery Premier Heavy-Duty Binder with Round Locking Rings"/>
    <n v="34.270000000000003"/>
    <n v="3"/>
    <n v="11.14"/>
  </r>
  <r>
    <d v="2014-10-24T00:00:00"/>
    <x v="9"/>
    <x v="0"/>
    <x v="358"/>
    <x v="9"/>
    <x v="0"/>
    <x v="7"/>
    <s v="Advantus Map Pennant Flags and Round Head Tacks"/>
    <n v="11.85"/>
    <n v="3"/>
    <n v="3.79"/>
  </r>
  <r>
    <d v="2014-10-25T00:00:00"/>
    <x v="9"/>
    <x v="0"/>
    <x v="160"/>
    <x v="3"/>
    <x v="0"/>
    <x v="3"/>
    <s v="GBC VeloBind Cover Sets"/>
    <n v="49.41"/>
    <n v="4"/>
    <n v="18.53"/>
  </r>
  <r>
    <d v="2014-10-25T00:00:00"/>
    <x v="9"/>
    <x v="0"/>
    <x v="216"/>
    <x v="2"/>
    <x v="2"/>
    <x v="9"/>
    <s v="Memorex 25GB 6X Branded Blu-Ray Recordable Disc, 15/Pack"/>
    <n v="40.78"/>
    <n v="3"/>
    <n v="0.51"/>
  </r>
  <r>
    <d v="2014-10-25T00:00:00"/>
    <x v="9"/>
    <x v="0"/>
    <x v="216"/>
    <x v="2"/>
    <x v="0"/>
    <x v="3"/>
    <s v="GBC Twin Loop Wire Binding Elements, 9/16&quot; Spine, Black"/>
    <n v="13.7"/>
    <n v="3"/>
    <n v="-9.59"/>
  </r>
  <r>
    <d v="2014-10-26T00:00:00"/>
    <x v="9"/>
    <x v="0"/>
    <x v="475"/>
    <x v="22"/>
    <x v="1"/>
    <x v="8"/>
    <s v="Tenex Chairmats For Use With Carpeted Floors"/>
    <n v="63.92"/>
    <n v="4"/>
    <n v="3.2"/>
  </r>
  <r>
    <d v="2014-10-26T00:00:00"/>
    <x v="9"/>
    <x v="0"/>
    <x v="475"/>
    <x v="22"/>
    <x v="2"/>
    <x v="6"/>
    <s v="Vtech CS6719"/>
    <n v="383.96"/>
    <n v="5"/>
    <n v="38.4"/>
  </r>
  <r>
    <d v="2014-10-27T00:00:00"/>
    <x v="9"/>
    <x v="0"/>
    <x v="476"/>
    <x v="25"/>
    <x v="0"/>
    <x v="0"/>
    <s v="Xerox 2"/>
    <n v="10.37"/>
    <n v="2"/>
    <n v="3.63"/>
  </r>
  <r>
    <d v="2014-10-27T00:00:00"/>
    <x v="9"/>
    <x v="0"/>
    <x v="476"/>
    <x v="25"/>
    <x v="0"/>
    <x v="0"/>
    <s v="Easy-staple paper"/>
    <n v="11.95"/>
    <n v="3"/>
    <n v="4.03"/>
  </r>
  <r>
    <d v="2014-10-28T00:00:00"/>
    <x v="9"/>
    <x v="0"/>
    <x v="477"/>
    <x v="3"/>
    <x v="0"/>
    <x v="3"/>
    <s v="Avery Non-Stick Binders"/>
    <n v="7.18"/>
    <n v="2"/>
    <n v="2.25"/>
  </r>
  <r>
    <d v="2014-10-28T00:00:00"/>
    <x v="9"/>
    <x v="0"/>
    <x v="477"/>
    <x v="3"/>
    <x v="0"/>
    <x v="14"/>
    <s v="Serrated Blade or Curved Handle Hand Letter Openers"/>
    <n v="6.28"/>
    <n v="2"/>
    <n v="0.06"/>
  </r>
  <r>
    <d v="2014-10-28T00:00:00"/>
    <x v="9"/>
    <x v="0"/>
    <x v="477"/>
    <x v="3"/>
    <x v="0"/>
    <x v="14"/>
    <s v="Premier Automatic Letter Opener"/>
    <n v="480.74"/>
    <n v="2"/>
    <n v="14.42"/>
  </r>
  <r>
    <d v="2014-10-28T00:00:00"/>
    <x v="9"/>
    <x v="0"/>
    <x v="477"/>
    <x v="3"/>
    <x v="1"/>
    <x v="11"/>
    <s v="O'Sullivan Living Dimensions 2-Shelf Bookcases"/>
    <n v="617"/>
    <n v="6"/>
    <n v="-36.29"/>
  </r>
  <r>
    <d v="2014-10-28T00:00:00"/>
    <x v="9"/>
    <x v="0"/>
    <x v="477"/>
    <x v="3"/>
    <x v="0"/>
    <x v="2"/>
    <s v="Eldon Portable Mobile Manager"/>
    <n v="141.4"/>
    <n v="5"/>
    <n v="38.18"/>
  </r>
  <r>
    <d v="2014-10-28T00:00:00"/>
    <x v="9"/>
    <x v="0"/>
    <x v="478"/>
    <x v="42"/>
    <x v="2"/>
    <x v="6"/>
    <s v="Digium D40 VoIP phone"/>
    <n v="257.98"/>
    <n v="2"/>
    <n v="74.81"/>
  </r>
  <r>
    <d v="2014-10-29T00:00:00"/>
    <x v="9"/>
    <x v="0"/>
    <x v="52"/>
    <x v="1"/>
    <x v="2"/>
    <x v="6"/>
    <s v="Apple iPhone 5S"/>
    <n v="2735.95"/>
    <n v="6"/>
    <n v="341.99"/>
  </r>
  <r>
    <d v="2014-10-29T00:00:00"/>
    <x v="9"/>
    <x v="0"/>
    <x v="479"/>
    <x v="18"/>
    <x v="2"/>
    <x v="9"/>
    <s v="Maxell 4.7GB DVD+R 5/Pack"/>
    <n v="1.98"/>
    <n v="2"/>
    <n v="0.89"/>
  </r>
  <r>
    <d v="2014-10-29T00:00:00"/>
    <x v="9"/>
    <x v="0"/>
    <x v="479"/>
    <x v="18"/>
    <x v="0"/>
    <x v="0"/>
    <s v="Snap-A-Way Black Print Carbonless Ruled Speed Letter, Triplicate"/>
    <n v="75.88"/>
    <n v="2"/>
    <n v="35.659999999999997"/>
  </r>
  <r>
    <d v="2014-10-31T00:00:00"/>
    <x v="9"/>
    <x v="0"/>
    <x v="480"/>
    <x v="3"/>
    <x v="0"/>
    <x v="7"/>
    <s v="Staples"/>
    <n v="11.34"/>
    <n v="3"/>
    <n v="5.22"/>
  </r>
  <r>
    <d v="2014-10-31T00:00:00"/>
    <x v="9"/>
    <x v="0"/>
    <x v="480"/>
    <x v="3"/>
    <x v="0"/>
    <x v="2"/>
    <s v="Letter/Legal File Tote with Clear Snap-On Lid, Black Granite"/>
    <n v="80.3"/>
    <n v="5"/>
    <n v="20.88"/>
  </r>
  <r>
    <d v="2014-10-31T00:00:00"/>
    <x v="9"/>
    <x v="0"/>
    <x v="480"/>
    <x v="3"/>
    <x v="0"/>
    <x v="3"/>
    <s v="Avery Framed View Binder, EZD Ring (Locking), Navy, 1 1/2&quot;"/>
    <n v="15.97"/>
    <n v="2"/>
    <n v="5.39"/>
  </r>
  <r>
    <d v="2014-10-31T00:00:00"/>
    <x v="9"/>
    <x v="0"/>
    <x v="480"/>
    <x v="3"/>
    <x v="0"/>
    <x v="0"/>
    <s v="Xerox 1952"/>
    <n v="64.739999999999995"/>
    <n v="13"/>
    <n v="30.43"/>
  </r>
  <r>
    <d v="2014-10-31T00:00:00"/>
    <x v="9"/>
    <x v="0"/>
    <x v="480"/>
    <x v="3"/>
    <x v="0"/>
    <x v="3"/>
    <s v="Fellowes Twister Kit, Gray/Clear, 3/pkg"/>
    <n v="19.3"/>
    <n v="3"/>
    <n v="6.03"/>
  </r>
  <r>
    <d v="2014-10-31T00:00:00"/>
    <x v="9"/>
    <x v="0"/>
    <x v="480"/>
    <x v="3"/>
    <x v="0"/>
    <x v="2"/>
    <s v="Tennsco Regal Shelving Units"/>
    <n v="405.64"/>
    <n v="4"/>
    <n v="12.17"/>
  </r>
  <r>
    <d v="2014-10-31T00:00:00"/>
    <x v="9"/>
    <x v="0"/>
    <x v="480"/>
    <x v="3"/>
    <x v="1"/>
    <x v="5"/>
    <s v="Novimex Fabric Task Chair"/>
    <n v="146.35"/>
    <n v="3"/>
    <n v="-9.15"/>
  </r>
  <r>
    <d v="2014-10-31T00:00:00"/>
    <x v="9"/>
    <x v="0"/>
    <x v="480"/>
    <x v="3"/>
    <x v="2"/>
    <x v="9"/>
    <s v="MaxellÂ LTO Ultrium - 800 GB"/>
    <n v="251.91"/>
    <n v="9"/>
    <n v="47.86"/>
  </r>
  <r>
    <d v="2014-10-31T00:00:00"/>
    <x v="9"/>
    <x v="0"/>
    <x v="480"/>
    <x v="3"/>
    <x v="0"/>
    <x v="4"/>
    <s v="Newell 325"/>
    <n v="12.39"/>
    <n v="3"/>
    <n v="3.72"/>
  </r>
  <r>
    <d v="2014-10-31T00:00:00"/>
    <x v="9"/>
    <x v="0"/>
    <x v="481"/>
    <x v="43"/>
    <x v="0"/>
    <x v="4"/>
    <s v="Lumber Crayons"/>
    <n v="49.25"/>
    <n v="5"/>
    <n v="18.72"/>
  </r>
  <r>
    <d v="2014-10-31T00:00:00"/>
    <x v="9"/>
    <x v="0"/>
    <x v="481"/>
    <x v="43"/>
    <x v="0"/>
    <x v="0"/>
    <s v="RSVP Cards &amp; Envelopes, Blank White, 8-1/2&quot; X 11&quot;, 24 Cards/25 Envelopes/Set"/>
    <n v="10.16"/>
    <n v="2"/>
    <n v="4.78"/>
  </r>
  <r>
    <d v="2014-10-31T00:00:00"/>
    <x v="9"/>
    <x v="0"/>
    <x v="481"/>
    <x v="43"/>
    <x v="1"/>
    <x v="8"/>
    <s v="Eldon Expressions Wood Desk Accessories, Oak"/>
    <n v="14.76"/>
    <n v="2"/>
    <n v="4.28"/>
  </r>
  <r>
    <d v="2014-10-31T00:00:00"/>
    <x v="9"/>
    <x v="0"/>
    <x v="481"/>
    <x v="43"/>
    <x v="0"/>
    <x v="3"/>
    <s v="GBC Recycled VeloBinder Covers"/>
    <n v="34.08"/>
    <n v="2"/>
    <n v="15.68"/>
  </r>
  <r>
    <d v="2014-10-31T00:00:00"/>
    <x v="9"/>
    <x v="0"/>
    <x v="481"/>
    <x v="43"/>
    <x v="1"/>
    <x v="8"/>
    <s v="Eldon Wave Desk Accessories"/>
    <n v="17.670000000000002"/>
    <n v="3"/>
    <n v="7.77"/>
  </r>
  <r>
    <d v="2014-10-31T00:00:00"/>
    <x v="9"/>
    <x v="0"/>
    <x v="481"/>
    <x v="43"/>
    <x v="1"/>
    <x v="5"/>
    <s v="Hon Pagoda Stacking Chairs"/>
    <n v="1604.9"/>
    <n v="5"/>
    <n v="481.47"/>
  </r>
  <r>
    <d v="2014-10-31T00:00:00"/>
    <x v="9"/>
    <x v="0"/>
    <x v="481"/>
    <x v="43"/>
    <x v="1"/>
    <x v="13"/>
    <s v="Chromcraft Bull-Nose Wood 48&quot; x 96&quot; Rectangular Conference Tables"/>
    <n v="385.69"/>
    <n v="1"/>
    <n v="-60.61"/>
  </r>
  <r>
    <d v="2014-10-31T00:00:00"/>
    <x v="9"/>
    <x v="0"/>
    <x v="482"/>
    <x v="12"/>
    <x v="2"/>
    <x v="6"/>
    <s v="Plantronics HL10 Handset Lifter"/>
    <n v="742.34"/>
    <n v="8"/>
    <n v="83.51"/>
  </r>
  <r>
    <d v="2014-10-31T00:00:00"/>
    <x v="9"/>
    <x v="0"/>
    <x v="8"/>
    <x v="10"/>
    <x v="1"/>
    <x v="13"/>
    <s v="Hon 94000 Series Round Tables"/>
    <n v="1421.66"/>
    <n v="8"/>
    <n v="-734.53"/>
  </r>
  <r>
    <d v="2014-10-31T00:00:00"/>
    <x v="9"/>
    <x v="0"/>
    <x v="483"/>
    <x v="3"/>
    <x v="2"/>
    <x v="6"/>
    <s v="Motorola L804"/>
    <n v="73.58"/>
    <n v="2"/>
    <n v="8.2799999999999994"/>
  </r>
  <r>
    <d v="2014-11-01T00:00:00"/>
    <x v="10"/>
    <x v="0"/>
    <x v="277"/>
    <x v="26"/>
    <x v="0"/>
    <x v="4"/>
    <s v="Model L Table or Wall-Mount Pencil Sharpener"/>
    <n v="43.18"/>
    <n v="3"/>
    <n v="4.32"/>
  </r>
  <r>
    <d v="2014-11-01T00:00:00"/>
    <x v="10"/>
    <x v="0"/>
    <x v="277"/>
    <x v="26"/>
    <x v="2"/>
    <x v="6"/>
    <s v="ClearOne CHATAttach 160 -Â speaker phone"/>
    <n v="1983.97"/>
    <n v="4"/>
    <n v="248"/>
  </r>
  <r>
    <d v="2014-11-01T00:00:00"/>
    <x v="10"/>
    <x v="0"/>
    <x v="11"/>
    <x v="11"/>
    <x v="0"/>
    <x v="2"/>
    <s v="Carina Mini System Audio Rack, Model AR050B"/>
    <n v="443.92"/>
    <n v="5"/>
    <n v="-94.33"/>
  </r>
  <r>
    <d v="2014-11-01T00:00:00"/>
    <x v="10"/>
    <x v="0"/>
    <x v="11"/>
    <x v="11"/>
    <x v="2"/>
    <x v="6"/>
    <s v="Plantronics Voyager Pro HD - Bluetooth Headset"/>
    <n v="155.97999999999999"/>
    <n v="3"/>
    <n v="54.59"/>
  </r>
  <r>
    <d v="2014-11-01T00:00:00"/>
    <x v="10"/>
    <x v="0"/>
    <x v="484"/>
    <x v="25"/>
    <x v="0"/>
    <x v="7"/>
    <s v="Staples"/>
    <n v="7.52"/>
    <n v="5"/>
    <n v="1.41"/>
  </r>
  <r>
    <d v="2014-11-01T00:00:00"/>
    <x v="10"/>
    <x v="0"/>
    <x v="484"/>
    <x v="25"/>
    <x v="0"/>
    <x v="4"/>
    <s v="Newell 320"/>
    <n v="10.27"/>
    <n v="3"/>
    <n v="0.9"/>
  </r>
  <r>
    <d v="2014-11-01T00:00:00"/>
    <x v="10"/>
    <x v="0"/>
    <x v="484"/>
    <x v="25"/>
    <x v="0"/>
    <x v="1"/>
    <s v="Avery 513"/>
    <n v="47.81"/>
    <n v="12"/>
    <n v="15.54"/>
  </r>
  <r>
    <d v="2014-11-01T00:00:00"/>
    <x v="10"/>
    <x v="0"/>
    <x v="484"/>
    <x v="25"/>
    <x v="2"/>
    <x v="6"/>
    <s v="Cisco IPÂ PhoneÂ 7961G VoIPÂ phoneÂ - Dark gray"/>
    <n v="978.84"/>
    <n v="9"/>
    <n v="110.12"/>
  </r>
  <r>
    <d v="2014-11-01T00:00:00"/>
    <x v="10"/>
    <x v="0"/>
    <x v="436"/>
    <x v="1"/>
    <x v="0"/>
    <x v="0"/>
    <s v="Southworth Parchment Paper &amp; Envelopes"/>
    <n v="15.7"/>
    <n v="3"/>
    <n v="5.0999999999999996"/>
  </r>
  <r>
    <d v="2014-11-01T00:00:00"/>
    <x v="10"/>
    <x v="0"/>
    <x v="4"/>
    <x v="5"/>
    <x v="0"/>
    <x v="2"/>
    <s v="Multi-Use Personal File Cart and Caster Set, Three Stacking Bins"/>
    <n v="69.52"/>
    <n v="2"/>
    <n v="19.47"/>
  </r>
  <r>
    <d v="2014-11-01T00:00:00"/>
    <x v="10"/>
    <x v="0"/>
    <x v="4"/>
    <x v="5"/>
    <x v="0"/>
    <x v="4"/>
    <s v="OIC #2 Pencils, Medium Soft"/>
    <n v="5.64"/>
    <n v="3"/>
    <n v="1.64"/>
  </r>
  <r>
    <d v="2014-11-01T00:00:00"/>
    <x v="10"/>
    <x v="0"/>
    <x v="485"/>
    <x v="3"/>
    <x v="0"/>
    <x v="1"/>
    <s v="Avery 475"/>
    <n v="44.4"/>
    <n v="3"/>
    <n v="22.2"/>
  </r>
  <r>
    <d v="2014-11-01T00:00:00"/>
    <x v="10"/>
    <x v="0"/>
    <x v="485"/>
    <x v="3"/>
    <x v="0"/>
    <x v="0"/>
    <s v="Easy-staple paper"/>
    <n v="21.4"/>
    <n v="5"/>
    <n v="9.6300000000000008"/>
  </r>
  <r>
    <d v="2014-11-01T00:00:00"/>
    <x v="10"/>
    <x v="0"/>
    <x v="392"/>
    <x v="20"/>
    <x v="0"/>
    <x v="12"/>
    <s v="Kensington 7 Outlet MasterPiece Power Center"/>
    <n v="533.94000000000005"/>
    <n v="3"/>
    <n v="154.84"/>
  </r>
  <r>
    <d v="2014-11-01T00:00:00"/>
    <x v="10"/>
    <x v="0"/>
    <x v="392"/>
    <x v="20"/>
    <x v="0"/>
    <x v="0"/>
    <s v="Xerox 1934"/>
    <n v="167.94"/>
    <n v="3"/>
    <n v="82.29"/>
  </r>
  <r>
    <d v="2014-11-01T00:00:00"/>
    <x v="10"/>
    <x v="0"/>
    <x v="392"/>
    <x v="20"/>
    <x v="1"/>
    <x v="8"/>
    <s v="Master Big Foot Doorstop, Beige"/>
    <n v="31.68"/>
    <n v="6"/>
    <n v="9.82"/>
  </r>
  <r>
    <d v="2014-11-01T00:00:00"/>
    <x v="10"/>
    <x v="0"/>
    <x v="486"/>
    <x v="23"/>
    <x v="0"/>
    <x v="12"/>
    <s v="Fellowes Superior 10 Outlet Split Surge Protector"/>
    <n v="76.12"/>
    <n v="2"/>
    <n v="22.07"/>
  </r>
  <r>
    <d v="2014-11-01T00:00:00"/>
    <x v="10"/>
    <x v="0"/>
    <x v="400"/>
    <x v="10"/>
    <x v="1"/>
    <x v="8"/>
    <s v="Howard Miller 13&quot; Diameter Pewter Finish Round Wall Clock"/>
    <n v="68.7"/>
    <n v="2"/>
    <n v="16.32"/>
  </r>
  <r>
    <d v="2014-11-01T00:00:00"/>
    <x v="10"/>
    <x v="0"/>
    <x v="400"/>
    <x v="10"/>
    <x v="0"/>
    <x v="3"/>
    <s v="Acco Economy Flexible Poly Round Ring Binder"/>
    <n v="3.13"/>
    <n v="2"/>
    <n v="-2.61"/>
  </r>
  <r>
    <d v="2014-11-01T00:00:00"/>
    <x v="10"/>
    <x v="0"/>
    <x v="400"/>
    <x v="10"/>
    <x v="0"/>
    <x v="3"/>
    <s v="GBC Standard Therm-A-Bind Covers"/>
    <n v="22.43"/>
    <n v="3"/>
    <n v="-17.940000000000001"/>
  </r>
  <r>
    <d v="2014-11-02T00:00:00"/>
    <x v="10"/>
    <x v="0"/>
    <x v="310"/>
    <x v="20"/>
    <x v="0"/>
    <x v="1"/>
    <s v="Avery 499"/>
    <n v="34.86"/>
    <n v="7"/>
    <n v="16.04"/>
  </r>
  <r>
    <d v="2014-11-02T00:00:00"/>
    <x v="10"/>
    <x v="0"/>
    <x v="310"/>
    <x v="20"/>
    <x v="1"/>
    <x v="8"/>
    <s v="Tensor Computer Mounted Lamp"/>
    <n v="89.34"/>
    <n v="6"/>
    <n v="24.12"/>
  </r>
  <r>
    <d v="2014-11-02T00:00:00"/>
    <x v="10"/>
    <x v="0"/>
    <x v="487"/>
    <x v="0"/>
    <x v="2"/>
    <x v="6"/>
    <s v="Logitech B530 USBÂ HeadsetÂ -Â headsetÂ - Full size, Binaural"/>
    <n v="88.78"/>
    <n v="3"/>
    <n v="7.77"/>
  </r>
  <r>
    <d v="2014-11-02T00:00:00"/>
    <x v="10"/>
    <x v="0"/>
    <x v="31"/>
    <x v="10"/>
    <x v="2"/>
    <x v="6"/>
    <s v="Polycom CX300 Desktop Phone USB VoIP phone"/>
    <n v="539.96"/>
    <n v="6"/>
    <n v="-107.99"/>
  </r>
  <r>
    <d v="2014-11-02T00:00:00"/>
    <x v="10"/>
    <x v="0"/>
    <x v="31"/>
    <x v="10"/>
    <x v="2"/>
    <x v="6"/>
    <s v="I Need's 3d Hello Kitty Hybrid Silicone Case Cover for HTC One X 4g with 3d Hello Kitty Stylus Pen Green/pink"/>
    <n v="50.23"/>
    <n v="7"/>
    <n v="-10.050000000000001"/>
  </r>
  <r>
    <d v="2014-11-02T00:00:00"/>
    <x v="10"/>
    <x v="0"/>
    <x v="31"/>
    <x v="10"/>
    <x v="0"/>
    <x v="3"/>
    <s v="Acco D-Ring Binder w/DublLock"/>
    <n v="19.239999999999998"/>
    <n v="3"/>
    <n v="-13.47"/>
  </r>
  <r>
    <d v="2014-11-02T00:00:00"/>
    <x v="10"/>
    <x v="0"/>
    <x v="488"/>
    <x v="16"/>
    <x v="2"/>
    <x v="9"/>
    <s v="Razer Kraken 7.1 Surround Sound Over Ear USB Gaming Headset"/>
    <n v="799.92"/>
    <n v="10"/>
    <n v="239.98"/>
  </r>
  <r>
    <d v="2014-11-02T00:00:00"/>
    <x v="10"/>
    <x v="0"/>
    <x v="489"/>
    <x v="3"/>
    <x v="2"/>
    <x v="6"/>
    <s v="AT&amp;T CL82213"/>
    <n v="46.38"/>
    <n v="2"/>
    <n v="5.22"/>
  </r>
  <r>
    <d v="2014-11-02T00:00:00"/>
    <x v="10"/>
    <x v="0"/>
    <x v="489"/>
    <x v="3"/>
    <x v="0"/>
    <x v="2"/>
    <s v="Adjustable Depth Letter/Legal Cart"/>
    <n v="362.92"/>
    <n v="2"/>
    <n v="105.25"/>
  </r>
  <r>
    <d v="2014-11-02T00:00:00"/>
    <x v="10"/>
    <x v="0"/>
    <x v="490"/>
    <x v="22"/>
    <x v="2"/>
    <x v="9"/>
    <s v="Maxell 74 Minute CD-R Spindle, 50/Pack"/>
    <n v="41.94"/>
    <n v="2"/>
    <n v="15.1"/>
  </r>
  <r>
    <d v="2014-11-02T00:00:00"/>
    <x v="10"/>
    <x v="0"/>
    <x v="490"/>
    <x v="22"/>
    <x v="2"/>
    <x v="6"/>
    <s v="Samsung Rugby III"/>
    <n v="52.79"/>
    <n v="1"/>
    <n v="4.62"/>
  </r>
  <r>
    <d v="2014-11-03T00:00:00"/>
    <x v="10"/>
    <x v="0"/>
    <x v="282"/>
    <x v="2"/>
    <x v="0"/>
    <x v="14"/>
    <s v="Compact Automatic Electric Letter Opener"/>
    <n v="286.33999999999997"/>
    <n v="3"/>
    <n v="-64.430000000000007"/>
  </r>
  <r>
    <d v="2014-11-03T00:00:00"/>
    <x v="10"/>
    <x v="0"/>
    <x v="25"/>
    <x v="20"/>
    <x v="2"/>
    <x v="6"/>
    <s v="Panasonic KX-TG9471B"/>
    <n v="783.96"/>
    <n v="4"/>
    <n v="219.51"/>
  </r>
  <r>
    <d v="2014-11-03T00:00:00"/>
    <x v="10"/>
    <x v="0"/>
    <x v="25"/>
    <x v="20"/>
    <x v="0"/>
    <x v="3"/>
    <s v="Surelock Post Binders"/>
    <n v="48.9"/>
    <n v="2"/>
    <n v="18.34"/>
  </r>
  <r>
    <d v="2014-11-03T00:00:00"/>
    <x v="10"/>
    <x v="0"/>
    <x v="25"/>
    <x v="20"/>
    <x v="0"/>
    <x v="3"/>
    <s v="Acco Pressboard Covers with Storage Hooks, 14 7/8&quot; x 11&quot;, Light Blue"/>
    <n v="7.86"/>
    <n v="2"/>
    <n v="2.85"/>
  </r>
  <r>
    <d v="2014-11-03T00:00:00"/>
    <x v="10"/>
    <x v="0"/>
    <x v="218"/>
    <x v="37"/>
    <x v="0"/>
    <x v="14"/>
    <s v="Acme Kleen Earth Office Shears"/>
    <n v="11.64"/>
    <n v="3"/>
    <n v="3.38"/>
  </r>
  <r>
    <d v="2014-11-03T00:00:00"/>
    <x v="10"/>
    <x v="0"/>
    <x v="372"/>
    <x v="15"/>
    <x v="0"/>
    <x v="0"/>
    <s v="Ampad Evidence Wirebond Steno Books, 6&quot; x 9&quot;"/>
    <n v="3.49"/>
    <n v="2"/>
    <n v="1.18"/>
  </r>
  <r>
    <d v="2014-11-03T00:00:00"/>
    <x v="10"/>
    <x v="0"/>
    <x v="372"/>
    <x v="15"/>
    <x v="0"/>
    <x v="0"/>
    <s v="Xerox 1884"/>
    <n v="143.86000000000001"/>
    <n v="9"/>
    <n v="48.55"/>
  </r>
  <r>
    <d v="2014-11-03T00:00:00"/>
    <x v="10"/>
    <x v="0"/>
    <x v="489"/>
    <x v="25"/>
    <x v="0"/>
    <x v="2"/>
    <s v="Acco Perma 4000 Stacking Storage Drawers"/>
    <n v="25.98"/>
    <n v="2"/>
    <n v="-1.62"/>
  </r>
  <r>
    <d v="2014-11-03T00:00:00"/>
    <x v="10"/>
    <x v="0"/>
    <x v="489"/>
    <x v="25"/>
    <x v="1"/>
    <x v="13"/>
    <s v="Hon Racetrack Conference Tables"/>
    <n v="945.04"/>
    <n v="6"/>
    <n v="-299.26"/>
  </r>
  <r>
    <d v="2014-11-03T00:00:00"/>
    <x v="10"/>
    <x v="0"/>
    <x v="489"/>
    <x v="25"/>
    <x v="0"/>
    <x v="3"/>
    <s v="Avery Self-Adhesive Photo Pockets for Polaroid Photos"/>
    <n v="14.3"/>
    <n v="7"/>
    <n v="-10.49"/>
  </r>
  <r>
    <d v="2014-11-03T00:00:00"/>
    <x v="10"/>
    <x v="0"/>
    <x v="489"/>
    <x v="25"/>
    <x v="1"/>
    <x v="8"/>
    <s v="Tenex Antistatic Computer Chair Mats"/>
    <n v="410.35"/>
    <n v="3"/>
    <n v="-51.29"/>
  </r>
  <r>
    <d v="2014-11-03T00:00:00"/>
    <x v="10"/>
    <x v="0"/>
    <x v="491"/>
    <x v="23"/>
    <x v="0"/>
    <x v="3"/>
    <s v="Avery Durable Binders"/>
    <n v="5.76"/>
    <n v="2"/>
    <n v="2.82"/>
  </r>
  <r>
    <d v="2014-11-03T00:00:00"/>
    <x v="10"/>
    <x v="0"/>
    <x v="153"/>
    <x v="40"/>
    <x v="2"/>
    <x v="9"/>
    <s v="Belkin F8E887 USB Wired Ergonomic Keyboard"/>
    <n v="89.97"/>
    <n v="3"/>
    <n v="18.89"/>
  </r>
  <r>
    <d v="2014-11-03T00:00:00"/>
    <x v="10"/>
    <x v="0"/>
    <x v="492"/>
    <x v="3"/>
    <x v="0"/>
    <x v="4"/>
    <s v="Prang Dustless Chalk Sticks"/>
    <n v="6.72"/>
    <n v="4"/>
    <n v="3.36"/>
  </r>
  <r>
    <d v="2014-11-04T00:00:00"/>
    <x v="10"/>
    <x v="0"/>
    <x v="39"/>
    <x v="20"/>
    <x v="1"/>
    <x v="5"/>
    <s v="DMI Arturo Collection Mission-style Design Wood Chair"/>
    <n v="135.88"/>
    <n v="1"/>
    <n v="24.16"/>
  </r>
  <r>
    <d v="2014-11-04T00:00:00"/>
    <x v="10"/>
    <x v="0"/>
    <x v="39"/>
    <x v="20"/>
    <x v="2"/>
    <x v="15"/>
    <s v="Canon imageCLASS MF7460 Monochrome Digital Laser Multifunction Copier"/>
    <n v="3991.98"/>
    <n v="2"/>
    <n v="1995.99"/>
  </r>
  <r>
    <d v="2014-11-04T00:00:00"/>
    <x v="10"/>
    <x v="0"/>
    <x v="39"/>
    <x v="20"/>
    <x v="2"/>
    <x v="6"/>
    <s v="Panasonic Kx-TS550"/>
    <n v="275.94"/>
    <n v="6"/>
    <n v="80.02"/>
  </r>
  <r>
    <d v="2014-11-04T00:00:00"/>
    <x v="10"/>
    <x v="0"/>
    <x v="39"/>
    <x v="20"/>
    <x v="2"/>
    <x v="9"/>
    <s v="NETGEAR N750 Dual Band Wi-Fi Gigabit Router"/>
    <n v="360"/>
    <n v="4"/>
    <n v="129.6"/>
  </r>
  <r>
    <d v="2014-11-04T00:00:00"/>
    <x v="10"/>
    <x v="0"/>
    <x v="39"/>
    <x v="20"/>
    <x v="0"/>
    <x v="2"/>
    <s v="Trav-L-File Heavy-Duty Shuttle II, Black"/>
    <n v="43.57"/>
    <n v="1"/>
    <n v="13.07"/>
  </r>
  <r>
    <d v="2014-11-04T00:00:00"/>
    <x v="10"/>
    <x v="0"/>
    <x v="402"/>
    <x v="25"/>
    <x v="0"/>
    <x v="7"/>
    <s v="OIC Bulk Pack Metal Binder Clips"/>
    <n v="8.3800000000000008"/>
    <n v="3"/>
    <n v="2.72"/>
  </r>
  <r>
    <d v="2014-11-04T00:00:00"/>
    <x v="10"/>
    <x v="0"/>
    <x v="402"/>
    <x v="25"/>
    <x v="0"/>
    <x v="12"/>
    <s v="Acco 6 Outlet Guardian Premium Surge Suppressor"/>
    <n v="58.24"/>
    <n v="5"/>
    <n v="5.0999999999999996"/>
  </r>
  <r>
    <d v="2014-11-04T00:00:00"/>
    <x v="10"/>
    <x v="0"/>
    <x v="493"/>
    <x v="3"/>
    <x v="1"/>
    <x v="8"/>
    <s v="Executive Impressions 12&quot; Wall Clock"/>
    <n v="35.340000000000003"/>
    <n v="2"/>
    <n v="13.43"/>
  </r>
  <r>
    <d v="2014-11-04T00:00:00"/>
    <x v="10"/>
    <x v="0"/>
    <x v="494"/>
    <x v="3"/>
    <x v="2"/>
    <x v="6"/>
    <s v="Polycom SoundPoint Pro SE-225 Corded phone"/>
    <n v="666.34"/>
    <n v="7"/>
    <n v="66.63"/>
  </r>
  <r>
    <d v="2014-11-04T00:00:00"/>
    <x v="10"/>
    <x v="0"/>
    <x v="494"/>
    <x v="3"/>
    <x v="1"/>
    <x v="13"/>
    <s v="Bevis Round Conference Table Top, X-Base"/>
    <n v="573.73"/>
    <n v="4"/>
    <n v="-64.540000000000006"/>
  </r>
  <r>
    <d v="2014-11-04T00:00:00"/>
    <x v="10"/>
    <x v="0"/>
    <x v="494"/>
    <x v="3"/>
    <x v="0"/>
    <x v="3"/>
    <s v="Cardinal EasyOpen D-Ring Binders"/>
    <n v="21.94"/>
    <n v="3"/>
    <n v="8.23"/>
  </r>
  <r>
    <d v="2014-11-04T00:00:00"/>
    <x v="10"/>
    <x v="0"/>
    <x v="494"/>
    <x v="3"/>
    <x v="0"/>
    <x v="0"/>
    <s v="Xerox 2000"/>
    <n v="19.440000000000001"/>
    <n v="3"/>
    <n v="9.33"/>
  </r>
  <r>
    <d v="2014-11-04T00:00:00"/>
    <x v="10"/>
    <x v="0"/>
    <x v="494"/>
    <x v="3"/>
    <x v="2"/>
    <x v="15"/>
    <s v="Hewlett-Packard Deskjet D4360 Printer"/>
    <n v="447.97"/>
    <n v="4"/>
    <n v="139.99"/>
  </r>
  <r>
    <d v="2014-11-04T00:00:00"/>
    <x v="10"/>
    <x v="0"/>
    <x v="381"/>
    <x v="20"/>
    <x v="0"/>
    <x v="3"/>
    <s v="Acco Flexible ACCOHIDE Square Ring Data Binder, Dark Blue, 11 1/2&quot; X 14&quot; 7/8&quot;"/>
    <n v="52.06"/>
    <n v="4"/>
    <n v="18.87"/>
  </r>
  <r>
    <d v="2014-11-04T00:00:00"/>
    <x v="10"/>
    <x v="0"/>
    <x v="495"/>
    <x v="3"/>
    <x v="0"/>
    <x v="4"/>
    <s v="Newell 343"/>
    <n v="2.94"/>
    <n v="1"/>
    <n v="0.79"/>
  </r>
  <r>
    <d v="2014-11-05T00:00:00"/>
    <x v="10"/>
    <x v="0"/>
    <x v="354"/>
    <x v="3"/>
    <x v="1"/>
    <x v="8"/>
    <s v="OIC Stacking Trays"/>
    <n v="20.04"/>
    <n v="6"/>
    <n v="8.82"/>
  </r>
  <r>
    <d v="2014-11-05T00:00:00"/>
    <x v="10"/>
    <x v="0"/>
    <x v="50"/>
    <x v="6"/>
    <x v="2"/>
    <x v="9"/>
    <s v="Maxell 4.7GB DVD-RW 3/Pack"/>
    <n v="47.79"/>
    <n v="3"/>
    <n v="16.25"/>
  </r>
  <r>
    <d v="2014-11-05T00:00:00"/>
    <x v="10"/>
    <x v="0"/>
    <x v="496"/>
    <x v="2"/>
    <x v="1"/>
    <x v="8"/>
    <s v="Tenex Antistatic Computer Chair Mats"/>
    <n v="273.57"/>
    <n v="2"/>
    <n v="-34.200000000000003"/>
  </r>
  <r>
    <d v="2014-11-05T00:00:00"/>
    <x v="10"/>
    <x v="0"/>
    <x v="496"/>
    <x v="2"/>
    <x v="0"/>
    <x v="3"/>
    <s v="Wilson Jones Legal Size Ring Binders"/>
    <n v="13.19"/>
    <n v="2"/>
    <n v="-8.8000000000000007"/>
  </r>
  <r>
    <d v="2014-11-05T00:00:00"/>
    <x v="10"/>
    <x v="0"/>
    <x v="496"/>
    <x v="2"/>
    <x v="0"/>
    <x v="2"/>
    <s v="Tennsco Double-Tier Lockers"/>
    <n v="1080.0999999999999"/>
    <n v="6"/>
    <n v="-94.51"/>
  </r>
  <r>
    <d v="2014-11-05T00:00:00"/>
    <x v="10"/>
    <x v="0"/>
    <x v="496"/>
    <x v="2"/>
    <x v="2"/>
    <x v="9"/>
    <s v="Sony 16GB Class 10 Micro SDHC R40 Memory Card"/>
    <n v="51.56"/>
    <n v="5"/>
    <n v="-6.45"/>
  </r>
  <r>
    <d v="2014-11-05T00:00:00"/>
    <x v="10"/>
    <x v="0"/>
    <x v="496"/>
    <x v="2"/>
    <x v="2"/>
    <x v="9"/>
    <s v="Memorex Micro Travel Drive 32 GB"/>
    <n v="58.42"/>
    <n v="2"/>
    <n v="16.79"/>
  </r>
  <r>
    <d v="2014-11-05T00:00:00"/>
    <x v="10"/>
    <x v="0"/>
    <x v="497"/>
    <x v="6"/>
    <x v="1"/>
    <x v="5"/>
    <s v="Global Stack Chair with Arms, Black"/>
    <n v="149.9"/>
    <n v="5"/>
    <n v="40.47"/>
  </r>
  <r>
    <d v="2014-11-06T00:00:00"/>
    <x v="10"/>
    <x v="0"/>
    <x v="208"/>
    <x v="4"/>
    <x v="0"/>
    <x v="0"/>
    <s v="Array Parchment Paper, Assorted Colors"/>
    <n v="43.68"/>
    <n v="6"/>
    <n v="20.97"/>
  </r>
  <r>
    <d v="2014-11-07T00:00:00"/>
    <x v="10"/>
    <x v="0"/>
    <x v="498"/>
    <x v="0"/>
    <x v="0"/>
    <x v="3"/>
    <s v="Satellite Sectional Post Binders"/>
    <n v="26.05"/>
    <n v="3"/>
    <n v="-44.28"/>
  </r>
  <r>
    <d v="2014-11-07T00:00:00"/>
    <x v="10"/>
    <x v="0"/>
    <x v="498"/>
    <x v="0"/>
    <x v="0"/>
    <x v="10"/>
    <s v="Staple envelope"/>
    <n v="74.349999999999994"/>
    <n v="3"/>
    <n v="26.95"/>
  </r>
  <r>
    <d v="2014-11-07T00:00:00"/>
    <x v="10"/>
    <x v="0"/>
    <x v="352"/>
    <x v="3"/>
    <x v="0"/>
    <x v="3"/>
    <s v="Wilson Jones Legal Size Ring Binders"/>
    <n v="123.14"/>
    <n v="7"/>
    <n v="46.18"/>
  </r>
  <r>
    <d v="2014-11-07T00:00:00"/>
    <x v="10"/>
    <x v="0"/>
    <x v="236"/>
    <x v="0"/>
    <x v="1"/>
    <x v="5"/>
    <s v="Hon Deluxe Fabric Upholstered Stacking Chairs, Squared Back"/>
    <n v="683.14"/>
    <n v="4"/>
    <n v="0"/>
  </r>
  <r>
    <d v="2014-11-07T00:00:00"/>
    <x v="10"/>
    <x v="0"/>
    <x v="236"/>
    <x v="0"/>
    <x v="0"/>
    <x v="3"/>
    <s v="Avery Triangle Shaped Sheet Lifters, Black, 2/Pack"/>
    <n v="1.48"/>
    <n v="3"/>
    <n v="-2.21"/>
  </r>
  <r>
    <d v="2014-11-07T00:00:00"/>
    <x v="10"/>
    <x v="0"/>
    <x v="236"/>
    <x v="0"/>
    <x v="0"/>
    <x v="14"/>
    <s v="Acme Stainless Steel Office Snips"/>
    <n v="40.71"/>
    <n v="7"/>
    <n v="3.56"/>
  </r>
  <r>
    <d v="2014-11-07T00:00:00"/>
    <x v="10"/>
    <x v="0"/>
    <x v="389"/>
    <x v="21"/>
    <x v="0"/>
    <x v="12"/>
    <s v="Belkin 8 Outlet Surge Protector"/>
    <n v="245.88"/>
    <n v="6"/>
    <n v="68.849999999999994"/>
  </r>
  <r>
    <d v="2014-11-07T00:00:00"/>
    <x v="10"/>
    <x v="0"/>
    <x v="389"/>
    <x v="21"/>
    <x v="0"/>
    <x v="2"/>
    <s v="Portable Personal File Box"/>
    <n v="36.630000000000003"/>
    <n v="3"/>
    <n v="9.89"/>
  </r>
  <r>
    <d v="2014-11-07T00:00:00"/>
    <x v="10"/>
    <x v="0"/>
    <x v="389"/>
    <x v="21"/>
    <x v="0"/>
    <x v="2"/>
    <s v="X-Rack File for Hanging Folders"/>
    <n v="22.58"/>
    <n v="2"/>
    <n v="5.87"/>
  </r>
  <r>
    <d v="2014-11-07T00:00:00"/>
    <x v="10"/>
    <x v="0"/>
    <x v="389"/>
    <x v="21"/>
    <x v="0"/>
    <x v="3"/>
    <s v="ACCOHIDE 3-Ring Binder, Blue, 1&quot;"/>
    <n v="12.39"/>
    <n v="3"/>
    <n v="5.82"/>
  </r>
  <r>
    <d v="2014-11-07T00:00:00"/>
    <x v="10"/>
    <x v="0"/>
    <x v="244"/>
    <x v="20"/>
    <x v="0"/>
    <x v="7"/>
    <s v="Binder Clips by OIC"/>
    <n v="5.92"/>
    <n v="4"/>
    <n v="2.84"/>
  </r>
  <r>
    <d v="2014-11-07T00:00:00"/>
    <x v="10"/>
    <x v="0"/>
    <x v="244"/>
    <x v="20"/>
    <x v="0"/>
    <x v="0"/>
    <s v="Riverleaf Stik-Withit Designer Note Cubes"/>
    <n v="30.18"/>
    <n v="3"/>
    <n v="13.88"/>
  </r>
  <r>
    <d v="2014-11-07T00:00:00"/>
    <x v="10"/>
    <x v="0"/>
    <x v="47"/>
    <x v="11"/>
    <x v="0"/>
    <x v="0"/>
    <s v="Xerox 1995"/>
    <n v="25.92"/>
    <n v="5"/>
    <n v="9.07"/>
  </r>
  <r>
    <d v="2014-11-07T00:00:00"/>
    <x v="10"/>
    <x v="0"/>
    <x v="47"/>
    <x v="11"/>
    <x v="0"/>
    <x v="4"/>
    <s v="Panasonic KP-150 Electric Pencil Sharpener"/>
    <n v="120.77"/>
    <n v="4"/>
    <n v="9.06"/>
  </r>
  <r>
    <d v="2014-11-08T00:00:00"/>
    <x v="10"/>
    <x v="0"/>
    <x v="185"/>
    <x v="3"/>
    <x v="2"/>
    <x v="6"/>
    <s v="Toshiba IPT2010-SD IPÂ Telephone"/>
    <n v="333.58"/>
    <n v="3"/>
    <n v="25.02"/>
  </r>
  <r>
    <d v="2014-11-09T00:00:00"/>
    <x v="10"/>
    <x v="0"/>
    <x v="355"/>
    <x v="3"/>
    <x v="0"/>
    <x v="2"/>
    <s v="SAFCO Boltless Steel Shelving"/>
    <n v="340.92"/>
    <n v="3"/>
    <n v="3.41"/>
  </r>
  <r>
    <d v="2014-11-09T00:00:00"/>
    <x v="10"/>
    <x v="0"/>
    <x v="355"/>
    <x v="3"/>
    <x v="1"/>
    <x v="11"/>
    <s v="Sauder Mission Library with Doors, Fruitwood Finish"/>
    <n v="222.67"/>
    <n v="2"/>
    <n v="10.48"/>
  </r>
  <r>
    <d v="2014-11-09T00:00:00"/>
    <x v="10"/>
    <x v="0"/>
    <x v="355"/>
    <x v="3"/>
    <x v="2"/>
    <x v="6"/>
    <s v="Samsung Galaxy Note 3"/>
    <n v="703.97"/>
    <n v="4"/>
    <n v="88"/>
  </r>
  <r>
    <d v="2014-11-09T00:00:00"/>
    <x v="10"/>
    <x v="0"/>
    <x v="355"/>
    <x v="3"/>
    <x v="0"/>
    <x v="2"/>
    <s v="Decoflex Hanging Personal Folder File, Blue"/>
    <n v="92.52"/>
    <n v="6"/>
    <n v="24.98"/>
  </r>
  <r>
    <d v="2014-11-09T00:00:00"/>
    <x v="10"/>
    <x v="0"/>
    <x v="355"/>
    <x v="3"/>
    <x v="0"/>
    <x v="0"/>
    <s v="Recycled Desk Saver Line &quot;While You Were Out&quot; Book, 5 1/2&quot; X 4&quot;"/>
    <n v="62.65"/>
    <n v="7"/>
    <n v="28.82"/>
  </r>
  <r>
    <d v="2014-11-09T00:00:00"/>
    <x v="10"/>
    <x v="0"/>
    <x v="355"/>
    <x v="3"/>
    <x v="0"/>
    <x v="0"/>
    <s v="Xerox 1912"/>
    <n v="94.85"/>
    <n v="5"/>
    <n v="45.53"/>
  </r>
  <r>
    <d v="2014-11-09T00:00:00"/>
    <x v="10"/>
    <x v="0"/>
    <x v="499"/>
    <x v="20"/>
    <x v="1"/>
    <x v="8"/>
    <s v="Eldon 200 Class Desk Accessories, Black"/>
    <n v="56.52"/>
    <n v="9"/>
    <n v="21.48"/>
  </r>
  <r>
    <d v="2014-11-10T00:00:00"/>
    <x v="10"/>
    <x v="0"/>
    <x v="131"/>
    <x v="3"/>
    <x v="2"/>
    <x v="6"/>
    <s v="Jabra SPEAK 410"/>
    <n v="601.54"/>
    <n v="8"/>
    <n v="60.15"/>
  </r>
  <r>
    <d v="2014-11-10T00:00:00"/>
    <x v="10"/>
    <x v="0"/>
    <x v="131"/>
    <x v="3"/>
    <x v="2"/>
    <x v="9"/>
    <s v="Memorex Froggy Flash Drive 4 GB"/>
    <n v="10.99"/>
    <n v="1"/>
    <n v="4.29"/>
  </r>
  <r>
    <d v="2014-11-10T00:00:00"/>
    <x v="10"/>
    <x v="0"/>
    <x v="131"/>
    <x v="3"/>
    <x v="1"/>
    <x v="8"/>
    <s v="Luxo Economy Swing Arm Lamp"/>
    <n v="39.880000000000003"/>
    <n v="2"/>
    <n v="11.17"/>
  </r>
  <r>
    <d v="2014-11-10T00:00:00"/>
    <x v="10"/>
    <x v="0"/>
    <x v="131"/>
    <x v="3"/>
    <x v="0"/>
    <x v="0"/>
    <s v="Southworth 100% RÃ©sumÃ© Paper, 24lb."/>
    <n v="62.24"/>
    <n v="8"/>
    <n v="28.01"/>
  </r>
  <r>
    <d v="2014-11-10T00:00:00"/>
    <x v="10"/>
    <x v="0"/>
    <x v="131"/>
    <x v="3"/>
    <x v="1"/>
    <x v="8"/>
    <s v="Eldon Expressions Punched Metal &amp; Wood Desk Accessories, Pewter &amp; Cherry"/>
    <n v="53.2"/>
    <n v="5"/>
    <n v="14.9"/>
  </r>
  <r>
    <d v="2014-11-10T00:00:00"/>
    <x v="10"/>
    <x v="0"/>
    <x v="131"/>
    <x v="3"/>
    <x v="0"/>
    <x v="1"/>
    <s v="Avery White Multi-Purpose Labels"/>
    <n v="39.840000000000003"/>
    <n v="8"/>
    <n v="18.329999999999998"/>
  </r>
  <r>
    <d v="2014-11-10T00:00:00"/>
    <x v="10"/>
    <x v="0"/>
    <x v="66"/>
    <x v="14"/>
    <x v="0"/>
    <x v="4"/>
    <s v="Avery Hi-Liter Comfort Grip Fluorescent Highlighter, Yellow Ink"/>
    <n v="3.9"/>
    <n v="2"/>
    <n v="1.52"/>
  </r>
  <r>
    <d v="2014-11-10T00:00:00"/>
    <x v="10"/>
    <x v="0"/>
    <x v="66"/>
    <x v="14"/>
    <x v="0"/>
    <x v="0"/>
    <s v="Xerox 199"/>
    <n v="12.84"/>
    <n v="3"/>
    <n v="5.78"/>
  </r>
  <r>
    <d v="2014-11-10T00:00:00"/>
    <x v="10"/>
    <x v="0"/>
    <x v="66"/>
    <x v="14"/>
    <x v="0"/>
    <x v="0"/>
    <s v="Xerox 4200 Series MultiUse Premium Copy Paper (20Lb. and 84 Bright)"/>
    <n v="15.84"/>
    <n v="3"/>
    <n v="7.13"/>
  </r>
  <r>
    <d v="2014-11-10T00:00:00"/>
    <x v="10"/>
    <x v="0"/>
    <x v="66"/>
    <x v="14"/>
    <x v="1"/>
    <x v="5"/>
    <s v="Hon Every-Day Series Multi-Task Chairs"/>
    <n v="563.94000000000005"/>
    <n v="3"/>
    <n v="112.79"/>
  </r>
  <r>
    <d v="2014-11-10T00:00:00"/>
    <x v="10"/>
    <x v="0"/>
    <x v="66"/>
    <x v="14"/>
    <x v="0"/>
    <x v="2"/>
    <s v="Acco Perma 3000 Stacking Storage Drawers"/>
    <n v="62.94"/>
    <n v="3"/>
    <n v="11.96"/>
  </r>
  <r>
    <d v="2014-11-10T00:00:00"/>
    <x v="10"/>
    <x v="0"/>
    <x v="66"/>
    <x v="14"/>
    <x v="0"/>
    <x v="2"/>
    <s v="Hot File 7-Pocket, Floor Stand"/>
    <n v="535.41"/>
    <n v="3"/>
    <n v="160.62"/>
  </r>
  <r>
    <d v="2014-11-11T00:00:00"/>
    <x v="10"/>
    <x v="0"/>
    <x v="500"/>
    <x v="21"/>
    <x v="0"/>
    <x v="2"/>
    <s v="Stur-D-Stor Shelving, Vertical 5-Shelf: 72&quot;H x 36&quot;W x 18 1/2&quot;D"/>
    <n v="665.88"/>
    <n v="6"/>
    <n v="13.32"/>
  </r>
  <r>
    <d v="2014-11-11T00:00:00"/>
    <x v="10"/>
    <x v="0"/>
    <x v="501"/>
    <x v="26"/>
    <x v="0"/>
    <x v="4"/>
    <s v="BIC Brite Liner Grip Highlighters, Assorted, 5/Pack"/>
    <n v="3.39"/>
    <n v="1"/>
    <n v="0.81"/>
  </r>
  <r>
    <d v="2014-11-11T00:00:00"/>
    <x v="10"/>
    <x v="0"/>
    <x v="501"/>
    <x v="26"/>
    <x v="2"/>
    <x v="6"/>
    <s v="Samsung Galaxy S III - 16GB - pebble blue (T-Mobile)"/>
    <n v="559.98"/>
    <n v="2"/>
    <n v="56"/>
  </r>
  <r>
    <d v="2014-11-11T00:00:00"/>
    <x v="10"/>
    <x v="0"/>
    <x v="501"/>
    <x v="26"/>
    <x v="1"/>
    <x v="5"/>
    <s v="Global Airflow Leather Mesh Back Chair, Black"/>
    <n v="603.91999999999996"/>
    <n v="5"/>
    <n v="75.489999999999995"/>
  </r>
  <r>
    <d v="2014-11-11T00:00:00"/>
    <x v="10"/>
    <x v="0"/>
    <x v="502"/>
    <x v="0"/>
    <x v="0"/>
    <x v="3"/>
    <s v="GBC DocuBind TL300 Electric Binding System"/>
    <n v="896.99"/>
    <n v="5"/>
    <n v="-1480.03"/>
  </r>
  <r>
    <d v="2014-11-11T00:00:00"/>
    <x v="10"/>
    <x v="0"/>
    <x v="502"/>
    <x v="0"/>
    <x v="0"/>
    <x v="3"/>
    <s v="Universal Recycled Hanging Pressboard Report Binders, Letter Size"/>
    <n v="1.23"/>
    <n v="1"/>
    <n v="-1.97"/>
  </r>
  <r>
    <d v="2014-11-11T00:00:00"/>
    <x v="10"/>
    <x v="0"/>
    <x v="502"/>
    <x v="0"/>
    <x v="0"/>
    <x v="4"/>
    <s v="Boston Electric Pencil Sharpener, Model 1818, Charcoal Black"/>
    <n v="67.56"/>
    <n v="3"/>
    <n v="6.76"/>
  </r>
  <r>
    <d v="2014-11-11T00:00:00"/>
    <x v="10"/>
    <x v="0"/>
    <x v="502"/>
    <x v="0"/>
    <x v="0"/>
    <x v="0"/>
    <s v="Wirebound Message Book, 4 per Page"/>
    <n v="21.72"/>
    <n v="5"/>
    <n v="7.87"/>
  </r>
  <r>
    <d v="2014-11-11T00:00:00"/>
    <x v="10"/>
    <x v="0"/>
    <x v="502"/>
    <x v="0"/>
    <x v="0"/>
    <x v="0"/>
    <s v="Xerox 1893"/>
    <n v="262.33999999999997"/>
    <n v="8"/>
    <n v="95.1"/>
  </r>
  <r>
    <d v="2014-11-11T00:00:00"/>
    <x v="10"/>
    <x v="0"/>
    <x v="502"/>
    <x v="0"/>
    <x v="2"/>
    <x v="6"/>
    <s v="Geemarc AmpliPOWER60"/>
    <n v="148.47999999999999"/>
    <n v="2"/>
    <n v="16.7"/>
  </r>
  <r>
    <d v="2014-11-11T00:00:00"/>
    <x v="10"/>
    <x v="0"/>
    <x v="502"/>
    <x v="0"/>
    <x v="2"/>
    <x v="6"/>
    <s v="Classic Ivory AntiqueÂ TelephoneÂ ZL1810"/>
    <n v="241.18"/>
    <n v="3"/>
    <n v="15.07"/>
  </r>
  <r>
    <d v="2014-11-11T00:00:00"/>
    <x v="10"/>
    <x v="0"/>
    <x v="358"/>
    <x v="3"/>
    <x v="0"/>
    <x v="4"/>
    <s v="50 Colored Long Pencils"/>
    <n v="30.48"/>
    <n v="3"/>
    <n v="7.92"/>
  </r>
  <r>
    <d v="2014-11-11T00:00:00"/>
    <x v="10"/>
    <x v="0"/>
    <x v="358"/>
    <x v="3"/>
    <x v="1"/>
    <x v="5"/>
    <s v="Hon Olson Stacker Stools"/>
    <n v="112.65"/>
    <n v="1"/>
    <n v="11.26"/>
  </r>
  <r>
    <d v="2014-11-11T00:00:00"/>
    <x v="10"/>
    <x v="0"/>
    <x v="324"/>
    <x v="2"/>
    <x v="1"/>
    <x v="8"/>
    <s v="GE 4 Foot Flourescent Tube, 40 Watt"/>
    <n v="23.97"/>
    <n v="2"/>
    <n v="7.79"/>
  </r>
  <r>
    <d v="2014-11-11T00:00:00"/>
    <x v="10"/>
    <x v="0"/>
    <x v="324"/>
    <x v="2"/>
    <x v="1"/>
    <x v="11"/>
    <s v="Atlantic Metals Mobile 3-Shelf Bookcases, Custom Colors"/>
    <n v="521.96"/>
    <n v="4"/>
    <n v="-250.54"/>
  </r>
  <r>
    <d v="2014-11-11T00:00:00"/>
    <x v="10"/>
    <x v="0"/>
    <x v="338"/>
    <x v="3"/>
    <x v="2"/>
    <x v="6"/>
    <s v="Mophie Juice Pack Helium for iPhone"/>
    <n v="575.92999999999995"/>
    <n v="9"/>
    <n v="57.59"/>
  </r>
  <r>
    <d v="2014-11-11T00:00:00"/>
    <x v="10"/>
    <x v="0"/>
    <x v="338"/>
    <x v="3"/>
    <x v="0"/>
    <x v="12"/>
    <s v="Commercial WindTunnel Clean Air Upright Vacuum, Replacement Belts, Filtration Bags"/>
    <n v="7.78"/>
    <n v="2"/>
    <n v="2.02"/>
  </r>
  <r>
    <d v="2014-11-11T00:00:00"/>
    <x v="10"/>
    <x v="0"/>
    <x v="338"/>
    <x v="3"/>
    <x v="0"/>
    <x v="0"/>
    <s v="Xerox 1979"/>
    <n v="123.92"/>
    <n v="4"/>
    <n v="55.76"/>
  </r>
  <r>
    <d v="2014-11-11T00:00:00"/>
    <x v="10"/>
    <x v="0"/>
    <x v="126"/>
    <x v="22"/>
    <x v="0"/>
    <x v="12"/>
    <s v="Belkin F5C206VTEL 6 Outlet Surge"/>
    <n v="22.98"/>
    <n v="1"/>
    <n v="6.89"/>
  </r>
  <r>
    <d v="2014-11-11T00:00:00"/>
    <x v="10"/>
    <x v="0"/>
    <x v="126"/>
    <x v="22"/>
    <x v="2"/>
    <x v="9"/>
    <s v="Belkin Standard 104 key USB Keyboard"/>
    <n v="102.13"/>
    <n v="7"/>
    <n v="15.32"/>
  </r>
  <r>
    <d v="2014-11-11T00:00:00"/>
    <x v="10"/>
    <x v="0"/>
    <x v="126"/>
    <x v="22"/>
    <x v="0"/>
    <x v="3"/>
    <s v="Fellowes PB500 Electric Punch Plastic Comb Binding Machine with Manual Bind"/>
    <n v="2033.58"/>
    <n v="2"/>
    <n v="762.59"/>
  </r>
  <r>
    <d v="2014-11-11T00:00:00"/>
    <x v="10"/>
    <x v="0"/>
    <x v="248"/>
    <x v="1"/>
    <x v="1"/>
    <x v="8"/>
    <s v="DAX Wood Document Frame."/>
    <n v="10.98"/>
    <n v="2"/>
    <n v="-7.96"/>
  </r>
  <r>
    <d v="2014-11-11T00:00:00"/>
    <x v="10"/>
    <x v="0"/>
    <x v="248"/>
    <x v="1"/>
    <x v="1"/>
    <x v="5"/>
    <s v="Global Commerce Series High-Back Swivel/Tilt Chairs"/>
    <n v="797.94"/>
    <n v="4"/>
    <n v="-57"/>
  </r>
  <r>
    <d v="2014-11-11T00:00:00"/>
    <x v="10"/>
    <x v="0"/>
    <x v="61"/>
    <x v="20"/>
    <x v="0"/>
    <x v="0"/>
    <s v="Wirebound Message Books, Four 2 3/4&quot; x 5&quot; Forms per Page, 600 Sets per Book"/>
    <n v="46.35"/>
    <n v="5"/>
    <n v="21.78"/>
  </r>
  <r>
    <d v="2014-11-11T00:00:00"/>
    <x v="10"/>
    <x v="0"/>
    <x v="61"/>
    <x v="20"/>
    <x v="0"/>
    <x v="0"/>
    <s v="Xerox 1882"/>
    <n v="223.92"/>
    <n v="4"/>
    <n v="109.72"/>
  </r>
  <r>
    <d v="2014-11-11T00:00:00"/>
    <x v="10"/>
    <x v="0"/>
    <x v="61"/>
    <x v="20"/>
    <x v="0"/>
    <x v="14"/>
    <s v="Acme Value Line Scissors"/>
    <n v="7.3"/>
    <n v="2"/>
    <n v="2.19"/>
  </r>
  <r>
    <d v="2014-11-12T00:00:00"/>
    <x v="10"/>
    <x v="0"/>
    <x v="503"/>
    <x v="0"/>
    <x v="0"/>
    <x v="2"/>
    <s v="Personal Filing Tote with Lid, Black/Gray"/>
    <n v="49.63"/>
    <n v="4"/>
    <n v="4.96"/>
  </r>
  <r>
    <d v="2014-11-12T00:00:00"/>
    <x v="10"/>
    <x v="0"/>
    <x v="409"/>
    <x v="3"/>
    <x v="0"/>
    <x v="0"/>
    <s v="Xerox 1974"/>
    <n v="11.96"/>
    <n v="2"/>
    <n v="5.86"/>
  </r>
  <r>
    <d v="2014-11-12T00:00:00"/>
    <x v="10"/>
    <x v="0"/>
    <x v="409"/>
    <x v="3"/>
    <x v="1"/>
    <x v="13"/>
    <s v="Bevis Boat-Shaped Conference Table"/>
    <n v="629.05999999999995"/>
    <n v="3"/>
    <n v="31.45"/>
  </r>
  <r>
    <d v="2014-11-12T00:00:00"/>
    <x v="10"/>
    <x v="0"/>
    <x v="491"/>
    <x v="25"/>
    <x v="0"/>
    <x v="4"/>
    <s v="Newell 350"/>
    <n v="7.87"/>
    <n v="3"/>
    <n v="0.89"/>
  </r>
  <r>
    <d v="2014-11-12T00:00:00"/>
    <x v="10"/>
    <x v="0"/>
    <x v="504"/>
    <x v="0"/>
    <x v="0"/>
    <x v="4"/>
    <s v="Avery Fluorescent Highlighter Four-Color Set"/>
    <n v="2.67"/>
    <n v="1"/>
    <n v="0.33"/>
  </r>
  <r>
    <d v="2014-11-12T00:00:00"/>
    <x v="10"/>
    <x v="0"/>
    <x v="504"/>
    <x v="0"/>
    <x v="0"/>
    <x v="14"/>
    <s v="Acco Side-Punched Conventional Columnar Pads"/>
    <n v="16.66"/>
    <n v="6"/>
    <n v="-3.12"/>
  </r>
  <r>
    <d v="2014-11-12T00:00:00"/>
    <x v="10"/>
    <x v="0"/>
    <x v="504"/>
    <x v="0"/>
    <x v="2"/>
    <x v="9"/>
    <s v="ImationÂ 16GB Mini TravelDrive USB 2.0Â Flash Drive"/>
    <n v="79.510000000000005"/>
    <n v="3"/>
    <n v="20.87"/>
  </r>
  <r>
    <d v="2014-11-12T00:00:00"/>
    <x v="10"/>
    <x v="0"/>
    <x v="504"/>
    <x v="0"/>
    <x v="0"/>
    <x v="0"/>
    <s v="Xerox 216"/>
    <n v="36.29"/>
    <n v="7"/>
    <n v="12.7"/>
  </r>
  <r>
    <d v="2014-11-12T00:00:00"/>
    <x v="10"/>
    <x v="0"/>
    <x v="504"/>
    <x v="0"/>
    <x v="1"/>
    <x v="11"/>
    <s v="Bestar Classic Bookcase"/>
    <n v="67.989999999999995"/>
    <n v="1"/>
    <n v="-13"/>
  </r>
  <r>
    <d v="2014-11-12T00:00:00"/>
    <x v="10"/>
    <x v="0"/>
    <x v="0"/>
    <x v="0"/>
    <x v="1"/>
    <x v="8"/>
    <s v="GE General Use Halogen Bulbs, 100 Watts, 1 Bulb per Pack"/>
    <n v="25.13"/>
    <n v="3"/>
    <n v="-6.91"/>
  </r>
  <r>
    <d v="2014-11-12T00:00:00"/>
    <x v="10"/>
    <x v="0"/>
    <x v="0"/>
    <x v="0"/>
    <x v="2"/>
    <x v="9"/>
    <s v="Logitech G602 Wireless Gaming Mouse"/>
    <n v="127.98"/>
    <n v="2"/>
    <n v="25.6"/>
  </r>
  <r>
    <d v="2014-11-14T00:00:00"/>
    <x v="10"/>
    <x v="0"/>
    <x v="505"/>
    <x v="37"/>
    <x v="2"/>
    <x v="6"/>
    <s v="Polycom SoundPoint Pro SE-225 Corded phone"/>
    <n v="832.93"/>
    <n v="7"/>
    <n v="233.22"/>
  </r>
  <r>
    <d v="2014-11-14T00:00:00"/>
    <x v="10"/>
    <x v="0"/>
    <x v="505"/>
    <x v="37"/>
    <x v="0"/>
    <x v="3"/>
    <s v="Acco 3-Hole Punch"/>
    <n v="43.8"/>
    <n v="10"/>
    <n v="21.02"/>
  </r>
  <r>
    <d v="2014-11-14T00:00:00"/>
    <x v="10"/>
    <x v="0"/>
    <x v="506"/>
    <x v="14"/>
    <x v="0"/>
    <x v="3"/>
    <s v="Storex DuraTech Recycled Plastic Frosted Binders"/>
    <n v="12.72"/>
    <n v="3"/>
    <n v="6.36"/>
  </r>
  <r>
    <d v="2014-11-14T00:00:00"/>
    <x v="10"/>
    <x v="0"/>
    <x v="506"/>
    <x v="14"/>
    <x v="0"/>
    <x v="3"/>
    <s v="Avery Durable Binders"/>
    <n v="11.52"/>
    <n v="4"/>
    <n v="5.64"/>
  </r>
  <r>
    <d v="2014-11-14T00:00:00"/>
    <x v="10"/>
    <x v="0"/>
    <x v="507"/>
    <x v="0"/>
    <x v="0"/>
    <x v="0"/>
    <s v="Xerox 221"/>
    <n v="20.74"/>
    <n v="4"/>
    <n v="7.26"/>
  </r>
  <r>
    <d v="2014-11-14T00:00:00"/>
    <x v="10"/>
    <x v="0"/>
    <x v="508"/>
    <x v="20"/>
    <x v="0"/>
    <x v="0"/>
    <s v="Adams Write n' Stick Phone Message Book, 11&quot; X 5 1/4&quot;, 200 Messages"/>
    <n v="11.36"/>
    <n v="2"/>
    <n v="5.23"/>
  </r>
  <r>
    <d v="2014-11-14T00:00:00"/>
    <x v="10"/>
    <x v="0"/>
    <x v="508"/>
    <x v="20"/>
    <x v="1"/>
    <x v="5"/>
    <s v="Safco Chair Connectors, 6/Carton"/>
    <n v="69.260000000000005"/>
    <n v="2"/>
    <n v="14.62"/>
  </r>
  <r>
    <d v="2014-11-14T00:00:00"/>
    <x v="10"/>
    <x v="0"/>
    <x v="393"/>
    <x v="6"/>
    <x v="0"/>
    <x v="0"/>
    <s v="Xerox 192"/>
    <n v="32.4"/>
    <n v="5"/>
    <n v="15.55"/>
  </r>
  <r>
    <d v="2014-11-15T00:00:00"/>
    <x v="10"/>
    <x v="0"/>
    <x v="509"/>
    <x v="15"/>
    <x v="0"/>
    <x v="4"/>
    <s v="Newell 310"/>
    <n v="4.22"/>
    <n v="3"/>
    <n v="0.48"/>
  </r>
  <r>
    <d v="2014-11-15T00:00:00"/>
    <x v="10"/>
    <x v="0"/>
    <x v="509"/>
    <x v="15"/>
    <x v="0"/>
    <x v="12"/>
    <s v="1.7 Cubic Foot Compact &quot;Cube&quot; Office Refrigerators"/>
    <n v="333.06"/>
    <n v="2"/>
    <n v="29.14"/>
  </r>
  <r>
    <d v="2014-11-15T00:00:00"/>
    <x v="10"/>
    <x v="0"/>
    <x v="509"/>
    <x v="15"/>
    <x v="0"/>
    <x v="0"/>
    <s v="Southworth 100% RÃ©sumÃ© Paper, 24lb."/>
    <n v="24.9"/>
    <n v="4"/>
    <n v="7.78"/>
  </r>
  <r>
    <d v="2014-11-15T00:00:00"/>
    <x v="10"/>
    <x v="0"/>
    <x v="510"/>
    <x v="0"/>
    <x v="0"/>
    <x v="10"/>
    <s v="Ames Color-File Green Diamond Border X-ray Mailers"/>
    <n v="604.66"/>
    <n v="9"/>
    <n v="204.07"/>
  </r>
  <r>
    <d v="2014-11-15T00:00:00"/>
    <x v="10"/>
    <x v="0"/>
    <x v="228"/>
    <x v="3"/>
    <x v="1"/>
    <x v="8"/>
    <s v="Eldon 100 Class Desk Accessories"/>
    <n v="10.11"/>
    <n v="3"/>
    <n v="3.24"/>
  </r>
  <r>
    <d v="2014-11-15T00:00:00"/>
    <x v="10"/>
    <x v="0"/>
    <x v="228"/>
    <x v="3"/>
    <x v="2"/>
    <x v="9"/>
    <s v="LogitechÂ P710e Mobile Speakerphone"/>
    <n v="772.47"/>
    <n v="3"/>
    <n v="146.77000000000001"/>
  </r>
  <r>
    <d v="2014-11-15T00:00:00"/>
    <x v="10"/>
    <x v="0"/>
    <x v="228"/>
    <x v="3"/>
    <x v="0"/>
    <x v="14"/>
    <s v="Acme Box Cutter Scissors"/>
    <n v="20.46"/>
    <n v="2"/>
    <n v="5.32"/>
  </r>
  <r>
    <d v="2014-11-15T00:00:00"/>
    <x v="10"/>
    <x v="0"/>
    <x v="134"/>
    <x v="3"/>
    <x v="0"/>
    <x v="14"/>
    <s v="Acme Value Line Scissors"/>
    <n v="10.95"/>
    <n v="3"/>
    <n v="3.29"/>
  </r>
  <r>
    <d v="2014-11-16T00:00:00"/>
    <x v="10"/>
    <x v="0"/>
    <x v="511"/>
    <x v="42"/>
    <x v="2"/>
    <x v="6"/>
    <s v="Jawbone MINI JAMBOX Wireless Bluetooth Speaker"/>
    <n v="273.95999999999998"/>
    <n v="2"/>
    <n v="10.96"/>
  </r>
  <r>
    <d v="2014-11-16T00:00:00"/>
    <x v="10"/>
    <x v="0"/>
    <x v="50"/>
    <x v="18"/>
    <x v="0"/>
    <x v="10"/>
    <s v="#10 White Business Envelopes,4 1/8 x 9 1/2"/>
    <n v="78.349999999999994"/>
    <n v="5"/>
    <n v="36.82"/>
  </r>
  <r>
    <d v="2014-11-16T00:00:00"/>
    <x v="10"/>
    <x v="0"/>
    <x v="50"/>
    <x v="18"/>
    <x v="0"/>
    <x v="0"/>
    <s v="Xerox 1954"/>
    <n v="31.68"/>
    <n v="6"/>
    <n v="14.26"/>
  </r>
  <r>
    <d v="2014-11-16T00:00:00"/>
    <x v="10"/>
    <x v="0"/>
    <x v="50"/>
    <x v="18"/>
    <x v="0"/>
    <x v="3"/>
    <s v="Wilson Jones Active Use Binders"/>
    <n v="29.12"/>
    <n v="4"/>
    <n v="14.27"/>
  </r>
  <r>
    <d v="2014-11-16T00:00:00"/>
    <x v="10"/>
    <x v="0"/>
    <x v="50"/>
    <x v="18"/>
    <x v="0"/>
    <x v="2"/>
    <s v="File Shuttle II and Handi-File, Black"/>
    <n v="169.45"/>
    <n v="5"/>
    <n v="42.36"/>
  </r>
  <r>
    <d v="2014-11-16T00:00:00"/>
    <x v="10"/>
    <x v="0"/>
    <x v="512"/>
    <x v="3"/>
    <x v="0"/>
    <x v="1"/>
    <s v="Permanent Self-Adhesive File Folder Labels for Typewriters by Universal"/>
    <n v="5.22"/>
    <n v="2"/>
    <n v="2.4"/>
  </r>
  <r>
    <d v="2014-11-16T00:00:00"/>
    <x v="10"/>
    <x v="0"/>
    <x v="513"/>
    <x v="1"/>
    <x v="1"/>
    <x v="5"/>
    <s v="SAFCO Optional Arm Kit for Workspace Cribbage Stacking Chair"/>
    <n v="37.299999999999997"/>
    <n v="2"/>
    <n v="-1.07"/>
  </r>
  <r>
    <d v="2014-11-16T00:00:00"/>
    <x v="10"/>
    <x v="0"/>
    <x v="514"/>
    <x v="3"/>
    <x v="2"/>
    <x v="6"/>
    <s v="OtterBox Commuter Series Case - Samsung Galaxy S4"/>
    <n v="79.97"/>
    <n v="4"/>
    <n v="-17.989999999999998"/>
  </r>
  <r>
    <d v="2014-11-16T00:00:00"/>
    <x v="10"/>
    <x v="0"/>
    <x v="514"/>
    <x v="3"/>
    <x v="1"/>
    <x v="11"/>
    <s v="Bush Andora Bookcase, Maple/Graphite Gray Finish"/>
    <n v="305.97000000000003"/>
    <n v="3"/>
    <n v="25.2"/>
  </r>
  <r>
    <d v="2014-11-16T00:00:00"/>
    <x v="10"/>
    <x v="0"/>
    <x v="514"/>
    <x v="3"/>
    <x v="0"/>
    <x v="2"/>
    <s v="Space Solutions HD Industrial Steel Shelving."/>
    <n v="344.91"/>
    <n v="3"/>
    <n v="10.35"/>
  </r>
  <r>
    <d v="2014-11-17T00:00:00"/>
    <x v="10"/>
    <x v="0"/>
    <x v="114"/>
    <x v="28"/>
    <x v="1"/>
    <x v="5"/>
    <s v="Global Super Steno Chair"/>
    <n v="479.9"/>
    <n v="5"/>
    <n v="81.58"/>
  </r>
  <r>
    <d v="2014-11-17T00:00:00"/>
    <x v="10"/>
    <x v="0"/>
    <x v="515"/>
    <x v="7"/>
    <x v="0"/>
    <x v="2"/>
    <s v="Smead Adjustable Mobile File Trolley with Lockable Top"/>
    <n v="2934.33"/>
    <n v="7"/>
    <n v="792.27"/>
  </r>
  <r>
    <d v="2014-11-17T00:00:00"/>
    <x v="10"/>
    <x v="0"/>
    <x v="515"/>
    <x v="7"/>
    <x v="1"/>
    <x v="8"/>
    <s v="Eldon Econocleat Chair Mats for Low Pile Carpets"/>
    <n v="124.41"/>
    <n v="3"/>
    <n v="14.93"/>
  </r>
  <r>
    <d v="2014-11-17T00:00:00"/>
    <x v="10"/>
    <x v="0"/>
    <x v="515"/>
    <x v="7"/>
    <x v="0"/>
    <x v="4"/>
    <s v="Deluxe Chalkboard Eraser Cleaner"/>
    <n v="57.75"/>
    <n v="5"/>
    <n v="26.57"/>
  </r>
  <r>
    <d v="2014-11-17T00:00:00"/>
    <x v="10"/>
    <x v="0"/>
    <x v="93"/>
    <x v="3"/>
    <x v="2"/>
    <x v="9"/>
    <s v="Case Logic 2.4GHz Wireless Keyboard"/>
    <n v="99.98"/>
    <n v="2"/>
    <n v="8"/>
  </r>
  <r>
    <d v="2014-11-17T00:00:00"/>
    <x v="10"/>
    <x v="0"/>
    <x v="93"/>
    <x v="3"/>
    <x v="0"/>
    <x v="0"/>
    <s v="Xerox 1941"/>
    <n v="733.95"/>
    <n v="7"/>
    <n v="352.3"/>
  </r>
  <r>
    <d v="2014-11-17T00:00:00"/>
    <x v="10"/>
    <x v="0"/>
    <x v="93"/>
    <x v="3"/>
    <x v="0"/>
    <x v="12"/>
    <s v="APC 7 Outlet Network SurgeArrest Surge Protector"/>
    <n v="241.44"/>
    <n v="3"/>
    <n v="72.430000000000007"/>
  </r>
  <r>
    <d v="2014-11-17T00:00:00"/>
    <x v="10"/>
    <x v="0"/>
    <x v="516"/>
    <x v="2"/>
    <x v="0"/>
    <x v="0"/>
    <s v="Southworth 100% RÃ©sumÃ© Paper, 24lb."/>
    <n v="12.45"/>
    <n v="2"/>
    <n v="3.89"/>
  </r>
  <r>
    <d v="2014-11-17T00:00:00"/>
    <x v="10"/>
    <x v="0"/>
    <x v="516"/>
    <x v="2"/>
    <x v="1"/>
    <x v="5"/>
    <s v="Hon Every-Day Series Multi-Task Chairs"/>
    <n v="657.93"/>
    <n v="5"/>
    <n v="-93.99"/>
  </r>
  <r>
    <d v="2014-11-17T00:00:00"/>
    <x v="10"/>
    <x v="0"/>
    <x v="92"/>
    <x v="0"/>
    <x v="0"/>
    <x v="10"/>
    <s v="Redi-Strip #10 Envelopes, 4 1/8 x 9 1/2"/>
    <n v="7.08"/>
    <n v="3"/>
    <n v="2.48"/>
  </r>
  <r>
    <d v="2014-11-17T00:00:00"/>
    <x v="10"/>
    <x v="0"/>
    <x v="217"/>
    <x v="20"/>
    <x v="0"/>
    <x v="3"/>
    <s v="GBC DocuBind TL300 Electric Binding System"/>
    <n v="2152.7800000000002"/>
    <n v="3"/>
    <n v="726.56"/>
  </r>
  <r>
    <d v="2014-11-17T00:00:00"/>
    <x v="10"/>
    <x v="0"/>
    <x v="217"/>
    <x v="20"/>
    <x v="1"/>
    <x v="11"/>
    <s v="DMI Eclipse Executive Suite Bookcases"/>
    <n v="4007.84"/>
    <n v="10"/>
    <n v="-50.1"/>
  </r>
  <r>
    <d v="2014-11-17T00:00:00"/>
    <x v="10"/>
    <x v="0"/>
    <x v="215"/>
    <x v="20"/>
    <x v="0"/>
    <x v="0"/>
    <s v="Southworth 100% Cotton The Best Paper"/>
    <n v="34.44"/>
    <n v="3"/>
    <n v="17.22"/>
  </r>
  <r>
    <d v="2014-11-18T00:00:00"/>
    <x v="10"/>
    <x v="0"/>
    <x v="517"/>
    <x v="26"/>
    <x v="1"/>
    <x v="13"/>
    <s v="Bevis Rectangular Conference Tables"/>
    <n v="145.97999999999999"/>
    <n v="2"/>
    <n v="-99.27"/>
  </r>
  <r>
    <d v="2014-11-18T00:00:00"/>
    <x v="10"/>
    <x v="0"/>
    <x v="517"/>
    <x v="26"/>
    <x v="0"/>
    <x v="0"/>
    <s v="Geographics Note Cards, Blank, White, 8 1/2&quot; x 11&quot;"/>
    <n v="35.81"/>
    <n v="4"/>
    <n v="12.53"/>
  </r>
  <r>
    <d v="2014-11-18T00:00:00"/>
    <x v="10"/>
    <x v="0"/>
    <x v="246"/>
    <x v="2"/>
    <x v="0"/>
    <x v="3"/>
    <s v="Fellowes PB200 Plastic Comb Binding Machine"/>
    <n v="51"/>
    <n v="1"/>
    <n v="-40.799999999999997"/>
  </r>
  <r>
    <d v="2014-11-18T00:00:00"/>
    <x v="10"/>
    <x v="0"/>
    <x v="246"/>
    <x v="2"/>
    <x v="0"/>
    <x v="2"/>
    <s v="Safco Industrial Wire Shelving"/>
    <n v="76.790000000000006"/>
    <n v="1"/>
    <n v="-16.32"/>
  </r>
  <r>
    <d v="2014-11-18T00:00:00"/>
    <x v="10"/>
    <x v="0"/>
    <x v="246"/>
    <x v="2"/>
    <x v="2"/>
    <x v="6"/>
    <s v="Motorola Droid Maxx"/>
    <n v="539.96"/>
    <n v="6"/>
    <n v="-107.99"/>
  </r>
  <r>
    <d v="2014-11-18T00:00:00"/>
    <x v="10"/>
    <x v="0"/>
    <x v="246"/>
    <x v="2"/>
    <x v="1"/>
    <x v="8"/>
    <s v="Eldon Executive Woodline II Desk Accessories, Mahogany"/>
    <n v="60.31"/>
    <n v="3"/>
    <n v="5.28"/>
  </r>
  <r>
    <d v="2014-11-18T00:00:00"/>
    <x v="10"/>
    <x v="0"/>
    <x v="246"/>
    <x v="2"/>
    <x v="0"/>
    <x v="3"/>
    <s v="Peel &amp; Stick Add-On Corner Pockets"/>
    <n v="1.94"/>
    <n v="3"/>
    <n v="-1.43"/>
  </r>
  <r>
    <d v="2014-11-18T00:00:00"/>
    <x v="10"/>
    <x v="0"/>
    <x v="518"/>
    <x v="1"/>
    <x v="0"/>
    <x v="3"/>
    <s v="GBC White Gloss Covers, Plain Front"/>
    <n v="14.48"/>
    <n v="5"/>
    <n v="-23.89"/>
  </r>
  <r>
    <d v="2014-11-18T00:00:00"/>
    <x v="10"/>
    <x v="0"/>
    <x v="493"/>
    <x v="10"/>
    <x v="0"/>
    <x v="3"/>
    <s v="Pressboard Hanging Data Binders for Unburst Sheets"/>
    <n v="11.81"/>
    <n v="8"/>
    <n v="-8.66"/>
  </r>
  <r>
    <d v="2014-11-18T00:00:00"/>
    <x v="10"/>
    <x v="0"/>
    <x v="493"/>
    <x v="10"/>
    <x v="2"/>
    <x v="6"/>
    <s v="PNY Rapid USB Car Charger - Black"/>
    <n v="9.59"/>
    <n v="2"/>
    <n v="-2.08"/>
  </r>
  <r>
    <d v="2014-11-18T00:00:00"/>
    <x v="10"/>
    <x v="0"/>
    <x v="130"/>
    <x v="27"/>
    <x v="0"/>
    <x v="0"/>
    <s v="Adams &quot;While You Were Out&quot; Message Pads"/>
    <n v="21.98"/>
    <n v="7"/>
    <n v="9.89"/>
  </r>
  <r>
    <d v="2014-11-18T00:00:00"/>
    <x v="10"/>
    <x v="0"/>
    <x v="519"/>
    <x v="1"/>
    <x v="1"/>
    <x v="13"/>
    <s v="BPI Conference Tables"/>
    <n v="292.10000000000002"/>
    <n v="4"/>
    <n v="-175.26"/>
  </r>
  <r>
    <d v="2014-11-18T00:00:00"/>
    <x v="10"/>
    <x v="0"/>
    <x v="519"/>
    <x v="1"/>
    <x v="1"/>
    <x v="8"/>
    <s v="Dana Swing-Arm Lamps"/>
    <n v="8.5399999999999991"/>
    <n v="2"/>
    <n v="-7.48"/>
  </r>
  <r>
    <d v="2014-11-18T00:00:00"/>
    <x v="10"/>
    <x v="0"/>
    <x v="519"/>
    <x v="1"/>
    <x v="1"/>
    <x v="11"/>
    <s v="Hon 4-Shelf Metal Bookcases"/>
    <n v="424.12"/>
    <n v="6"/>
    <n v="-30.29"/>
  </r>
  <r>
    <d v="2014-11-18T00:00:00"/>
    <x v="10"/>
    <x v="0"/>
    <x v="519"/>
    <x v="1"/>
    <x v="0"/>
    <x v="3"/>
    <s v="Wilson Jones Turn Tabs Binder Tool for Ring Binders"/>
    <n v="2.89"/>
    <n v="3"/>
    <n v="-4.92"/>
  </r>
  <r>
    <d v="2014-11-18T00:00:00"/>
    <x v="10"/>
    <x v="0"/>
    <x v="519"/>
    <x v="1"/>
    <x v="0"/>
    <x v="2"/>
    <s v="Fellowes Stor/Drawer Steel Plus Storage Drawers"/>
    <n v="381.72"/>
    <n v="5"/>
    <n v="-66.8"/>
  </r>
  <r>
    <d v="2014-11-18T00:00:00"/>
    <x v="10"/>
    <x v="0"/>
    <x v="520"/>
    <x v="28"/>
    <x v="0"/>
    <x v="2"/>
    <s v="Fellowes Desktop Hanging File Manager"/>
    <n v="67.150000000000006"/>
    <n v="5"/>
    <n v="16.79"/>
  </r>
  <r>
    <d v="2014-11-18T00:00:00"/>
    <x v="10"/>
    <x v="0"/>
    <x v="521"/>
    <x v="21"/>
    <x v="1"/>
    <x v="5"/>
    <s v="Office Star - Mesh Screen back chair with Vinyl seat"/>
    <n v="392.94"/>
    <n v="3"/>
    <n v="43.22"/>
  </r>
  <r>
    <d v="2014-11-18T00:00:00"/>
    <x v="10"/>
    <x v="0"/>
    <x v="223"/>
    <x v="22"/>
    <x v="1"/>
    <x v="8"/>
    <s v="Howard Miller 13-1/2&quot; Diameter Rosebrook Wall Clock"/>
    <n v="137.54"/>
    <n v="2"/>
    <n v="55.02"/>
  </r>
  <r>
    <d v="2014-11-18T00:00:00"/>
    <x v="10"/>
    <x v="0"/>
    <x v="223"/>
    <x v="22"/>
    <x v="1"/>
    <x v="13"/>
    <s v="Lesro Round Back Collection Coffee Table, End Table"/>
    <n v="730.2"/>
    <n v="4"/>
    <n v="94.93"/>
  </r>
  <r>
    <d v="2014-11-19T00:00:00"/>
    <x v="10"/>
    <x v="0"/>
    <x v="508"/>
    <x v="8"/>
    <x v="2"/>
    <x v="6"/>
    <s v="AT&amp;T TR1909W"/>
    <n v="503.96"/>
    <n v="4"/>
    <n v="131.03"/>
  </r>
  <r>
    <d v="2014-11-19T00:00:00"/>
    <x v="10"/>
    <x v="0"/>
    <x v="508"/>
    <x v="8"/>
    <x v="2"/>
    <x v="6"/>
    <s v="Nokia Lumia 521 (T-Mobile)"/>
    <n v="149.94999999999999"/>
    <n v="5"/>
    <n v="41.99"/>
  </r>
  <r>
    <d v="2014-11-19T00:00:00"/>
    <x v="10"/>
    <x v="0"/>
    <x v="508"/>
    <x v="8"/>
    <x v="2"/>
    <x v="9"/>
    <s v="HP Standard 104 key PS/2 Keyboard"/>
    <n v="29"/>
    <n v="2"/>
    <n v="7.25"/>
  </r>
  <r>
    <d v="2014-11-19T00:00:00"/>
    <x v="10"/>
    <x v="0"/>
    <x v="522"/>
    <x v="20"/>
    <x v="2"/>
    <x v="6"/>
    <s v="Apple iPhone 5"/>
    <n v="4548.8100000000004"/>
    <n v="7"/>
    <n v="1228.18"/>
  </r>
  <r>
    <d v="2014-11-19T00:00:00"/>
    <x v="10"/>
    <x v="0"/>
    <x v="523"/>
    <x v="7"/>
    <x v="0"/>
    <x v="1"/>
    <s v="Avery 480"/>
    <n v="22.5"/>
    <n v="6"/>
    <n v="10.8"/>
  </r>
  <r>
    <d v="2014-11-19T00:00:00"/>
    <x v="10"/>
    <x v="0"/>
    <x v="523"/>
    <x v="7"/>
    <x v="0"/>
    <x v="1"/>
    <s v="Avery 499"/>
    <n v="9.9600000000000009"/>
    <n v="2"/>
    <n v="4.58"/>
  </r>
  <r>
    <d v="2014-11-19T00:00:00"/>
    <x v="10"/>
    <x v="0"/>
    <x v="523"/>
    <x v="7"/>
    <x v="0"/>
    <x v="3"/>
    <s v="Premier Elliptical Ring Binder, Black"/>
    <n v="213.08"/>
    <n v="7"/>
    <n v="102.28"/>
  </r>
  <r>
    <d v="2014-11-19T00:00:00"/>
    <x v="10"/>
    <x v="0"/>
    <x v="523"/>
    <x v="7"/>
    <x v="1"/>
    <x v="11"/>
    <s v="Sauder Inglewood Library Bookcases"/>
    <n v="1025.8800000000001"/>
    <n v="6"/>
    <n v="235.95"/>
  </r>
  <r>
    <d v="2014-11-19T00:00:00"/>
    <x v="10"/>
    <x v="0"/>
    <x v="524"/>
    <x v="27"/>
    <x v="0"/>
    <x v="0"/>
    <s v="Xerox 1888"/>
    <n v="166.44"/>
    <n v="3"/>
    <n v="79.89"/>
  </r>
  <r>
    <d v="2014-11-19T00:00:00"/>
    <x v="10"/>
    <x v="0"/>
    <x v="131"/>
    <x v="2"/>
    <x v="2"/>
    <x v="9"/>
    <s v="Logitech G105 Gaming Keyboard"/>
    <n v="47.5"/>
    <n v="1"/>
    <n v="-1.19"/>
  </r>
  <r>
    <d v="2014-11-19T00:00:00"/>
    <x v="10"/>
    <x v="0"/>
    <x v="363"/>
    <x v="28"/>
    <x v="0"/>
    <x v="2"/>
    <s v="Recycled Steel Personal File for Standard File Folders"/>
    <n v="221.16"/>
    <n v="4"/>
    <n v="57.5"/>
  </r>
  <r>
    <d v="2014-11-19T00:00:00"/>
    <x v="10"/>
    <x v="0"/>
    <x v="363"/>
    <x v="28"/>
    <x v="2"/>
    <x v="6"/>
    <s v="Jabra SPEAK 410"/>
    <n v="281.97000000000003"/>
    <n v="3"/>
    <n v="78.95"/>
  </r>
  <r>
    <d v="2014-11-19T00:00:00"/>
    <x v="10"/>
    <x v="0"/>
    <x v="525"/>
    <x v="2"/>
    <x v="0"/>
    <x v="0"/>
    <s v="1/4 Fold Party Design Invitations &amp; White Envelopes, 24 8-1/2&quot; X 11&quot; Cards, 25 Env./Pack"/>
    <n v="5.88"/>
    <n v="1"/>
    <n v="1.98"/>
  </r>
  <r>
    <d v="2014-11-20T00:00:00"/>
    <x v="10"/>
    <x v="0"/>
    <x v="121"/>
    <x v="20"/>
    <x v="0"/>
    <x v="10"/>
    <s v="Peel &amp; Seel Recycled Catalog Envelopes, Brown"/>
    <n v="34.74"/>
    <n v="3"/>
    <n v="17.37"/>
  </r>
  <r>
    <d v="2014-11-20T00:00:00"/>
    <x v="10"/>
    <x v="0"/>
    <x v="121"/>
    <x v="20"/>
    <x v="2"/>
    <x v="6"/>
    <s v="Toshiba IPT2010-SD IPÂ Telephone"/>
    <n v="833.94"/>
    <n v="6"/>
    <n v="216.82"/>
  </r>
  <r>
    <d v="2014-11-20T00:00:00"/>
    <x v="10"/>
    <x v="0"/>
    <x v="121"/>
    <x v="20"/>
    <x v="0"/>
    <x v="3"/>
    <s v="3M Organizer Strips"/>
    <n v="12.96"/>
    <n v="3"/>
    <n v="4.54"/>
  </r>
  <r>
    <d v="2014-11-20T00:00:00"/>
    <x v="10"/>
    <x v="0"/>
    <x v="121"/>
    <x v="20"/>
    <x v="0"/>
    <x v="0"/>
    <s v="Xerox 2000"/>
    <n v="25.92"/>
    <n v="4"/>
    <n v="12.44"/>
  </r>
  <r>
    <d v="2014-11-21T00:00:00"/>
    <x v="10"/>
    <x v="0"/>
    <x v="526"/>
    <x v="5"/>
    <x v="2"/>
    <x v="6"/>
    <s v="Logitech B530 USBÂ HeadsetÂ -Â headsetÂ - Full size, Binaural"/>
    <n v="36.99"/>
    <n v="1"/>
    <n v="9.99"/>
  </r>
  <r>
    <d v="2014-11-21T00:00:00"/>
    <x v="10"/>
    <x v="0"/>
    <x v="526"/>
    <x v="5"/>
    <x v="0"/>
    <x v="0"/>
    <s v="Multicolor Computer Printout Paper"/>
    <n v="629.1"/>
    <n v="6"/>
    <n v="301.97000000000003"/>
  </r>
  <r>
    <d v="2014-11-21T00:00:00"/>
    <x v="10"/>
    <x v="0"/>
    <x v="526"/>
    <x v="5"/>
    <x v="0"/>
    <x v="2"/>
    <s v="Space Solutions Commercial Steel Shelving"/>
    <n v="193.95"/>
    <n v="3"/>
    <n v="9.6999999999999993"/>
  </r>
  <r>
    <d v="2014-11-21T00:00:00"/>
    <x v="10"/>
    <x v="0"/>
    <x v="526"/>
    <x v="5"/>
    <x v="0"/>
    <x v="4"/>
    <s v="Newell 322"/>
    <n v="5.46"/>
    <n v="3"/>
    <n v="1.47"/>
  </r>
  <r>
    <d v="2014-11-21T00:00:00"/>
    <x v="10"/>
    <x v="0"/>
    <x v="523"/>
    <x v="3"/>
    <x v="0"/>
    <x v="0"/>
    <s v="Xerox 211"/>
    <n v="12.96"/>
    <n v="2"/>
    <n v="6.22"/>
  </r>
  <r>
    <d v="2014-11-21T00:00:00"/>
    <x v="10"/>
    <x v="0"/>
    <x v="527"/>
    <x v="0"/>
    <x v="0"/>
    <x v="10"/>
    <s v="Poly String Tie Envelopes"/>
    <n v="1.63"/>
    <n v="1"/>
    <n v="0.55000000000000004"/>
  </r>
  <r>
    <d v="2014-11-21T00:00:00"/>
    <x v="10"/>
    <x v="0"/>
    <x v="527"/>
    <x v="0"/>
    <x v="2"/>
    <x v="6"/>
    <s v="RCA Visys Integrated PBX 8-Line Router"/>
    <n v="267.95999999999998"/>
    <n v="5"/>
    <n v="16.75"/>
  </r>
  <r>
    <d v="2014-11-21T00:00:00"/>
    <x v="10"/>
    <x v="0"/>
    <x v="528"/>
    <x v="3"/>
    <x v="0"/>
    <x v="0"/>
    <s v="Tops Wirebound Message Log Books"/>
    <n v="6.58"/>
    <n v="2"/>
    <n v="3.03"/>
  </r>
  <r>
    <d v="2014-11-21T00:00:00"/>
    <x v="10"/>
    <x v="0"/>
    <x v="528"/>
    <x v="3"/>
    <x v="2"/>
    <x v="9"/>
    <s v="Kensington Expert Mouse Optical USB Trackball for PC or Mac"/>
    <n v="94.99"/>
    <n v="1"/>
    <n v="28.5"/>
  </r>
  <r>
    <d v="2014-11-22T00:00:00"/>
    <x v="10"/>
    <x v="0"/>
    <x v="141"/>
    <x v="4"/>
    <x v="0"/>
    <x v="10"/>
    <s v="Fashion Color Clasp Envelopes"/>
    <n v="16.23"/>
    <n v="3"/>
    <n v="7.95"/>
  </r>
  <r>
    <d v="2014-11-22T00:00:00"/>
    <x v="10"/>
    <x v="0"/>
    <x v="141"/>
    <x v="4"/>
    <x v="0"/>
    <x v="3"/>
    <s v="GBC ProClick Punch Binding System"/>
    <n v="319.89999999999998"/>
    <n v="5"/>
    <n v="156.75"/>
  </r>
  <r>
    <d v="2014-11-22T00:00:00"/>
    <x v="10"/>
    <x v="0"/>
    <x v="141"/>
    <x v="4"/>
    <x v="0"/>
    <x v="10"/>
    <s v="Staple envelope"/>
    <n v="11.36"/>
    <n v="2"/>
    <n v="5.34"/>
  </r>
  <r>
    <d v="2014-11-22T00:00:00"/>
    <x v="10"/>
    <x v="0"/>
    <x v="141"/>
    <x v="4"/>
    <x v="0"/>
    <x v="12"/>
    <s v="Holmes Harmony HEPA Air Purifier for 17 x 20 Room"/>
    <n v="675.12"/>
    <n v="3"/>
    <n v="290.3"/>
  </r>
  <r>
    <d v="2014-11-22T00:00:00"/>
    <x v="10"/>
    <x v="0"/>
    <x v="216"/>
    <x v="0"/>
    <x v="0"/>
    <x v="3"/>
    <s v="Wilson Jones Heavy-Duty Casebound Ring Binders with Metal Hinges"/>
    <n v="6.93"/>
    <n v="1"/>
    <n v="-11.08"/>
  </r>
  <r>
    <d v="2014-11-22T00:00:00"/>
    <x v="10"/>
    <x v="0"/>
    <x v="529"/>
    <x v="1"/>
    <x v="0"/>
    <x v="3"/>
    <s v="Avery Framed View Binder, EZD Ring (Locking), Navy, 1 1/2&quot;"/>
    <n v="9.98"/>
    <n v="5"/>
    <n v="-16.47"/>
  </r>
  <r>
    <d v="2014-11-22T00:00:00"/>
    <x v="10"/>
    <x v="0"/>
    <x v="530"/>
    <x v="3"/>
    <x v="0"/>
    <x v="0"/>
    <s v="Xerox 1895"/>
    <n v="53.82"/>
    <n v="9"/>
    <n v="24.22"/>
  </r>
  <r>
    <d v="2014-11-22T00:00:00"/>
    <x v="10"/>
    <x v="0"/>
    <x v="357"/>
    <x v="4"/>
    <x v="0"/>
    <x v="0"/>
    <s v="Hammermill CopyPlus Copy Paper (20Lb. and 84 Bright)"/>
    <n v="9.9600000000000009"/>
    <n v="2"/>
    <n v="4.88"/>
  </r>
  <r>
    <d v="2014-11-23T00:00:00"/>
    <x v="10"/>
    <x v="0"/>
    <x v="42"/>
    <x v="3"/>
    <x v="1"/>
    <x v="5"/>
    <s v="Novimex Swivel Fabric Task Chair"/>
    <n v="603.91999999999996"/>
    <n v="5"/>
    <n v="-67.94"/>
  </r>
  <r>
    <d v="2014-11-23T00:00:00"/>
    <x v="10"/>
    <x v="0"/>
    <x v="42"/>
    <x v="3"/>
    <x v="0"/>
    <x v="10"/>
    <s v="Pastel Pink Envelopes"/>
    <n v="21.84"/>
    <n v="3"/>
    <n v="10.48"/>
  </r>
  <r>
    <d v="2014-11-23T00:00:00"/>
    <x v="10"/>
    <x v="0"/>
    <x v="42"/>
    <x v="3"/>
    <x v="2"/>
    <x v="9"/>
    <s v="Belkin F8E887 USB Wired Ergonomic Keyboard"/>
    <n v="29.99"/>
    <n v="1"/>
    <n v="6.3"/>
  </r>
  <r>
    <d v="2014-11-23T00:00:00"/>
    <x v="10"/>
    <x v="0"/>
    <x v="42"/>
    <x v="3"/>
    <x v="1"/>
    <x v="5"/>
    <s v="Safco Contoured Stacking Chairs"/>
    <n v="381.44"/>
    <n v="2"/>
    <n v="23.84"/>
  </r>
  <r>
    <d v="2014-11-23T00:00:00"/>
    <x v="10"/>
    <x v="0"/>
    <x v="341"/>
    <x v="0"/>
    <x v="0"/>
    <x v="1"/>
    <s v="Alphabetical Labels for Top Tab Filing"/>
    <n v="23.68"/>
    <n v="2"/>
    <n v="8.8800000000000008"/>
  </r>
  <r>
    <d v="2014-11-23T00:00:00"/>
    <x v="10"/>
    <x v="0"/>
    <x v="531"/>
    <x v="0"/>
    <x v="1"/>
    <x v="8"/>
    <s v="Staple-based wall hangings"/>
    <n v="6.37"/>
    <n v="2"/>
    <n v="-2.5499999999999998"/>
  </r>
  <r>
    <d v="2014-11-23T00:00:00"/>
    <x v="10"/>
    <x v="0"/>
    <x v="531"/>
    <x v="0"/>
    <x v="0"/>
    <x v="12"/>
    <s v="Conquest 14 Commercial Heavy-Duty Upright Vacuum, Collection System, Accessory Kit"/>
    <n v="34.18"/>
    <n v="3"/>
    <n v="-87.15"/>
  </r>
  <r>
    <d v="2014-11-23T00:00:00"/>
    <x v="10"/>
    <x v="0"/>
    <x v="531"/>
    <x v="0"/>
    <x v="2"/>
    <x v="9"/>
    <s v="Maxell 4.7GB DVD-R 5/Pack"/>
    <n v="5.54"/>
    <n v="7"/>
    <n v="1.66"/>
  </r>
  <r>
    <d v="2014-11-23T00:00:00"/>
    <x v="10"/>
    <x v="0"/>
    <x v="532"/>
    <x v="2"/>
    <x v="0"/>
    <x v="10"/>
    <s v="Quality Park Security Envelopes"/>
    <n v="62.81"/>
    <n v="3"/>
    <n v="21.2"/>
  </r>
  <r>
    <d v="2014-11-23T00:00:00"/>
    <x v="10"/>
    <x v="0"/>
    <x v="533"/>
    <x v="12"/>
    <x v="0"/>
    <x v="10"/>
    <s v="Staple envelope"/>
    <n v="23.47"/>
    <n v="3"/>
    <n v="8.8000000000000007"/>
  </r>
  <r>
    <d v="2014-11-23T00:00:00"/>
    <x v="10"/>
    <x v="0"/>
    <x v="105"/>
    <x v="0"/>
    <x v="1"/>
    <x v="5"/>
    <s v="Office Star Flex Back Scooter Chair with White Frame"/>
    <n v="155.37"/>
    <n v="2"/>
    <n v="-35.51"/>
  </r>
  <r>
    <d v="2014-11-23T00:00:00"/>
    <x v="10"/>
    <x v="0"/>
    <x v="239"/>
    <x v="14"/>
    <x v="0"/>
    <x v="3"/>
    <s v="UniKeep View Case Binders"/>
    <n v="14.67"/>
    <n v="3"/>
    <n v="6.75"/>
  </r>
  <r>
    <d v="2014-11-24T00:00:00"/>
    <x v="10"/>
    <x v="0"/>
    <x v="534"/>
    <x v="10"/>
    <x v="0"/>
    <x v="4"/>
    <s v="Crayola Colored Pencils"/>
    <n v="2.62"/>
    <n v="1"/>
    <n v="0.43"/>
  </r>
  <r>
    <d v="2014-11-24T00:00:00"/>
    <x v="10"/>
    <x v="0"/>
    <x v="339"/>
    <x v="3"/>
    <x v="1"/>
    <x v="8"/>
    <s v="Eldon Delta Triangular Chair Mat, 52&quot; x 58&quot;, Clear"/>
    <n v="151.72"/>
    <n v="4"/>
    <n v="27.31"/>
  </r>
  <r>
    <d v="2014-11-24T00:00:00"/>
    <x v="10"/>
    <x v="0"/>
    <x v="535"/>
    <x v="22"/>
    <x v="0"/>
    <x v="3"/>
    <s v="Peel &amp; Stick Add-On Corner Pockets"/>
    <n v="12.1"/>
    <n v="7"/>
    <n v="4.2300000000000004"/>
  </r>
  <r>
    <d v="2014-11-24T00:00:00"/>
    <x v="10"/>
    <x v="0"/>
    <x v="535"/>
    <x v="22"/>
    <x v="0"/>
    <x v="2"/>
    <s v="Carina 42&quot;Hx23 3/4&quot;W Media Storage Unit"/>
    <n v="485.88"/>
    <n v="6"/>
    <n v="9.7200000000000006"/>
  </r>
  <r>
    <d v="2014-11-24T00:00:00"/>
    <x v="10"/>
    <x v="0"/>
    <x v="535"/>
    <x v="22"/>
    <x v="0"/>
    <x v="0"/>
    <s v="Xerox 220"/>
    <n v="25.92"/>
    <n v="4"/>
    <n v="12.44"/>
  </r>
  <r>
    <d v="2014-11-24T00:00:00"/>
    <x v="10"/>
    <x v="0"/>
    <x v="535"/>
    <x v="22"/>
    <x v="0"/>
    <x v="2"/>
    <s v="Recycled Data-Pak for Archival Bound Computer Printouts, 12-1/2 x 12-1/2 x 16"/>
    <n v="197.58"/>
    <n v="2"/>
    <n v="53.35"/>
  </r>
  <r>
    <d v="2014-11-24T00:00:00"/>
    <x v="10"/>
    <x v="0"/>
    <x v="77"/>
    <x v="24"/>
    <x v="2"/>
    <x v="9"/>
    <s v="Memorex Mini Travel Drive 16 GB USB 2.0 Flash Drive"/>
    <n v="111.79"/>
    <n v="7"/>
    <n v="43.6"/>
  </r>
  <r>
    <d v="2014-11-24T00:00:00"/>
    <x v="10"/>
    <x v="0"/>
    <x v="15"/>
    <x v="3"/>
    <x v="1"/>
    <x v="5"/>
    <s v="Global Leather &amp; Oak Executive Chair, Burgundy"/>
    <n v="120.71"/>
    <n v="1"/>
    <n v="-18.11"/>
  </r>
  <r>
    <d v="2014-11-24T00:00:00"/>
    <x v="10"/>
    <x v="0"/>
    <x v="168"/>
    <x v="10"/>
    <x v="2"/>
    <x v="6"/>
    <s v="Samsung Galaxy S III - 16GB - pebble blue (T-Mobile)"/>
    <n v="1049.97"/>
    <n v="5"/>
    <n v="-209.99"/>
  </r>
  <r>
    <d v="2014-11-24T00:00:00"/>
    <x v="10"/>
    <x v="0"/>
    <x v="168"/>
    <x v="10"/>
    <x v="1"/>
    <x v="5"/>
    <s v="Global Executive Mid-Back Manager's Chair"/>
    <n v="611.05999999999995"/>
    <n v="3"/>
    <n v="-34.92"/>
  </r>
  <r>
    <d v="2014-11-24T00:00:00"/>
    <x v="10"/>
    <x v="0"/>
    <x v="536"/>
    <x v="1"/>
    <x v="0"/>
    <x v="2"/>
    <s v="Fellowes Super Stor/Drawer Files"/>
    <n v="646.20000000000005"/>
    <n v="5"/>
    <n v="-8.08"/>
  </r>
  <r>
    <d v="2014-11-24T00:00:00"/>
    <x v="10"/>
    <x v="0"/>
    <x v="433"/>
    <x v="10"/>
    <x v="1"/>
    <x v="8"/>
    <s v="Eldon 200 Class Desk Accessories, Burgundy"/>
    <n v="35.17"/>
    <n v="7"/>
    <n v="9.67"/>
  </r>
  <r>
    <d v="2014-11-24T00:00:00"/>
    <x v="10"/>
    <x v="0"/>
    <x v="433"/>
    <x v="10"/>
    <x v="2"/>
    <x v="6"/>
    <s v="Samsung Galaxy S4"/>
    <n v="1502.38"/>
    <n v="4"/>
    <n v="-250.4"/>
  </r>
  <r>
    <d v="2014-11-24T00:00:00"/>
    <x v="10"/>
    <x v="0"/>
    <x v="537"/>
    <x v="14"/>
    <x v="0"/>
    <x v="4"/>
    <s v="Hunt PowerHouse Electric Pencil Sharpener, Blue"/>
    <n v="151.91999999999999"/>
    <n v="4"/>
    <n v="45.58"/>
  </r>
  <r>
    <d v="2014-11-24T00:00:00"/>
    <x v="10"/>
    <x v="0"/>
    <x v="537"/>
    <x v="14"/>
    <x v="0"/>
    <x v="1"/>
    <s v="Dot Matrix Printer Tape Reel Labels, White, 5000/Box"/>
    <n v="196.62"/>
    <n v="2"/>
    <n v="96.34"/>
  </r>
  <r>
    <d v="2014-11-24T00:00:00"/>
    <x v="10"/>
    <x v="0"/>
    <x v="537"/>
    <x v="14"/>
    <x v="0"/>
    <x v="0"/>
    <s v="Xerox 1885"/>
    <n v="144.12"/>
    <n v="3"/>
    <n v="69.180000000000007"/>
  </r>
  <r>
    <d v="2014-11-24T00:00:00"/>
    <x v="10"/>
    <x v="0"/>
    <x v="537"/>
    <x v="14"/>
    <x v="0"/>
    <x v="0"/>
    <s v="Adams Telephone Message Book w/Frequently-Called Numbers Space, 400 Messages per Book"/>
    <n v="15.96"/>
    <n v="2"/>
    <n v="7.98"/>
  </r>
  <r>
    <d v="2014-11-24T00:00:00"/>
    <x v="10"/>
    <x v="0"/>
    <x v="187"/>
    <x v="6"/>
    <x v="1"/>
    <x v="8"/>
    <s v="Executive Impressions 14&quot;"/>
    <n v="111.15"/>
    <n v="5"/>
    <n v="48.91"/>
  </r>
  <r>
    <d v="2014-11-24T00:00:00"/>
    <x v="10"/>
    <x v="0"/>
    <x v="538"/>
    <x v="10"/>
    <x v="0"/>
    <x v="3"/>
    <s v="Acco Expandable Hanging Binders"/>
    <n v="5.74"/>
    <n v="3"/>
    <n v="-4.59"/>
  </r>
  <r>
    <d v="2014-11-25T00:00:00"/>
    <x v="10"/>
    <x v="0"/>
    <x v="230"/>
    <x v="3"/>
    <x v="0"/>
    <x v="12"/>
    <s v="Belkin F9G930V10-GRY 9 Outlet Surge"/>
    <n v="320.88"/>
    <n v="6"/>
    <n v="93.06"/>
  </r>
  <r>
    <d v="2014-11-25T00:00:00"/>
    <x v="10"/>
    <x v="0"/>
    <x v="230"/>
    <x v="3"/>
    <x v="1"/>
    <x v="8"/>
    <s v="Staple-based wall hangings"/>
    <n v="23.88"/>
    <n v="3"/>
    <n v="10.51"/>
  </r>
  <r>
    <d v="2014-11-25T00:00:00"/>
    <x v="10"/>
    <x v="0"/>
    <x v="230"/>
    <x v="3"/>
    <x v="0"/>
    <x v="0"/>
    <s v="Wirebound Message Books, Four 2 3/4 x 5 White Forms per Page"/>
    <n v="26.76"/>
    <n v="4"/>
    <n v="12.31"/>
  </r>
  <r>
    <d v="2014-11-25T00:00:00"/>
    <x v="10"/>
    <x v="0"/>
    <x v="212"/>
    <x v="0"/>
    <x v="2"/>
    <x v="9"/>
    <s v="KeyTronicÂ KT400U2 -Â KeyboardÂ - Black"/>
    <n v="24.67"/>
    <n v="3"/>
    <n v="0"/>
  </r>
  <r>
    <d v="2014-11-25T00:00:00"/>
    <x v="10"/>
    <x v="0"/>
    <x v="212"/>
    <x v="0"/>
    <x v="0"/>
    <x v="1"/>
    <s v="Avery 520"/>
    <n v="2.52"/>
    <n v="1"/>
    <n v="0.88"/>
  </r>
  <r>
    <d v="2014-11-25T00:00:00"/>
    <x v="10"/>
    <x v="0"/>
    <x v="212"/>
    <x v="0"/>
    <x v="1"/>
    <x v="13"/>
    <s v="Bretford CR4500 Series Slim Rectangular Table"/>
    <n v="1218.74"/>
    <n v="5"/>
    <n v="-121.87"/>
  </r>
  <r>
    <d v="2014-11-25T00:00:00"/>
    <x v="10"/>
    <x v="0"/>
    <x v="212"/>
    <x v="0"/>
    <x v="0"/>
    <x v="1"/>
    <s v="Avery 52"/>
    <n v="5.9"/>
    <n v="2"/>
    <n v="1.99"/>
  </r>
  <r>
    <d v="2014-11-25T00:00:00"/>
    <x v="10"/>
    <x v="0"/>
    <x v="212"/>
    <x v="0"/>
    <x v="0"/>
    <x v="0"/>
    <s v="Southworth 25% Cotton Granite Paper &amp; Envelopes"/>
    <n v="15.7"/>
    <n v="3"/>
    <n v="5.0999999999999996"/>
  </r>
  <r>
    <d v="2014-11-25T00:00:00"/>
    <x v="10"/>
    <x v="0"/>
    <x v="212"/>
    <x v="0"/>
    <x v="1"/>
    <x v="8"/>
    <s v="Master Caster Door Stop, Brown"/>
    <n v="6.1"/>
    <n v="3"/>
    <n v="-3.96"/>
  </r>
  <r>
    <d v="2014-11-25T00:00:00"/>
    <x v="10"/>
    <x v="0"/>
    <x v="539"/>
    <x v="43"/>
    <x v="1"/>
    <x v="8"/>
    <s v="DAX Black Cherry Wood-Tone Poster Frame"/>
    <n v="52.96"/>
    <n v="2"/>
    <n v="20.12"/>
  </r>
  <r>
    <d v="2014-11-25T00:00:00"/>
    <x v="10"/>
    <x v="0"/>
    <x v="109"/>
    <x v="20"/>
    <x v="0"/>
    <x v="2"/>
    <s v="Tennsco Snap-Together Open Shelving Units, Starter Sets and Add-On Units"/>
    <n v="1117.92"/>
    <n v="4"/>
    <n v="55.9"/>
  </r>
  <r>
    <d v="2014-11-25T00:00:00"/>
    <x v="10"/>
    <x v="0"/>
    <x v="109"/>
    <x v="20"/>
    <x v="1"/>
    <x v="11"/>
    <s v="Sauder Camden County Collection Libraries, Planked Cherry Finish"/>
    <n v="275.95"/>
    <n v="3"/>
    <n v="-37.94"/>
  </r>
  <r>
    <d v="2014-11-25T00:00:00"/>
    <x v="10"/>
    <x v="0"/>
    <x v="145"/>
    <x v="11"/>
    <x v="0"/>
    <x v="4"/>
    <s v="Dixon Ticonderoga Core-Lock Colored Pencils"/>
    <n v="51.02"/>
    <n v="7"/>
    <n v="8.2899999999999991"/>
  </r>
  <r>
    <d v="2014-11-25T00:00:00"/>
    <x v="10"/>
    <x v="0"/>
    <x v="77"/>
    <x v="3"/>
    <x v="2"/>
    <x v="6"/>
    <s v="Logitech Mobile Speakerphone P710e -Â speaker phone"/>
    <n v="539.91999999999996"/>
    <n v="5"/>
    <n v="47.24"/>
  </r>
  <r>
    <d v="2014-11-25T00:00:00"/>
    <x v="10"/>
    <x v="0"/>
    <x v="77"/>
    <x v="3"/>
    <x v="1"/>
    <x v="5"/>
    <s v="Hon GuestStacker Chair"/>
    <n v="725.34"/>
    <n v="4"/>
    <n v="54.4"/>
  </r>
  <r>
    <d v="2014-11-25T00:00:00"/>
    <x v="10"/>
    <x v="0"/>
    <x v="77"/>
    <x v="3"/>
    <x v="0"/>
    <x v="4"/>
    <s v="Staples in misc. colors"/>
    <n v="7.44"/>
    <n v="3"/>
    <n v="2.6"/>
  </r>
  <r>
    <d v="2014-11-26T00:00:00"/>
    <x v="10"/>
    <x v="0"/>
    <x v="264"/>
    <x v="0"/>
    <x v="1"/>
    <x v="8"/>
    <s v="Eldon Expressions Desk Accessory, Wood Pencil Holder, Oak"/>
    <n v="19.3"/>
    <n v="5"/>
    <n v="-14.48"/>
  </r>
  <r>
    <d v="2014-11-26T00:00:00"/>
    <x v="10"/>
    <x v="0"/>
    <x v="262"/>
    <x v="11"/>
    <x v="0"/>
    <x v="0"/>
    <s v="Xerox 2"/>
    <n v="15.55"/>
    <n v="3"/>
    <n v="5.44"/>
  </r>
  <r>
    <d v="2014-11-26T00:00:00"/>
    <x v="10"/>
    <x v="0"/>
    <x v="262"/>
    <x v="11"/>
    <x v="0"/>
    <x v="2"/>
    <s v="Office Impressions Heavy Duty Welded Shelving &amp; Multimedia Storage Drawers"/>
    <n v="669.08"/>
    <n v="5"/>
    <n v="-167.27"/>
  </r>
  <r>
    <d v="2014-11-26T00:00:00"/>
    <x v="10"/>
    <x v="0"/>
    <x v="262"/>
    <x v="11"/>
    <x v="2"/>
    <x v="6"/>
    <s v="Jawbone MINI JAMBOX Wireless Bluetooth Speaker"/>
    <n v="438.34"/>
    <n v="4"/>
    <n v="-87.67"/>
  </r>
  <r>
    <d v="2014-11-26T00:00:00"/>
    <x v="10"/>
    <x v="0"/>
    <x v="471"/>
    <x v="3"/>
    <x v="0"/>
    <x v="0"/>
    <s v="Xerox 1893"/>
    <n v="81.98"/>
    <n v="2"/>
    <n v="40.17"/>
  </r>
  <r>
    <d v="2014-11-26T00:00:00"/>
    <x v="10"/>
    <x v="0"/>
    <x v="462"/>
    <x v="20"/>
    <x v="2"/>
    <x v="6"/>
    <s v="ClearSounds CSC500 Amplified Spirit Phone Corded phone"/>
    <n v="279.95999999999998"/>
    <n v="4"/>
    <n v="78.39"/>
  </r>
  <r>
    <d v="2014-11-26T00:00:00"/>
    <x v="10"/>
    <x v="0"/>
    <x v="462"/>
    <x v="20"/>
    <x v="0"/>
    <x v="3"/>
    <s v="Acco PRESSTEX Data Binder with Storage Hooks, Dark Blue, 14 7/8&quot; X 11&quot;"/>
    <n v="12.91"/>
    <n v="3"/>
    <n v="4.68"/>
  </r>
  <r>
    <d v="2014-11-26T00:00:00"/>
    <x v="10"/>
    <x v="0"/>
    <x v="462"/>
    <x v="20"/>
    <x v="0"/>
    <x v="3"/>
    <s v="Pressboard Data Binders by Wilson Jones"/>
    <n v="17.09"/>
    <n v="4"/>
    <n v="5.77"/>
  </r>
  <r>
    <d v="2014-11-26T00:00:00"/>
    <x v="10"/>
    <x v="0"/>
    <x v="462"/>
    <x v="20"/>
    <x v="0"/>
    <x v="1"/>
    <s v="Avery Address/Shipping Labels for Typewriters, 4&quot; x 2&quot;"/>
    <n v="93.15"/>
    <n v="9"/>
    <n v="44.71"/>
  </r>
  <r>
    <d v="2014-11-26T00:00:00"/>
    <x v="10"/>
    <x v="0"/>
    <x v="462"/>
    <x v="20"/>
    <x v="0"/>
    <x v="1"/>
    <s v="Avery File Folder Labels"/>
    <n v="11.52"/>
    <n v="4"/>
    <n v="5.64"/>
  </r>
  <r>
    <d v="2014-11-26T00:00:00"/>
    <x v="10"/>
    <x v="0"/>
    <x v="465"/>
    <x v="3"/>
    <x v="0"/>
    <x v="3"/>
    <s v="Wilson Jones Easy Flow II Sheet Lifters"/>
    <n v="4.32"/>
    <n v="3"/>
    <n v="1.51"/>
  </r>
  <r>
    <d v="2014-11-26T00:00:00"/>
    <x v="10"/>
    <x v="0"/>
    <x v="465"/>
    <x v="3"/>
    <x v="0"/>
    <x v="0"/>
    <s v="Xerox 1970"/>
    <n v="14.94"/>
    <n v="3"/>
    <n v="7.02"/>
  </r>
  <r>
    <d v="2014-11-26T00:00:00"/>
    <x v="10"/>
    <x v="0"/>
    <x v="465"/>
    <x v="3"/>
    <x v="0"/>
    <x v="12"/>
    <s v="Fellowes Mighty 8 Compact Surge Protector"/>
    <n v="40.54"/>
    <n v="2"/>
    <n v="11.35"/>
  </r>
  <r>
    <d v="2014-11-26T00:00:00"/>
    <x v="10"/>
    <x v="0"/>
    <x v="465"/>
    <x v="3"/>
    <x v="0"/>
    <x v="3"/>
    <s v="SpineVue Locking Slant-D Ring Binders by Cardinal"/>
    <n v="7.31"/>
    <n v="1"/>
    <n v="2.56"/>
  </r>
  <r>
    <d v="2014-11-27T00:00:00"/>
    <x v="10"/>
    <x v="0"/>
    <x v="282"/>
    <x v="20"/>
    <x v="0"/>
    <x v="7"/>
    <s v="Staples"/>
    <n v="3.76"/>
    <n v="2"/>
    <n v="1.32"/>
  </r>
  <r>
    <d v="2014-11-27T00:00:00"/>
    <x v="10"/>
    <x v="0"/>
    <x v="4"/>
    <x v="20"/>
    <x v="1"/>
    <x v="8"/>
    <s v="Eldon Radial Chair Mat for Low to Medium Pile Carpets"/>
    <n v="199.9"/>
    <n v="5"/>
    <n v="39.979999999999997"/>
  </r>
  <r>
    <d v="2014-11-28T00:00:00"/>
    <x v="10"/>
    <x v="0"/>
    <x v="540"/>
    <x v="33"/>
    <x v="0"/>
    <x v="4"/>
    <s v="Newell 331"/>
    <n v="14.67"/>
    <n v="3"/>
    <n v="3.96"/>
  </r>
  <r>
    <d v="2014-11-28T00:00:00"/>
    <x v="10"/>
    <x v="0"/>
    <x v="541"/>
    <x v="20"/>
    <x v="0"/>
    <x v="3"/>
    <s v="GBC Standard Recycled Report Covers, Clear Plastic Sheets"/>
    <n v="17.25"/>
    <n v="2"/>
    <n v="6.04"/>
  </r>
  <r>
    <d v="2014-11-28T00:00:00"/>
    <x v="10"/>
    <x v="0"/>
    <x v="10"/>
    <x v="9"/>
    <x v="1"/>
    <x v="8"/>
    <s v="Eldon Cleatmat Plus Chair Mats for High Pile Carpets"/>
    <n v="397.6"/>
    <n v="5"/>
    <n v="43.74"/>
  </r>
  <r>
    <d v="2014-11-28T00:00:00"/>
    <x v="10"/>
    <x v="0"/>
    <x v="10"/>
    <x v="9"/>
    <x v="0"/>
    <x v="0"/>
    <s v="Xerox 1933"/>
    <n v="85.96"/>
    <n v="7"/>
    <n v="40.4"/>
  </r>
  <r>
    <d v="2014-11-28T00:00:00"/>
    <x v="10"/>
    <x v="0"/>
    <x v="10"/>
    <x v="9"/>
    <x v="0"/>
    <x v="4"/>
    <s v="Crayola Colored Pencils"/>
    <n v="13.12"/>
    <n v="4"/>
    <n v="4.33"/>
  </r>
  <r>
    <d v="2014-11-28T00:00:00"/>
    <x v="10"/>
    <x v="0"/>
    <x v="10"/>
    <x v="9"/>
    <x v="0"/>
    <x v="3"/>
    <s v="GBC Twin Loop Wire Binding Elements, 9/16&quot; Spine, Black"/>
    <n v="45.66"/>
    <n v="3"/>
    <n v="22.37"/>
  </r>
  <r>
    <d v="2014-11-28T00:00:00"/>
    <x v="10"/>
    <x v="0"/>
    <x v="347"/>
    <x v="3"/>
    <x v="0"/>
    <x v="14"/>
    <s v="Staple remover"/>
    <n v="7.36"/>
    <n v="2"/>
    <n v="0.15"/>
  </r>
  <r>
    <d v="2014-11-28T00:00:00"/>
    <x v="10"/>
    <x v="0"/>
    <x v="347"/>
    <x v="3"/>
    <x v="0"/>
    <x v="1"/>
    <s v="Avery 489"/>
    <n v="41.4"/>
    <n v="4"/>
    <n v="19.87"/>
  </r>
  <r>
    <d v="2014-11-28T00:00:00"/>
    <x v="10"/>
    <x v="0"/>
    <x v="347"/>
    <x v="3"/>
    <x v="1"/>
    <x v="11"/>
    <s v="Sauder Camden County Barrister Bookcase, Planked Cherry Finish"/>
    <n v="411.33"/>
    <n v="4"/>
    <n v="-4.84"/>
  </r>
  <r>
    <d v="2014-11-28T00:00:00"/>
    <x v="10"/>
    <x v="0"/>
    <x v="320"/>
    <x v="3"/>
    <x v="0"/>
    <x v="12"/>
    <s v="Acco 6 Outlet Guardian Premium Surge Suppressor"/>
    <n v="43.68"/>
    <n v="3"/>
    <n v="11.79"/>
  </r>
  <r>
    <d v="2014-11-28T00:00:00"/>
    <x v="10"/>
    <x v="0"/>
    <x v="320"/>
    <x v="3"/>
    <x v="2"/>
    <x v="9"/>
    <s v="Micropad Numeric Keypads"/>
    <n v="139.93"/>
    <n v="7"/>
    <n v="34.979999999999997"/>
  </r>
  <r>
    <d v="2014-11-28T00:00:00"/>
    <x v="10"/>
    <x v="0"/>
    <x v="542"/>
    <x v="0"/>
    <x v="2"/>
    <x v="15"/>
    <s v="StarTech.com 10/100 VDSL2 Ethernet Extender Kit"/>
    <n v="998.85"/>
    <n v="5"/>
    <n v="-199.77"/>
  </r>
  <r>
    <d v="2014-11-28T00:00:00"/>
    <x v="10"/>
    <x v="0"/>
    <x v="543"/>
    <x v="18"/>
    <x v="0"/>
    <x v="10"/>
    <s v="Laser &amp; Ink Jet Business Envelopes"/>
    <n v="64.02"/>
    <n v="6"/>
    <n v="29.45"/>
  </r>
  <r>
    <d v="2014-11-29T00:00:00"/>
    <x v="10"/>
    <x v="0"/>
    <x v="261"/>
    <x v="2"/>
    <x v="0"/>
    <x v="1"/>
    <s v="Avery 488"/>
    <n v="5.04"/>
    <n v="2"/>
    <n v="1.76"/>
  </r>
  <r>
    <d v="2014-11-29T00:00:00"/>
    <x v="10"/>
    <x v="0"/>
    <x v="544"/>
    <x v="1"/>
    <x v="0"/>
    <x v="7"/>
    <s v="Staples"/>
    <n v="12.62"/>
    <n v="2"/>
    <n v="3.95"/>
  </r>
  <r>
    <d v="2014-11-29T00:00:00"/>
    <x v="10"/>
    <x v="0"/>
    <x v="545"/>
    <x v="3"/>
    <x v="2"/>
    <x v="6"/>
    <s v="Wilson SignalBoost 841262 DB PRO Amplifier Kit"/>
    <n v="575.91999999999996"/>
    <n v="2"/>
    <n v="71.989999999999995"/>
  </r>
  <r>
    <d v="2014-11-29T00:00:00"/>
    <x v="10"/>
    <x v="0"/>
    <x v="545"/>
    <x v="3"/>
    <x v="0"/>
    <x v="7"/>
    <s v="Staples"/>
    <n v="30.4"/>
    <n v="5"/>
    <n v="15.2"/>
  </r>
  <r>
    <d v="2014-11-29T00:00:00"/>
    <x v="10"/>
    <x v="0"/>
    <x v="300"/>
    <x v="20"/>
    <x v="0"/>
    <x v="1"/>
    <s v="Avery 485"/>
    <n v="25.06"/>
    <n v="2"/>
    <n v="11.78"/>
  </r>
  <r>
    <d v="2014-11-30T00:00:00"/>
    <x v="10"/>
    <x v="0"/>
    <x v="506"/>
    <x v="20"/>
    <x v="0"/>
    <x v="10"/>
    <s v="Park Ridge Embossed Executive Business Envelopes"/>
    <n v="62.28"/>
    <n v="4"/>
    <n v="29.27"/>
  </r>
  <r>
    <d v="2014-11-30T00:00:00"/>
    <x v="10"/>
    <x v="0"/>
    <x v="211"/>
    <x v="16"/>
    <x v="0"/>
    <x v="3"/>
    <s v="Avery Triangle Shaped Sheet Lifters, Black, 2/Pack"/>
    <n v="6.64"/>
    <n v="9"/>
    <n v="-4.43"/>
  </r>
  <r>
    <d v="2014-11-30T00:00:00"/>
    <x v="10"/>
    <x v="0"/>
    <x v="300"/>
    <x v="12"/>
    <x v="0"/>
    <x v="14"/>
    <s v="Acme Office Executive Series Stainless Steel Trimmers"/>
    <n v="47.99"/>
    <n v="7"/>
    <n v="3.6"/>
  </r>
  <r>
    <d v="2014-11-30T00:00:00"/>
    <x v="10"/>
    <x v="0"/>
    <x v="300"/>
    <x v="12"/>
    <x v="2"/>
    <x v="9"/>
    <s v="Memorex 25GB 6X Branded Blu-Ray Recordable Disc, 30/Pack"/>
    <n v="102.24"/>
    <n v="4"/>
    <n v="-16.61"/>
  </r>
  <r>
    <d v="2014-12-01T00:00:00"/>
    <x v="11"/>
    <x v="0"/>
    <x v="218"/>
    <x v="21"/>
    <x v="1"/>
    <x v="5"/>
    <s v="Office Star - Professional Matrix Back Chair with 2-to-1 Synchro Tilt and Mesh Fabric Seat"/>
    <n v="2807.84"/>
    <n v="8"/>
    <n v="673.88"/>
  </r>
  <r>
    <d v="2014-12-01T00:00:00"/>
    <x v="11"/>
    <x v="0"/>
    <x v="218"/>
    <x v="21"/>
    <x v="0"/>
    <x v="4"/>
    <s v="Hunt BOSTON Vista Battery-Operated Pencil Sharpener, Black"/>
    <n v="46.64"/>
    <n v="4"/>
    <n v="12.59"/>
  </r>
  <r>
    <d v="2014-12-01T00:00:00"/>
    <x v="11"/>
    <x v="0"/>
    <x v="546"/>
    <x v="3"/>
    <x v="1"/>
    <x v="8"/>
    <s v="Floodlight Indoor Halogen Bulbs, 1 Bulb per Pack, 60 Watts"/>
    <n v="58.2"/>
    <n v="3"/>
    <n v="28.52"/>
  </r>
  <r>
    <d v="2014-12-01T00:00:00"/>
    <x v="11"/>
    <x v="0"/>
    <x v="263"/>
    <x v="25"/>
    <x v="2"/>
    <x v="6"/>
    <s v="BlueLounge Milo Smartphone Stand, White/Metallic"/>
    <n v="95.97"/>
    <n v="4"/>
    <n v="9.6"/>
  </r>
  <r>
    <d v="2014-12-01T00:00:00"/>
    <x v="11"/>
    <x v="0"/>
    <x v="519"/>
    <x v="10"/>
    <x v="2"/>
    <x v="16"/>
    <s v="Sharp 1540cs Digital Laser Copier"/>
    <n v="659.99"/>
    <n v="2"/>
    <n v="110"/>
  </r>
  <r>
    <d v="2014-12-01T00:00:00"/>
    <x v="11"/>
    <x v="0"/>
    <x v="519"/>
    <x v="10"/>
    <x v="1"/>
    <x v="8"/>
    <s v="Master Caster Door Stop, Brown"/>
    <n v="8.1300000000000008"/>
    <n v="2"/>
    <n v="1.42"/>
  </r>
  <r>
    <d v="2014-12-01T00:00:00"/>
    <x v="11"/>
    <x v="0"/>
    <x v="519"/>
    <x v="10"/>
    <x v="0"/>
    <x v="0"/>
    <s v="Xerox 214"/>
    <n v="36.29"/>
    <n v="7"/>
    <n v="12.7"/>
  </r>
  <r>
    <d v="2014-12-01T00:00:00"/>
    <x v="11"/>
    <x v="0"/>
    <x v="519"/>
    <x v="10"/>
    <x v="1"/>
    <x v="5"/>
    <s v="Hon Multipurpose Stacking Arm Chairs"/>
    <n v="909.72"/>
    <n v="6"/>
    <n v="-51.98"/>
  </r>
  <r>
    <d v="2014-12-01T00:00:00"/>
    <x v="11"/>
    <x v="0"/>
    <x v="91"/>
    <x v="0"/>
    <x v="1"/>
    <x v="5"/>
    <s v="Hon 4070 Series Pagoda Round Back Stacking Chairs"/>
    <n v="674.06"/>
    <n v="3"/>
    <n v="-19.260000000000002"/>
  </r>
  <r>
    <d v="2014-12-01T00:00:00"/>
    <x v="11"/>
    <x v="0"/>
    <x v="266"/>
    <x v="32"/>
    <x v="2"/>
    <x v="6"/>
    <s v="Cisco IPÂ PhoneÂ 7961G VoIPÂ phoneÂ - Dark gray"/>
    <n v="271.89999999999998"/>
    <n v="2"/>
    <n v="78.849999999999994"/>
  </r>
  <r>
    <d v="2014-12-01T00:00:00"/>
    <x v="11"/>
    <x v="0"/>
    <x v="266"/>
    <x v="32"/>
    <x v="1"/>
    <x v="8"/>
    <s v="Linden 10&quot; Round Wall Clock, Black"/>
    <n v="45.84"/>
    <n v="3"/>
    <n v="15.59"/>
  </r>
  <r>
    <d v="2014-12-01T00:00:00"/>
    <x v="11"/>
    <x v="0"/>
    <x v="266"/>
    <x v="32"/>
    <x v="1"/>
    <x v="8"/>
    <s v="Ultra Door Push Plate"/>
    <n v="9.82"/>
    <n v="2"/>
    <n v="3.24"/>
  </r>
  <r>
    <d v="2014-12-02T00:00:00"/>
    <x v="11"/>
    <x v="0"/>
    <x v="547"/>
    <x v="20"/>
    <x v="2"/>
    <x v="9"/>
    <s v="Logitech 910-002974 M325 Wireless Mouse for Web Scrolling"/>
    <n v="119.96"/>
    <n v="4"/>
    <n v="52.78"/>
  </r>
  <r>
    <d v="2014-12-02T00:00:00"/>
    <x v="11"/>
    <x v="0"/>
    <x v="547"/>
    <x v="20"/>
    <x v="1"/>
    <x v="11"/>
    <s v="O'Sullivan Living Dimensions 5-Shelf Bookcases"/>
    <n v="883.92"/>
    <n v="5"/>
    <n v="-110.49"/>
  </r>
  <r>
    <d v="2014-12-02T00:00:00"/>
    <x v="11"/>
    <x v="0"/>
    <x v="547"/>
    <x v="20"/>
    <x v="0"/>
    <x v="3"/>
    <s v="Angle-D Binders with Locking Rings, Label Holders"/>
    <n v="46.72"/>
    <n v="8"/>
    <n v="15.77"/>
  </r>
  <r>
    <d v="2014-12-02T00:00:00"/>
    <x v="11"/>
    <x v="0"/>
    <x v="548"/>
    <x v="0"/>
    <x v="1"/>
    <x v="8"/>
    <s v="Deflect-o SuperTray Unbreakable Stackable Tray, Letter, Black"/>
    <n v="58.36"/>
    <n v="5"/>
    <n v="-24.8"/>
  </r>
  <r>
    <d v="2014-12-02T00:00:00"/>
    <x v="11"/>
    <x v="0"/>
    <x v="548"/>
    <x v="0"/>
    <x v="0"/>
    <x v="4"/>
    <s v="Newell 343"/>
    <n v="16.46"/>
    <n v="7"/>
    <n v="1.44"/>
  </r>
  <r>
    <d v="2014-12-02T00:00:00"/>
    <x v="11"/>
    <x v="0"/>
    <x v="548"/>
    <x v="0"/>
    <x v="1"/>
    <x v="8"/>
    <s v="12-1/2 Diameter Round Wall Clock"/>
    <n v="39.96"/>
    <n v="5"/>
    <n v="-23.98"/>
  </r>
  <r>
    <d v="2014-12-02T00:00:00"/>
    <x v="11"/>
    <x v="0"/>
    <x v="549"/>
    <x v="10"/>
    <x v="2"/>
    <x v="9"/>
    <s v="ImationÂ 32GB Pocket Pro USB 3.0Â Flash DriveÂ - 32 GB - Black - 1 P ..."/>
    <n v="119.8"/>
    <n v="5"/>
    <n v="29.95"/>
  </r>
  <r>
    <d v="2014-12-02T00:00:00"/>
    <x v="11"/>
    <x v="0"/>
    <x v="550"/>
    <x v="1"/>
    <x v="0"/>
    <x v="12"/>
    <s v="Staple holder"/>
    <n v="2.39"/>
    <n v="1"/>
    <n v="-6.34"/>
  </r>
  <r>
    <d v="2014-12-02T00:00:00"/>
    <x v="11"/>
    <x v="0"/>
    <x v="402"/>
    <x v="36"/>
    <x v="1"/>
    <x v="8"/>
    <s v="DAX Metal Frame, Desktop, Stepped-Edge"/>
    <n v="60.72"/>
    <n v="3"/>
    <n v="23.68"/>
  </r>
  <r>
    <d v="2014-12-02T00:00:00"/>
    <x v="11"/>
    <x v="0"/>
    <x v="402"/>
    <x v="36"/>
    <x v="0"/>
    <x v="0"/>
    <s v="Xerox 1942"/>
    <n v="146.82"/>
    <n v="3"/>
    <n v="73.41"/>
  </r>
  <r>
    <d v="2014-12-02T00:00:00"/>
    <x v="11"/>
    <x v="0"/>
    <x v="402"/>
    <x v="36"/>
    <x v="1"/>
    <x v="5"/>
    <s v="Global Stack Chair with Arms, Black"/>
    <n v="239.84"/>
    <n v="8"/>
    <n v="64.760000000000005"/>
  </r>
  <r>
    <d v="2014-12-02T00:00:00"/>
    <x v="11"/>
    <x v="0"/>
    <x v="402"/>
    <x v="36"/>
    <x v="0"/>
    <x v="1"/>
    <s v="Avery 509"/>
    <n v="15.66"/>
    <n v="6"/>
    <n v="7.2"/>
  </r>
  <r>
    <d v="2014-12-02T00:00:00"/>
    <x v="11"/>
    <x v="0"/>
    <x v="551"/>
    <x v="4"/>
    <x v="2"/>
    <x v="9"/>
    <s v="Kingston Digital DataTraveler 8GB USB 2.0"/>
    <n v="5.95"/>
    <n v="1"/>
    <n v="0.83"/>
  </r>
  <r>
    <d v="2014-12-02T00:00:00"/>
    <x v="11"/>
    <x v="0"/>
    <x v="551"/>
    <x v="4"/>
    <x v="0"/>
    <x v="0"/>
    <s v="RSVP Cards &amp; Envelopes, Blank White, 8-1/2&quot; X 11&quot;, 24 Cards/25 Envelopes/Set"/>
    <n v="15.24"/>
    <n v="3"/>
    <n v="7.16"/>
  </r>
  <r>
    <d v="2014-12-03T00:00:00"/>
    <x v="11"/>
    <x v="0"/>
    <x v="534"/>
    <x v="39"/>
    <x v="2"/>
    <x v="6"/>
    <s v="Jabra Supreme Plus Driver EditionÂ Headset"/>
    <n v="479.96"/>
    <n v="4"/>
    <n v="134.38999999999999"/>
  </r>
  <r>
    <d v="2014-12-03T00:00:00"/>
    <x v="11"/>
    <x v="0"/>
    <x v="543"/>
    <x v="24"/>
    <x v="0"/>
    <x v="0"/>
    <s v="Xerox 214"/>
    <n v="25.92"/>
    <n v="4"/>
    <n v="12.44"/>
  </r>
  <r>
    <d v="2014-12-04T00:00:00"/>
    <x v="11"/>
    <x v="0"/>
    <x v="552"/>
    <x v="20"/>
    <x v="2"/>
    <x v="6"/>
    <s v="Plantronics Voyager Pro HD - Bluetooth Headset"/>
    <n v="129.97999999999999"/>
    <n v="2"/>
    <n v="62.39"/>
  </r>
  <r>
    <d v="2014-12-05T00:00:00"/>
    <x v="11"/>
    <x v="0"/>
    <x v="14"/>
    <x v="12"/>
    <x v="0"/>
    <x v="4"/>
    <s v="Hunt BOSTON Model 1606 High-Volume Electric Pencil Sharpener, Beige"/>
    <n v="1113.02"/>
    <n v="8"/>
    <n v="111.3"/>
  </r>
  <r>
    <d v="2014-12-05T00:00:00"/>
    <x v="11"/>
    <x v="0"/>
    <x v="14"/>
    <x v="12"/>
    <x v="2"/>
    <x v="6"/>
    <s v="netTALK DUO VoIP Telephone Service"/>
    <n v="167.97"/>
    <n v="4"/>
    <n v="62.99"/>
  </r>
  <r>
    <d v="2014-12-05T00:00:00"/>
    <x v="11"/>
    <x v="0"/>
    <x v="553"/>
    <x v="1"/>
    <x v="0"/>
    <x v="2"/>
    <s v="Tenex File Box, Personal Filing Tote with Lid, Black"/>
    <n v="24.82"/>
    <n v="2"/>
    <n v="1.86"/>
  </r>
  <r>
    <d v="2014-12-05T00:00:00"/>
    <x v="11"/>
    <x v="0"/>
    <x v="553"/>
    <x v="1"/>
    <x v="2"/>
    <x v="9"/>
    <s v="ImationÂ Secure+ Hardware Encrypted USB 2.0Â Flash Drive; 16GB"/>
    <n v="408.74"/>
    <n v="7"/>
    <n v="76.64"/>
  </r>
  <r>
    <d v="2014-12-05T00:00:00"/>
    <x v="11"/>
    <x v="0"/>
    <x v="554"/>
    <x v="6"/>
    <x v="0"/>
    <x v="2"/>
    <s v="Recycled Eldon Regeneration Jumbo File"/>
    <n v="24.56"/>
    <n v="2"/>
    <n v="6.88"/>
  </r>
  <r>
    <d v="2014-12-05T00:00:00"/>
    <x v="11"/>
    <x v="0"/>
    <x v="555"/>
    <x v="2"/>
    <x v="0"/>
    <x v="10"/>
    <s v="Cameo Buff Policy Envelopes"/>
    <n v="348.49"/>
    <n v="7"/>
    <n v="117.61"/>
  </r>
  <r>
    <d v="2014-12-05T00:00:00"/>
    <x v="11"/>
    <x v="0"/>
    <x v="555"/>
    <x v="2"/>
    <x v="0"/>
    <x v="2"/>
    <s v="Fellowes Bankers Box Recycled Super Stor/Drawer"/>
    <n v="172.74"/>
    <n v="4"/>
    <n v="-30.23"/>
  </r>
  <r>
    <d v="2014-12-05T00:00:00"/>
    <x v="11"/>
    <x v="0"/>
    <x v="400"/>
    <x v="10"/>
    <x v="0"/>
    <x v="0"/>
    <s v="Xerox 1893"/>
    <n v="98.38"/>
    <n v="3"/>
    <n v="35.659999999999997"/>
  </r>
  <r>
    <d v="2014-12-05T00:00:00"/>
    <x v="11"/>
    <x v="0"/>
    <x v="400"/>
    <x v="10"/>
    <x v="0"/>
    <x v="3"/>
    <s v="Large Capacity Hanging Post Binders"/>
    <n v="29.94"/>
    <n v="4"/>
    <n v="-23.95"/>
  </r>
  <r>
    <d v="2014-12-05T00:00:00"/>
    <x v="11"/>
    <x v="0"/>
    <x v="400"/>
    <x v="10"/>
    <x v="0"/>
    <x v="0"/>
    <s v="Black Print Carbonless 8 1/2&quot; x 8 1/4&quot; Rapid Memo Book"/>
    <n v="17.47"/>
    <n v="3"/>
    <n v="5.68"/>
  </r>
  <r>
    <d v="2014-12-05T00:00:00"/>
    <x v="11"/>
    <x v="0"/>
    <x v="400"/>
    <x v="10"/>
    <x v="2"/>
    <x v="6"/>
    <s v="Lunatik TT5L-002 Taktik Strike Impact Protection System for iPhone 5"/>
    <n v="36.74"/>
    <n v="1"/>
    <n v="-9.18"/>
  </r>
  <r>
    <d v="2014-12-05T00:00:00"/>
    <x v="11"/>
    <x v="0"/>
    <x v="400"/>
    <x v="10"/>
    <x v="2"/>
    <x v="6"/>
    <s v="Panasonic KX T7736-B Digital phone"/>
    <n v="179.94"/>
    <n v="2"/>
    <n v="-44.99"/>
  </r>
  <r>
    <d v="2014-12-05T00:00:00"/>
    <x v="11"/>
    <x v="0"/>
    <x v="556"/>
    <x v="3"/>
    <x v="0"/>
    <x v="4"/>
    <s v="Prang Colored Pencils"/>
    <n v="26.46"/>
    <n v="9"/>
    <n v="11.91"/>
  </r>
  <r>
    <d v="2014-12-05T00:00:00"/>
    <x v="11"/>
    <x v="0"/>
    <x v="556"/>
    <x v="3"/>
    <x v="0"/>
    <x v="0"/>
    <s v="Xerox 1933"/>
    <n v="49.12"/>
    <n v="4"/>
    <n v="23.09"/>
  </r>
  <r>
    <d v="2014-12-05T00:00:00"/>
    <x v="11"/>
    <x v="0"/>
    <x v="556"/>
    <x v="3"/>
    <x v="0"/>
    <x v="7"/>
    <s v="Advantus Plastic Paper Clips"/>
    <n v="15"/>
    <n v="3"/>
    <n v="7.2"/>
  </r>
  <r>
    <d v="2014-12-05T00:00:00"/>
    <x v="11"/>
    <x v="0"/>
    <x v="557"/>
    <x v="3"/>
    <x v="0"/>
    <x v="12"/>
    <s v="Fellowes 8 Outlet Superior Workstation Surge Protector"/>
    <n v="250.26"/>
    <n v="6"/>
    <n v="72.58"/>
  </r>
  <r>
    <d v="2014-12-06T00:00:00"/>
    <x v="11"/>
    <x v="0"/>
    <x v="321"/>
    <x v="0"/>
    <x v="1"/>
    <x v="8"/>
    <s v="12-1/2 Diameter Round Wall Clock"/>
    <n v="23.98"/>
    <n v="3"/>
    <n v="-14.39"/>
  </r>
  <r>
    <d v="2014-12-06T00:00:00"/>
    <x v="11"/>
    <x v="0"/>
    <x v="361"/>
    <x v="11"/>
    <x v="0"/>
    <x v="2"/>
    <s v="File Shuttle I and Handi-File"/>
    <n v="53.42"/>
    <n v="3"/>
    <n v="4.67"/>
  </r>
  <r>
    <d v="2014-12-06T00:00:00"/>
    <x v="11"/>
    <x v="0"/>
    <x v="361"/>
    <x v="11"/>
    <x v="1"/>
    <x v="13"/>
    <s v="Chromcraft Bull-Nose Wood 48&quot; x 96&quot; Rectangular Conference Tables"/>
    <n v="275.49"/>
    <n v="1"/>
    <n v="-170.8"/>
  </r>
  <r>
    <d v="2014-12-06T00:00:00"/>
    <x v="11"/>
    <x v="0"/>
    <x v="328"/>
    <x v="1"/>
    <x v="0"/>
    <x v="12"/>
    <s v="Bionaire 99.97% HEPA Air Cleaner"/>
    <n v="14.02"/>
    <n v="4"/>
    <n v="-31.54"/>
  </r>
  <r>
    <d v="2014-12-06T00:00:00"/>
    <x v="11"/>
    <x v="0"/>
    <x v="328"/>
    <x v="1"/>
    <x v="1"/>
    <x v="13"/>
    <s v="KI Adjustable-Height Table"/>
    <n v="214.95"/>
    <n v="5"/>
    <n v="-120.37"/>
  </r>
  <r>
    <d v="2014-12-06T00:00:00"/>
    <x v="11"/>
    <x v="0"/>
    <x v="328"/>
    <x v="1"/>
    <x v="2"/>
    <x v="6"/>
    <s v="Shocksock Galaxy S4 Armband"/>
    <n v="35.04"/>
    <n v="4"/>
    <n v="-7.01"/>
  </r>
  <r>
    <d v="2014-12-06T00:00:00"/>
    <x v="11"/>
    <x v="0"/>
    <x v="328"/>
    <x v="1"/>
    <x v="1"/>
    <x v="8"/>
    <s v="Nu-Dell Float Frame 11 x 14 1/2"/>
    <n v="10.78"/>
    <n v="3"/>
    <n v="-4.8499999999999996"/>
  </r>
  <r>
    <d v="2014-12-06T00:00:00"/>
    <x v="11"/>
    <x v="0"/>
    <x v="328"/>
    <x v="1"/>
    <x v="0"/>
    <x v="3"/>
    <s v="Ibico Covers for Plastic or Wire Binding Elements"/>
    <n v="4.5999999999999996"/>
    <n v="2"/>
    <n v="-8.0500000000000007"/>
  </r>
  <r>
    <d v="2014-12-06T00:00:00"/>
    <x v="11"/>
    <x v="0"/>
    <x v="328"/>
    <x v="1"/>
    <x v="0"/>
    <x v="2"/>
    <s v="Rogers Deluxe File Chest"/>
    <n v="35.17"/>
    <n v="2"/>
    <n v="-8.35"/>
  </r>
  <r>
    <d v="2014-12-06T00:00:00"/>
    <x v="11"/>
    <x v="0"/>
    <x v="138"/>
    <x v="3"/>
    <x v="0"/>
    <x v="2"/>
    <s v="Standard Rollaway File with Lock"/>
    <n v="1261.33"/>
    <n v="7"/>
    <n v="327.95"/>
  </r>
  <r>
    <d v="2014-12-06T00:00:00"/>
    <x v="11"/>
    <x v="0"/>
    <x v="497"/>
    <x v="15"/>
    <x v="0"/>
    <x v="0"/>
    <s v="Xerox 1909"/>
    <n v="42.21"/>
    <n v="2"/>
    <n v="13.72"/>
  </r>
  <r>
    <d v="2014-12-07T00:00:00"/>
    <x v="11"/>
    <x v="0"/>
    <x v="487"/>
    <x v="6"/>
    <x v="0"/>
    <x v="0"/>
    <s v="Xerox 1909"/>
    <n v="105.52"/>
    <n v="4"/>
    <n v="48.54"/>
  </r>
  <r>
    <d v="2014-12-07T00:00:00"/>
    <x v="11"/>
    <x v="0"/>
    <x v="558"/>
    <x v="3"/>
    <x v="0"/>
    <x v="4"/>
    <s v="Newell 32"/>
    <n v="8.64"/>
    <n v="3"/>
    <n v="2.42"/>
  </r>
  <r>
    <d v="2014-12-07T00:00:00"/>
    <x v="11"/>
    <x v="0"/>
    <x v="326"/>
    <x v="22"/>
    <x v="0"/>
    <x v="2"/>
    <s v="Advantus Rolling Drawer Organizers"/>
    <n v="269.36"/>
    <n v="7"/>
    <n v="70.03"/>
  </r>
  <r>
    <d v="2014-12-07T00:00:00"/>
    <x v="11"/>
    <x v="0"/>
    <x v="200"/>
    <x v="3"/>
    <x v="0"/>
    <x v="0"/>
    <s v="Green Bar Computer Printout Paper"/>
    <n v="164.88"/>
    <n v="3"/>
    <n v="80.790000000000006"/>
  </r>
  <r>
    <d v="2014-12-08T00:00:00"/>
    <x v="11"/>
    <x v="0"/>
    <x v="559"/>
    <x v="0"/>
    <x v="0"/>
    <x v="2"/>
    <s v="Companion Letter/Legal File, Black"/>
    <n v="60.42"/>
    <n v="2"/>
    <n v="6.04"/>
  </r>
  <r>
    <d v="2014-12-08T00:00:00"/>
    <x v="11"/>
    <x v="0"/>
    <x v="560"/>
    <x v="11"/>
    <x v="0"/>
    <x v="1"/>
    <s v="Avery 499"/>
    <n v="27.89"/>
    <n v="7"/>
    <n v="9.06"/>
  </r>
  <r>
    <d v="2014-12-08T00:00:00"/>
    <x v="11"/>
    <x v="0"/>
    <x v="560"/>
    <x v="11"/>
    <x v="0"/>
    <x v="3"/>
    <s v="Acco PRESSTEX Data Binder with Storage Hooks, Dark Blue, 9 1/2&quot; X 11&quot;"/>
    <n v="6.46"/>
    <n v="4"/>
    <n v="-4.5199999999999996"/>
  </r>
  <r>
    <d v="2014-12-08T00:00:00"/>
    <x v="11"/>
    <x v="0"/>
    <x v="560"/>
    <x v="11"/>
    <x v="2"/>
    <x v="6"/>
    <s v="Samsung HM1900 Bluetooth Headset"/>
    <n v="52.68"/>
    <n v="3"/>
    <n v="19.760000000000002"/>
  </r>
  <r>
    <d v="2014-12-08T00:00:00"/>
    <x v="11"/>
    <x v="0"/>
    <x v="560"/>
    <x v="11"/>
    <x v="0"/>
    <x v="14"/>
    <s v="Acco Side-Punched Conventional Columnar Pads"/>
    <n v="13.88"/>
    <n v="5"/>
    <n v="-2.6"/>
  </r>
  <r>
    <d v="2014-12-08T00:00:00"/>
    <x v="11"/>
    <x v="0"/>
    <x v="560"/>
    <x v="11"/>
    <x v="2"/>
    <x v="9"/>
    <s v="SanDisk Ultra 16 GB MicroSDHC Class 10 Memory Card"/>
    <n v="103.92"/>
    <n v="10"/>
    <n v="-18.190000000000001"/>
  </r>
  <r>
    <d v="2014-12-08T00:00:00"/>
    <x v="11"/>
    <x v="0"/>
    <x v="560"/>
    <x v="11"/>
    <x v="0"/>
    <x v="1"/>
    <s v="Avery 492"/>
    <n v="11.52"/>
    <n v="5"/>
    <n v="3.74"/>
  </r>
  <r>
    <d v="2014-12-08T00:00:00"/>
    <x v="11"/>
    <x v="0"/>
    <x v="560"/>
    <x v="11"/>
    <x v="0"/>
    <x v="0"/>
    <s v="Xerox 232"/>
    <n v="10.37"/>
    <n v="2"/>
    <n v="3.63"/>
  </r>
  <r>
    <d v="2014-12-08T00:00:00"/>
    <x v="11"/>
    <x v="0"/>
    <x v="560"/>
    <x v="11"/>
    <x v="0"/>
    <x v="2"/>
    <s v="Adjustable Personal File Tote"/>
    <n v="39.07"/>
    <n v="3"/>
    <n v="2.93"/>
  </r>
  <r>
    <d v="2014-12-08T00:00:00"/>
    <x v="11"/>
    <x v="0"/>
    <x v="232"/>
    <x v="22"/>
    <x v="0"/>
    <x v="0"/>
    <s v="Xerox 1964"/>
    <n v="45.68"/>
    <n v="2"/>
    <n v="21.01"/>
  </r>
  <r>
    <d v="2014-12-08T00:00:00"/>
    <x v="11"/>
    <x v="0"/>
    <x v="232"/>
    <x v="22"/>
    <x v="1"/>
    <x v="5"/>
    <s v="DMI Arturo Collection Mission-style Design Wood Chair"/>
    <n v="603.91999999999996"/>
    <n v="5"/>
    <n v="45.29"/>
  </r>
  <r>
    <d v="2014-12-08T00:00:00"/>
    <x v="11"/>
    <x v="0"/>
    <x v="561"/>
    <x v="3"/>
    <x v="1"/>
    <x v="8"/>
    <s v="Luxo Economy Swing Arm Lamp"/>
    <n v="39.880000000000003"/>
    <n v="2"/>
    <n v="11.17"/>
  </r>
  <r>
    <d v="2014-12-08T00:00:00"/>
    <x v="11"/>
    <x v="0"/>
    <x v="561"/>
    <x v="3"/>
    <x v="1"/>
    <x v="8"/>
    <s v="DAX Natural Wood-Tone Poster Frame"/>
    <n v="79.44"/>
    <n v="3"/>
    <n v="28.6"/>
  </r>
  <r>
    <d v="2014-12-09T00:00:00"/>
    <x v="11"/>
    <x v="0"/>
    <x v="38"/>
    <x v="3"/>
    <x v="0"/>
    <x v="0"/>
    <s v="Xerox 1987"/>
    <n v="34.68"/>
    <n v="6"/>
    <n v="16.989999999999998"/>
  </r>
  <r>
    <d v="2014-12-09T00:00:00"/>
    <x v="11"/>
    <x v="0"/>
    <x v="441"/>
    <x v="12"/>
    <x v="0"/>
    <x v="2"/>
    <s v="Acco Perma 3000 Stacking Storage Drawers"/>
    <n v="100.7"/>
    <n v="6"/>
    <n v="-1.26"/>
  </r>
  <r>
    <d v="2014-12-09T00:00:00"/>
    <x v="11"/>
    <x v="0"/>
    <x v="379"/>
    <x v="0"/>
    <x v="0"/>
    <x v="0"/>
    <s v="Xerox 195"/>
    <n v="10.69"/>
    <n v="2"/>
    <n v="3.74"/>
  </r>
  <r>
    <d v="2014-12-09T00:00:00"/>
    <x v="11"/>
    <x v="0"/>
    <x v="379"/>
    <x v="0"/>
    <x v="0"/>
    <x v="2"/>
    <s v="Recycled Data-Pak for Archival Bound Computer Printouts, 12-1/2 x 12-1/2 x 16"/>
    <n v="237.1"/>
    <n v="3"/>
    <n v="20.75"/>
  </r>
  <r>
    <d v="2014-12-09T00:00:00"/>
    <x v="11"/>
    <x v="0"/>
    <x v="93"/>
    <x v="1"/>
    <x v="0"/>
    <x v="0"/>
    <s v="Astroparche Fine Business Paper"/>
    <n v="8.4499999999999993"/>
    <n v="2"/>
    <n v="2.96"/>
  </r>
  <r>
    <d v="2014-12-09T00:00:00"/>
    <x v="11"/>
    <x v="0"/>
    <x v="93"/>
    <x v="1"/>
    <x v="0"/>
    <x v="12"/>
    <s v="Tripp Lite TLP810NET Broadband Surge for Modem/Fax"/>
    <n v="20.39"/>
    <n v="2"/>
    <n v="-53.01"/>
  </r>
  <r>
    <d v="2014-12-09T00:00:00"/>
    <x v="11"/>
    <x v="0"/>
    <x v="558"/>
    <x v="2"/>
    <x v="0"/>
    <x v="10"/>
    <s v="Globe Weis Peel &amp; Seel First Class Envelopes"/>
    <n v="30.67"/>
    <n v="3"/>
    <n v="9.59"/>
  </r>
  <r>
    <d v="2014-12-09T00:00:00"/>
    <x v="11"/>
    <x v="0"/>
    <x v="558"/>
    <x v="2"/>
    <x v="2"/>
    <x v="16"/>
    <s v="Canon PC940 Copier"/>
    <n v="1079.98"/>
    <n v="4"/>
    <n v="126"/>
  </r>
  <r>
    <d v="2014-12-10T00:00:00"/>
    <x v="11"/>
    <x v="0"/>
    <x v="533"/>
    <x v="20"/>
    <x v="0"/>
    <x v="0"/>
    <s v="Adams Write n' Stick Phone Message Book, 11&quot; X 5 1/4&quot;, 200 Messages"/>
    <n v="11.36"/>
    <n v="2"/>
    <n v="5.23"/>
  </r>
  <r>
    <d v="2014-12-10T00:00:00"/>
    <x v="11"/>
    <x v="0"/>
    <x v="533"/>
    <x v="20"/>
    <x v="0"/>
    <x v="3"/>
    <s v="Poly Designer Cover &amp; Back"/>
    <n v="106.34"/>
    <n v="7"/>
    <n v="37.22"/>
  </r>
  <r>
    <d v="2014-12-10T00:00:00"/>
    <x v="11"/>
    <x v="0"/>
    <x v="562"/>
    <x v="34"/>
    <x v="1"/>
    <x v="5"/>
    <s v="Office Star - Contemporary Swivel Chair with Padded Adjustable Arms and Flex Back"/>
    <n v="338.35"/>
    <n v="3"/>
    <n v="4.2300000000000004"/>
  </r>
  <r>
    <d v="2014-12-10T00:00:00"/>
    <x v="11"/>
    <x v="0"/>
    <x v="562"/>
    <x v="34"/>
    <x v="0"/>
    <x v="0"/>
    <s v="Xerox 1931"/>
    <n v="25.92"/>
    <n v="4"/>
    <n v="12.44"/>
  </r>
  <r>
    <d v="2014-12-10T00:00:00"/>
    <x v="11"/>
    <x v="0"/>
    <x v="562"/>
    <x v="34"/>
    <x v="0"/>
    <x v="0"/>
    <s v="Xerox Color Copier Paper, 11&quot; x 17&quot;, Ream"/>
    <n v="91.36"/>
    <n v="4"/>
    <n v="42.03"/>
  </r>
  <r>
    <d v="2014-12-12T00:00:00"/>
    <x v="11"/>
    <x v="0"/>
    <x v="377"/>
    <x v="3"/>
    <x v="1"/>
    <x v="13"/>
    <s v="Hon Non-Folding Utility Tables"/>
    <n v="764.69"/>
    <n v="6"/>
    <n v="95.59"/>
  </r>
  <r>
    <d v="2014-12-12T00:00:00"/>
    <x v="11"/>
    <x v="0"/>
    <x v="377"/>
    <x v="3"/>
    <x v="1"/>
    <x v="13"/>
    <s v="Bretford Rectangular Conference Table Tops"/>
    <n v="3610.85"/>
    <n v="12"/>
    <n v="135.41"/>
  </r>
  <r>
    <d v="2014-12-12T00:00:00"/>
    <x v="11"/>
    <x v="0"/>
    <x v="377"/>
    <x v="3"/>
    <x v="1"/>
    <x v="11"/>
    <s v="Bestar Classic Bookcase"/>
    <n v="254.97"/>
    <n v="3"/>
    <n v="12"/>
  </r>
  <r>
    <d v="2014-12-12T00:00:00"/>
    <x v="11"/>
    <x v="0"/>
    <x v="494"/>
    <x v="3"/>
    <x v="1"/>
    <x v="8"/>
    <s v="Eldon Advantage Chair Mats for Low to Medium Pile Carpets"/>
    <n v="43.31"/>
    <n v="1"/>
    <n v="4.33"/>
  </r>
  <r>
    <d v="2014-12-12T00:00:00"/>
    <x v="11"/>
    <x v="0"/>
    <x v="563"/>
    <x v="0"/>
    <x v="0"/>
    <x v="3"/>
    <s v="GBC DocuBind 300 Electric Binding Machine"/>
    <n v="210.39"/>
    <n v="2"/>
    <n v="-336.63"/>
  </r>
  <r>
    <d v="2014-12-12T00:00:00"/>
    <x v="11"/>
    <x v="0"/>
    <x v="564"/>
    <x v="3"/>
    <x v="1"/>
    <x v="8"/>
    <s v="Eldon Image Series Desk Accessories, Burgundy"/>
    <n v="12.54"/>
    <n v="3"/>
    <n v="4.51"/>
  </r>
  <r>
    <d v="2014-12-12T00:00:00"/>
    <x v="11"/>
    <x v="0"/>
    <x v="564"/>
    <x v="3"/>
    <x v="0"/>
    <x v="2"/>
    <s v="Woodgrain Magazine Files by Perma"/>
    <n v="8.94"/>
    <n v="3"/>
    <n v="0.63"/>
  </r>
  <r>
    <d v="2014-12-12T00:00:00"/>
    <x v="11"/>
    <x v="0"/>
    <x v="564"/>
    <x v="3"/>
    <x v="1"/>
    <x v="8"/>
    <s v="Longer-Life Soft White Bulbs"/>
    <n v="9.24"/>
    <n v="3"/>
    <n v="4.4400000000000004"/>
  </r>
  <r>
    <d v="2014-12-12T00:00:00"/>
    <x v="11"/>
    <x v="0"/>
    <x v="300"/>
    <x v="16"/>
    <x v="0"/>
    <x v="10"/>
    <s v="Staple envelope"/>
    <n v="23.47"/>
    <n v="3"/>
    <n v="7.63"/>
  </r>
  <r>
    <d v="2014-12-13T00:00:00"/>
    <x v="11"/>
    <x v="0"/>
    <x v="375"/>
    <x v="3"/>
    <x v="0"/>
    <x v="0"/>
    <s v="White GlueTop Scratch Pads"/>
    <n v="90.24"/>
    <n v="6"/>
    <n v="41.51"/>
  </r>
  <r>
    <d v="2014-12-13T00:00:00"/>
    <x v="11"/>
    <x v="0"/>
    <x v="565"/>
    <x v="0"/>
    <x v="0"/>
    <x v="14"/>
    <s v="Acme Value Line Scissors"/>
    <n v="2.92"/>
    <n v="1"/>
    <n v="0.37"/>
  </r>
  <r>
    <d v="2014-12-13T00:00:00"/>
    <x v="11"/>
    <x v="0"/>
    <x v="227"/>
    <x v="1"/>
    <x v="1"/>
    <x v="8"/>
    <s v="Howard Miller 12-3/4 Diameter Accuwave DS  Wall Clock"/>
    <n v="94.43"/>
    <n v="3"/>
    <n v="-42.49"/>
  </r>
  <r>
    <d v="2014-12-13T00:00:00"/>
    <x v="11"/>
    <x v="0"/>
    <x v="211"/>
    <x v="12"/>
    <x v="1"/>
    <x v="8"/>
    <s v="Electrix Incandescent Magnifying Lamp, Black"/>
    <n v="87.96"/>
    <n v="3"/>
    <n v="7.7"/>
  </r>
  <r>
    <d v="2014-12-13T00:00:00"/>
    <x v="11"/>
    <x v="0"/>
    <x v="211"/>
    <x v="12"/>
    <x v="0"/>
    <x v="3"/>
    <s v="Cardinal Slant-D Ring Binder, Heavy Gauge Vinyl"/>
    <n v="5.21"/>
    <n v="2"/>
    <n v="-4.17"/>
  </r>
  <r>
    <d v="2014-12-13T00:00:00"/>
    <x v="11"/>
    <x v="0"/>
    <x v="566"/>
    <x v="5"/>
    <x v="0"/>
    <x v="3"/>
    <s v="ACCOHIDE 3-Ring Binder, Blue, 1&quot;"/>
    <n v="12.39"/>
    <n v="3"/>
    <n v="5.82"/>
  </r>
  <r>
    <d v="2014-12-14T00:00:00"/>
    <x v="11"/>
    <x v="0"/>
    <x v="448"/>
    <x v="1"/>
    <x v="0"/>
    <x v="3"/>
    <s v="Avery Heavy-Duty EZD View Binder with Locking Rings"/>
    <n v="5.0999999999999996"/>
    <n v="4"/>
    <n v="-8.68"/>
  </r>
  <r>
    <d v="2014-12-14T00:00:00"/>
    <x v="11"/>
    <x v="0"/>
    <x v="448"/>
    <x v="1"/>
    <x v="0"/>
    <x v="7"/>
    <s v="Assorted Color Push Pins"/>
    <n v="2.9"/>
    <n v="2"/>
    <n v="0.47"/>
  </r>
  <r>
    <d v="2014-12-14T00:00:00"/>
    <x v="11"/>
    <x v="0"/>
    <x v="448"/>
    <x v="1"/>
    <x v="2"/>
    <x v="9"/>
    <s v="Belkin Standard 104 key USB Keyboard"/>
    <n v="35.020000000000003"/>
    <n v="3"/>
    <n v="-2.19"/>
  </r>
  <r>
    <d v="2014-12-14T00:00:00"/>
    <x v="11"/>
    <x v="0"/>
    <x v="240"/>
    <x v="16"/>
    <x v="1"/>
    <x v="5"/>
    <s v="Iceberg Nesting Folding Chair, 19w x 6d x 43h"/>
    <n v="186.3"/>
    <n v="4"/>
    <n v="13.97"/>
  </r>
  <r>
    <d v="2014-12-14T00:00:00"/>
    <x v="11"/>
    <x v="0"/>
    <x v="567"/>
    <x v="10"/>
    <x v="0"/>
    <x v="4"/>
    <s v="Newell 35"/>
    <n v="2.62"/>
    <n v="1"/>
    <n v="0.3"/>
  </r>
  <r>
    <d v="2014-12-14T00:00:00"/>
    <x v="11"/>
    <x v="0"/>
    <x v="567"/>
    <x v="10"/>
    <x v="1"/>
    <x v="13"/>
    <s v="Hon Rectangular Conference Tables"/>
    <n v="136.53"/>
    <n v="1"/>
    <n v="-52.34"/>
  </r>
  <r>
    <d v="2014-12-14T00:00:00"/>
    <x v="11"/>
    <x v="0"/>
    <x v="567"/>
    <x v="10"/>
    <x v="2"/>
    <x v="9"/>
    <s v="Plantronics CS510 - Over-the-Head monaural Wireless Headset System"/>
    <n v="263.95999999999998"/>
    <n v="1"/>
    <n v="42.89"/>
  </r>
  <r>
    <d v="2014-12-14T00:00:00"/>
    <x v="11"/>
    <x v="0"/>
    <x v="23"/>
    <x v="20"/>
    <x v="2"/>
    <x v="15"/>
    <s v="HP Designjet T520 Inkjet Large Format Printer - 24&quot; Color"/>
    <n v="6999.96"/>
    <n v="4"/>
    <n v="2239.9899999999998"/>
  </r>
  <r>
    <d v="2014-12-14T00:00:00"/>
    <x v="11"/>
    <x v="0"/>
    <x v="568"/>
    <x v="1"/>
    <x v="0"/>
    <x v="3"/>
    <s v="GBC VeloBind Cover Sets"/>
    <n v="9.26"/>
    <n v="3"/>
    <n v="-13.9"/>
  </r>
  <r>
    <d v="2014-12-15T00:00:00"/>
    <x v="11"/>
    <x v="0"/>
    <x v="260"/>
    <x v="0"/>
    <x v="2"/>
    <x v="6"/>
    <s v="ARKON Windshield Dashboard Air Vent Car Mount Holder"/>
    <n v="40.68"/>
    <n v="3"/>
    <n v="-9.15"/>
  </r>
  <r>
    <d v="2014-12-15T00:00:00"/>
    <x v="11"/>
    <x v="0"/>
    <x v="260"/>
    <x v="0"/>
    <x v="1"/>
    <x v="5"/>
    <s v="Lifetime Advantage Folding Chairs, 4/Carton"/>
    <n v="763.28"/>
    <n v="5"/>
    <n v="-21.81"/>
  </r>
  <r>
    <d v="2014-12-15T00:00:00"/>
    <x v="11"/>
    <x v="0"/>
    <x v="117"/>
    <x v="3"/>
    <x v="1"/>
    <x v="8"/>
    <s v="Stackable Trays"/>
    <n v="6.16"/>
    <n v="2"/>
    <n v="1.97"/>
  </r>
  <r>
    <d v="2014-12-15T00:00:00"/>
    <x v="11"/>
    <x v="0"/>
    <x v="569"/>
    <x v="1"/>
    <x v="1"/>
    <x v="8"/>
    <s v="Dana Swing-Arm Lamps"/>
    <n v="8.5399999999999991"/>
    <n v="2"/>
    <n v="-7.48"/>
  </r>
  <r>
    <d v="2014-12-15T00:00:00"/>
    <x v="11"/>
    <x v="0"/>
    <x v="290"/>
    <x v="2"/>
    <x v="1"/>
    <x v="5"/>
    <s v="Global Wood Trimmed Manager's Task Chair, Khaki"/>
    <n v="445.8"/>
    <n v="7"/>
    <n v="-108.27"/>
  </r>
  <r>
    <d v="2014-12-16T00:00:00"/>
    <x v="11"/>
    <x v="0"/>
    <x v="148"/>
    <x v="16"/>
    <x v="0"/>
    <x v="3"/>
    <s v="Avery Binder Labels"/>
    <n v="1.17"/>
    <n v="1"/>
    <n v="-0.86"/>
  </r>
  <r>
    <d v="2014-12-16T00:00:00"/>
    <x v="11"/>
    <x v="0"/>
    <x v="570"/>
    <x v="3"/>
    <x v="1"/>
    <x v="8"/>
    <s v="Executive Impressions 14&quot; Contract Wall Clock"/>
    <n v="44.46"/>
    <n v="2"/>
    <n v="14.67"/>
  </r>
  <r>
    <d v="2014-12-16T00:00:00"/>
    <x v="11"/>
    <x v="0"/>
    <x v="570"/>
    <x v="3"/>
    <x v="1"/>
    <x v="5"/>
    <s v="DMI Arturo Collection Mission-style Design Wood Chair"/>
    <n v="241.57"/>
    <n v="2"/>
    <n v="18.12"/>
  </r>
  <r>
    <d v="2014-12-16T00:00:00"/>
    <x v="11"/>
    <x v="0"/>
    <x v="570"/>
    <x v="3"/>
    <x v="2"/>
    <x v="9"/>
    <s v="First Data FD10 PIN Pad"/>
    <n v="395"/>
    <n v="5"/>
    <n v="39.5"/>
  </r>
  <r>
    <d v="2014-12-16T00:00:00"/>
    <x v="11"/>
    <x v="0"/>
    <x v="570"/>
    <x v="3"/>
    <x v="2"/>
    <x v="6"/>
    <s v="GE 30524EE4"/>
    <n v="627.16999999999996"/>
    <n v="4"/>
    <n v="70.56"/>
  </r>
  <r>
    <d v="2014-12-16T00:00:00"/>
    <x v="11"/>
    <x v="0"/>
    <x v="127"/>
    <x v="16"/>
    <x v="1"/>
    <x v="5"/>
    <s v="Hon Olson Stacker Stools"/>
    <n v="1013.83"/>
    <n v="9"/>
    <n v="101.38"/>
  </r>
  <r>
    <d v="2014-12-16T00:00:00"/>
    <x v="11"/>
    <x v="0"/>
    <x v="127"/>
    <x v="16"/>
    <x v="0"/>
    <x v="7"/>
    <s v="OIC Binder Clips, Mini, 1/4&quot; Capacity, Black"/>
    <n v="1.98"/>
    <n v="2"/>
    <n v="0.67"/>
  </r>
  <r>
    <d v="2014-12-16T00:00:00"/>
    <x v="11"/>
    <x v="0"/>
    <x v="28"/>
    <x v="0"/>
    <x v="0"/>
    <x v="0"/>
    <s v="Xerox 224"/>
    <n v="36.29"/>
    <n v="7"/>
    <n v="12.7"/>
  </r>
  <r>
    <d v="2014-12-16T00:00:00"/>
    <x v="11"/>
    <x v="0"/>
    <x v="28"/>
    <x v="0"/>
    <x v="1"/>
    <x v="8"/>
    <s v="Tenex Carpeted, Granite-Look or Clear Contemporary Contour Shape Chair Mats"/>
    <n v="56.57"/>
    <n v="2"/>
    <n v="-74.95"/>
  </r>
  <r>
    <d v="2014-12-16T00:00:00"/>
    <x v="11"/>
    <x v="0"/>
    <x v="571"/>
    <x v="14"/>
    <x v="0"/>
    <x v="0"/>
    <s v="Xerox 1929"/>
    <n v="114.2"/>
    <n v="5"/>
    <n v="52.53"/>
  </r>
  <r>
    <d v="2014-12-16T00:00:00"/>
    <x v="11"/>
    <x v="0"/>
    <x v="572"/>
    <x v="3"/>
    <x v="1"/>
    <x v="5"/>
    <s v="Office Star - Professional Matrix Back Chair with 2-to-1 Synchro Tilt and Mesh Fabric Seat"/>
    <n v="1403.92"/>
    <n v="5"/>
    <n v="70.2"/>
  </r>
  <r>
    <d v="2014-12-16T00:00:00"/>
    <x v="11"/>
    <x v="0"/>
    <x v="224"/>
    <x v="6"/>
    <x v="2"/>
    <x v="9"/>
    <s v="Case Logic 2.4GHz Wireless Keyboard"/>
    <n v="99.98"/>
    <n v="2"/>
    <n v="8"/>
  </r>
  <r>
    <d v="2014-12-16T00:00:00"/>
    <x v="11"/>
    <x v="0"/>
    <x v="224"/>
    <x v="6"/>
    <x v="1"/>
    <x v="8"/>
    <s v="Ultra Door Push Plate"/>
    <n v="29.46"/>
    <n v="6"/>
    <n v="9.7200000000000006"/>
  </r>
  <r>
    <d v="2014-12-16T00:00:00"/>
    <x v="11"/>
    <x v="0"/>
    <x v="573"/>
    <x v="0"/>
    <x v="2"/>
    <x v="9"/>
    <s v="Razer Kraken 7.1 Surround Sound Over Ear USB Gaming Headset"/>
    <n v="319.97000000000003"/>
    <n v="4"/>
    <n v="95.99"/>
  </r>
  <r>
    <d v="2014-12-16T00:00:00"/>
    <x v="11"/>
    <x v="0"/>
    <x v="573"/>
    <x v="0"/>
    <x v="1"/>
    <x v="8"/>
    <s v="Longer-Life Soft White Bulbs"/>
    <n v="8.6199999999999992"/>
    <n v="7"/>
    <n v="-2.59"/>
  </r>
  <r>
    <d v="2014-12-17T00:00:00"/>
    <x v="11"/>
    <x v="0"/>
    <x v="503"/>
    <x v="4"/>
    <x v="0"/>
    <x v="4"/>
    <s v="Stanley Contemporary Battery Pencil Sharpeners"/>
    <n v="40.049999999999997"/>
    <n v="3"/>
    <n v="11.21"/>
  </r>
  <r>
    <d v="2014-12-17T00:00:00"/>
    <x v="11"/>
    <x v="0"/>
    <x v="574"/>
    <x v="10"/>
    <x v="0"/>
    <x v="3"/>
    <s v="Newell 3-Hole Punched Plastic Slotted Magazine Holders for Binders"/>
    <n v="5.48"/>
    <n v="4"/>
    <n v="-4.0199999999999996"/>
  </r>
  <r>
    <d v="2014-12-19T00:00:00"/>
    <x v="11"/>
    <x v="0"/>
    <x v="575"/>
    <x v="16"/>
    <x v="0"/>
    <x v="3"/>
    <s v="Insertable Tab Post Binder Dividers"/>
    <n v="4.8099999999999996"/>
    <n v="2"/>
    <n v="-3.69"/>
  </r>
  <r>
    <d v="2014-12-19T00:00:00"/>
    <x v="11"/>
    <x v="0"/>
    <x v="575"/>
    <x v="16"/>
    <x v="2"/>
    <x v="9"/>
    <s v="Belkin QODE FastFit Bluetooth Keyboard"/>
    <n v="247.8"/>
    <n v="5"/>
    <n v="-18.59"/>
  </r>
  <r>
    <d v="2014-12-19T00:00:00"/>
    <x v="11"/>
    <x v="0"/>
    <x v="576"/>
    <x v="33"/>
    <x v="0"/>
    <x v="3"/>
    <s v="Canvas Sectional Post Binders"/>
    <n v="152.76"/>
    <n v="6"/>
    <n v="74.849999999999994"/>
  </r>
  <r>
    <d v="2014-12-19T00:00:00"/>
    <x v="11"/>
    <x v="0"/>
    <x v="576"/>
    <x v="33"/>
    <x v="0"/>
    <x v="14"/>
    <s v="Acme Stainless Steel Office Snips"/>
    <n v="7.27"/>
    <n v="1"/>
    <n v="1.96"/>
  </r>
  <r>
    <d v="2014-12-19T00:00:00"/>
    <x v="11"/>
    <x v="0"/>
    <x v="576"/>
    <x v="33"/>
    <x v="1"/>
    <x v="5"/>
    <s v="High-Back Leather Manager's Chair"/>
    <n v="1819.86"/>
    <n v="14"/>
    <n v="163.79"/>
  </r>
  <r>
    <d v="2014-12-19T00:00:00"/>
    <x v="11"/>
    <x v="0"/>
    <x v="244"/>
    <x v="3"/>
    <x v="0"/>
    <x v="1"/>
    <s v="Avery 516"/>
    <n v="14.62"/>
    <n v="2"/>
    <n v="6.87"/>
  </r>
  <r>
    <d v="2014-12-19T00:00:00"/>
    <x v="11"/>
    <x v="0"/>
    <x v="244"/>
    <x v="3"/>
    <x v="0"/>
    <x v="7"/>
    <s v="Advantus T-Pin Paper Clips"/>
    <n v="22.55"/>
    <n v="5"/>
    <n v="8.7899999999999991"/>
  </r>
  <r>
    <d v="2014-12-19T00:00:00"/>
    <x v="11"/>
    <x v="0"/>
    <x v="244"/>
    <x v="3"/>
    <x v="2"/>
    <x v="6"/>
    <s v="Wi-Ex zBoost YX540 Cellular Phone Signal Booster"/>
    <n v="583.79999999999995"/>
    <n v="5"/>
    <n v="72.98"/>
  </r>
  <r>
    <d v="2014-12-19T00:00:00"/>
    <x v="11"/>
    <x v="0"/>
    <x v="244"/>
    <x v="3"/>
    <x v="2"/>
    <x v="6"/>
    <s v="Clarity 53712"/>
    <n v="211.17"/>
    <n v="4"/>
    <n v="15.84"/>
  </r>
  <r>
    <d v="2014-12-19T00:00:00"/>
    <x v="11"/>
    <x v="0"/>
    <x v="25"/>
    <x v="1"/>
    <x v="2"/>
    <x v="6"/>
    <s v="RCA ViSYS 25425RE1 Corded phone"/>
    <n v="323.98"/>
    <n v="3"/>
    <n v="36.450000000000003"/>
  </r>
  <r>
    <d v="2014-12-19T00:00:00"/>
    <x v="11"/>
    <x v="0"/>
    <x v="25"/>
    <x v="1"/>
    <x v="0"/>
    <x v="0"/>
    <s v="Xerox 229"/>
    <n v="15.55"/>
    <n v="3"/>
    <n v="5.44"/>
  </r>
  <r>
    <d v="2014-12-19T00:00:00"/>
    <x v="11"/>
    <x v="0"/>
    <x v="25"/>
    <x v="1"/>
    <x v="0"/>
    <x v="2"/>
    <s v="Rogers Jumbo File, Granite"/>
    <n v="32.590000000000003"/>
    <n v="3"/>
    <n v="-7.74"/>
  </r>
  <r>
    <d v="2014-12-20T00:00:00"/>
    <x v="11"/>
    <x v="0"/>
    <x v="577"/>
    <x v="6"/>
    <x v="0"/>
    <x v="2"/>
    <s v="SAFCO Commercial Wire Shelving, 72h"/>
    <n v="122.48"/>
    <n v="2"/>
    <n v="0"/>
  </r>
  <r>
    <d v="2014-12-20T00:00:00"/>
    <x v="11"/>
    <x v="0"/>
    <x v="577"/>
    <x v="6"/>
    <x v="1"/>
    <x v="13"/>
    <s v="Chromcraft 48&quot; x 96&quot; Racetrack Double Pedestal Table"/>
    <n v="2244.48"/>
    <n v="7"/>
    <n v="493.79"/>
  </r>
  <r>
    <d v="2014-12-20T00:00:00"/>
    <x v="11"/>
    <x v="0"/>
    <x v="577"/>
    <x v="6"/>
    <x v="0"/>
    <x v="3"/>
    <s v="Wilson Jones Century Plastic Molded Ring Binders"/>
    <n v="62.31"/>
    <n v="3"/>
    <n v="29.29"/>
  </r>
  <r>
    <d v="2014-12-20T00:00:00"/>
    <x v="11"/>
    <x v="0"/>
    <x v="577"/>
    <x v="6"/>
    <x v="1"/>
    <x v="13"/>
    <s v="Hon Practical Foundations 30 x 60 Training Table, Light Gray/Charcoal"/>
    <n v="455.1"/>
    <n v="2"/>
    <n v="100.12"/>
  </r>
  <r>
    <d v="2014-12-20T00:00:00"/>
    <x v="11"/>
    <x v="0"/>
    <x v="348"/>
    <x v="22"/>
    <x v="0"/>
    <x v="1"/>
    <s v="Avery 489"/>
    <n v="31.05"/>
    <n v="3"/>
    <n v="14.9"/>
  </r>
  <r>
    <d v="2014-12-20T00:00:00"/>
    <x v="11"/>
    <x v="0"/>
    <x v="578"/>
    <x v="15"/>
    <x v="0"/>
    <x v="12"/>
    <s v="Hoover Commercial Soft Guard Upright Vacuum And Disposable Filtration Bags"/>
    <n v="43.51"/>
    <n v="7"/>
    <n v="3.81"/>
  </r>
  <r>
    <d v="2014-12-20T00:00:00"/>
    <x v="11"/>
    <x v="0"/>
    <x v="578"/>
    <x v="15"/>
    <x v="1"/>
    <x v="5"/>
    <s v="SAFCO Arco Folding Chair"/>
    <n v="662.88"/>
    <n v="3"/>
    <n v="74.569999999999993"/>
  </r>
  <r>
    <d v="2014-12-20T00:00:00"/>
    <x v="11"/>
    <x v="0"/>
    <x v="578"/>
    <x v="15"/>
    <x v="0"/>
    <x v="0"/>
    <s v="Weyerhaeuser First Choice Laser/Copy Paper (20Lb. and 88 Bright)"/>
    <n v="25.92"/>
    <n v="5"/>
    <n v="9.07"/>
  </r>
  <r>
    <d v="2014-12-20T00:00:00"/>
    <x v="11"/>
    <x v="0"/>
    <x v="283"/>
    <x v="3"/>
    <x v="0"/>
    <x v="3"/>
    <s v="Ibico Hi-Tech Manual Binding System"/>
    <n v="487.98"/>
    <n v="2"/>
    <n v="152.5"/>
  </r>
  <r>
    <d v="2014-12-20T00:00:00"/>
    <x v="11"/>
    <x v="0"/>
    <x v="283"/>
    <x v="3"/>
    <x v="0"/>
    <x v="4"/>
    <s v="Boston Home &amp; Office Model 2000 Electric Pencil Sharpeners"/>
    <n v="47.3"/>
    <n v="2"/>
    <n v="12.3"/>
  </r>
  <r>
    <d v="2014-12-20T00:00:00"/>
    <x v="11"/>
    <x v="0"/>
    <x v="283"/>
    <x v="3"/>
    <x v="0"/>
    <x v="4"/>
    <s v="Newell 31"/>
    <n v="4.13"/>
    <n v="1"/>
    <n v="1.1599999999999999"/>
  </r>
  <r>
    <d v="2014-12-20T00:00:00"/>
    <x v="11"/>
    <x v="0"/>
    <x v="283"/>
    <x v="3"/>
    <x v="0"/>
    <x v="3"/>
    <s v="Premium Transparent Presentation Covers, No Pattern/Clear, 8 1/2&quot; x 11&quot;"/>
    <n v="155.12"/>
    <n v="5"/>
    <n v="50.41"/>
  </r>
  <r>
    <d v="2014-12-20T00:00:00"/>
    <x v="11"/>
    <x v="0"/>
    <x v="460"/>
    <x v="26"/>
    <x v="2"/>
    <x v="9"/>
    <s v="Logitech G430 Surround Sound Gaming Headset with Dolby 7.1 Technology"/>
    <n v="447.94"/>
    <n v="7"/>
    <n v="89.59"/>
  </r>
  <r>
    <d v="2014-12-20T00:00:00"/>
    <x v="11"/>
    <x v="0"/>
    <x v="579"/>
    <x v="18"/>
    <x v="0"/>
    <x v="1"/>
    <s v="Avery 487"/>
    <n v="3.69"/>
    <n v="1"/>
    <n v="1.73"/>
  </r>
  <r>
    <d v="2014-12-20T00:00:00"/>
    <x v="11"/>
    <x v="0"/>
    <x v="579"/>
    <x v="18"/>
    <x v="0"/>
    <x v="3"/>
    <s v="Ibico Ibimaster 300 Manual Binding System"/>
    <n v="1103.97"/>
    <n v="3"/>
    <n v="496.79"/>
  </r>
  <r>
    <d v="2014-12-20T00:00:00"/>
    <x v="11"/>
    <x v="0"/>
    <x v="294"/>
    <x v="10"/>
    <x v="1"/>
    <x v="8"/>
    <s v="Eldon Cleatmat Plus Chair Mats for High Pile Carpets"/>
    <n v="190.85"/>
    <n v="3"/>
    <n v="-21.47"/>
  </r>
  <r>
    <d v="2014-12-20T00:00:00"/>
    <x v="11"/>
    <x v="0"/>
    <x v="189"/>
    <x v="12"/>
    <x v="1"/>
    <x v="8"/>
    <s v="Computer Room Manger, 14&quot;"/>
    <n v="51.97"/>
    <n v="2"/>
    <n v="10.39"/>
  </r>
  <r>
    <d v="2014-12-20T00:00:00"/>
    <x v="11"/>
    <x v="0"/>
    <x v="189"/>
    <x v="12"/>
    <x v="2"/>
    <x v="9"/>
    <s v="Logitech 910-002974 M325 Wireless Mouse for Web Scrolling"/>
    <n v="71.98"/>
    <n v="3"/>
    <n v="21.59"/>
  </r>
  <r>
    <d v="2014-12-20T00:00:00"/>
    <x v="11"/>
    <x v="0"/>
    <x v="189"/>
    <x v="12"/>
    <x v="1"/>
    <x v="5"/>
    <s v="Global Low Back Tilter Chair"/>
    <n v="242.35"/>
    <n v="3"/>
    <n v="-42.41"/>
  </r>
  <r>
    <d v="2014-12-20T00:00:00"/>
    <x v="11"/>
    <x v="0"/>
    <x v="189"/>
    <x v="12"/>
    <x v="0"/>
    <x v="0"/>
    <s v="Xerox 1888"/>
    <n v="221.92"/>
    <n v="5"/>
    <n v="77.67"/>
  </r>
  <r>
    <d v="2014-12-20T00:00:00"/>
    <x v="11"/>
    <x v="0"/>
    <x v="189"/>
    <x v="12"/>
    <x v="0"/>
    <x v="0"/>
    <s v="Xerox 1954"/>
    <n v="8.4499999999999993"/>
    <n v="2"/>
    <n v="2.64"/>
  </r>
  <r>
    <d v="2014-12-20T00:00:00"/>
    <x v="11"/>
    <x v="0"/>
    <x v="494"/>
    <x v="0"/>
    <x v="0"/>
    <x v="12"/>
    <s v="Belkin Premiere Surge Master II 8-outlet surge protector"/>
    <n v="19.43"/>
    <n v="2"/>
    <n v="-49.55"/>
  </r>
  <r>
    <d v="2014-12-20T00:00:00"/>
    <x v="11"/>
    <x v="0"/>
    <x v="494"/>
    <x v="0"/>
    <x v="2"/>
    <x v="9"/>
    <s v="Logitech Desktop MK120 Mouse and keyboard Combo"/>
    <n v="65.44"/>
    <n v="5"/>
    <n v="-8.18"/>
  </r>
  <r>
    <d v="2014-12-20T00:00:00"/>
    <x v="11"/>
    <x v="0"/>
    <x v="436"/>
    <x v="20"/>
    <x v="1"/>
    <x v="5"/>
    <s v="Harbour Creations 67200 Series Stacking Chairs"/>
    <n v="192.19"/>
    <n v="3"/>
    <n v="36.299999999999997"/>
  </r>
  <r>
    <d v="2014-12-21T00:00:00"/>
    <x v="11"/>
    <x v="0"/>
    <x v="95"/>
    <x v="3"/>
    <x v="1"/>
    <x v="5"/>
    <s v="SAFCO Arco Folding Chair"/>
    <n v="1325.76"/>
    <n v="6"/>
    <n v="149.15"/>
  </r>
  <r>
    <d v="2014-12-21T00:00:00"/>
    <x v="11"/>
    <x v="0"/>
    <x v="95"/>
    <x v="3"/>
    <x v="1"/>
    <x v="5"/>
    <s v="Safco Contoured Stacking Chairs"/>
    <n v="572.16"/>
    <n v="3"/>
    <n v="35.76"/>
  </r>
  <r>
    <d v="2014-12-21T00:00:00"/>
    <x v="11"/>
    <x v="0"/>
    <x v="285"/>
    <x v="15"/>
    <x v="0"/>
    <x v="3"/>
    <s v="Ibico Plastic Spiral Binding Combs"/>
    <n v="18.239999999999998"/>
    <n v="2"/>
    <n v="-14.59"/>
  </r>
  <r>
    <d v="2014-12-21T00:00:00"/>
    <x v="11"/>
    <x v="0"/>
    <x v="405"/>
    <x v="7"/>
    <x v="0"/>
    <x v="1"/>
    <s v="Avery 492"/>
    <n v="17.28"/>
    <n v="6"/>
    <n v="7.95"/>
  </r>
  <r>
    <d v="2014-12-22T00:00:00"/>
    <x v="11"/>
    <x v="0"/>
    <x v="580"/>
    <x v="3"/>
    <x v="0"/>
    <x v="4"/>
    <s v="Newell 332"/>
    <n v="11.76"/>
    <n v="4"/>
    <n v="3.18"/>
  </r>
  <r>
    <d v="2014-12-22T00:00:00"/>
    <x v="11"/>
    <x v="0"/>
    <x v="214"/>
    <x v="20"/>
    <x v="0"/>
    <x v="2"/>
    <s v="Desktop 3-Pocket Hot File"/>
    <n v="216.4"/>
    <n v="4"/>
    <n v="56.26"/>
  </r>
  <r>
    <d v="2014-12-22T00:00:00"/>
    <x v="11"/>
    <x v="0"/>
    <x v="377"/>
    <x v="1"/>
    <x v="0"/>
    <x v="2"/>
    <s v="Economy Rollaway Files"/>
    <n v="132.16"/>
    <n v="1"/>
    <n v="9.91"/>
  </r>
  <r>
    <d v="2014-12-22T00:00:00"/>
    <x v="11"/>
    <x v="0"/>
    <x v="377"/>
    <x v="1"/>
    <x v="0"/>
    <x v="3"/>
    <s v="Recycled Easel Ring Binders"/>
    <n v="17.899999999999999"/>
    <n v="6"/>
    <n v="-31.33"/>
  </r>
  <r>
    <d v="2014-12-22T00:00:00"/>
    <x v="11"/>
    <x v="0"/>
    <x v="377"/>
    <x v="1"/>
    <x v="0"/>
    <x v="0"/>
    <s v="White Computer Printout Paper by Universal"/>
    <n v="124.03"/>
    <n v="4"/>
    <n v="44.96"/>
  </r>
  <r>
    <d v="2014-12-22T00:00:00"/>
    <x v="11"/>
    <x v="0"/>
    <x v="581"/>
    <x v="20"/>
    <x v="0"/>
    <x v="3"/>
    <s v="Lock-Up Easel 'Spel-Binder'"/>
    <n v="296.70999999999998"/>
    <n v="13"/>
    <n v="100.14"/>
  </r>
  <r>
    <d v="2014-12-23T00:00:00"/>
    <x v="11"/>
    <x v="0"/>
    <x v="582"/>
    <x v="18"/>
    <x v="0"/>
    <x v="12"/>
    <s v="Belkin F9H710-06 7 Outlet SurgeMaster Surge Protector"/>
    <n v="207.24"/>
    <n v="11"/>
    <n v="58.03"/>
  </r>
  <r>
    <d v="2014-12-23T00:00:00"/>
    <x v="11"/>
    <x v="0"/>
    <x v="495"/>
    <x v="20"/>
    <x v="1"/>
    <x v="13"/>
    <s v="Hon 61000 Series Interactive Training Tables"/>
    <n v="53.32"/>
    <n v="2"/>
    <n v="-19.55"/>
  </r>
  <r>
    <d v="2014-12-23T00:00:00"/>
    <x v="11"/>
    <x v="0"/>
    <x v="495"/>
    <x v="20"/>
    <x v="0"/>
    <x v="12"/>
    <s v="Belkin F9H710-06 7 Outlet SurgeMaster Surge Protector"/>
    <n v="56.52"/>
    <n v="3"/>
    <n v="15.83"/>
  </r>
  <r>
    <d v="2014-12-23T00:00:00"/>
    <x v="11"/>
    <x v="0"/>
    <x v="311"/>
    <x v="0"/>
    <x v="0"/>
    <x v="0"/>
    <s v="Xerox 2000"/>
    <n v="5.18"/>
    <n v="1"/>
    <n v="1.81"/>
  </r>
  <r>
    <d v="2014-12-23T00:00:00"/>
    <x v="11"/>
    <x v="0"/>
    <x v="583"/>
    <x v="16"/>
    <x v="0"/>
    <x v="0"/>
    <s v="Computer Printout Paper with Letter-Trim Perforations"/>
    <n v="45.53"/>
    <n v="3"/>
    <n v="15.93"/>
  </r>
  <r>
    <d v="2014-12-23T00:00:00"/>
    <x v="11"/>
    <x v="0"/>
    <x v="583"/>
    <x v="16"/>
    <x v="1"/>
    <x v="5"/>
    <s v="Padded Folding Chairs, Black, 4/Carton"/>
    <n v="64.78"/>
    <n v="1"/>
    <n v="6.48"/>
  </r>
  <r>
    <d v="2014-12-23T00:00:00"/>
    <x v="11"/>
    <x v="0"/>
    <x v="583"/>
    <x v="16"/>
    <x v="0"/>
    <x v="2"/>
    <s v="Tennsco 6- and 18-Compartment Lockers"/>
    <n v="424.27"/>
    <n v="2"/>
    <n v="-10.61"/>
  </r>
  <r>
    <d v="2014-12-23T00:00:00"/>
    <x v="11"/>
    <x v="0"/>
    <x v="583"/>
    <x v="16"/>
    <x v="0"/>
    <x v="4"/>
    <s v="Prang Dustless Chalk Sticks"/>
    <n v="1.34"/>
    <n v="1"/>
    <n v="0.5"/>
  </r>
  <r>
    <d v="2014-12-23T00:00:00"/>
    <x v="11"/>
    <x v="0"/>
    <x v="583"/>
    <x v="16"/>
    <x v="0"/>
    <x v="2"/>
    <s v="Acco Perma 3000 Stacking Storage Drawers"/>
    <n v="83.92"/>
    <n v="5"/>
    <n v="-1.05"/>
  </r>
  <r>
    <d v="2014-12-24T00:00:00"/>
    <x v="11"/>
    <x v="0"/>
    <x v="321"/>
    <x v="16"/>
    <x v="0"/>
    <x v="0"/>
    <s v="Xerox 1974"/>
    <n v="9.57"/>
    <n v="2"/>
    <n v="3.47"/>
  </r>
  <r>
    <d v="2014-12-24T00:00:00"/>
    <x v="11"/>
    <x v="0"/>
    <x v="218"/>
    <x v="10"/>
    <x v="1"/>
    <x v="8"/>
    <s v="Master Giant Foot Doorstop, Safety Yellow"/>
    <n v="30.36"/>
    <n v="5"/>
    <n v="8.73"/>
  </r>
  <r>
    <d v="2014-12-24T00:00:00"/>
    <x v="11"/>
    <x v="0"/>
    <x v="520"/>
    <x v="3"/>
    <x v="0"/>
    <x v="2"/>
    <s v="Letter Size Cart"/>
    <n v="142.86000000000001"/>
    <n v="1"/>
    <n v="41.43"/>
  </r>
  <r>
    <d v="2014-12-24T00:00:00"/>
    <x v="11"/>
    <x v="0"/>
    <x v="520"/>
    <x v="3"/>
    <x v="1"/>
    <x v="5"/>
    <s v="Global Value Mid-Back Manager's Chair, Gray"/>
    <n v="292.27"/>
    <n v="6"/>
    <n v="18.27"/>
  </r>
  <r>
    <d v="2014-12-24T00:00:00"/>
    <x v="11"/>
    <x v="0"/>
    <x v="151"/>
    <x v="3"/>
    <x v="2"/>
    <x v="6"/>
    <s v="Seidio BD2-HK3IPH5-BK DILEX Case and Holster Combo for Apple iPhone 5/5s - Black"/>
    <n v="173.66"/>
    <n v="7"/>
    <n v="17.37"/>
  </r>
  <r>
    <d v="2014-12-24T00:00:00"/>
    <x v="11"/>
    <x v="0"/>
    <x v="151"/>
    <x v="3"/>
    <x v="0"/>
    <x v="12"/>
    <s v="Avanti 4.4 Cu. Ft. Refrigerator"/>
    <n v="361.96"/>
    <n v="2"/>
    <n v="101.35"/>
  </r>
  <r>
    <d v="2014-12-24T00:00:00"/>
    <x v="11"/>
    <x v="0"/>
    <x v="151"/>
    <x v="3"/>
    <x v="2"/>
    <x v="9"/>
    <s v="Sony 32GB Class 10 Micro SDHC R40 Memory Card"/>
    <n v="62.85"/>
    <n v="3"/>
    <n v="13.2"/>
  </r>
  <r>
    <d v="2014-12-24T00:00:00"/>
    <x v="11"/>
    <x v="0"/>
    <x v="151"/>
    <x v="3"/>
    <x v="2"/>
    <x v="6"/>
    <s v="Cisco Unified IP Phone 7945G VoIP phone"/>
    <n v="818.38"/>
    <n v="3"/>
    <n v="51.15"/>
  </r>
  <r>
    <d v="2014-12-24T00:00:00"/>
    <x v="11"/>
    <x v="0"/>
    <x v="151"/>
    <x v="3"/>
    <x v="0"/>
    <x v="2"/>
    <s v="Tennsco Commercial Shelving"/>
    <n v="20.34"/>
    <n v="1"/>
    <n v="0.2"/>
  </r>
  <r>
    <d v="2014-12-24T00:00:00"/>
    <x v="11"/>
    <x v="0"/>
    <x v="151"/>
    <x v="3"/>
    <x v="1"/>
    <x v="8"/>
    <s v="Westinghouse Floor Lamp with Metal Mesh Shade, Black"/>
    <n v="23.99"/>
    <n v="1"/>
    <n v="5.52"/>
  </r>
  <r>
    <d v="2014-12-24T00:00:00"/>
    <x v="11"/>
    <x v="0"/>
    <x v="423"/>
    <x v="3"/>
    <x v="0"/>
    <x v="12"/>
    <s v="Belkin 7-Outlet SurgeMaster Home Series"/>
    <n v="13.97"/>
    <n v="1"/>
    <n v="3.63"/>
  </r>
  <r>
    <d v="2014-12-26T00:00:00"/>
    <x v="11"/>
    <x v="0"/>
    <x v="525"/>
    <x v="0"/>
    <x v="1"/>
    <x v="5"/>
    <s v="Global Deluxe High-Back Manager's Chair"/>
    <n v="600.55999999999995"/>
    <n v="3"/>
    <n v="-8.58"/>
  </r>
  <r>
    <d v="2014-12-26T00:00:00"/>
    <x v="11"/>
    <x v="0"/>
    <x v="254"/>
    <x v="26"/>
    <x v="1"/>
    <x v="8"/>
    <s v="Howard Miller 13&quot; Diameter Goldtone Round Wall Clock"/>
    <n v="300.42"/>
    <n v="8"/>
    <n v="78.86"/>
  </r>
  <r>
    <d v="2014-12-26T00:00:00"/>
    <x v="11"/>
    <x v="0"/>
    <x v="254"/>
    <x v="26"/>
    <x v="1"/>
    <x v="5"/>
    <s v="Global Deluxe Office Fabric Chairs"/>
    <n v="230.35"/>
    <n v="3"/>
    <n v="20.16"/>
  </r>
  <r>
    <d v="2014-12-26T00:00:00"/>
    <x v="11"/>
    <x v="0"/>
    <x v="254"/>
    <x v="26"/>
    <x v="1"/>
    <x v="8"/>
    <s v="Eldon ClusterMat Chair Mat with Cordless Antistatic Protection"/>
    <n v="218.35"/>
    <n v="3"/>
    <n v="-24.56"/>
  </r>
  <r>
    <d v="2014-12-26T00:00:00"/>
    <x v="11"/>
    <x v="0"/>
    <x v="254"/>
    <x v="26"/>
    <x v="0"/>
    <x v="3"/>
    <s v="Ibico Laser Imprintable Binding System Covers"/>
    <n v="78.599999999999994"/>
    <n v="5"/>
    <n v="-62.88"/>
  </r>
  <r>
    <d v="2014-12-26T00:00:00"/>
    <x v="11"/>
    <x v="0"/>
    <x v="254"/>
    <x v="26"/>
    <x v="0"/>
    <x v="7"/>
    <s v="Vinyl Coated Wire Paper Clips in Organizer Box, 800/Box"/>
    <n v="27.55"/>
    <n v="3"/>
    <n v="9.3000000000000007"/>
  </r>
  <r>
    <d v="2014-12-26T00:00:00"/>
    <x v="11"/>
    <x v="0"/>
    <x v="103"/>
    <x v="1"/>
    <x v="0"/>
    <x v="3"/>
    <s v="Cardinal Slant-D Ring Binder, Heavy Gauge Vinyl"/>
    <n v="8.69"/>
    <n v="5"/>
    <n v="-14.77"/>
  </r>
  <r>
    <d v="2014-12-26T00:00:00"/>
    <x v="11"/>
    <x v="0"/>
    <x v="584"/>
    <x v="3"/>
    <x v="0"/>
    <x v="14"/>
    <s v="Acme Rosewood Handle Letter Opener"/>
    <n v="11.91"/>
    <n v="3"/>
    <n v="0.12"/>
  </r>
  <r>
    <d v="2014-12-26T00:00:00"/>
    <x v="11"/>
    <x v="0"/>
    <x v="584"/>
    <x v="3"/>
    <x v="1"/>
    <x v="8"/>
    <s v="Eldon Regeneration Recycled Desk Accessories, Smoke"/>
    <n v="3.48"/>
    <n v="2"/>
    <n v="1.1100000000000001"/>
  </r>
  <r>
    <d v="2014-12-26T00:00:00"/>
    <x v="11"/>
    <x v="0"/>
    <x v="585"/>
    <x v="2"/>
    <x v="0"/>
    <x v="0"/>
    <s v="Wirebound Message Books, Two 4 1/4&quot; x 5&quot; Forms per Page"/>
    <n v="18.260000000000002"/>
    <n v="3"/>
    <n v="6.16"/>
  </r>
  <r>
    <d v="2014-12-26T00:00:00"/>
    <x v="11"/>
    <x v="0"/>
    <x v="585"/>
    <x v="2"/>
    <x v="0"/>
    <x v="12"/>
    <s v="Holmes 99% HEPA Air Purifier"/>
    <n v="34.659999999999997"/>
    <n v="2"/>
    <n v="5.63"/>
  </r>
  <r>
    <d v="2014-12-26T00:00:00"/>
    <x v="11"/>
    <x v="0"/>
    <x v="585"/>
    <x v="2"/>
    <x v="0"/>
    <x v="12"/>
    <s v="Tripp Lite TLP810NET Broadband Surge for Modem/Fax"/>
    <n v="81.55"/>
    <n v="2"/>
    <n v="8.16"/>
  </r>
  <r>
    <d v="2014-12-26T00:00:00"/>
    <x v="11"/>
    <x v="0"/>
    <x v="585"/>
    <x v="2"/>
    <x v="0"/>
    <x v="2"/>
    <s v="Sensible Storage WireTech Storage Systems"/>
    <n v="227.14"/>
    <n v="4"/>
    <n v="-42.59"/>
  </r>
  <r>
    <d v="2014-12-26T00:00:00"/>
    <x v="11"/>
    <x v="0"/>
    <x v="463"/>
    <x v="20"/>
    <x v="0"/>
    <x v="2"/>
    <s v="Fellowes Bankers Box Stor/Drawer Steel Plus"/>
    <n v="191.88"/>
    <n v="6"/>
    <n v="19.190000000000001"/>
  </r>
  <r>
    <d v="2014-12-26T00:00:00"/>
    <x v="11"/>
    <x v="0"/>
    <x v="135"/>
    <x v="2"/>
    <x v="0"/>
    <x v="4"/>
    <s v="Eldon Spacemaker Box, Quick-Snap Lid, Clear"/>
    <n v="8.02"/>
    <n v="3"/>
    <n v="1.1000000000000001"/>
  </r>
  <r>
    <d v="2014-12-27T00:00:00"/>
    <x v="11"/>
    <x v="0"/>
    <x v="538"/>
    <x v="3"/>
    <x v="0"/>
    <x v="1"/>
    <s v="Staple-on labels"/>
    <n v="11.56"/>
    <n v="4"/>
    <n v="5.43"/>
  </r>
  <r>
    <d v="2014-12-27T00:00:00"/>
    <x v="11"/>
    <x v="0"/>
    <x v="261"/>
    <x v="1"/>
    <x v="1"/>
    <x v="8"/>
    <s v="DAX Wood Document Frame"/>
    <n v="32.950000000000003"/>
    <n v="6"/>
    <n v="-19.77"/>
  </r>
  <r>
    <d v="2014-12-27T00:00:00"/>
    <x v="11"/>
    <x v="0"/>
    <x v="261"/>
    <x v="1"/>
    <x v="0"/>
    <x v="2"/>
    <s v="Staple magnet"/>
    <n v="30.02"/>
    <n v="4"/>
    <n v="3"/>
  </r>
  <r>
    <d v="2014-12-27T00:00:00"/>
    <x v="11"/>
    <x v="0"/>
    <x v="467"/>
    <x v="3"/>
    <x v="1"/>
    <x v="5"/>
    <s v="Bevis Steel Folding Chairs"/>
    <n v="230.28"/>
    <n v="3"/>
    <n v="23.03"/>
  </r>
  <r>
    <d v="2014-12-27T00:00:00"/>
    <x v="11"/>
    <x v="0"/>
    <x v="467"/>
    <x v="3"/>
    <x v="0"/>
    <x v="0"/>
    <s v="Xerox 1927"/>
    <n v="12.84"/>
    <n v="3"/>
    <n v="5.78"/>
  </r>
  <r>
    <d v="2014-12-27T00:00:00"/>
    <x v="11"/>
    <x v="0"/>
    <x v="586"/>
    <x v="20"/>
    <x v="1"/>
    <x v="5"/>
    <s v="Global Push Button Manager's Chair, Indigo"/>
    <n v="767.21"/>
    <n v="14"/>
    <n v="161.97"/>
  </r>
  <r>
    <d v="2014-12-27T00:00:00"/>
    <x v="11"/>
    <x v="0"/>
    <x v="33"/>
    <x v="3"/>
    <x v="0"/>
    <x v="12"/>
    <s v="Staple holder"/>
    <n v="10.98"/>
    <n v="1"/>
    <n v="2.96"/>
  </r>
  <r>
    <d v="2014-12-27T00:00:00"/>
    <x v="11"/>
    <x v="0"/>
    <x v="33"/>
    <x v="3"/>
    <x v="0"/>
    <x v="7"/>
    <s v="Staples"/>
    <n v="7.86"/>
    <n v="3"/>
    <n v="3.62"/>
  </r>
  <r>
    <d v="2014-12-27T00:00:00"/>
    <x v="11"/>
    <x v="0"/>
    <x v="33"/>
    <x v="3"/>
    <x v="0"/>
    <x v="2"/>
    <s v="Advantus Rolling Storage Box"/>
    <n v="51.45"/>
    <n v="3"/>
    <n v="13.89"/>
  </r>
  <r>
    <d v="2014-12-27T00:00:00"/>
    <x v="11"/>
    <x v="0"/>
    <x v="33"/>
    <x v="3"/>
    <x v="0"/>
    <x v="3"/>
    <s v="GBC VeloBind Cover Sets"/>
    <n v="37.06"/>
    <n v="3"/>
    <n v="13.9"/>
  </r>
  <r>
    <d v="2014-12-27T00:00:00"/>
    <x v="11"/>
    <x v="0"/>
    <x v="498"/>
    <x v="33"/>
    <x v="0"/>
    <x v="0"/>
    <s v="Xerox 1983"/>
    <n v="23.92"/>
    <n v="4"/>
    <n v="11.72"/>
  </r>
  <r>
    <d v="2014-12-27T00:00:00"/>
    <x v="11"/>
    <x v="0"/>
    <x v="498"/>
    <x v="33"/>
    <x v="2"/>
    <x v="9"/>
    <s v="Enermax Acrylux Wireless Keyboard"/>
    <n v="498"/>
    <n v="5"/>
    <n v="184.26"/>
  </r>
  <r>
    <d v="2014-12-27T00:00:00"/>
    <x v="11"/>
    <x v="0"/>
    <x v="180"/>
    <x v="0"/>
    <x v="0"/>
    <x v="3"/>
    <s v="GBC Standard Therm-A-Bind Covers"/>
    <n v="4.9800000000000004"/>
    <n v="1"/>
    <n v="-8.4700000000000006"/>
  </r>
  <r>
    <d v="2014-12-27T00:00:00"/>
    <x v="11"/>
    <x v="0"/>
    <x v="366"/>
    <x v="10"/>
    <x v="1"/>
    <x v="8"/>
    <s v="Eldon &quot;L&quot; Workstation Diamond Chairmat"/>
    <n v="182.35"/>
    <n v="3"/>
    <n v="-18.239999999999998"/>
  </r>
  <r>
    <d v="2014-12-27T00:00:00"/>
    <x v="11"/>
    <x v="0"/>
    <x v="366"/>
    <x v="10"/>
    <x v="0"/>
    <x v="2"/>
    <s v="Safco Industrial Shelving"/>
    <n v="118.16"/>
    <n v="2"/>
    <n v="-25.11"/>
  </r>
  <r>
    <d v="2014-12-27T00:00:00"/>
    <x v="11"/>
    <x v="0"/>
    <x v="218"/>
    <x v="12"/>
    <x v="0"/>
    <x v="3"/>
    <s v="GBC DocuBind 300 Electric Binding Machine"/>
    <n v="946.76"/>
    <n v="6"/>
    <n v="-694.29"/>
  </r>
  <r>
    <d v="2014-12-28T00:00:00"/>
    <x v="11"/>
    <x v="0"/>
    <x v="569"/>
    <x v="2"/>
    <x v="0"/>
    <x v="4"/>
    <s v="Boston School Pro Electric Pencil Sharpener, 1670"/>
    <n v="99.14"/>
    <n v="4"/>
    <n v="8.67"/>
  </r>
  <r>
    <d v="2014-12-28T00:00:00"/>
    <x v="11"/>
    <x v="0"/>
    <x v="8"/>
    <x v="32"/>
    <x v="0"/>
    <x v="12"/>
    <s v="Hoover Upright Vacuum With Dirt Cup"/>
    <n v="1737.18"/>
    <n v="6"/>
    <n v="503.78"/>
  </r>
  <r>
    <d v="2014-12-28T00:00:00"/>
    <x v="11"/>
    <x v="0"/>
    <x v="8"/>
    <x v="32"/>
    <x v="0"/>
    <x v="2"/>
    <s v="Fellowes Strictly Business Drawer File, Letter/Legal Size"/>
    <n v="704.25"/>
    <n v="5"/>
    <n v="84.51"/>
  </r>
  <r>
    <d v="2014-12-28T00:00:00"/>
    <x v="11"/>
    <x v="0"/>
    <x v="8"/>
    <x v="32"/>
    <x v="0"/>
    <x v="0"/>
    <s v="Xerox 1906"/>
    <n v="141.76"/>
    <n v="4"/>
    <n v="66.63"/>
  </r>
  <r>
    <d v="2014-12-28T00:00:00"/>
    <x v="11"/>
    <x v="0"/>
    <x v="496"/>
    <x v="3"/>
    <x v="0"/>
    <x v="2"/>
    <s v="Carina Mini System Audio Rack, Model AR050B"/>
    <n v="998.82"/>
    <n v="9"/>
    <n v="29.96"/>
  </r>
  <r>
    <d v="2014-12-28T00:00:00"/>
    <x v="11"/>
    <x v="0"/>
    <x v="496"/>
    <x v="3"/>
    <x v="0"/>
    <x v="14"/>
    <s v="Acme Box Cutter Scissors"/>
    <n v="51.15"/>
    <n v="5"/>
    <n v="13.3"/>
  </r>
  <r>
    <d v="2014-12-29T00:00:00"/>
    <x v="11"/>
    <x v="0"/>
    <x v="587"/>
    <x v="28"/>
    <x v="0"/>
    <x v="2"/>
    <s v="Recycled Eldon Regeneration Jumbo File"/>
    <n v="24.56"/>
    <n v="2"/>
    <n v="6.88"/>
  </r>
  <r>
    <d v="2014-12-29T00:00:00"/>
    <x v="11"/>
    <x v="0"/>
    <x v="587"/>
    <x v="28"/>
    <x v="2"/>
    <x v="9"/>
    <s v="ImationÂ 32GB Pocket Pro USB 3.0Â Flash DriveÂ - 32 GB - Black - 1 P ..."/>
    <n v="119.8"/>
    <n v="4"/>
    <n v="47.92"/>
  </r>
  <r>
    <d v="2014-12-29T00:00:00"/>
    <x v="11"/>
    <x v="0"/>
    <x v="202"/>
    <x v="3"/>
    <x v="1"/>
    <x v="8"/>
    <s v="Stacking Trays by OIC"/>
    <n v="24.9"/>
    <n v="5"/>
    <n v="8.2200000000000006"/>
  </r>
  <r>
    <d v="2014-12-29T00:00:00"/>
    <x v="11"/>
    <x v="0"/>
    <x v="202"/>
    <x v="3"/>
    <x v="0"/>
    <x v="0"/>
    <s v="Xerox 1981"/>
    <n v="21.12"/>
    <n v="4"/>
    <n v="9.5"/>
  </r>
  <r>
    <d v="2014-12-29T00:00:00"/>
    <x v="11"/>
    <x v="0"/>
    <x v="202"/>
    <x v="3"/>
    <x v="2"/>
    <x v="15"/>
    <s v="DYMO CardScan Personal V9 Business Card Scanner"/>
    <n v="767.95"/>
    <n v="6"/>
    <n v="287.98"/>
  </r>
  <r>
    <d v="2014-12-29T00:00:00"/>
    <x v="11"/>
    <x v="0"/>
    <x v="202"/>
    <x v="3"/>
    <x v="0"/>
    <x v="3"/>
    <s v="Avery Hanging File Binders"/>
    <n v="14.35"/>
    <n v="3"/>
    <n v="4.66"/>
  </r>
  <r>
    <d v="2014-12-29T00:00:00"/>
    <x v="11"/>
    <x v="0"/>
    <x v="202"/>
    <x v="3"/>
    <x v="2"/>
    <x v="6"/>
    <s v="Mophie Juice Pack Helium for iPhone"/>
    <n v="191.98"/>
    <n v="3"/>
    <n v="19.2"/>
  </r>
  <r>
    <d v="2014-12-29T00:00:00"/>
    <x v="11"/>
    <x v="0"/>
    <x v="202"/>
    <x v="3"/>
    <x v="0"/>
    <x v="1"/>
    <s v="Avery 477"/>
    <n v="274.77"/>
    <n v="9"/>
    <n v="126.39"/>
  </r>
  <r>
    <d v="2014-12-29T00:00:00"/>
    <x v="11"/>
    <x v="0"/>
    <x v="202"/>
    <x v="3"/>
    <x v="1"/>
    <x v="8"/>
    <s v="Executive Impressions 10&quot; Spectator Wall Clock"/>
    <n v="70.56"/>
    <n v="6"/>
    <n v="23.99"/>
  </r>
  <r>
    <d v="2014-12-29T00:00:00"/>
    <x v="11"/>
    <x v="0"/>
    <x v="43"/>
    <x v="31"/>
    <x v="2"/>
    <x v="6"/>
    <s v="Mediabridge Sport Armband iPhone 5s"/>
    <n v="23.98"/>
    <n v="3"/>
    <n v="-5.69"/>
  </r>
  <r>
    <d v="2014-12-29T00:00:00"/>
    <x v="11"/>
    <x v="0"/>
    <x v="43"/>
    <x v="31"/>
    <x v="0"/>
    <x v="2"/>
    <s v="Fellowes Bases and Tops For Staxonsteel/High-Stak Systems"/>
    <n v="33.29"/>
    <n v="1"/>
    <n v="7.99"/>
  </r>
  <r>
    <d v="2014-12-29T00:00:00"/>
    <x v="11"/>
    <x v="0"/>
    <x v="456"/>
    <x v="1"/>
    <x v="1"/>
    <x v="8"/>
    <s v="Tenex Chairmats For Use with Hard Floors"/>
    <n v="38.979999999999997"/>
    <n v="3"/>
    <n v="-50.67"/>
  </r>
  <r>
    <d v="2014-12-29T00:00:00"/>
    <x v="11"/>
    <x v="0"/>
    <x v="588"/>
    <x v="1"/>
    <x v="1"/>
    <x v="8"/>
    <s v="Master Caster Door Stop, Large Brown"/>
    <n v="8.74"/>
    <n v="3"/>
    <n v="-4.8"/>
  </r>
  <r>
    <d v="2014-12-29T00:00:00"/>
    <x v="11"/>
    <x v="0"/>
    <x v="170"/>
    <x v="3"/>
    <x v="0"/>
    <x v="1"/>
    <s v="Alphabetical Labels for Top Tab Filing"/>
    <n v="88.8"/>
    <n v="6"/>
    <n v="44.4"/>
  </r>
  <r>
    <d v="2014-12-29T00:00:00"/>
    <x v="11"/>
    <x v="0"/>
    <x v="170"/>
    <x v="3"/>
    <x v="2"/>
    <x v="6"/>
    <s v="HTC One"/>
    <n v="319.97000000000003"/>
    <n v="4"/>
    <n v="36"/>
  </r>
  <r>
    <d v="2014-12-29T00:00:00"/>
    <x v="11"/>
    <x v="0"/>
    <x v="589"/>
    <x v="10"/>
    <x v="0"/>
    <x v="12"/>
    <s v="Acco 6 Outlet Guardian Standard Surge Suppressor"/>
    <n v="48.36"/>
    <n v="5"/>
    <n v="6.05"/>
  </r>
  <r>
    <d v="2014-12-30T00:00:00"/>
    <x v="11"/>
    <x v="0"/>
    <x v="590"/>
    <x v="14"/>
    <x v="0"/>
    <x v="4"/>
    <s v="Newell 350"/>
    <n v="9.84"/>
    <n v="3"/>
    <n v="2.85"/>
  </r>
  <r>
    <d v="2014-12-30T00:00:00"/>
    <x v="11"/>
    <x v="0"/>
    <x v="386"/>
    <x v="0"/>
    <x v="0"/>
    <x v="10"/>
    <s v="Fashion Color Clasp Envelopes"/>
    <n v="12.98"/>
    <n v="3"/>
    <n v="4.71"/>
  </r>
  <r>
    <d v="2014-12-30T00:00:00"/>
    <x v="11"/>
    <x v="0"/>
    <x v="386"/>
    <x v="0"/>
    <x v="2"/>
    <x v="6"/>
    <s v="Plantronics CS 50-USB -Â headsetÂ - Convertible, Monaural"/>
    <n v="217.58"/>
    <n v="2"/>
    <n v="19.04"/>
  </r>
  <r>
    <d v="2014-12-30T00:00:00"/>
    <x v="11"/>
    <x v="0"/>
    <x v="386"/>
    <x v="0"/>
    <x v="2"/>
    <x v="6"/>
    <s v="AT&amp;T 1080 Corded phone"/>
    <n v="328.78"/>
    <n v="3"/>
    <n v="28.77"/>
  </r>
  <r>
    <d v="2014-12-30T00:00:00"/>
    <x v="11"/>
    <x v="0"/>
    <x v="386"/>
    <x v="0"/>
    <x v="0"/>
    <x v="3"/>
    <s v="Acco Hanging Data Binders"/>
    <n v="2.29"/>
    <n v="3"/>
    <n v="-3.66"/>
  </r>
  <r>
    <d v="2014-12-30T00:00:00"/>
    <x v="11"/>
    <x v="0"/>
    <x v="386"/>
    <x v="0"/>
    <x v="2"/>
    <x v="9"/>
    <s v="Logitech 910-002974 M325 Wireless Mouse for Web Scrolling"/>
    <n v="47.98"/>
    <n v="2"/>
    <n v="14.4"/>
  </r>
  <r>
    <d v="2014-12-30T00:00:00"/>
    <x v="11"/>
    <x v="0"/>
    <x v="591"/>
    <x v="12"/>
    <x v="0"/>
    <x v="3"/>
    <s v="Ibico Ibimaster 300 Manual Binding System"/>
    <n v="551.99"/>
    <n v="5"/>
    <n v="-459.99"/>
  </r>
  <r>
    <d v="2014-12-30T00:00:00"/>
    <x v="11"/>
    <x v="0"/>
    <x v="41"/>
    <x v="2"/>
    <x v="2"/>
    <x v="9"/>
    <s v="Maxell Pro 80 Minute CD-R, 10/Pack"/>
    <n v="27.97"/>
    <n v="2"/>
    <n v="6.99"/>
  </r>
  <r>
    <d v="2014-12-30T00:00:00"/>
    <x v="11"/>
    <x v="0"/>
    <x v="592"/>
    <x v="2"/>
    <x v="2"/>
    <x v="6"/>
    <s v="ClearSounds CSC500 Amplified Spirit Phone Corded phone"/>
    <n v="251.96"/>
    <n v="6"/>
    <n v="-50.39"/>
  </r>
  <r>
    <d v="2014-12-30T00:00:00"/>
    <x v="11"/>
    <x v="0"/>
    <x v="592"/>
    <x v="2"/>
    <x v="1"/>
    <x v="13"/>
    <s v="Hon 5100 Series Wood Tables"/>
    <n v="523.76"/>
    <n v="3"/>
    <n v="-192.05"/>
  </r>
  <r>
    <d v="2014-12-30T00:00:00"/>
    <x v="11"/>
    <x v="0"/>
    <x v="404"/>
    <x v="20"/>
    <x v="0"/>
    <x v="12"/>
    <s v="Kensington 6 Outlet SmartSocket Surge Protector"/>
    <n v="122.94"/>
    <n v="3"/>
    <n v="30.74"/>
  </r>
  <r>
    <d v="2014-12-30T00:00:00"/>
    <x v="11"/>
    <x v="0"/>
    <x v="404"/>
    <x v="20"/>
    <x v="0"/>
    <x v="3"/>
    <s v="Cardinal HOLDit! Binder Insert Strips,Extra Strips"/>
    <n v="35.450000000000003"/>
    <n v="7"/>
    <n v="12.85"/>
  </r>
  <r>
    <d v="2014-12-30T00:00:00"/>
    <x v="11"/>
    <x v="0"/>
    <x v="118"/>
    <x v="15"/>
    <x v="0"/>
    <x v="2"/>
    <s v="Tennsco Industrial Shelving"/>
    <n v="39.130000000000003"/>
    <n v="1"/>
    <n v="-8.8000000000000007"/>
  </r>
  <r>
    <d v="2014-12-31T00:00:00"/>
    <x v="11"/>
    <x v="0"/>
    <x v="593"/>
    <x v="20"/>
    <x v="1"/>
    <x v="11"/>
    <s v="Atlantic Metals Mobile 4-Shelf Bookcases, Custom Colors"/>
    <n v="1573.49"/>
    <n v="7"/>
    <n v="196.69"/>
  </r>
  <r>
    <d v="2014-12-31T00:00:00"/>
    <x v="11"/>
    <x v="0"/>
    <x v="274"/>
    <x v="24"/>
    <x v="0"/>
    <x v="4"/>
    <s v="BIC Brite Liner Grip Highlighters, Assorted, 5/Pack"/>
    <n v="29.68"/>
    <n v="7"/>
    <n v="11.58"/>
  </r>
  <r>
    <d v="2014-12-31T00:00:00"/>
    <x v="11"/>
    <x v="0"/>
    <x v="274"/>
    <x v="24"/>
    <x v="2"/>
    <x v="9"/>
    <s v="Sabrent 4-Port USB 2.0 Hub"/>
    <n v="47.53"/>
    <n v="7"/>
    <n v="16.16"/>
  </r>
  <r>
    <d v="2014-12-31T00:00:00"/>
    <x v="11"/>
    <x v="0"/>
    <x v="146"/>
    <x v="32"/>
    <x v="1"/>
    <x v="8"/>
    <s v="Nu-Dell Executive Frame"/>
    <n v="63.2"/>
    <n v="5"/>
    <n v="23.38"/>
  </r>
  <r>
    <d v="2014-12-31T00:00:00"/>
    <x v="11"/>
    <x v="0"/>
    <x v="146"/>
    <x v="32"/>
    <x v="2"/>
    <x v="9"/>
    <s v="ImationÂ SecureÂ DriveÂ + Hardware Encrypted USBÂ flash driveÂ - 16 GB"/>
    <n v="113.97"/>
    <n v="3"/>
    <n v="27.35"/>
  </r>
  <r>
    <d v="2014-12-31T00:00:00"/>
    <x v="11"/>
    <x v="0"/>
    <x v="507"/>
    <x v="0"/>
    <x v="0"/>
    <x v="10"/>
    <s v="Staple envelope"/>
    <n v="49.57"/>
    <n v="2"/>
    <n v="17.97"/>
  </r>
  <r>
    <d v="2014-12-31T00:00:00"/>
    <x v="11"/>
    <x v="0"/>
    <x v="307"/>
    <x v="43"/>
    <x v="0"/>
    <x v="0"/>
    <s v="Xerox 1917"/>
    <n v="195.64"/>
    <n v="4"/>
    <n v="91.95"/>
  </r>
  <r>
    <d v="2014-12-31T00:00:00"/>
    <x v="11"/>
    <x v="0"/>
    <x v="307"/>
    <x v="43"/>
    <x v="0"/>
    <x v="0"/>
    <s v="Xerox 1970"/>
    <n v="14.94"/>
    <n v="3"/>
    <n v="7.02"/>
  </r>
  <r>
    <d v="2014-12-31T00:00:00"/>
    <x v="11"/>
    <x v="0"/>
    <x v="307"/>
    <x v="43"/>
    <x v="2"/>
    <x v="9"/>
    <s v="Plantronics Savi W720 Multi-Device Wireless Headset System"/>
    <n v="1687.8"/>
    <n v="4"/>
    <n v="742.63"/>
  </r>
  <r>
    <d v="2014-12-31T00:00:00"/>
    <x v="11"/>
    <x v="0"/>
    <x v="307"/>
    <x v="43"/>
    <x v="1"/>
    <x v="11"/>
    <s v="Sauder Inglewood Library Bookcases"/>
    <n v="341.96"/>
    <n v="2"/>
    <n v="78.650000000000006"/>
  </r>
  <r>
    <d v="2014-12-31T00:00:00"/>
    <x v="11"/>
    <x v="0"/>
    <x v="307"/>
    <x v="43"/>
    <x v="1"/>
    <x v="5"/>
    <s v="Global Fabric Manager's Chair, Dark Gray"/>
    <n v="605.88"/>
    <n v="6"/>
    <n v="151.47"/>
  </r>
  <r>
    <d v="2014-12-31T00:00:00"/>
    <x v="11"/>
    <x v="0"/>
    <x v="594"/>
    <x v="17"/>
    <x v="2"/>
    <x v="6"/>
    <s v="Panasonic KX TS3282W Corded phone"/>
    <n v="475.94"/>
    <n v="7"/>
    <n v="59.49"/>
  </r>
  <r>
    <d v="2014-12-31T00:00:00"/>
    <x v="11"/>
    <x v="0"/>
    <x v="160"/>
    <x v="20"/>
    <x v="2"/>
    <x v="9"/>
    <s v="Verbatim 25 GB 6x Blu-ray Single Layer Recordable Disc, 10/Pack"/>
    <n v="34.770000000000003"/>
    <n v="3"/>
    <n v="11.47"/>
  </r>
  <r>
    <d v="2014-12-31T00:00:00"/>
    <x v="11"/>
    <x v="0"/>
    <x v="160"/>
    <x v="20"/>
    <x v="0"/>
    <x v="1"/>
    <s v="Avery 51"/>
    <n v="18.899999999999999"/>
    <n v="3"/>
    <n v="8.69"/>
  </r>
  <r>
    <d v="2015-01-02T00:00:00"/>
    <x v="0"/>
    <x v="1"/>
    <x v="197"/>
    <x v="10"/>
    <x v="0"/>
    <x v="1"/>
    <s v="Avery 505"/>
    <n v="23.68"/>
    <n v="2"/>
    <n v="8.8800000000000008"/>
  </r>
  <r>
    <d v="2015-01-02T00:00:00"/>
    <x v="0"/>
    <x v="1"/>
    <x v="197"/>
    <x v="10"/>
    <x v="1"/>
    <x v="11"/>
    <s v="O'Sullivan 2-Door Barrister Bookcase in Odessa Pine"/>
    <n v="452.45"/>
    <n v="5"/>
    <n v="-244.32"/>
  </r>
  <r>
    <d v="2015-01-02T00:00:00"/>
    <x v="0"/>
    <x v="1"/>
    <x v="197"/>
    <x v="10"/>
    <x v="2"/>
    <x v="6"/>
    <s v="Speck Products Candyshell Flip Case"/>
    <n v="62.98"/>
    <n v="3"/>
    <n v="-14.7"/>
  </r>
  <r>
    <d v="2015-01-02T00:00:00"/>
    <x v="0"/>
    <x v="1"/>
    <x v="197"/>
    <x v="10"/>
    <x v="2"/>
    <x v="15"/>
    <s v="Cisco 9971 IP Video Phone Charcoal"/>
    <n v="1188"/>
    <n v="9"/>
    <n v="-950.4"/>
  </r>
  <r>
    <d v="2015-01-02T00:00:00"/>
    <x v="0"/>
    <x v="1"/>
    <x v="197"/>
    <x v="10"/>
    <x v="2"/>
    <x v="9"/>
    <s v="Sony Micro Vault Click 16 GB USB 2.0 Flash Drive"/>
    <n v="89.58"/>
    <n v="2"/>
    <n v="4.4800000000000004"/>
  </r>
  <r>
    <d v="2015-01-02T00:00:00"/>
    <x v="0"/>
    <x v="1"/>
    <x v="595"/>
    <x v="7"/>
    <x v="0"/>
    <x v="2"/>
    <s v="SAFCO Mobile Desk Side File, Wire Frame"/>
    <n v="85.52"/>
    <n v="2"/>
    <n v="22.24"/>
  </r>
  <r>
    <d v="2015-01-02T00:00:00"/>
    <x v="0"/>
    <x v="1"/>
    <x v="595"/>
    <x v="7"/>
    <x v="0"/>
    <x v="4"/>
    <s v="Newell 313"/>
    <n v="9.84"/>
    <n v="3"/>
    <n v="2.66"/>
  </r>
  <r>
    <d v="2015-01-02T00:00:00"/>
    <x v="0"/>
    <x v="1"/>
    <x v="595"/>
    <x v="7"/>
    <x v="0"/>
    <x v="0"/>
    <s v="Xerox 1959"/>
    <n v="20.04"/>
    <n v="3"/>
    <n v="9.6199999999999992"/>
  </r>
  <r>
    <d v="2015-01-03T00:00:00"/>
    <x v="0"/>
    <x v="1"/>
    <x v="472"/>
    <x v="0"/>
    <x v="0"/>
    <x v="0"/>
    <s v="Xerox 21"/>
    <n v="10.37"/>
    <n v="2"/>
    <n v="3.63"/>
  </r>
  <r>
    <d v="2015-01-03T00:00:00"/>
    <x v="0"/>
    <x v="1"/>
    <x v="596"/>
    <x v="0"/>
    <x v="2"/>
    <x v="9"/>
    <s v="Enermax Acrylux Wireless Keyboard"/>
    <n v="398.4"/>
    <n v="5"/>
    <n v="84.66"/>
  </r>
  <r>
    <d v="2015-01-03T00:00:00"/>
    <x v="0"/>
    <x v="1"/>
    <x v="596"/>
    <x v="0"/>
    <x v="0"/>
    <x v="4"/>
    <s v="Newell 317"/>
    <n v="7.06"/>
    <n v="3"/>
    <n v="0.79"/>
  </r>
  <r>
    <d v="2015-01-03T00:00:00"/>
    <x v="0"/>
    <x v="1"/>
    <x v="596"/>
    <x v="0"/>
    <x v="1"/>
    <x v="11"/>
    <s v="O'Sullivan Living Dimensions 5-Shelf Bookcases"/>
    <n v="1352.4"/>
    <n v="9"/>
    <n v="-437.54"/>
  </r>
  <r>
    <d v="2015-01-04T00:00:00"/>
    <x v="0"/>
    <x v="1"/>
    <x v="10"/>
    <x v="28"/>
    <x v="0"/>
    <x v="3"/>
    <s v="GBC Standard Recycled Report Covers, Clear Plastic Sheets"/>
    <n v="32.340000000000003"/>
    <n v="3"/>
    <n v="15.52"/>
  </r>
  <r>
    <d v="2015-01-04T00:00:00"/>
    <x v="0"/>
    <x v="1"/>
    <x v="10"/>
    <x v="28"/>
    <x v="0"/>
    <x v="0"/>
    <s v="Adams Telephone Message Book w/Frequently-Called Numbers Space, 400 Messages per Book"/>
    <n v="39.9"/>
    <n v="5"/>
    <n v="19.95"/>
  </r>
  <r>
    <d v="2015-01-04T00:00:00"/>
    <x v="0"/>
    <x v="1"/>
    <x v="597"/>
    <x v="6"/>
    <x v="1"/>
    <x v="8"/>
    <s v="DAX Wood Document Frame"/>
    <n v="192.22"/>
    <n v="14"/>
    <n v="69.2"/>
  </r>
  <r>
    <d v="2015-01-05T00:00:00"/>
    <x v="0"/>
    <x v="1"/>
    <x v="50"/>
    <x v="22"/>
    <x v="1"/>
    <x v="5"/>
    <s v="Global Deluxe Steno Chair"/>
    <n v="61.58"/>
    <n v="1"/>
    <n v="-6.93"/>
  </r>
  <r>
    <d v="2015-01-05T00:00:00"/>
    <x v="0"/>
    <x v="1"/>
    <x v="196"/>
    <x v="20"/>
    <x v="0"/>
    <x v="4"/>
    <s v="Newell 34"/>
    <n v="59.52"/>
    <n v="3"/>
    <n v="15.48"/>
  </r>
  <r>
    <d v="2015-01-05T00:00:00"/>
    <x v="0"/>
    <x v="1"/>
    <x v="196"/>
    <x v="20"/>
    <x v="0"/>
    <x v="10"/>
    <s v="#10- 4 1/8&quot; x 9 1/2&quot; Recycled Envelopes"/>
    <n v="17.48"/>
    <n v="2"/>
    <n v="8.2200000000000006"/>
  </r>
  <r>
    <d v="2015-01-05T00:00:00"/>
    <x v="0"/>
    <x v="1"/>
    <x v="196"/>
    <x v="20"/>
    <x v="0"/>
    <x v="3"/>
    <s v="Wilson Jones data.warehouse D-Ring Binders with DublLock"/>
    <n v="13.17"/>
    <n v="2"/>
    <n v="4.6100000000000003"/>
  </r>
  <r>
    <d v="2015-01-05T00:00:00"/>
    <x v="0"/>
    <x v="1"/>
    <x v="594"/>
    <x v="3"/>
    <x v="0"/>
    <x v="12"/>
    <s v="Acco 6 Outlet Guardian Premium Surge Suppressor"/>
    <n v="87.36"/>
    <n v="6"/>
    <n v="23.59"/>
  </r>
  <r>
    <d v="2015-01-05T00:00:00"/>
    <x v="0"/>
    <x v="1"/>
    <x v="594"/>
    <x v="3"/>
    <x v="0"/>
    <x v="3"/>
    <s v="Fellowes Binding Cases"/>
    <n v="56.16"/>
    <n v="6"/>
    <n v="17.55"/>
  </r>
  <r>
    <d v="2015-01-06T00:00:00"/>
    <x v="0"/>
    <x v="1"/>
    <x v="386"/>
    <x v="26"/>
    <x v="0"/>
    <x v="0"/>
    <s v="It's Hot Message Books with Stickers, 2 3/4&quot; x 5&quot;"/>
    <n v="29.6"/>
    <n v="5"/>
    <n v="9.25"/>
  </r>
  <r>
    <d v="2015-01-06T00:00:00"/>
    <x v="0"/>
    <x v="1"/>
    <x v="386"/>
    <x v="26"/>
    <x v="0"/>
    <x v="3"/>
    <s v="Recycled Pressboard Report Cover with Reinforced Top Hinge"/>
    <n v="1.94"/>
    <n v="2"/>
    <n v="-1.36"/>
  </r>
  <r>
    <d v="2015-01-09T00:00:00"/>
    <x v="0"/>
    <x v="1"/>
    <x v="96"/>
    <x v="5"/>
    <x v="0"/>
    <x v="0"/>
    <s v="Easy-staple paper"/>
    <n v="106.32"/>
    <n v="3"/>
    <n v="49.97"/>
  </r>
  <r>
    <d v="2015-01-09T00:00:00"/>
    <x v="0"/>
    <x v="1"/>
    <x v="96"/>
    <x v="5"/>
    <x v="0"/>
    <x v="12"/>
    <s v="Belkin 5 Outlet SurgeMaster Power Centers"/>
    <n v="163.44"/>
    <n v="3"/>
    <n v="45.76"/>
  </r>
  <r>
    <d v="2015-01-09T00:00:00"/>
    <x v="0"/>
    <x v="1"/>
    <x v="96"/>
    <x v="5"/>
    <x v="0"/>
    <x v="4"/>
    <s v="Boston 1730 StandUp Electric Pencil Sharpener"/>
    <n v="42.76"/>
    <n v="2"/>
    <n v="11.12"/>
  </r>
  <r>
    <d v="2015-01-09T00:00:00"/>
    <x v="0"/>
    <x v="1"/>
    <x v="96"/>
    <x v="5"/>
    <x v="0"/>
    <x v="0"/>
    <s v="Speediset Carbonless Redi-Letter 7&quot; x 8 1/2&quot;"/>
    <n v="51.55"/>
    <n v="5"/>
    <n v="24.23"/>
  </r>
  <r>
    <d v="2015-01-10T00:00:00"/>
    <x v="0"/>
    <x v="1"/>
    <x v="13"/>
    <x v="20"/>
    <x v="1"/>
    <x v="13"/>
    <s v="Bush Advantage Collection Racetrack Conference Table"/>
    <n v="1018.1"/>
    <n v="4"/>
    <n v="-373.3"/>
  </r>
  <r>
    <d v="2015-01-12T00:00:00"/>
    <x v="0"/>
    <x v="1"/>
    <x v="598"/>
    <x v="7"/>
    <x v="0"/>
    <x v="2"/>
    <s v="Dual Level, Single-Width Filing Carts"/>
    <n v="465.18"/>
    <n v="3"/>
    <n v="120.95"/>
  </r>
  <r>
    <d v="2015-01-12T00:00:00"/>
    <x v="0"/>
    <x v="1"/>
    <x v="599"/>
    <x v="10"/>
    <x v="0"/>
    <x v="4"/>
    <s v="BIC Brite Liner Highlighters, Chisel Tip"/>
    <n v="10.37"/>
    <n v="2"/>
    <n v="1.56"/>
  </r>
  <r>
    <d v="2015-01-12T00:00:00"/>
    <x v="0"/>
    <x v="1"/>
    <x v="599"/>
    <x v="10"/>
    <x v="2"/>
    <x v="6"/>
    <s v="GE 30524EE4"/>
    <n v="235.19"/>
    <n v="2"/>
    <n v="-43.12"/>
  </r>
  <r>
    <d v="2015-01-12T00:00:00"/>
    <x v="0"/>
    <x v="1"/>
    <x v="599"/>
    <x v="10"/>
    <x v="2"/>
    <x v="6"/>
    <s v="Anker 24W Portable Micro USB Car Charger"/>
    <n v="26.38"/>
    <n v="4"/>
    <n v="2.64"/>
  </r>
  <r>
    <d v="2015-01-12T00:00:00"/>
    <x v="0"/>
    <x v="1"/>
    <x v="599"/>
    <x v="10"/>
    <x v="2"/>
    <x v="9"/>
    <s v="SanDisk Cruzer 4 GB USB Flash Drive"/>
    <n v="10.38"/>
    <n v="2"/>
    <n v="2.21"/>
  </r>
  <r>
    <d v="2015-01-12T00:00:00"/>
    <x v="0"/>
    <x v="1"/>
    <x v="599"/>
    <x v="10"/>
    <x v="2"/>
    <x v="6"/>
    <s v="LG Electronics Tone+ HBS-730 Bluetooth Headset"/>
    <n v="107.12"/>
    <n v="3"/>
    <n v="-21.42"/>
  </r>
  <r>
    <d v="2015-01-13T00:00:00"/>
    <x v="0"/>
    <x v="1"/>
    <x v="300"/>
    <x v="3"/>
    <x v="0"/>
    <x v="3"/>
    <s v="Binding Machine Supplies"/>
    <n v="70.010000000000005"/>
    <n v="3"/>
    <n v="24.5"/>
  </r>
  <r>
    <d v="2015-01-13T00:00:00"/>
    <x v="0"/>
    <x v="1"/>
    <x v="300"/>
    <x v="3"/>
    <x v="1"/>
    <x v="8"/>
    <s v="Floodlight Indoor Halogen Bulbs, 1 Bulb per Pack, 60 Watts"/>
    <n v="77.599999999999994"/>
    <n v="4"/>
    <n v="38.020000000000003"/>
  </r>
  <r>
    <d v="2015-01-13T00:00:00"/>
    <x v="0"/>
    <x v="1"/>
    <x v="300"/>
    <x v="3"/>
    <x v="1"/>
    <x v="8"/>
    <s v="Deflect-o EconoMat Nonstudded, No Bevel Mat"/>
    <n v="464.85"/>
    <n v="9"/>
    <n v="92.97"/>
  </r>
  <r>
    <d v="2015-01-13T00:00:00"/>
    <x v="0"/>
    <x v="1"/>
    <x v="600"/>
    <x v="4"/>
    <x v="0"/>
    <x v="1"/>
    <s v="Avery 508"/>
    <n v="9.82"/>
    <n v="2"/>
    <n v="4.8099999999999996"/>
  </r>
  <r>
    <d v="2015-01-17T00:00:00"/>
    <x v="0"/>
    <x v="1"/>
    <x v="179"/>
    <x v="1"/>
    <x v="1"/>
    <x v="8"/>
    <s v="Eldon ClusterMat Chair Mat with Cordless Antistatic Protection"/>
    <n v="254.74"/>
    <n v="7"/>
    <n v="-312.06"/>
  </r>
  <r>
    <d v="2015-01-17T00:00:00"/>
    <x v="0"/>
    <x v="1"/>
    <x v="134"/>
    <x v="32"/>
    <x v="0"/>
    <x v="4"/>
    <s v="Avery Fluorescent Highlighter Four-Color Set"/>
    <n v="6.68"/>
    <n v="2"/>
    <n v="2"/>
  </r>
  <r>
    <d v="2015-01-17T00:00:00"/>
    <x v="0"/>
    <x v="1"/>
    <x v="596"/>
    <x v="15"/>
    <x v="0"/>
    <x v="14"/>
    <s v="Acme Hot Forged Carbon Steel Scissors with Nickel-Plated Handles, 3 7/8&quot; Cut, 8&quot;L"/>
    <n v="88.96"/>
    <n v="8"/>
    <n v="10.01"/>
  </r>
  <r>
    <d v="2015-01-19T00:00:00"/>
    <x v="0"/>
    <x v="1"/>
    <x v="181"/>
    <x v="0"/>
    <x v="1"/>
    <x v="13"/>
    <s v="Bevis Round Conference Table Top &amp; Single Column Base"/>
    <n v="102.44"/>
    <n v="1"/>
    <n v="-13.17"/>
  </r>
  <r>
    <d v="2015-01-19T00:00:00"/>
    <x v="0"/>
    <x v="1"/>
    <x v="181"/>
    <x v="0"/>
    <x v="1"/>
    <x v="5"/>
    <s v="Harbour Creations 67200 Series Stacking Chairs"/>
    <n v="199.3"/>
    <n v="4"/>
    <n v="-8.5399999999999991"/>
  </r>
  <r>
    <d v="2015-01-23T00:00:00"/>
    <x v="0"/>
    <x v="1"/>
    <x v="249"/>
    <x v="35"/>
    <x v="0"/>
    <x v="0"/>
    <s v="Wirebound Service Call Books, 5 1/2&quot; x 4&quot;"/>
    <n v="29.04"/>
    <n v="3"/>
    <n v="13.94"/>
  </r>
  <r>
    <d v="2015-01-23T00:00:00"/>
    <x v="0"/>
    <x v="1"/>
    <x v="249"/>
    <x v="35"/>
    <x v="0"/>
    <x v="1"/>
    <s v="Avery 500"/>
    <n v="14.62"/>
    <n v="2"/>
    <n v="6.87"/>
  </r>
  <r>
    <d v="2015-01-24T00:00:00"/>
    <x v="0"/>
    <x v="1"/>
    <x v="601"/>
    <x v="16"/>
    <x v="0"/>
    <x v="4"/>
    <s v="Crayola Colored Pencils"/>
    <n v="13.12"/>
    <n v="5"/>
    <n v="2.13"/>
  </r>
  <r>
    <d v="2015-01-26T00:00:00"/>
    <x v="0"/>
    <x v="1"/>
    <x v="551"/>
    <x v="3"/>
    <x v="0"/>
    <x v="0"/>
    <s v="Xerox 1991"/>
    <n v="182.72"/>
    <n v="8"/>
    <n v="84.05"/>
  </r>
  <r>
    <d v="2015-01-27T00:00:00"/>
    <x v="0"/>
    <x v="1"/>
    <x v="9"/>
    <x v="10"/>
    <x v="1"/>
    <x v="5"/>
    <s v="High-Back Leather Manager's Chair"/>
    <n v="181.99"/>
    <n v="2"/>
    <n v="-54.6"/>
  </r>
  <r>
    <d v="2015-01-27T00:00:00"/>
    <x v="0"/>
    <x v="1"/>
    <x v="9"/>
    <x v="10"/>
    <x v="2"/>
    <x v="6"/>
    <s v="Polycom VVX 310 VoIP phone"/>
    <n v="431.98"/>
    <n v="4"/>
    <n v="-100.79"/>
  </r>
  <r>
    <d v="2015-01-27T00:00:00"/>
    <x v="0"/>
    <x v="1"/>
    <x v="9"/>
    <x v="10"/>
    <x v="2"/>
    <x v="6"/>
    <s v="Nortel Meridian M5316 Digital phone"/>
    <n v="155.37"/>
    <n v="1"/>
    <n v="-36.25"/>
  </r>
  <r>
    <d v="2015-01-27T00:00:00"/>
    <x v="0"/>
    <x v="1"/>
    <x v="573"/>
    <x v="3"/>
    <x v="1"/>
    <x v="5"/>
    <s v="HON 5400 Series Task Chairs for Big and Tall"/>
    <n v="2803.92"/>
    <n v="5"/>
    <n v="0"/>
  </r>
  <r>
    <d v="2015-01-28T00:00:00"/>
    <x v="0"/>
    <x v="1"/>
    <x v="343"/>
    <x v="25"/>
    <x v="1"/>
    <x v="13"/>
    <s v="Chromcraft Bull-Nose Wood Oval Conference Tables &amp; Bases"/>
    <n v="4297.6400000000003"/>
    <n v="13"/>
    <n v="-1862.31"/>
  </r>
  <r>
    <d v="2015-01-30T00:00:00"/>
    <x v="0"/>
    <x v="1"/>
    <x v="355"/>
    <x v="0"/>
    <x v="0"/>
    <x v="0"/>
    <s v="Rediform Voice Mail Log Books"/>
    <n v="14.3"/>
    <n v="6"/>
    <n v="5.01"/>
  </r>
  <r>
    <d v="2015-01-30T00:00:00"/>
    <x v="0"/>
    <x v="1"/>
    <x v="309"/>
    <x v="3"/>
    <x v="1"/>
    <x v="8"/>
    <s v="Computer Room Manger, 14&quot;"/>
    <n v="227.36"/>
    <n v="7"/>
    <n v="81.849999999999994"/>
  </r>
  <r>
    <d v="2015-01-30T00:00:00"/>
    <x v="0"/>
    <x v="1"/>
    <x v="309"/>
    <x v="3"/>
    <x v="2"/>
    <x v="15"/>
    <s v="Bady BDG101FRU Card Printer"/>
    <n v="1919.98"/>
    <n v="3"/>
    <n v="216"/>
  </r>
  <r>
    <d v="2015-01-31T00:00:00"/>
    <x v="0"/>
    <x v="1"/>
    <x v="366"/>
    <x v="28"/>
    <x v="0"/>
    <x v="0"/>
    <s v="Xerox 1999"/>
    <n v="12.96"/>
    <n v="2"/>
    <n v="6.22"/>
  </r>
  <r>
    <d v="2015-01-31T00:00:00"/>
    <x v="0"/>
    <x v="1"/>
    <x v="366"/>
    <x v="28"/>
    <x v="1"/>
    <x v="8"/>
    <s v="Seth Thomas 13 1/2&quot; Wall Clock"/>
    <n v="53.34"/>
    <n v="3"/>
    <n v="16.54"/>
  </r>
  <r>
    <d v="2015-01-31T00:00:00"/>
    <x v="0"/>
    <x v="1"/>
    <x v="366"/>
    <x v="28"/>
    <x v="0"/>
    <x v="3"/>
    <s v="Ibico Standard Transparent Covers"/>
    <n v="32.96"/>
    <n v="2"/>
    <n v="16.149999999999999"/>
  </r>
  <r>
    <d v="2015-02-03T00:00:00"/>
    <x v="1"/>
    <x v="1"/>
    <x v="158"/>
    <x v="40"/>
    <x v="1"/>
    <x v="8"/>
    <s v="Coloredge Poster Frame"/>
    <n v="28.4"/>
    <n v="2"/>
    <n v="11.08"/>
  </r>
  <r>
    <d v="2015-02-03T00:00:00"/>
    <x v="1"/>
    <x v="1"/>
    <x v="158"/>
    <x v="40"/>
    <x v="2"/>
    <x v="9"/>
    <s v="Kensington SlimBlade Notebook Wireless Mouse with Nano Receiver"/>
    <n v="149.97"/>
    <n v="3"/>
    <n v="50.99"/>
  </r>
  <r>
    <d v="2015-02-03T00:00:00"/>
    <x v="1"/>
    <x v="1"/>
    <x v="602"/>
    <x v="3"/>
    <x v="1"/>
    <x v="8"/>
    <s v="Hand-Finished Solid Wood Document Frame"/>
    <n v="136.91999999999999"/>
    <n v="4"/>
    <n v="41.08"/>
  </r>
  <r>
    <d v="2015-02-03T00:00:00"/>
    <x v="1"/>
    <x v="1"/>
    <x v="484"/>
    <x v="27"/>
    <x v="0"/>
    <x v="3"/>
    <s v="Wilson Jones Standard D-Ring Binders"/>
    <n v="12.14"/>
    <n v="3"/>
    <n v="4.0999999999999996"/>
  </r>
  <r>
    <d v="2015-02-03T00:00:00"/>
    <x v="1"/>
    <x v="1"/>
    <x v="251"/>
    <x v="4"/>
    <x v="0"/>
    <x v="10"/>
    <s v="Staple envelope"/>
    <n v="74.52"/>
    <n v="9"/>
    <n v="35.020000000000003"/>
  </r>
  <r>
    <d v="2015-02-03T00:00:00"/>
    <x v="1"/>
    <x v="1"/>
    <x v="203"/>
    <x v="20"/>
    <x v="1"/>
    <x v="5"/>
    <s v="Global Fabric Manager's Chair, Dark Gray"/>
    <n v="90.88"/>
    <n v="1"/>
    <n v="15.15"/>
  </r>
  <r>
    <d v="2015-02-06T00:00:00"/>
    <x v="1"/>
    <x v="1"/>
    <x v="197"/>
    <x v="22"/>
    <x v="0"/>
    <x v="4"/>
    <s v="Newell 310"/>
    <n v="5.28"/>
    <n v="3"/>
    <n v="1.53"/>
  </r>
  <r>
    <d v="2015-02-06T00:00:00"/>
    <x v="1"/>
    <x v="1"/>
    <x v="325"/>
    <x v="7"/>
    <x v="1"/>
    <x v="5"/>
    <s v="Office Star - Contemporary Swivel Chair with Padded Adjustable Arms and Flex Back"/>
    <n v="1268.82"/>
    <n v="9"/>
    <n v="266.45"/>
  </r>
  <r>
    <d v="2015-02-06T00:00:00"/>
    <x v="1"/>
    <x v="1"/>
    <x v="325"/>
    <x v="7"/>
    <x v="1"/>
    <x v="11"/>
    <s v="Hon Metal Bookcases, Putty"/>
    <n v="283.92"/>
    <n v="4"/>
    <n v="82.34"/>
  </r>
  <r>
    <d v="2015-02-06T00:00:00"/>
    <x v="1"/>
    <x v="1"/>
    <x v="325"/>
    <x v="7"/>
    <x v="0"/>
    <x v="4"/>
    <s v="SANFORD Liquid Accent Tank-Style Highlighters"/>
    <n v="5.68"/>
    <n v="2"/>
    <n v="1.76"/>
  </r>
  <r>
    <d v="2015-02-06T00:00:00"/>
    <x v="1"/>
    <x v="1"/>
    <x v="603"/>
    <x v="0"/>
    <x v="0"/>
    <x v="3"/>
    <s v="UniKeep View Case Binders"/>
    <n v="2.93"/>
    <n v="3"/>
    <n v="-4.99"/>
  </r>
  <r>
    <d v="2015-02-06T00:00:00"/>
    <x v="1"/>
    <x v="1"/>
    <x v="603"/>
    <x v="0"/>
    <x v="2"/>
    <x v="9"/>
    <s v="Memorex Mini Travel Drive 8 GB USB 2.0 Flash Drive"/>
    <n v="18.53"/>
    <n v="2"/>
    <n v="4.4000000000000004"/>
  </r>
  <r>
    <d v="2015-02-06T00:00:00"/>
    <x v="1"/>
    <x v="1"/>
    <x v="603"/>
    <x v="0"/>
    <x v="0"/>
    <x v="2"/>
    <s v="Tennsco Snap-Together Open Shelving Units, Starter Sets and Add-On Units"/>
    <n v="670.75"/>
    <n v="3"/>
    <n v="-125.77"/>
  </r>
  <r>
    <d v="2015-02-06T00:00:00"/>
    <x v="1"/>
    <x v="1"/>
    <x v="604"/>
    <x v="6"/>
    <x v="0"/>
    <x v="2"/>
    <s v="Tennsco Industrial Shelving"/>
    <n v="146.72999999999999"/>
    <n v="3"/>
    <n v="2.93"/>
  </r>
  <r>
    <d v="2015-02-06T00:00:00"/>
    <x v="1"/>
    <x v="1"/>
    <x v="604"/>
    <x v="6"/>
    <x v="0"/>
    <x v="0"/>
    <s v="Xerox 1920"/>
    <n v="29.9"/>
    <n v="5"/>
    <n v="13.46"/>
  </r>
  <r>
    <d v="2015-02-07T00:00:00"/>
    <x v="1"/>
    <x v="1"/>
    <x v="105"/>
    <x v="6"/>
    <x v="0"/>
    <x v="10"/>
    <s v="Cameo Buff Policy Envelopes"/>
    <n v="311.14999999999998"/>
    <n v="5"/>
    <n v="146.24"/>
  </r>
  <r>
    <d v="2015-02-07T00:00:00"/>
    <x v="1"/>
    <x v="1"/>
    <x v="105"/>
    <x v="6"/>
    <x v="0"/>
    <x v="0"/>
    <s v="Xerox 1957"/>
    <n v="12.96"/>
    <n v="2"/>
    <n v="6.35"/>
  </r>
  <r>
    <d v="2015-02-08T00:00:00"/>
    <x v="1"/>
    <x v="1"/>
    <x v="384"/>
    <x v="10"/>
    <x v="2"/>
    <x v="6"/>
    <s v="JBL Micro Wireless Portable Bluetooth Speaker"/>
    <n v="107.98"/>
    <n v="3"/>
    <n v="-27"/>
  </r>
  <r>
    <d v="2015-02-08T00:00:00"/>
    <x v="1"/>
    <x v="1"/>
    <x v="248"/>
    <x v="42"/>
    <x v="0"/>
    <x v="0"/>
    <s v="Wirebound Message Books, Four 2 3/4 x 5 Forms per Page, 200 Sets per Book"/>
    <n v="9.5399999999999991"/>
    <n v="2"/>
    <n v="4.29"/>
  </r>
  <r>
    <d v="2015-02-08T00:00:00"/>
    <x v="1"/>
    <x v="1"/>
    <x v="248"/>
    <x v="42"/>
    <x v="0"/>
    <x v="7"/>
    <s v="Advantus Push Pins, Aluminum Head"/>
    <n v="5.81"/>
    <n v="1"/>
    <n v="1.8"/>
  </r>
  <r>
    <d v="2015-02-08T00:00:00"/>
    <x v="1"/>
    <x v="1"/>
    <x v="248"/>
    <x v="42"/>
    <x v="0"/>
    <x v="4"/>
    <s v="Sanford Colorific Colored Pencils, 12/Box"/>
    <n v="5.76"/>
    <n v="2"/>
    <n v="1.73"/>
  </r>
  <r>
    <d v="2015-02-09T00:00:00"/>
    <x v="1"/>
    <x v="1"/>
    <x v="279"/>
    <x v="0"/>
    <x v="2"/>
    <x v="9"/>
    <s v="Memorex Micro Travel Drive 8 GB"/>
    <n v="20.8"/>
    <n v="2"/>
    <n v="6.5"/>
  </r>
  <r>
    <d v="2015-02-09T00:00:00"/>
    <x v="1"/>
    <x v="1"/>
    <x v="410"/>
    <x v="0"/>
    <x v="0"/>
    <x v="1"/>
    <s v="Round Specialty Laser Printer Labels"/>
    <n v="40.1"/>
    <n v="4"/>
    <n v="13.53"/>
  </r>
  <r>
    <d v="2015-02-09T00:00:00"/>
    <x v="1"/>
    <x v="1"/>
    <x v="410"/>
    <x v="0"/>
    <x v="1"/>
    <x v="8"/>
    <s v="Dana Fluorescent Magnifying Lamp, White, 36&quot;"/>
    <n v="40.78"/>
    <n v="2"/>
    <n v="-30.59"/>
  </r>
  <r>
    <d v="2015-02-09T00:00:00"/>
    <x v="1"/>
    <x v="1"/>
    <x v="605"/>
    <x v="3"/>
    <x v="1"/>
    <x v="5"/>
    <s v="Global Deluxe Stacking Chair, Gray"/>
    <n v="203.92"/>
    <n v="5"/>
    <n v="22.94"/>
  </r>
  <r>
    <d v="2015-02-09T00:00:00"/>
    <x v="1"/>
    <x v="1"/>
    <x v="453"/>
    <x v="1"/>
    <x v="2"/>
    <x v="9"/>
    <s v="Logitech Wireless Headset h800"/>
    <n v="479.95"/>
    <n v="6"/>
    <n v="89.99"/>
  </r>
  <r>
    <d v="2015-02-10T00:00:00"/>
    <x v="1"/>
    <x v="1"/>
    <x v="555"/>
    <x v="2"/>
    <x v="0"/>
    <x v="2"/>
    <s v="Eldon ProFile File 'N Store Portable File Tub Letter/Legal Size Black"/>
    <n v="77.239999999999995"/>
    <n v="5"/>
    <n v="7.72"/>
  </r>
  <r>
    <d v="2015-02-14T00:00:00"/>
    <x v="1"/>
    <x v="1"/>
    <x v="366"/>
    <x v="10"/>
    <x v="0"/>
    <x v="3"/>
    <s v="GBC Standard Therm-A-Bind Covers"/>
    <n v="14.95"/>
    <n v="2"/>
    <n v="-11.96"/>
  </r>
  <r>
    <d v="2015-02-14T00:00:00"/>
    <x v="1"/>
    <x v="1"/>
    <x v="366"/>
    <x v="10"/>
    <x v="2"/>
    <x v="6"/>
    <s v="Google Nexus 5"/>
    <n v="323.98"/>
    <n v="3"/>
    <n v="-81"/>
  </r>
  <r>
    <d v="2015-02-14T00:00:00"/>
    <x v="1"/>
    <x v="1"/>
    <x v="366"/>
    <x v="10"/>
    <x v="0"/>
    <x v="3"/>
    <s v="Acco Hanging Data Binders"/>
    <n v="2.29"/>
    <n v="2"/>
    <n v="-1.68"/>
  </r>
  <r>
    <d v="2015-02-14T00:00:00"/>
    <x v="1"/>
    <x v="1"/>
    <x v="366"/>
    <x v="10"/>
    <x v="0"/>
    <x v="4"/>
    <s v="Newell 315"/>
    <n v="14.35"/>
    <n v="3"/>
    <n v="0.9"/>
  </r>
  <r>
    <d v="2015-02-14T00:00:00"/>
    <x v="1"/>
    <x v="1"/>
    <x v="366"/>
    <x v="10"/>
    <x v="2"/>
    <x v="9"/>
    <s v="Belkin F8E887 USB Wired Ergonomic Keyboard"/>
    <n v="71.98"/>
    <n v="3"/>
    <n v="0.9"/>
  </r>
  <r>
    <d v="2015-02-14T00:00:00"/>
    <x v="1"/>
    <x v="1"/>
    <x v="207"/>
    <x v="20"/>
    <x v="0"/>
    <x v="3"/>
    <s v="Black Avery Memo-Size 3-Ring Binder, 5 1/2&quot; x 8 1/2&quot;"/>
    <n v="26.42"/>
    <n v="9"/>
    <n v="9.58"/>
  </r>
  <r>
    <d v="2015-02-14T00:00:00"/>
    <x v="1"/>
    <x v="1"/>
    <x v="207"/>
    <x v="20"/>
    <x v="2"/>
    <x v="6"/>
    <s v="Samsung Galaxy S4"/>
    <n v="625.99"/>
    <n v="1"/>
    <n v="187.8"/>
  </r>
  <r>
    <d v="2015-02-15T00:00:00"/>
    <x v="1"/>
    <x v="1"/>
    <x v="132"/>
    <x v="21"/>
    <x v="2"/>
    <x v="6"/>
    <s v="Innergie mMini Combo Duo USB Travel Charging Kit"/>
    <n v="134.97"/>
    <n v="3"/>
    <n v="64.790000000000006"/>
  </r>
  <r>
    <d v="2015-02-15T00:00:00"/>
    <x v="1"/>
    <x v="1"/>
    <x v="132"/>
    <x v="21"/>
    <x v="2"/>
    <x v="6"/>
    <s v="Samsung Galaxy S III - 16GB - pebble blue (T-Mobile)"/>
    <n v="699.98"/>
    <n v="2"/>
    <n v="195.99"/>
  </r>
  <r>
    <d v="2015-02-15T00:00:00"/>
    <x v="1"/>
    <x v="1"/>
    <x v="132"/>
    <x v="21"/>
    <x v="2"/>
    <x v="9"/>
    <s v="MaxellÂ LTO Ultrium - 800 GB"/>
    <n v="139.94999999999999"/>
    <n v="5"/>
    <n v="26.59"/>
  </r>
  <r>
    <d v="2015-02-15T00:00:00"/>
    <x v="1"/>
    <x v="1"/>
    <x v="176"/>
    <x v="3"/>
    <x v="0"/>
    <x v="0"/>
    <s v="Xerox 1959"/>
    <n v="13.36"/>
    <n v="2"/>
    <n v="6.41"/>
  </r>
  <r>
    <d v="2015-02-15T00:00:00"/>
    <x v="1"/>
    <x v="1"/>
    <x v="176"/>
    <x v="3"/>
    <x v="0"/>
    <x v="3"/>
    <s v="Acco Data Flex Cable Posts For Top &amp; Bottom Load Binders, 6&quot; Capacity"/>
    <n v="41.72"/>
    <n v="5"/>
    <n v="13.04"/>
  </r>
  <r>
    <d v="2015-02-15T00:00:00"/>
    <x v="1"/>
    <x v="1"/>
    <x v="176"/>
    <x v="3"/>
    <x v="0"/>
    <x v="3"/>
    <s v="Avery Durable Binders"/>
    <n v="11.52"/>
    <n v="5"/>
    <n v="4.18"/>
  </r>
  <r>
    <d v="2015-02-15T00:00:00"/>
    <x v="1"/>
    <x v="1"/>
    <x v="176"/>
    <x v="3"/>
    <x v="0"/>
    <x v="12"/>
    <s v="Kensington 6 Outlet MasterPiece HOMEOFFICE Power Control Center"/>
    <n v="541.44000000000005"/>
    <n v="6"/>
    <n v="157.02000000000001"/>
  </r>
  <r>
    <d v="2015-02-15T00:00:00"/>
    <x v="1"/>
    <x v="1"/>
    <x v="176"/>
    <x v="3"/>
    <x v="0"/>
    <x v="0"/>
    <s v="Xerox 22"/>
    <n v="19.440000000000001"/>
    <n v="3"/>
    <n v="9.33"/>
  </r>
  <r>
    <d v="2015-02-16T00:00:00"/>
    <x v="1"/>
    <x v="1"/>
    <x v="569"/>
    <x v="38"/>
    <x v="0"/>
    <x v="0"/>
    <s v="Xerox 1920"/>
    <n v="35.880000000000003"/>
    <n v="6"/>
    <n v="16.149999999999999"/>
  </r>
  <r>
    <d v="2015-02-16T00:00:00"/>
    <x v="1"/>
    <x v="1"/>
    <x v="122"/>
    <x v="3"/>
    <x v="0"/>
    <x v="0"/>
    <s v="Xerox 1881"/>
    <n v="36.840000000000003"/>
    <n v="3"/>
    <n v="17.309999999999999"/>
  </r>
  <r>
    <d v="2015-02-16T00:00:00"/>
    <x v="1"/>
    <x v="1"/>
    <x v="122"/>
    <x v="3"/>
    <x v="0"/>
    <x v="1"/>
    <s v="Avery 485"/>
    <n v="87.71"/>
    <n v="7"/>
    <n v="41.22"/>
  </r>
  <r>
    <d v="2015-02-18T00:00:00"/>
    <x v="1"/>
    <x v="1"/>
    <x v="518"/>
    <x v="3"/>
    <x v="0"/>
    <x v="1"/>
    <s v="Smead Alpha-Z Color-Coded Second Alphabetical Labels and Starter Set"/>
    <n v="9.24"/>
    <n v="3"/>
    <n v="4.4400000000000004"/>
  </r>
  <r>
    <d v="2015-02-18T00:00:00"/>
    <x v="1"/>
    <x v="1"/>
    <x v="606"/>
    <x v="3"/>
    <x v="0"/>
    <x v="1"/>
    <s v="Avery 4027 File Folder Labels for Dot Matrix Printers, 5000 Labels per Box, White"/>
    <n v="61.06"/>
    <n v="2"/>
    <n v="28.09"/>
  </r>
  <r>
    <d v="2015-02-18T00:00:00"/>
    <x v="1"/>
    <x v="1"/>
    <x v="606"/>
    <x v="3"/>
    <x v="1"/>
    <x v="13"/>
    <s v="Hon 61000 Series Interactive Training Tables"/>
    <n v="35.54"/>
    <n v="1"/>
    <n v="-0.89"/>
  </r>
  <r>
    <d v="2015-02-20T00:00:00"/>
    <x v="1"/>
    <x v="1"/>
    <x v="272"/>
    <x v="13"/>
    <x v="2"/>
    <x v="9"/>
    <s v="Anker Ultrathin Bluetooth Wireless Keyboard Aluminum Cover with Stand"/>
    <n v="29.99"/>
    <n v="1"/>
    <n v="3"/>
  </r>
  <r>
    <d v="2015-02-20T00:00:00"/>
    <x v="1"/>
    <x v="1"/>
    <x v="75"/>
    <x v="23"/>
    <x v="0"/>
    <x v="4"/>
    <s v="Sanford 52201 APSCO Electric Pencil Sharpener"/>
    <n v="286.79000000000002"/>
    <n v="7"/>
    <n v="74.569999999999993"/>
  </r>
  <r>
    <d v="2015-02-21T00:00:00"/>
    <x v="1"/>
    <x v="1"/>
    <x v="364"/>
    <x v="31"/>
    <x v="0"/>
    <x v="0"/>
    <s v="Easy-staple paper"/>
    <n v="49.12"/>
    <n v="4"/>
    <n v="23.09"/>
  </r>
  <r>
    <d v="2015-02-21T00:00:00"/>
    <x v="1"/>
    <x v="1"/>
    <x v="517"/>
    <x v="36"/>
    <x v="0"/>
    <x v="3"/>
    <s v="Fellowes PB500 Electric Punch Plastic Comb Binding Machine with Manual Bind"/>
    <n v="2541.98"/>
    <n v="2"/>
    <n v="1270.99"/>
  </r>
  <r>
    <d v="2015-02-22T00:00:00"/>
    <x v="1"/>
    <x v="1"/>
    <x v="577"/>
    <x v="14"/>
    <x v="0"/>
    <x v="4"/>
    <s v="Newell 34"/>
    <n v="79.36"/>
    <n v="4"/>
    <n v="20.63"/>
  </r>
  <r>
    <d v="2015-02-23T00:00:00"/>
    <x v="1"/>
    <x v="1"/>
    <x v="607"/>
    <x v="20"/>
    <x v="0"/>
    <x v="12"/>
    <s v="Hoover Portapower Portable Vacuum"/>
    <n v="26.88"/>
    <n v="6"/>
    <n v="6.72"/>
  </r>
  <r>
    <d v="2015-02-23T00:00:00"/>
    <x v="1"/>
    <x v="1"/>
    <x v="607"/>
    <x v="20"/>
    <x v="0"/>
    <x v="3"/>
    <s v="Avery Self-Adhesive Photo Pockets for Polaroid Photos"/>
    <n v="10.9"/>
    <n v="2"/>
    <n v="3.81"/>
  </r>
  <r>
    <d v="2015-02-25T00:00:00"/>
    <x v="1"/>
    <x v="1"/>
    <x v="567"/>
    <x v="32"/>
    <x v="0"/>
    <x v="1"/>
    <s v="Avery 518"/>
    <n v="3.15"/>
    <n v="1"/>
    <n v="1.51"/>
  </r>
  <r>
    <d v="2015-02-25T00:00:00"/>
    <x v="1"/>
    <x v="1"/>
    <x v="567"/>
    <x v="32"/>
    <x v="0"/>
    <x v="0"/>
    <s v="Adams Telephone Message Book W/Dividers/Space For Phone Numbers, 5 1/4&quot;X8 1/2&quot;, 200/Messages"/>
    <n v="22.72"/>
    <n v="4"/>
    <n v="10.220000000000001"/>
  </r>
  <r>
    <d v="2015-02-27T00:00:00"/>
    <x v="1"/>
    <x v="1"/>
    <x v="478"/>
    <x v="2"/>
    <x v="0"/>
    <x v="3"/>
    <s v="Pressboard Covers with Storage Hooks, 9 1/2&quot; x 11&quot;, Light Blue"/>
    <n v="4.42"/>
    <n v="3"/>
    <n v="-3.39"/>
  </r>
  <r>
    <d v="2015-02-27T00:00:00"/>
    <x v="1"/>
    <x v="1"/>
    <x v="478"/>
    <x v="2"/>
    <x v="0"/>
    <x v="4"/>
    <s v="Eldon Spacemaker Box, Quick-Snap Lid, Clear"/>
    <n v="16.03"/>
    <n v="6"/>
    <n v="2.2000000000000002"/>
  </r>
  <r>
    <d v="2015-02-27T00:00:00"/>
    <x v="1"/>
    <x v="1"/>
    <x v="442"/>
    <x v="43"/>
    <x v="2"/>
    <x v="6"/>
    <s v="i.Sound Portable Power - 8000 mAh"/>
    <n v="105.98"/>
    <n v="2"/>
    <n v="1.06"/>
  </r>
  <r>
    <d v="2015-02-27T00:00:00"/>
    <x v="1"/>
    <x v="1"/>
    <x v="442"/>
    <x v="43"/>
    <x v="1"/>
    <x v="13"/>
    <s v="Barricks 18&quot; x 48&quot; Non-Folding Utility Table with Bottom Storage Shelf"/>
    <n v="493.92"/>
    <n v="7"/>
    <n v="-28.22"/>
  </r>
  <r>
    <d v="2015-02-27T00:00:00"/>
    <x v="1"/>
    <x v="1"/>
    <x v="608"/>
    <x v="22"/>
    <x v="2"/>
    <x v="9"/>
    <s v="Microsoft Natural Keyboard Elite"/>
    <n v="538.91999999999996"/>
    <n v="9"/>
    <n v="80.84"/>
  </r>
  <r>
    <d v="2015-02-28T00:00:00"/>
    <x v="1"/>
    <x v="1"/>
    <x v="329"/>
    <x v="15"/>
    <x v="1"/>
    <x v="5"/>
    <s v="Global Low Back Tilter Chair"/>
    <n v="161.57"/>
    <n v="2"/>
    <n v="-28.27"/>
  </r>
  <r>
    <d v="2015-02-28T00:00:00"/>
    <x v="1"/>
    <x v="1"/>
    <x v="329"/>
    <x v="15"/>
    <x v="1"/>
    <x v="5"/>
    <s v="Global Push Button Manager's Chair, Indigo"/>
    <n v="389.7"/>
    <n v="8"/>
    <n v="43.84"/>
  </r>
  <r>
    <d v="2015-03-01T00:00:00"/>
    <x v="2"/>
    <x v="1"/>
    <x v="43"/>
    <x v="4"/>
    <x v="0"/>
    <x v="3"/>
    <s v="XtraLife ClearVue Slant-D Ring Binder, White, 3&quot;"/>
    <n v="58.72"/>
    <n v="4"/>
    <n v="27.01"/>
  </r>
  <r>
    <d v="2015-03-01T00:00:00"/>
    <x v="2"/>
    <x v="1"/>
    <x v="526"/>
    <x v="3"/>
    <x v="2"/>
    <x v="6"/>
    <s v="Square Credit Card Reader"/>
    <n v="15.98"/>
    <n v="2"/>
    <n v="1.2"/>
  </r>
  <r>
    <d v="2015-03-01T00:00:00"/>
    <x v="2"/>
    <x v="1"/>
    <x v="526"/>
    <x v="3"/>
    <x v="1"/>
    <x v="5"/>
    <s v="Global Deluxe Steno Chair"/>
    <n v="184.75"/>
    <n v="3"/>
    <n v="-20.78"/>
  </r>
  <r>
    <d v="2015-03-01T00:00:00"/>
    <x v="2"/>
    <x v="1"/>
    <x v="218"/>
    <x v="2"/>
    <x v="0"/>
    <x v="12"/>
    <s v="Hoover Replacement Belt for Commercial Guardsman Heavy-Duty Upright Vacuum"/>
    <n v="3.55"/>
    <n v="2"/>
    <n v="0.44"/>
  </r>
  <r>
    <d v="2015-03-01T00:00:00"/>
    <x v="2"/>
    <x v="1"/>
    <x v="71"/>
    <x v="0"/>
    <x v="0"/>
    <x v="4"/>
    <s v="Panasonic KP-350BK Electric Pencil Sharpener with Auto Stop"/>
    <n v="55.33"/>
    <n v="2"/>
    <n v="6.22"/>
  </r>
  <r>
    <d v="2015-03-01T00:00:00"/>
    <x v="2"/>
    <x v="1"/>
    <x v="71"/>
    <x v="0"/>
    <x v="1"/>
    <x v="11"/>
    <s v="Atlantic Metals Mobile 5-Shelf Bookcases, Custom Colors"/>
    <n v="1228"/>
    <n v="6"/>
    <n v="-36.119999999999997"/>
  </r>
  <r>
    <d v="2015-03-01T00:00:00"/>
    <x v="2"/>
    <x v="1"/>
    <x v="609"/>
    <x v="0"/>
    <x v="2"/>
    <x v="6"/>
    <s v="Jackery Bar Premium Fast-charging Portable Charger"/>
    <n v="95.84"/>
    <n v="4"/>
    <n v="34.74"/>
  </r>
  <r>
    <d v="2015-03-02T00:00:00"/>
    <x v="2"/>
    <x v="1"/>
    <x v="610"/>
    <x v="22"/>
    <x v="1"/>
    <x v="13"/>
    <s v="Hon Racetrack Conference Tables"/>
    <n v="787.53"/>
    <n v="3"/>
    <n v="165.38"/>
  </r>
  <r>
    <d v="2015-03-02T00:00:00"/>
    <x v="2"/>
    <x v="1"/>
    <x v="205"/>
    <x v="18"/>
    <x v="0"/>
    <x v="4"/>
    <s v="50 Colored Long Pencils"/>
    <n v="10.16"/>
    <n v="1"/>
    <n v="2.64"/>
  </r>
  <r>
    <d v="2015-03-02T00:00:00"/>
    <x v="2"/>
    <x v="1"/>
    <x v="205"/>
    <x v="18"/>
    <x v="0"/>
    <x v="10"/>
    <s v="Brown Kraft Recycled Envelopes"/>
    <n v="101.88"/>
    <n v="6"/>
    <n v="50.94"/>
  </r>
  <r>
    <d v="2015-03-05T00:00:00"/>
    <x v="2"/>
    <x v="1"/>
    <x v="321"/>
    <x v="20"/>
    <x v="0"/>
    <x v="10"/>
    <s v="Staple envelope"/>
    <n v="29.34"/>
    <n v="3"/>
    <n v="14.67"/>
  </r>
  <r>
    <d v="2015-03-05T00:00:00"/>
    <x v="2"/>
    <x v="1"/>
    <x v="321"/>
    <x v="20"/>
    <x v="1"/>
    <x v="5"/>
    <s v="Global Value Mid-Back Manager's Chair, Gray"/>
    <n v="383.61"/>
    <n v="7"/>
    <n v="63.93"/>
  </r>
  <r>
    <d v="2015-03-05T00:00:00"/>
    <x v="2"/>
    <x v="1"/>
    <x v="321"/>
    <x v="20"/>
    <x v="0"/>
    <x v="2"/>
    <s v="Fellowes Strictly Business Drawer File, Letter/Legal Size"/>
    <n v="563.4"/>
    <n v="4"/>
    <n v="67.61"/>
  </r>
  <r>
    <d v="2015-03-05T00:00:00"/>
    <x v="2"/>
    <x v="1"/>
    <x v="582"/>
    <x v="18"/>
    <x v="2"/>
    <x v="6"/>
    <s v="I Need's 3d Hello Kitty Hybrid Silicone Case Cover for HTC One X 4g with 3d Hello Kitty Stylus Pen Green/pink"/>
    <n v="23.92"/>
    <n v="2"/>
    <n v="6.7"/>
  </r>
  <r>
    <d v="2015-03-05T00:00:00"/>
    <x v="2"/>
    <x v="1"/>
    <x v="582"/>
    <x v="18"/>
    <x v="0"/>
    <x v="12"/>
    <s v="Staple holder"/>
    <n v="60.69"/>
    <n v="7"/>
    <n v="16.39"/>
  </r>
  <r>
    <d v="2015-03-05T00:00:00"/>
    <x v="2"/>
    <x v="1"/>
    <x v="549"/>
    <x v="2"/>
    <x v="2"/>
    <x v="6"/>
    <s v="Samsung Convoy 3"/>
    <n v="466.16"/>
    <n v="7"/>
    <n v="-93.23"/>
  </r>
  <r>
    <d v="2015-03-05T00:00:00"/>
    <x v="2"/>
    <x v="1"/>
    <x v="549"/>
    <x v="2"/>
    <x v="2"/>
    <x v="9"/>
    <s v="Sony 16GB Class 10 Micro SDHC R40 Memory Card"/>
    <n v="10.31"/>
    <n v="1"/>
    <n v="-1.29"/>
  </r>
  <r>
    <d v="2015-03-05T00:00:00"/>
    <x v="2"/>
    <x v="1"/>
    <x v="549"/>
    <x v="2"/>
    <x v="0"/>
    <x v="3"/>
    <s v="Avery Round Ring Poly Binders"/>
    <n v="2.56"/>
    <n v="3"/>
    <n v="-1.79"/>
  </r>
  <r>
    <d v="2015-03-05T00:00:00"/>
    <x v="2"/>
    <x v="1"/>
    <x v="611"/>
    <x v="2"/>
    <x v="1"/>
    <x v="5"/>
    <s v="Situations Contoured Folding Chairs, 4/Set"/>
    <n v="99.37"/>
    <n v="2"/>
    <n v="-7.1"/>
  </r>
  <r>
    <d v="2015-03-05T00:00:00"/>
    <x v="2"/>
    <x v="1"/>
    <x v="611"/>
    <x v="2"/>
    <x v="1"/>
    <x v="8"/>
    <s v="36X48 HARDFLOOR CHAIRMAT"/>
    <n v="33.57"/>
    <n v="2"/>
    <n v="-5.45"/>
  </r>
  <r>
    <d v="2015-03-05T00:00:00"/>
    <x v="2"/>
    <x v="1"/>
    <x v="30"/>
    <x v="0"/>
    <x v="2"/>
    <x v="6"/>
    <s v="Cisco SPA525G2 IP Phone - Wireless"/>
    <n v="31.92"/>
    <n v="2"/>
    <n v="2.39"/>
  </r>
  <r>
    <d v="2015-03-05T00:00:00"/>
    <x v="2"/>
    <x v="1"/>
    <x v="612"/>
    <x v="1"/>
    <x v="0"/>
    <x v="7"/>
    <s v="Binder Clips by OIC"/>
    <n v="7.1"/>
    <n v="6"/>
    <n v="2.4900000000000002"/>
  </r>
  <r>
    <d v="2015-03-05T00:00:00"/>
    <x v="2"/>
    <x v="1"/>
    <x v="389"/>
    <x v="1"/>
    <x v="0"/>
    <x v="3"/>
    <s v="Performers Binder/Pad Holder, Black"/>
    <n v="11.21"/>
    <n v="2"/>
    <n v="-16.82"/>
  </r>
  <r>
    <d v="2015-03-05T00:00:00"/>
    <x v="2"/>
    <x v="1"/>
    <x v="389"/>
    <x v="1"/>
    <x v="1"/>
    <x v="8"/>
    <s v="Eldon Wave Desk Accessories"/>
    <n v="4.71"/>
    <n v="2"/>
    <n v="-1.88"/>
  </r>
  <r>
    <d v="2015-03-05T00:00:00"/>
    <x v="2"/>
    <x v="1"/>
    <x v="389"/>
    <x v="1"/>
    <x v="0"/>
    <x v="12"/>
    <s v="Avanti 4.4 Cu. Ft. Refrigerator"/>
    <n v="180.98"/>
    <n v="5"/>
    <n v="-470.55"/>
  </r>
  <r>
    <d v="2015-03-05T00:00:00"/>
    <x v="2"/>
    <x v="1"/>
    <x v="389"/>
    <x v="1"/>
    <x v="0"/>
    <x v="2"/>
    <s v="Companion Letter/Legal File, Black"/>
    <n v="60.42"/>
    <n v="2"/>
    <n v="6.04"/>
  </r>
  <r>
    <d v="2015-03-06T00:00:00"/>
    <x v="2"/>
    <x v="1"/>
    <x v="315"/>
    <x v="3"/>
    <x v="1"/>
    <x v="8"/>
    <s v="Deflect-o Glass Clear Studded Chair Mats"/>
    <n v="435.26"/>
    <n v="7"/>
    <n v="95.76"/>
  </r>
  <r>
    <d v="2015-03-06T00:00:00"/>
    <x v="2"/>
    <x v="1"/>
    <x v="315"/>
    <x v="3"/>
    <x v="2"/>
    <x v="16"/>
    <s v="Canon PC1060 Personal Laser Copier"/>
    <n v="1119.98"/>
    <n v="2"/>
    <n v="377.99"/>
  </r>
  <r>
    <d v="2015-03-07T00:00:00"/>
    <x v="2"/>
    <x v="1"/>
    <x v="306"/>
    <x v="7"/>
    <x v="2"/>
    <x v="9"/>
    <s v="Microsoft Sculpt Comfort Mouse"/>
    <n v="119.85"/>
    <n v="3"/>
    <n v="52.73"/>
  </r>
  <r>
    <d v="2015-03-07T00:00:00"/>
    <x v="2"/>
    <x v="1"/>
    <x v="306"/>
    <x v="7"/>
    <x v="0"/>
    <x v="3"/>
    <s v="GBC Twin Loop Wire Binding Elements, 9/16&quot; Spine, Black"/>
    <n v="30.44"/>
    <n v="2"/>
    <n v="14.92"/>
  </r>
  <r>
    <d v="2015-03-07T00:00:00"/>
    <x v="2"/>
    <x v="1"/>
    <x v="306"/>
    <x v="7"/>
    <x v="0"/>
    <x v="3"/>
    <s v="Wilson Jones Heavy-Duty Casebound Ring Binders with Metal Hinges"/>
    <n v="69.28"/>
    <n v="2"/>
    <n v="33.25"/>
  </r>
  <r>
    <d v="2015-03-07T00:00:00"/>
    <x v="2"/>
    <x v="1"/>
    <x v="306"/>
    <x v="7"/>
    <x v="2"/>
    <x v="6"/>
    <s v="LG G3"/>
    <n v="587.97"/>
    <n v="3"/>
    <n v="170.51"/>
  </r>
  <r>
    <d v="2015-03-08T00:00:00"/>
    <x v="2"/>
    <x v="1"/>
    <x v="613"/>
    <x v="21"/>
    <x v="1"/>
    <x v="11"/>
    <s v="Rush Hierlooms Collection 1&quot; Thick Stackable Bookcases"/>
    <n v="512.94000000000005"/>
    <n v="3"/>
    <n v="97.46"/>
  </r>
  <r>
    <d v="2015-03-08T00:00:00"/>
    <x v="2"/>
    <x v="1"/>
    <x v="613"/>
    <x v="21"/>
    <x v="1"/>
    <x v="5"/>
    <s v="Hon Mobius Operator's Chair"/>
    <n v="860.93"/>
    <n v="7"/>
    <n v="189.4"/>
  </r>
  <r>
    <d v="2015-03-08T00:00:00"/>
    <x v="2"/>
    <x v="1"/>
    <x v="613"/>
    <x v="21"/>
    <x v="2"/>
    <x v="6"/>
    <s v="Nortel Meridian M3904 Professional Digital phone"/>
    <n v="769.95"/>
    <n v="5"/>
    <n v="223.29"/>
  </r>
  <r>
    <d v="2015-03-08T00:00:00"/>
    <x v="2"/>
    <x v="1"/>
    <x v="613"/>
    <x v="21"/>
    <x v="0"/>
    <x v="4"/>
    <s v="Boston 1900 Electric Pencil Sharpener"/>
    <n v="14.98"/>
    <n v="1"/>
    <n v="4.49"/>
  </r>
  <r>
    <d v="2015-03-08T00:00:00"/>
    <x v="2"/>
    <x v="1"/>
    <x v="613"/>
    <x v="21"/>
    <x v="1"/>
    <x v="8"/>
    <s v="Deflect-o Glass Clear Studded Chair Mats"/>
    <n v="373.08"/>
    <n v="6"/>
    <n v="82.08"/>
  </r>
  <r>
    <d v="2015-03-08T00:00:00"/>
    <x v="2"/>
    <x v="1"/>
    <x v="278"/>
    <x v="20"/>
    <x v="0"/>
    <x v="0"/>
    <s v="Xerox 1997"/>
    <n v="19.440000000000001"/>
    <n v="3"/>
    <n v="9.33"/>
  </r>
  <r>
    <d v="2015-03-08T00:00:00"/>
    <x v="2"/>
    <x v="1"/>
    <x v="452"/>
    <x v="26"/>
    <x v="0"/>
    <x v="4"/>
    <s v="Dixon Prang Watercolor Pencils, 10-Color Set with Brush"/>
    <n v="3.41"/>
    <n v="1"/>
    <n v="0.89"/>
  </r>
  <r>
    <d v="2015-03-08T00:00:00"/>
    <x v="2"/>
    <x v="1"/>
    <x v="251"/>
    <x v="1"/>
    <x v="0"/>
    <x v="3"/>
    <s v="Avery Premier Heavy-Duty Binder with Round Locking Rings"/>
    <n v="8.57"/>
    <n v="3"/>
    <n v="-14.57"/>
  </r>
  <r>
    <d v="2015-03-09T00:00:00"/>
    <x v="2"/>
    <x v="1"/>
    <x v="270"/>
    <x v="0"/>
    <x v="2"/>
    <x v="9"/>
    <s v="Maxell 4.7GB DVD-R"/>
    <n v="113.52"/>
    <n v="5"/>
    <n v="29.8"/>
  </r>
  <r>
    <d v="2015-03-09T00:00:00"/>
    <x v="2"/>
    <x v="1"/>
    <x v="270"/>
    <x v="0"/>
    <x v="2"/>
    <x v="6"/>
    <s v="Panasonic KX T7736-B Digital phone"/>
    <n v="359.88"/>
    <n v="3"/>
    <n v="22.49"/>
  </r>
  <r>
    <d v="2015-03-09T00:00:00"/>
    <x v="2"/>
    <x v="1"/>
    <x v="614"/>
    <x v="25"/>
    <x v="0"/>
    <x v="1"/>
    <s v="Avery 514"/>
    <n v="4.6100000000000003"/>
    <n v="2"/>
    <n v="1.67"/>
  </r>
  <r>
    <d v="2015-03-10T00:00:00"/>
    <x v="2"/>
    <x v="1"/>
    <x v="18"/>
    <x v="0"/>
    <x v="0"/>
    <x v="3"/>
    <s v="Acco Suede Grain Vinyl Round Ring Binder"/>
    <n v="1.1100000000000001"/>
    <n v="2"/>
    <n v="-1.89"/>
  </r>
  <r>
    <d v="2015-03-10T00:00:00"/>
    <x v="2"/>
    <x v="1"/>
    <x v="127"/>
    <x v="36"/>
    <x v="0"/>
    <x v="2"/>
    <s v="Pizazz Global Quick File"/>
    <n v="89.82"/>
    <n v="6"/>
    <n v="25.15"/>
  </r>
  <r>
    <d v="2015-03-12T00:00:00"/>
    <x v="2"/>
    <x v="1"/>
    <x v="615"/>
    <x v="16"/>
    <x v="0"/>
    <x v="10"/>
    <s v="Convenience Packs of Business Envelopes"/>
    <n v="8.69"/>
    <n v="3"/>
    <n v="2.93"/>
  </r>
  <r>
    <d v="2015-03-12T00:00:00"/>
    <x v="2"/>
    <x v="1"/>
    <x v="615"/>
    <x v="16"/>
    <x v="1"/>
    <x v="8"/>
    <s v="Eldon Expressions Desk Accessory, Wood Pencil Holder, Oak"/>
    <n v="30.88"/>
    <n v="4"/>
    <n v="3.86"/>
  </r>
  <r>
    <d v="2015-03-12T00:00:00"/>
    <x v="2"/>
    <x v="1"/>
    <x v="615"/>
    <x v="16"/>
    <x v="1"/>
    <x v="8"/>
    <s v="Acrylic Self-Standing Desk Frames"/>
    <n v="6.41"/>
    <n v="3"/>
    <n v="1.44"/>
  </r>
  <r>
    <d v="2015-03-12T00:00:00"/>
    <x v="2"/>
    <x v="1"/>
    <x v="438"/>
    <x v="25"/>
    <x v="0"/>
    <x v="1"/>
    <s v="Avery 518"/>
    <n v="5.04"/>
    <n v="2"/>
    <n v="1.76"/>
  </r>
  <r>
    <d v="2015-03-13T00:00:00"/>
    <x v="2"/>
    <x v="1"/>
    <x v="387"/>
    <x v="22"/>
    <x v="1"/>
    <x v="11"/>
    <s v="Safco Value Mate Series Steel Bookcases, Baked Enamel Finish on Steel, Gray"/>
    <n v="141.96"/>
    <n v="2"/>
    <n v="39.75"/>
  </r>
  <r>
    <d v="2015-03-13T00:00:00"/>
    <x v="2"/>
    <x v="1"/>
    <x v="155"/>
    <x v="3"/>
    <x v="1"/>
    <x v="5"/>
    <s v="Global Deluxe High-Back Manager's Chair"/>
    <n v="915.14"/>
    <n v="4"/>
    <n v="102.95"/>
  </r>
  <r>
    <d v="2015-03-13T00:00:00"/>
    <x v="2"/>
    <x v="1"/>
    <x v="155"/>
    <x v="3"/>
    <x v="1"/>
    <x v="8"/>
    <s v="Dana Halogen Swing-Arm Architect Lamp"/>
    <n v="327.76"/>
    <n v="8"/>
    <n v="91.77"/>
  </r>
  <r>
    <d v="2015-03-14T00:00:00"/>
    <x v="2"/>
    <x v="1"/>
    <x v="287"/>
    <x v="38"/>
    <x v="0"/>
    <x v="1"/>
    <s v="Avery 476"/>
    <n v="16.52"/>
    <n v="4"/>
    <n v="7.6"/>
  </r>
  <r>
    <d v="2015-03-14T00:00:00"/>
    <x v="2"/>
    <x v="1"/>
    <x v="287"/>
    <x v="38"/>
    <x v="0"/>
    <x v="3"/>
    <s v="GBC DocuBind TL200 Manual Binding Machine"/>
    <n v="671.94"/>
    <n v="3"/>
    <n v="315.81"/>
  </r>
  <r>
    <d v="2015-03-14T00:00:00"/>
    <x v="2"/>
    <x v="1"/>
    <x v="170"/>
    <x v="3"/>
    <x v="0"/>
    <x v="0"/>
    <s v="Xerox 223"/>
    <n v="19.440000000000001"/>
    <n v="3"/>
    <n v="9.33"/>
  </r>
  <r>
    <d v="2015-03-15T00:00:00"/>
    <x v="2"/>
    <x v="1"/>
    <x v="600"/>
    <x v="27"/>
    <x v="2"/>
    <x v="6"/>
    <s v="SmartStand Mobile Device Holder, Assorted Colors"/>
    <n v="16.78"/>
    <n v="3"/>
    <n v="1.68"/>
  </r>
  <r>
    <d v="2015-03-16T00:00:00"/>
    <x v="2"/>
    <x v="1"/>
    <x v="616"/>
    <x v="4"/>
    <x v="0"/>
    <x v="4"/>
    <s v="Rogers Handheld Barrel Pencil Sharpener"/>
    <n v="2.74"/>
    <n v="1"/>
    <n v="0.74"/>
  </r>
  <r>
    <d v="2015-03-16T00:00:00"/>
    <x v="2"/>
    <x v="1"/>
    <x v="616"/>
    <x v="4"/>
    <x v="0"/>
    <x v="4"/>
    <s v="Newell 344"/>
    <n v="8.34"/>
    <n v="3"/>
    <n v="2.17"/>
  </r>
  <r>
    <d v="2015-03-16T00:00:00"/>
    <x v="2"/>
    <x v="1"/>
    <x v="616"/>
    <x v="4"/>
    <x v="0"/>
    <x v="2"/>
    <s v="Personal File Boxes with Fold-Down Carry Handle"/>
    <n v="46.74"/>
    <n v="3"/>
    <n v="11.69"/>
  </r>
  <r>
    <d v="2015-03-16T00:00:00"/>
    <x v="2"/>
    <x v="1"/>
    <x v="616"/>
    <x v="4"/>
    <x v="0"/>
    <x v="3"/>
    <s v="Fellowes PB500 Electric Punch Plastic Comb Binding Machine with Manual Bind"/>
    <n v="6354.95"/>
    <n v="5"/>
    <n v="3177.48"/>
  </r>
  <r>
    <d v="2015-03-16T00:00:00"/>
    <x v="2"/>
    <x v="1"/>
    <x v="617"/>
    <x v="22"/>
    <x v="1"/>
    <x v="13"/>
    <s v="KI Adjustable-Height Table"/>
    <n v="171.96"/>
    <n v="2"/>
    <n v="44.71"/>
  </r>
  <r>
    <d v="2015-03-16T00:00:00"/>
    <x v="2"/>
    <x v="1"/>
    <x v="407"/>
    <x v="3"/>
    <x v="1"/>
    <x v="8"/>
    <s v="Howard Miller 11-1/2&quot; Diameter Brentwood Wall Clock"/>
    <n v="43.13"/>
    <n v="1"/>
    <n v="18.11"/>
  </r>
  <r>
    <d v="2015-03-16T00:00:00"/>
    <x v="2"/>
    <x v="1"/>
    <x v="279"/>
    <x v="20"/>
    <x v="2"/>
    <x v="6"/>
    <s v="Plantronics MX500i Earset"/>
    <n v="85.9"/>
    <n v="2"/>
    <n v="2.58"/>
  </r>
  <r>
    <d v="2015-03-16T00:00:00"/>
    <x v="2"/>
    <x v="1"/>
    <x v="102"/>
    <x v="33"/>
    <x v="0"/>
    <x v="1"/>
    <s v="Dot Matrix Printer Tape Reel Labels, White, 5000/Box"/>
    <n v="491.55"/>
    <n v="5"/>
    <n v="240.86"/>
  </r>
  <r>
    <d v="2015-03-16T00:00:00"/>
    <x v="2"/>
    <x v="1"/>
    <x v="102"/>
    <x v="33"/>
    <x v="0"/>
    <x v="10"/>
    <s v="Colored Envelopes"/>
    <n v="7.38"/>
    <n v="2"/>
    <n v="3.39"/>
  </r>
  <r>
    <d v="2015-03-16T00:00:00"/>
    <x v="2"/>
    <x v="1"/>
    <x v="412"/>
    <x v="20"/>
    <x v="0"/>
    <x v="4"/>
    <s v="Avery Hi-Liter Smear-Safe Highlighters"/>
    <n v="17.52"/>
    <n v="3"/>
    <n v="6.31"/>
  </r>
  <r>
    <d v="2015-03-17T00:00:00"/>
    <x v="2"/>
    <x v="1"/>
    <x v="535"/>
    <x v="20"/>
    <x v="2"/>
    <x v="9"/>
    <s v="KeyTronicÂ KT800P2 -Â KeyboardÂ - Black"/>
    <n v="15.02"/>
    <n v="1"/>
    <n v="2.7"/>
  </r>
  <r>
    <d v="2015-03-17T00:00:00"/>
    <x v="2"/>
    <x v="1"/>
    <x v="535"/>
    <x v="20"/>
    <x v="0"/>
    <x v="2"/>
    <s v="Tenex Personal Self-Stacking Standard File Box, Black/Gray"/>
    <n v="33.82"/>
    <n v="2"/>
    <n v="9.1300000000000008"/>
  </r>
  <r>
    <d v="2015-03-19T00:00:00"/>
    <x v="2"/>
    <x v="1"/>
    <x v="618"/>
    <x v="22"/>
    <x v="2"/>
    <x v="6"/>
    <s v="Wireless Extenders zBoost YX545 SOHO Signal Booster"/>
    <n v="453.58"/>
    <n v="3"/>
    <n v="39.69"/>
  </r>
  <r>
    <d v="2015-03-19T00:00:00"/>
    <x v="2"/>
    <x v="1"/>
    <x v="470"/>
    <x v="22"/>
    <x v="0"/>
    <x v="2"/>
    <s v="Deluxe Rollaway Locking File with Drawer"/>
    <n v="1247.6400000000001"/>
    <n v="3"/>
    <n v="349.34"/>
  </r>
  <r>
    <d v="2015-03-19T00:00:00"/>
    <x v="2"/>
    <x v="1"/>
    <x v="470"/>
    <x v="22"/>
    <x v="2"/>
    <x v="16"/>
    <s v="Canon PC940 Copier"/>
    <n v="3149.93"/>
    <n v="7"/>
    <n v="1480.47"/>
  </r>
  <r>
    <d v="2015-03-19T00:00:00"/>
    <x v="2"/>
    <x v="1"/>
    <x v="470"/>
    <x v="22"/>
    <x v="0"/>
    <x v="0"/>
    <s v="Multicolor Computer Printout Paper"/>
    <n v="209.7"/>
    <n v="2"/>
    <n v="100.66"/>
  </r>
  <r>
    <d v="2015-03-19T00:00:00"/>
    <x v="2"/>
    <x v="1"/>
    <x v="328"/>
    <x v="3"/>
    <x v="0"/>
    <x v="3"/>
    <s v="GBC Imprintable Covers"/>
    <n v="17.57"/>
    <n v="2"/>
    <n v="6.37"/>
  </r>
  <r>
    <d v="2015-03-19T00:00:00"/>
    <x v="2"/>
    <x v="1"/>
    <x v="328"/>
    <x v="3"/>
    <x v="0"/>
    <x v="1"/>
    <s v="Self-Adhesive Address Labels for Typewriters by Universal"/>
    <n v="14.62"/>
    <n v="2"/>
    <n v="6.87"/>
  </r>
  <r>
    <d v="2015-03-19T00:00:00"/>
    <x v="2"/>
    <x v="1"/>
    <x v="328"/>
    <x v="3"/>
    <x v="0"/>
    <x v="14"/>
    <s v="Acme Elite Stainless Steel Scissors"/>
    <n v="33.36"/>
    <n v="4"/>
    <n v="8.67"/>
  </r>
  <r>
    <d v="2015-03-19T00:00:00"/>
    <x v="2"/>
    <x v="1"/>
    <x v="328"/>
    <x v="3"/>
    <x v="0"/>
    <x v="0"/>
    <s v="Wirebound Message Books, 5-1/2 x 4 Forms, 2 or 4 Forms per Page"/>
    <n v="40.14"/>
    <n v="6"/>
    <n v="19.670000000000002"/>
  </r>
  <r>
    <d v="2015-03-19T00:00:00"/>
    <x v="2"/>
    <x v="1"/>
    <x v="284"/>
    <x v="16"/>
    <x v="0"/>
    <x v="0"/>
    <s v="Adams Telephone Message Books, 5 1/4Â” x 11Â”"/>
    <n v="14.5"/>
    <n v="3"/>
    <n v="4.8899999999999997"/>
  </r>
  <r>
    <d v="2015-03-19T00:00:00"/>
    <x v="2"/>
    <x v="1"/>
    <x v="411"/>
    <x v="3"/>
    <x v="0"/>
    <x v="0"/>
    <s v="Xerox 1974"/>
    <n v="11.96"/>
    <n v="2"/>
    <n v="5.86"/>
  </r>
  <r>
    <d v="2015-03-19T00:00:00"/>
    <x v="2"/>
    <x v="1"/>
    <x v="41"/>
    <x v="3"/>
    <x v="0"/>
    <x v="7"/>
    <s v="Stockwell Push Pins"/>
    <n v="10.9"/>
    <n v="5"/>
    <n v="3.6"/>
  </r>
  <r>
    <d v="2015-03-19T00:00:00"/>
    <x v="2"/>
    <x v="1"/>
    <x v="619"/>
    <x v="0"/>
    <x v="0"/>
    <x v="0"/>
    <s v="Xerox 1919"/>
    <n v="65.58"/>
    <n v="2"/>
    <n v="23.77"/>
  </r>
  <r>
    <d v="2015-03-19T00:00:00"/>
    <x v="2"/>
    <x v="1"/>
    <x v="619"/>
    <x v="0"/>
    <x v="1"/>
    <x v="11"/>
    <s v="Bush Heritage Pine Collection 5-Shelf Bookcase, Albany Pine Finish, *Special Order"/>
    <n v="383.47"/>
    <n v="4"/>
    <n v="-67.67"/>
  </r>
  <r>
    <d v="2015-03-20T00:00:00"/>
    <x v="2"/>
    <x v="1"/>
    <x v="620"/>
    <x v="21"/>
    <x v="0"/>
    <x v="0"/>
    <s v="Xerox 205"/>
    <n v="51.84"/>
    <n v="8"/>
    <n v="24.88"/>
  </r>
  <r>
    <d v="2015-03-20T00:00:00"/>
    <x v="2"/>
    <x v="1"/>
    <x v="519"/>
    <x v="0"/>
    <x v="0"/>
    <x v="3"/>
    <s v="GBC Standard Plastic Binding Systems' Combs"/>
    <n v="2.5099999999999998"/>
    <n v="2"/>
    <n v="-4.4000000000000004"/>
  </r>
  <r>
    <d v="2015-03-20T00:00:00"/>
    <x v="2"/>
    <x v="1"/>
    <x v="519"/>
    <x v="0"/>
    <x v="0"/>
    <x v="7"/>
    <s v="Staples"/>
    <n v="18.86"/>
    <n v="9"/>
    <n v="6.13"/>
  </r>
  <r>
    <d v="2015-03-20T00:00:00"/>
    <x v="2"/>
    <x v="1"/>
    <x v="240"/>
    <x v="11"/>
    <x v="0"/>
    <x v="2"/>
    <s v="Portable Personal File Box"/>
    <n v="29.3"/>
    <n v="3"/>
    <n v="2.56"/>
  </r>
  <r>
    <d v="2015-03-20T00:00:00"/>
    <x v="2"/>
    <x v="1"/>
    <x v="526"/>
    <x v="20"/>
    <x v="0"/>
    <x v="3"/>
    <s v="Wilson Jones Century Plastic Molded Ring Binders"/>
    <n v="49.85"/>
    <n v="3"/>
    <n v="16.82"/>
  </r>
  <r>
    <d v="2015-03-20T00:00:00"/>
    <x v="2"/>
    <x v="1"/>
    <x v="526"/>
    <x v="20"/>
    <x v="0"/>
    <x v="10"/>
    <s v="Recycled Interoffice Envelopes with String and Button Closure, 10 x 13"/>
    <n v="23.99"/>
    <n v="1"/>
    <n v="12"/>
  </r>
  <r>
    <d v="2015-03-20T00:00:00"/>
    <x v="2"/>
    <x v="1"/>
    <x v="526"/>
    <x v="20"/>
    <x v="0"/>
    <x v="3"/>
    <s v="Fellowes PB200 Plastic Comb Binding Machine"/>
    <n v="1087.94"/>
    <n v="8"/>
    <n v="353.58"/>
  </r>
  <r>
    <d v="2015-03-20T00:00:00"/>
    <x v="2"/>
    <x v="1"/>
    <x v="526"/>
    <x v="20"/>
    <x v="2"/>
    <x v="6"/>
    <s v="Panasonic KX T7731-B Digital phone"/>
    <n v="199.98"/>
    <n v="2"/>
    <n v="53.99"/>
  </r>
  <r>
    <d v="2015-03-20T00:00:00"/>
    <x v="2"/>
    <x v="1"/>
    <x v="526"/>
    <x v="20"/>
    <x v="0"/>
    <x v="2"/>
    <s v="Tennsco Lockers, Sand"/>
    <n v="83.92"/>
    <n v="4"/>
    <n v="20.14"/>
  </r>
  <r>
    <d v="2015-03-21T00:00:00"/>
    <x v="2"/>
    <x v="1"/>
    <x v="621"/>
    <x v="25"/>
    <x v="0"/>
    <x v="12"/>
    <s v="Honeywell Enviracaire Portable HEPA Air Cleaner for 17' x 22' Room"/>
    <n v="962.08"/>
    <n v="4"/>
    <n v="156.34"/>
  </r>
  <r>
    <d v="2015-03-21T00:00:00"/>
    <x v="2"/>
    <x v="1"/>
    <x v="621"/>
    <x v="25"/>
    <x v="0"/>
    <x v="3"/>
    <s v="GBC Laser Imprintable Binding System Covers, Desert Sand"/>
    <n v="12.84"/>
    <n v="3"/>
    <n v="-9.85"/>
  </r>
  <r>
    <d v="2015-03-21T00:00:00"/>
    <x v="2"/>
    <x v="1"/>
    <x v="621"/>
    <x v="25"/>
    <x v="0"/>
    <x v="0"/>
    <s v="Xerox 1883"/>
    <n v="295.45999999999998"/>
    <n v="14"/>
    <n v="96.02"/>
  </r>
  <r>
    <d v="2015-03-22T00:00:00"/>
    <x v="2"/>
    <x v="1"/>
    <x v="622"/>
    <x v="0"/>
    <x v="2"/>
    <x v="9"/>
    <s v="Verbatim 25 GB 6x Blu-ray Single Layer Recordable Disc, 25/Pack"/>
    <n v="18.39"/>
    <n v="1"/>
    <n v="5.29"/>
  </r>
  <r>
    <d v="2015-03-22T00:00:00"/>
    <x v="2"/>
    <x v="1"/>
    <x v="622"/>
    <x v="0"/>
    <x v="0"/>
    <x v="2"/>
    <s v="Carina Double Wide Media Storage Towers in Natural &amp; Black"/>
    <n v="129.57"/>
    <n v="2"/>
    <n v="-25.91"/>
  </r>
  <r>
    <d v="2015-03-22T00:00:00"/>
    <x v="2"/>
    <x v="1"/>
    <x v="622"/>
    <x v="0"/>
    <x v="0"/>
    <x v="3"/>
    <s v="XtraLife ClearVue Slant-D Ring Binders by Cardinal"/>
    <n v="14.11"/>
    <n v="9"/>
    <n v="-21.17"/>
  </r>
  <r>
    <d v="2015-03-22T00:00:00"/>
    <x v="2"/>
    <x v="1"/>
    <x v="131"/>
    <x v="3"/>
    <x v="2"/>
    <x v="6"/>
    <s v="Square Credit Card Reader"/>
    <n v="15.98"/>
    <n v="2"/>
    <n v="1.2"/>
  </r>
  <r>
    <d v="2015-03-22T00:00:00"/>
    <x v="2"/>
    <x v="1"/>
    <x v="514"/>
    <x v="3"/>
    <x v="0"/>
    <x v="0"/>
    <s v="Easy-staple paper"/>
    <n v="105.52"/>
    <n v="4"/>
    <n v="48.54"/>
  </r>
  <r>
    <d v="2015-03-22T00:00:00"/>
    <x v="2"/>
    <x v="1"/>
    <x v="514"/>
    <x v="3"/>
    <x v="1"/>
    <x v="8"/>
    <s v="Tenex B1-RE Series Chair Mats for Low Pile Carpets"/>
    <n v="91.96"/>
    <n v="2"/>
    <n v="15.63"/>
  </r>
  <r>
    <d v="2015-03-22T00:00:00"/>
    <x v="2"/>
    <x v="1"/>
    <x v="514"/>
    <x v="3"/>
    <x v="2"/>
    <x v="6"/>
    <s v="ClearOne CHATAttach 160 -Â speaker phone"/>
    <n v="1487.98"/>
    <n v="3"/>
    <n v="186"/>
  </r>
  <r>
    <d v="2015-03-22T00:00:00"/>
    <x v="2"/>
    <x v="1"/>
    <x v="623"/>
    <x v="33"/>
    <x v="0"/>
    <x v="4"/>
    <s v="Newell 316"/>
    <n v="19.559999999999999"/>
    <n v="4"/>
    <n v="5.48"/>
  </r>
  <r>
    <d v="2015-03-22T00:00:00"/>
    <x v="2"/>
    <x v="1"/>
    <x v="587"/>
    <x v="16"/>
    <x v="2"/>
    <x v="9"/>
    <s v="Logitech G602 Wireless Gaming Mouse"/>
    <n v="447.94"/>
    <n v="7"/>
    <n v="89.59"/>
  </r>
  <r>
    <d v="2015-03-22T00:00:00"/>
    <x v="2"/>
    <x v="1"/>
    <x v="587"/>
    <x v="16"/>
    <x v="0"/>
    <x v="2"/>
    <s v="Iris 3-Drawer Stacking Bin, Black"/>
    <n v="150.41"/>
    <n v="9"/>
    <n v="-33.840000000000003"/>
  </r>
  <r>
    <d v="2015-03-23T00:00:00"/>
    <x v="2"/>
    <x v="1"/>
    <x v="427"/>
    <x v="0"/>
    <x v="1"/>
    <x v="5"/>
    <s v="Global Deluxe Steno Chair"/>
    <n v="107.77"/>
    <n v="2"/>
    <n v="-29.25"/>
  </r>
  <r>
    <d v="2015-03-23T00:00:00"/>
    <x v="2"/>
    <x v="1"/>
    <x v="320"/>
    <x v="9"/>
    <x v="0"/>
    <x v="7"/>
    <s v="Staples"/>
    <n v="31.56"/>
    <n v="4"/>
    <n v="14.2"/>
  </r>
  <r>
    <d v="2015-03-23T00:00:00"/>
    <x v="2"/>
    <x v="1"/>
    <x v="320"/>
    <x v="9"/>
    <x v="0"/>
    <x v="2"/>
    <s v="Eldon Shelf Savers Cubes and Bins"/>
    <n v="27.92"/>
    <n v="4"/>
    <n v="0.56000000000000005"/>
  </r>
  <r>
    <d v="2015-03-23T00:00:00"/>
    <x v="2"/>
    <x v="1"/>
    <x v="244"/>
    <x v="3"/>
    <x v="0"/>
    <x v="0"/>
    <s v="REDIFORM Incoming/Outgoing Call Register, 11&quot; X 8 1/2&quot;, 100 Messages"/>
    <n v="33.36"/>
    <n v="4"/>
    <n v="16.68"/>
  </r>
  <r>
    <d v="2015-03-23T00:00:00"/>
    <x v="2"/>
    <x v="1"/>
    <x v="450"/>
    <x v="3"/>
    <x v="0"/>
    <x v="0"/>
    <s v="TOPS Carbonless Receipt Book, Four 2-3/4 x 7-1/4 Money Receipts per Page"/>
    <n v="192.72"/>
    <n v="11"/>
    <n v="92.51"/>
  </r>
  <r>
    <d v="2015-03-23T00:00:00"/>
    <x v="2"/>
    <x v="1"/>
    <x v="450"/>
    <x v="3"/>
    <x v="2"/>
    <x v="9"/>
    <s v="Logitech G600 MMO Gaming Mouse"/>
    <n v="239.97"/>
    <n v="3"/>
    <n v="86.39"/>
  </r>
  <r>
    <d v="2015-03-24T00:00:00"/>
    <x v="2"/>
    <x v="1"/>
    <x v="285"/>
    <x v="1"/>
    <x v="1"/>
    <x v="11"/>
    <s v="Sauder Inglewood Library Bookcases"/>
    <n v="359.06"/>
    <n v="3"/>
    <n v="-35.909999999999997"/>
  </r>
  <r>
    <d v="2015-03-24T00:00:00"/>
    <x v="2"/>
    <x v="1"/>
    <x v="624"/>
    <x v="16"/>
    <x v="0"/>
    <x v="12"/>
    <s v="Eureka Sanitaire  Multi-Pro Heavy-Duty Upright, Disposable Bags"/>
    <n v="6.99"/>
    <n v="2"/>
    <n v="0.52"/>
  </r>
  <r>
    <d v="2015-03-24T00:00:00"/>
    <x v="2"/>
    <x v="1"/>
    <x v="552"/>
    <x v="22"/>
    <x v="1"/>
    <x v="8"/>
    <s v="Eldon Expressions Punched Metal &amp; Wood Desk Accessories, Black &amp; Cherry"/>
    <n v="46.9"/>
    <n v="5"/>
    <n v="13.13"/>
  </r>
  <r>
    <d v="2015-03-26T00:00:00"/>
    <x v="2"/>
    <x v="1"/>
    <x v="625"/>
    <x v="16"/>
    <x v="0"/>
    <x v="0"/>
    <s v="Xerox 1988"/>
    <n v="74.349999999999994"/>
    <n v="3"/>
    <n v="23.24"/>
  </r>
  <r>
    <d v="2015-03-26T00:00:00"/>
    <x v="2"/>
    <x v="1"/>
    <x v="344"/>
    <x v="2"/>
    <x v="0"/>
    <x v="0"/>
    <s v="Southworth 25% Cotton Antique Laid Paper &amp; Envelopes"/>
    <n v="40.03"/>
    <n v="6"/>
    <n v="12.51"/>
  </r>
  <r>
    <d v="2015-03-26T00:00:00"/>
    <x v="2"/>
    <x v="1"/>
    <x v="344"/>
    <x v="2"/>
    <x v="2"/>
    <x v="9"/>
    <s v="Verbatim 25 GB 6x Blu-ray Single Layer Recordable Disc, 3/Pack"/>
    <n v="16.78"/>
    <n v="3"/>
    <n v="5.03"/>
  </r>
  <r>
    <d v="2015-03-26T00:00:00"/>
    <x v="2"/>
    <x v="1"/>
    <x v="227"/>
    <x v="22"/>
    <x v="1"/>
    <x v="13"/>
    <s v="Bush Advantage Collection Racetrack Conference Table"/>
    <n v="3393.68"/>
    <n v="8"/>
    <n v="610.86"/>
  </r>
  <r>
    <d v="2015-03-26T00:00:00"/>
    <x v="2"/>
    <x v="1"/>
    <x v="436"/>
    <x v="20"/>
    <x v="0"/>
    <x v="2"/>
    <s v="Dual Level, Single-Width Filing Carts"/>
    <n v="1085.42"/>
    <n v="7"/>
    <n v="282.20999999999998"/>
  </r>
  <r>
    <d v="2015-03-26T00:00:00"/>
    <x v="2"/>
    <x v="1"/>
    <x v="436"/>
    <x v="20"/>
    <x v="0"/>
    <x v="12"/>
    <s v="Disposable Triple-Filter Dust Bags"/>
    <n v="13.11"/>
    <n v="3"/>
    <n v="3.41"/>
  </r>
  <r>
    <d v="2015-03-27T00:00:00"/>
    <x v="2"/>
    <x v="1"/>
    <x v="20"/>
    <x v="22"/>
    <x v="0"/>
    <x v="2"/>
    <s v="Rogers Profile Extra Capacity Storage Tub"/>
    <n v="83.7"/>
    <n v="5"/>
    <n v="3.35"/>
  </r>
  <r>
    <d v="2015-03-28T00:00:00"/>
    <x v="2"/>
    <x v="1"/>
    <x v="513"/>
    <x v="3"/>
    <x v="2"/>
    <x v="9"/>
    <s v="Imation Bio 8GB USBÂ Flash Drive ImationÂ Corp"/>
    <n v="166.24"/>
    <n v="1"/>
    <n v="24.94"/>
  </r>
  <r>
    <d v="2015-03-28T00:00:00"/>
    <x v="2"/>
    <x v="1"/>
    <x v="513"/>
    <x v="3"/>
    <x v="0"/>
    <x v="0"/>
    <s v="Xerox 1977"/>
    <n v="33.4"/>
    <n v="5"/>
    <n v="16.03"/>
  </r>
  <r>
    <d v="2015-03-28T00:00:00"/>
    <x v="2"/>
    <x v="1"/>
    <x v="74"/>
    <x v="2"/>
    <x v="0"/>
    <x v="0"/>
    <s v="Xerox 1999"/>
    <n v="15.55"/>
    <n v="3"/>
    <n v="5.44"/>
  </r>
  <r>
    <d v="2015-03-28T00:00:00"/>
    <x v="2"/>
    <x v="1"/>
    <x v="74"/>
    <x v="2"/>
    <x v="0"/>
    <x v="0"/>
    <s v="Southworth Parchment Paper &amp; Envelopes"/>
    <n v="5.23"/>
    <n v="1"/>
    <n v="1.7"/>
  </r>
  <r>
    <d v="2015-03-28T00:00:00"/>
    <x v="2"/>
    <x v="1"/>
    <x v="209"/>
    <x v="20"/>
    <x v="0"/>
    <x v="10"/>
    <s v="Security-Tint Envelopes"/>
    <n v="22.92"/>
    <n v="3"/>
    <n v="11.23"/>
  </r>
  <r>
    <d v="2015-03-29T00:00:00"/>
    <x v="2"/>
    <x v="1"/>
    <x v="421"/>
    <x v="16"/>
    <x v="1"/>
    <x v="5"/>
    <s v="Hon 4070 Series Pagoda Armless Upholstered Stacking Chairs"/>
    <n v="1166.92"/>
    <n v="5"/>
    <n v="131.28"/>
  </r>
  <r>
    <d v="2015-03-29T00:00:00"/>
    <x v="2"/>
    <x v="1"/>
    <x v="445"/>
    <x v="22"/>
    <x v="0"/>
    <x v="12"/>
    <s v="Acco 6 Outlet Guardian Premium Plus Surge Suppressor"/>
    <n v="73.28"/>
    <n v="4"/>
    <n v="21.25"/>
  </r>
  <r>
    <d v="2015-03-29T00:00:00"/>
    <x v="2"/>
    <x v="1"/>
    <x v="77"/>
    <x v="3"/>
    <x v="0"/>
    <x v="0"/>
    <s v="Xerox 1880"/>
    <n v="212.64"/>
    <n v="6"/>
    <n v="99.94"/>
  </r>
  <r>
    <d v="2015-03-29T00:00:00"/>
    <x v="2"/>
    <x v="1"/>
    <x v="77"/>
    <x v="3"/>
    <x v="0"/>
    <x v="0"/>
    <s v="Tops Wirebound Message Log Books"/>
    <n v="9.8699999999999992"/>
    <n v="3"/>
    <n v="4.54"/>
  </r>
  <r>
    <d v="2015-03-29T00:00:00"/>
    <x v="2"/>
    <x v="1"/>
    <x v="77"/>
    <x v="3"/>
    <x v="2"/>
    <x v="9"/>
    <s v="Memorex Froggy Flash Drive 8 GB"/>
    <n v="53.25"/>
    <n v="3"/>
    <n v="20.77"/>
  </r>
  <r>
    <d v="2015-03-29T00:00:00"/>
    <x v="2"/>
    <x v="1"/>
    <x v="77"/>
    <x v="3"/>
    <x v="1"/>
    <x v="8"/>
    <s v="G.E. Longer-Life Indoor Recessed Floodlight Bulbs"/>
    <n v="19.920000000000002"/>
    <n v="3"/>
    <n v="9.56"/>
  </r>
  <r>
    <d v="2015-03-29T00:00:00"/>
    <x v="2"/>
    <x v="1"/>
    <x v="83"/>
    <x v="6"/>
    <x v="0"/>
    <x v="4"/>
    <s v="Newell 333"/>
    <n v="5.56"/>
    <n v="2"/>
    <n v="1.45"/>
  </r>
  <r>
    <d v="2015-03-29T00:00:00"/>
    <x v="2"/>
    <x v="1"/>
    <x v="626"/>
    <x v="20"/>
    <x v="0"/>
    <x v="0"/>
    <s v="Ampad Gold Fibre Wirebound Steno Books, 6&quot; x 9&quot;, Gregg Ruled"/>
    <n v="17.64"/>
    <n v="4"/>
    <n v="8.11"/>
  </r>
  <r>
    <d v="2015-03-30T00:00:00"/>
    <x v="2"/>
    <x v="1"/>
    <x v="452"/>
    <x v="1"/>
    <x v="0"/>
    <x v="0"/>
    <s v="Adams Telephone Message Book W/Dividers/Space For Phone Numbers, 5 1/4&quot;X8 1/2&quot;, 300/Messages"/>
    <n v="23.52"/>
    <n v="5"/>
    <n v="8.5299999999999994"/>
  </r>
  <r>
    <d v="2015-03-30T00:00:00"/>
    <x v="2"/>
    <x v="1"/>
    <x v="452"/>
    <x v="1"/>
    <x v="2"/>
    <x v="6"/>
    <s v="AT&amp;T 17929 Lendline Telephone"/>
    <n v="180.96"/>
    <n v="5"/>
    <n v="13.57"/>
  </r>
  <r>
    <d v="2015-03-30T00:00:00"/>
    <x v="2"/>
    <x v="1"/>
    <x v="108"/>
    <x v="1"/>
    <x v="1"/>
    <x v="5"/>
    <s v="Office Star - Contemporary Task Swivel chair with Loop Arms, Charcoal"/>
    <n v="366.74"/>
    <n v="4"/>
    <n v="-110.02"/>
  </r>
  <r>
    <d v="2015-03-31T00:00:00"/>
    <x v="2"/>
    <x v="1"/>
    <x v="134"/>
    <x v="16"/>
    <x v="2"/>
    <x v="6"/>
    <s v="PureGear Roll-On Screen Protector"/>
    <n v="79.959999999999994"/>
    <n v="5"/>
    <n v="27.99"/>
  </r>
  <r>
    <d v="2015-03-31T00:00:00"/>
    <x v="2"/>
    <x v="1"/>
    <x v="290"/>
    <x v="0"/>
    <x v="0"/>
    <x v="0"/>
    <s v="White Dual Perf Computer Printout Paper, 2700 Sheets, 1 Part, Heavyweight, 20 lbs., 14 7/8 x 11"/>
    <n v="98.38"/>
    <n v="3"/>
    <n v="35.659999999999997"/>
  </r>
  <r>
    <d v="2015-03-31T00:00:00"/>
    <x v="2"/>
    <x v="1"/>
    <x v="290"/>
    <x v="0"/>
    <x v="1"/>
    <x v="8"/>
    <s v="3M Polarizing Light Filter Sleeves"/>
    <n v="22.38"/>
    <n v="3"/>
    <n v="-7.83"/>
  </r>
  <r>
    <d v="2015-04-02T00:00:00"/>
    <x v="3"/>
    <x v="1"/>
    <x v="627"/>
    <x v="0"/>
    <x v="0"/>
    <x v="12"/>
    <s v="APC 7 Outlet Network SurgeArrest Surge Protector"/>
    <n v="32.19"/>
    <n v="2"/>
    <n v="-80.48"/>
  </r>
  <r>
    <d v="2015-04-02T00:00:00"/>
    <x v="3"/>
    <x v="1"/>
    <x v="627"/>
    <x v="0"/>
    <x v="2"/>
    <x v="9"/>
    <s v="Kingston Digital DataTraveler 16GB USB 2.0"/>
    <n v="50.12"/>
    <n v="7"/>
    <n v="-0.63"/>
  </r>
  <r>
    <d v="2015-04-02T00:00:00"/>
    <x v="3"/>
    <x v="1"/>
    <x v="627"/>
    <x v="0"/>
    <x v="2"/>
    <x v="9"/>
    <s v="Anker Ultra-Slim Mini Bluetooth 3.0 Wireless Keyboard"/>
    <n v="47.98"/>
    <n v="3"/>
    <n v="1.8"/>
  </r>
  <r>
    <d v="2015-04-02T00:00:00"/>
    <x v="3"/>
    <x v="1"/>
    <x v="568"/>
    <x v="0"/>
    <x v="0"/>
    <x v="3"/>
    <s v="Aluminum Screw Posts"/>
    <n v="9.16"/>
    <n v="3"/>
    <n v="-13.73"/>
  </r>
  <r>
    <d v="2015-04-02T00:00:00"/>
    <x v="3"/>
    <x v="1"/>
    <x v="628"/>
    <x v="3"/>
    <x v="2"/>
    <x v="15"/>
    <s v="Vtech AT&amp;T CL2940 Corded Speakerphone, Black"/>
    <n v="71.98"/>
    <n v="3"/>
    <n v="24.29"/>
  </r>
  <r>
    <d v="2015-04-02T00:00:00"/>
    <x v="3"/>
    <x v="1"/>
    <x v="315"/>
    <x v="12"/>
    <x v="2"/>
    <x v="6"/>
    <s v="Samsung HM1900 Bluetooth Headset"/>
    <n v="87.8"/>
    <n v="5"/>
    <n v="32.93"/>
  </r>
  <r>
    <d v="2015-04-04T00:00:00"/>
    <x v="3"/>
    <x v="1"/>
    <x v="155"/>
    <x v="20"/>
    <x v="0"/>
    <x v="4"/>
    <s v="DIXON Ticonderoga Erasable Checking Pencils"/>
    <n v="11.16"/>
    <n v="2"/>
    <n v="4.3499999999999996"/>
  </r>
  <r>
    <d v="2015-04-04T00:00:00"/>
    <x v="3"/>
    <x v="1"/>
    <x v="155"/>
    <x v="20"/>
    <x v="1"/>
    <x v="8"/>
    <s v="Eldon Advantage Foldable Chair Mats for Low Pile Carpets"/>
    <n v="108.4"/>
    <n v="2"/>
    <n v="22.76"/>
  </r>
  <r>
    <d v="2015-04-04T00:00:00"/>
    <x v="3"/>
    <x v="1"/>
    <x v="155"/>
    <x v="20"/>
    <x v="0"/>
    <x v="3"/>
    <s v="GBC Prestige Therm-A-Bind Covers"/>
    <n v="82.34"/>
    <n v="3"/>
    <n v="27.79"/>
  </r>
  <r>
    <d v="2015-04-04T00:00:00"/>
    <x v="3"/>
    <x v="1"/>
    <x v="155"/>
    <x v="20"/>
    <x v="0"/>
    <x v="3"/>
    <s v="Avery Round Ring Poly Binders"/>
    <n v="9.09"/>
    <n v="4"/>
    <n v="3.29"/>
  </r>
  <r>
    <d v="2015-04-04T00:00:00"/>
    <x v="3"/>
    <x v="1"/>
    <x v="115"/>
    <x v="14"/>
    <x v="0"/>
    <x v="12"/>
    <s v="Hoover Shoulder Vac Commercial Portable Vacuum"/>
    <n v="644.08000000000004"/>
    <n v="2"/>
    <n v="107.35"/>
  </r>
  <r>
    <d v="2015-04-04T00:00:00"/>
    <x v="3"/>
    <x v="1"/>
    <x v="115"/>
    <x v="14"/>
    <x v="0"/>
    <x v="7"/>
    <s v="Staples"/>
    <n v="5.84"/>
    <n v="2"/>
    <n v="2.63"/>
  </r>
  <r>
    <d v="2015-04-04T00:00:00"/>
    <x v="3"/>
    <x v="1"/>
    <x v="115"/>
    <x v="14"/>
    <x v="0"/>
    <x v="3"/>
    <s v="Acco Expandable Hanging Binders"/>
    <n v="12.76"/>
    <n v="2"/>
    <n v="5.87"/>
  </r>
  <r>
    <d v="2015-04-04T00:00:00"/>
    <x v="3"/>
    <x v="1"/>
    <x v="115"/>
    <x v="14"/>
    <x v="2"/>
    <x v="6"/>
    <s v="Shocksock Galaxy S4 Armband"/>
    <n v="10.95"/>
    <n v="1"/>
    <n v="0.44"/>
  </r>
  <r>
    <d v="2015-04-04T00:00:00"/>
    <x v="3"/>
    <x v="1"/>
    <x v="115"/>
    <x v="14"/>
    <x v="2"/>
    <x v="16"/>
    <s v="Brother DCP1000 Digital 3 in 1 Multifunction Machine"/>
    <n v="599.98"/>
    <n v="2"/>
    <n v="209.99"/>
  </r>
  <r>
    <d v="2015-04-05T00:00:00"/>
    <x v="3"/>
    <x v="1"/>
    <x v="480"/>
    <x v="15"/>
    <x v="0"/>
    <x v="3"/>
    <s v="GBC DocuBind 300 Electric Binding Machine"/>
    <n v="157.79"/>
    <n v="1"/>
    <n v="-115.72"/>
  </r>
  <r>
    <d v="2015-04-05T00:00:00"/>
    <x v="3"/>
    <x v="1"/>
    <x v="243"/>
    <x v="2"/>
    <x v="0"/>
    <x v="12"/>
    <s v="Bionaire 99.97% HEPA Air Cleaner"/>
    <n v="98.11"/>
    <n v="7"/>
    <n v="18.399999999999999"/>
  </r>
  <r>
    <d v="2015-04-05T00:00:00"/>
    <x v="3"/>
    <x v="1"/>
    <x v="243"/>
    <x v="2"/>
    <x v="0"/>
    <x v="2"/>
    <s v="Fellowes High-Stak Drawer Files"/>
    <n v="563.80999999999995"/>
    <n v="4"/>
    <n v="21.14"/>
  </r>
  <r>
    <d v="2015-04-05T00:00:00"/>
    <x v="3"/>
    <x v="1"/>
    <x v="243"/>
    <x v="2"/>
    <x v="0"/>
    <x v="3"/>
    <s v="Cardinal Slant-D Ring Binders"/>
    <n v="10.43"/>
    <n v="4"/>
    <n v="-6.95"/>
  </r>
  <r>
    <d v="2015-04-05T00:00:00"/>
    <x v="3"/>
    <x v="1"/>
    <x v="243"/>
    <x v="2"/>
    <x v="1"/>
    <x v="8"/>
    <s v="Tenex Antistatic Computer Chair Mats"/>
    <n v="547.14"/>
    <n v="4"/>
    <n v="-68.39"/>
  </r>
  <r>
    <d v="2015-04-05T00:00:00"/>
    <x v="3"/>
    <x v="1"/>
    <x v="243"/>
    <x v="2"/>
    <x v="2"/>
    <x v="6"/>
    <s v="Cush Cases Heavy Duty Rugged Cover Case for Samsung Galaxy S5 - Purple"/>
    <n v="14.85"/>
    <n v="5"/>
    <n v="-3.22"/>
  </r>
  <r>
    <d v="2015-04-05T00:00:00"/>
    <x v="3"/>
    <x v="1"/>
    <x v="243"/>
    <x v="2"/>
    <x v="2"/>
    <x v="6"/>
    <s v="Speck Products Candyshell Flip Case"/>
    <n v="41.99"/>
    <n v="2"/>
    <n v="-9.8000000000000007"/>
  </r>
  <r>
    <d v="2015-04-05T00:00:00"/>
    <x v="3"/>
    <x v="1"/>
    <x v="243"/>
    <x v="2"/>
    <x v="1"/>
    <x v="8"/>
    <s v="DAX Charcoal/Nickel-Tone Document Frame, 5 x 7"/>
    <n v="7.58"/>
    <n v="1"/>
    <n v="2.37"/>
  </r>
  <r>
    <d v="2015-04-05T00:00:00"/>
    <x v="3"/>
    <x v="1"/>
    <x v="243"/>
    <x v="2"/>
    <x v="1"/>
    <x v="11"/>
    <s v="Bush Heritage Pine Collection 5-Shelf Bookcase, Albany Pine Finish, *Special Order"/>
    <n v="352.45"/>
    <n v="5"/>
    <n v="-211.47"/>
  </r>
  <r>
    <d v="2015-04-05T00:00:00"/>
    <x v="3"/>
    <x v="1"/>
    <x v="207"/>
    <x v="2"/>
    <x v="0"/>
    <x v="1"/>
    <s v="Avery 499"/>
    <n v="23.9"/>
    <n v="6"/>
    <n v="7.77"/>
  </r>
  <r>
    <d v="2015-04-05T00:00:00"/>
    <x v="3"/>
    <x v="1"/>
    <x v="27"/>
    <x v="3"/>
    <x v="1"/>
    <x v="5"/>
    <s v="GuestStacker Chair with Chrome Finish Legs"/>
    <n v="892.22"/>
    <n v="3"/>
    <n v="89.22"/>
  </r>
  <r>
    <d v="2015-04-05T00:00:00"/>
    <x v="3"/>
    <x v="1"/>
    <x v="259"/>
    <x v="22"/>
    <x v="2"/>
    <x v="9"/>
    <s v="SanDisk Ultra 64 GB MicroSDHC Class 10 Memory Card"/>
    <n v="239.94"/>
    <n v="6"/>
    <n v="26.39"/>
  </r>
  <r>
    <d v="2015-04-05T00:00:00"/>
    <x v="3"/>
    <x v="1"/>
    <x v="259"/>
    <x v="22"/>
    <x v="0"/>
    <x v="4"/>
    <s v="Dixon Ticonderoga Pencils"/>
    <n v="23.84"/>
    <n v="8"/>
    <n v="6.44"/>
  </r>
  <r>
    <d v="2015-04-06T00:00:00"/>
    <x v="3"/>
    <x v="1"/>
    <x v="426"/>
    <x v="0"/>
    <x v="0"/>
    <x v="4"/>
    <s v="Newell 312"/>
    <n v="42.05"/>
    <n v="9"/>
    <n v="5.26"/>
  </r>
  <r>
    <d v="2015-04-06T00:00:00"/>
    <x v="3"/>
    <x v="1"/>
    <x v="426"/>
    <x v="0"/>
    <x v="2"/>
    <x v="9"/>
    <s v="Maxell 4.7GB DVD-RW 3/Pack"/>
    <n v="25.49"/>
    <n v="2"/>
    <n v="4.46"/>
  </r>
  <r>
    <d v="2015-04-06T00:00:00"/>
    <x v="3"/>
    <x v="1"/>
    <x v="426"/>
    <x v="0"/>
    <x v="0"/>
    <x v="3"/>
    <s v="Ibico Covers for Plastic or Wire Binding Elements"/>
    <n v="6.9"/>
    <n v="3"/>
    <n v="-12.08"/>
  </r>
  <r>
    <d v="2015-04-06T00:00:00"/>
    <x v="3"/>
    <x v="1"/>
    <x v="426"/>
    <x v="0"/>
    <x v="0"/>
    <x v="3"/>
    <s v="Fellowes Twister Kit, Gray/Clear, 3/pkg"/>
    <n v="9.65"/>
    <n v="6"/>
    <n v="-16.88"/>
  </r>
  <r>
    <d v="2015-04-06T00:00:00"/>
    <x v="3"/>
    <x v="1"/>
    <x v="426"/>
    <x v="0"/>
    <x v="0"/>
    <x v="0"/>
    <s v="Xerox 1949"/>
    <n v="7.97"/>
    <n v="2"/>
    <n v="2.89"/>
  </r>
  <r>
    <d v="2015-04-06T00:00:00"/>
    <x v="3"/>
    <x v="1"/>
    <x v="294"/>
    <x v="25"/>
    <x v="0"/>
    <x v="0"/>
    <s v="Xerox 1884"/>
    <n v="47.95"/>
    <n v="3"/>
    <n v="16.18"/>
  </r>
  <r>
    <d v="2015-04-07T00:00:00"/>
    <x v="3"/>
    <x v="1"/>
    <x v="184"/>
    <x v="0"/>
    <x v="0"/>
    <x v="12"/>
    <s v="Hoover Upright Vacuum With Dirt Cup"/>
    <n v="463.25"/>
    <n v="8"/>
    <n v="-1181.28"/>
  </r>
  <r>
    <d v="2015-04-07T00:00:00"/>
    <x v="3"/>
    <x v="1"/>
    <x v="184"/>
    <x v="0"/>
    <x v="2"/>
    <x v="9"/>
    <s v="Razer Kraken PRO Over Ear PC and Music Headset"/>
    <n v="383.95"/>
    <n v="6"/>
    <n v="47.99"/>
  </r>
  <r>
    <d v="2015-04-07T00:00:00"/>
    <x v="3"/>
    <x v="1"/>
    <x v="365"/>
    <x v="2"/>
    <x v="0"/>
    <x v="4"/>
    <s v="Newell 331"/>
    <n v="11.74"/>
    <n v="3"/>
    <n v="1.03"/>
  </r>
  <r>
    <d v="2015-04-07T00:00:00"/>
    <x v="3"/>
    <x v="1"/>
    <x v="218"/>
    <x v="20"/>
    <x v="0"/>
    <x v="0"/>
    <s v="Xerox 192"/>
    <n v="25.92"/>
    <n v="4"/>
    <n v="12.44"/>
  </r>
  <r>
    <d v="2015-04-07T00:00:00"/>
    <x v="3"/>
    <x v="1"/>
    <x v="218"/>
    <x v="20"/>
    <x v="0"/>
    <x v="2"/>
    <s v="X-Rack File for Hanging Folders"/>
    <n v="22.58"/>
    <n v="2"/>
    <n v="5.87"/>
  </r>
  <r>
    <d v="2015-04-09T00:00:00"/>
    <x v="3"/>
    <x v="1"/>
    <x v="144"/>
    <x v="3"/>
    <x v="1"/>
    <x v="13"/>
    <s v="Laminate Occasional Tables"/>
    <n v="369.91"/>
    <n v="3"/>
    <n v="-13.87"/>
  </r>
  <r>
    <d v="2015-04-09T00:00:00"/>
    <x v="3"/>
    <x v="1"/>
    <x v="260"/>
    <x v="20"/>
    <x v="0"/>
    <x v="2"/>
    <s v="Perma STOR-ALL Hanging File Box, 13 1/8&quot;W x 12 1/4&quot;D x 10 1/2&quot;H"/>
    <n v="17.940000000000001"/>
    <n v="3"/>
    <n v="3.05"/>
  </r>
  <r>
    <d v="2015-04-09T00:00:00"/>
    <x v="3"/>
    <x v="1"/>
    <x v="466"/>
    <x v="37"/>
    <x v="0"/>
    <x v="12"/>
    <s v="Honeywell Enviracaire Portable HEPA Air Cleaner for up to 10 x 16 Room"/>
    <n v="370.14"/>
    <n v="3"/>
    <n v="144.35"/>
  </r>
  <r>
    <d v="2015-04-10T00:00:00"/>
    <x v="3"/>
    <x v="1"/>
    <x v="441"/>
    <x v="3"/>
    <x v="0"/>
    <x v="3"/>
    <s v="Insertable Tab Post Binder Dividers"/>
    <n v="12.83"/>
    <n v="2"/>
    <n v="4.33"/>
  </r>
  <r>
    <d v="2015-04-10T00:00:00"/>
    <x v="3"/>
    <x v="1"/>
    <x v="469"/>
    <x v="20"/>
    <x v="0"/>
    <x v="2"/>
    <s v="Steel Personal Filing/Posting Tote"/>
    <n v="142.04"/>
    <n v="4"/>
    <n v="38.35"/>
  </r>
  <r>
    <d v="2015-04-10T00:00:00"/>
    <x v="3"/>
    <x v="1"/>
    <x v="469"/>
    <x v="20"/>
    <x v="0"/>
    <x v="4"/>
    <s v="Faber Castell Col-Erase Pencils"/>
    <n v="14.67"/>
    <n v="3"/>
    <n v="6.01"/>
  </r>
  <r>
    <d v="2015-04-11T00:00:00"/>
    <x v="3"/>
    <x v="1"/>
    <x v="145"/>
    <x v="20"/>
    <x v="2"/>
    <x v="9"/>
    <s v="Maxell 4.7GB DVD-R"/>
    <n v="85.14"/>
    <n v="3"/>
    <n v="34.909999999999997"/>
  </r>
  <r>
    <d v="2015-04-11T00:00:00"/>
    <x v="3"/>
    <x v="1"/>
    <x v="145"/>
    <x v="20"/>
    <x v="2"/>
    <x v="6"/>
    <s v="OtterBox Commuter Series Case - iPhone 5 &amp; 5s"/>
    <n v="21.99"/>
    <n v="1"/>
    <n v="10.56"/>
  </r>
  <r>
    <d v="2015-04-11T00:00:00"/>
    <x v="3"/>
    <x v="1"/>
    <x v="145"/>
    <x v="20"/>
    <x v="0"/>
    <x v="12"/>
    <s v="Kensington 4 Outlet MasterPiece Compact Power Control Center"/>
    <n v="406.6"/>
    <n v="5"/>
    <n v="113.85"/>
  </r>
  <r>
    <d v="2015-04-11T00:00:00"/>
    <x v="3"/>
    <x v="1"/>
    <x v="378"/>
    <x v="16"/>
    <x v="1"/>
    <x v="8"/>
    <s v="Executive Impressions Supervisor Wall Clock"/>
    <n v="67.36"/>
    <n v="2"/>
    <n v="10.1"/>
  </r>
  <r>
    <d v="2015-04-11T00:00:00"/>
    <x v="3"/>
    <x v="1"/>
    <x v="378"/>
    <x v="16"/>
    <x v="1"/>
    <x v="8"/>
    <s v="Executive Impressions 14&quot; Two-Color Numerals Wall Clock"/>
    <n v="54.53"/>
    <n v="3"/>
    <n v="14.31"/>
  </r>
  <r>
    <d v="2015-04-11T00:00:00"/>
    <x v="3"/>
    <x v="1"/>
    <x v="539"/>
    <x v="3"/>
    <x v="2"/>
    <x v="16"/>
    <s v="Canon PC-428 Personal Copier"/>
    <n v="639.97"/>
    <n v="4"/>
    <n v="215.99"/>
  </r>
  <r>
    <d v="2015-04-11T00:00:00"/>
    <x v="3"/>
    <x v="1"/>
    <x v="539"/>
    <x v="3"/>
    <x v="0"/>
    <x v="0"/>
    <s v="Easy-staple paper"/>
    <n v="52.76"/>
    <n v="2"/>
    <n v="24.27"/>
  </r>
  <r>
    <d v="2015-04-12T00:00:00"/>
    <x v="3"/>
    <x v="1"/>
    <x v="629"/>
    <x v="22"/>
    <x v="0"/>
    <x v="2"/>
    <s v="Rogers Jumbo File, Granite"/>
    <n v="40.74"/>
    <n v="3"/>
    <n v="0.41"/>
  </r>
  <r>
    <d v="2015-04-13T00:00:00"/>
    <x v="3"/>
    <x v="1"/>
    <x v="456"/>
    <x v="3"/>
    <x v="2"/>
    <x v="9"/>
    <s v="Plantronics Audio 478 Stereo USB Headset"/>
    <n v="199.96"/>
    <n v="4"/>
    <n v="69.989999999999995"/>
  </r>
  <r>
    <d v="2015-04-13T00:00:00"/>
    <x v="3"/>
    <x v="1"/>
    <x v="456"/>
    <x v="3"/>
    <x v="1"/>
    <x v="13"/>
    <s v="Hon 94000 Series Round Tables"/>
    <n v="710.83"/>
    <n v="3"/>
    <n v="-97.74"/>
  </r>
  <r>
    <d v="2015-04-13T00:00:00"/>
    <x v="3"/>
    <x v="1"/>
    <x v="630"/>
    <x v="31"/>
    <x v="0"/>
    <x v="14"/>
    <s v="Martin-Yale Premier Letter Opener"/>
    <n v="12.88"/>
    <n v="1"/>
    <n v="0.39"/>
  </r>
  <r>
    <d v="2015-04-13T00:00:00"/>
    <x v="3"/>
    <x v="1"/>
    <x v="631"/>
    <x v="12"/>
    <x v="0"/>
    <x v="0"/>
    <s v="Xerox 210"/>
    <n v="31.1"/>
    <n v="6"/>
    <n v="10.89"/>
  </r>
  <r>
    <d v="2015-04-13T00:00:00"/>
    <x v="3"/>
    <x v="1"/>
    <x v="631"/>
    <x v="12"/>
    <x v="0"/>
    <x v="0"/>
    <s v="Xerox 1973"/>
    <n v="54.82"/>
    <n v="3"/>
    <n v="17.82"/>
  </r>
  <r>
    <d v="2015-04-13T00:00:00"/>
    <x v="3"/>
    <x v="1"/>
    <x v="478"/>
    <x v="3"/>
    <x v="1"/>
    <x v="8"/>
    <s v="Flat Face Poster Frame"/>
    <n v="37.68"/>
    <n v="2"/>
    <n v="15.83"/>
  </r>
  <r>
    <d v="2015-04-13T00:00:00"/>
    <x v="3"/>
    <x v="1"/>
    <x v="478"/>
    <x v="3"/>
    <x v="2"/>
    <x v="6"/>
    <s v="Aastra 57i VoIP phone"/>
    <n v="258.58"/>
    <n v="2"/>
    <n v="19.39"/>
  </r>
  <r>
    <d v="2015-04-13T00:00:00"/>
    <x v="3"/>
    <x v="1"/>
    <x v="478"/>
    <x v="3"/>
    <x v="0"/>
    <x v="12"/>
    <s v="3M Replacement Filter for Office Air Cleaner for 20' x 33' Room"/>
    <n v="75.84"/>
    <n v="2"/>
    <n v="29.58"/>
  </r>
  <r>
    <d v="2015-04-13T00:00:00"/>
    <x v="3"/>
    <x v="1"/>
    <x v="331"/>
    <x v="40"/>
    <x v="0"/>
    <x v="3"/>
    <s v="Fellowes Black Plastic Comb Bindings"/>
    <n v="17.43"/>
    <n v="3"/>
    <n v="8.02"/>
  </r>
  <r>
    <d v="2015-04-13T00:00:00"/>
    <x v="3"/>
    <x v="1"/>
    <x v="632"/>
    <x v="3"/>
    <x v="1"/>
    <x v="13"/>
    <s v="Iceberg OfficeWorks 42&quot; Round Tables"/>
    <n v="241.57"/>
    <n v="2"/>
    <n v="-15.1"/>
  </r>
  <r>
    <d v="2015-04-13T00:00:00"/>
    <x v="3"/>
    <x v="1"/>
    <x v="632"/>
    <x v="3"/>
    <x v="2"/>
    <x v="6"/>
    <s v="Polycom CX600 IP Phone VoIP phone"/>
    <n v="479.92"/>
    <n v="2"/>
    <n v="41.99"/>
  </r>
  <r>
    <d v="2015-04-13T00:00:00"/>
    <x v="3"/>
    <x v="1"/>
    <x v="433"/>
    <x v="12"/>
    <x v="0"/>
    <x v="2"/>
    <s v="Neat Ideas Personal Hanging Folder Files, Black"/>
    <n v="10.74"/>
    <n v="1"/>
    <n v="0.81"/>
  </r>
  <r>
    <d v="2015-04-13T00:00:00"/>
    <x v="3"/>
    <x v="1"/>
    <x v="558"/>
    <x v="0"/>
    <x v="1"/>
    <x v="13"/>
    <s v="Chromcraft Bull-Nose Wood Round Conference Table Top, Wood Base"/>
    <n v="609.98"/>
    <n v="4"/>
    <n v="-113.28"/>
  </r>
  <r>
    <d v="2015-04-13T00:00:00"/>
    <x v="3"/>
    <x v="1"/>
    <x v="558"/>
    <x v="0"/>
    <x v="1"/>
    <x v="13"/>
    <s v="Iceberg OfficeWorks 42&quot; Round Tables"/>
    <n v="211.37"/>
    <n v="2"/>
    <n v="-45.29"/>
  </r>
  <r>
    <d v="2015-04-13T00:00:00"/>
    <x v="3"/>
    <x v="1"/>
    <x v="558"/>
    <x v="0"/>
    <x v="2"/>
    <x v="6"/>
    <s v="Apple iPhone 5C"/>
    <n v="239.98"/>
    <n v="3"/>
    <n v="18"/>
  </r>
  <r>
    <d v="2015-04-14T00:00:00"/>
    <x v="3"/>
    <x v="1"/>
    <x v="633"/>
    <x v="11"/>
    <x v="0"/>
    <x v="12"/>
    <s v="Acco Smartsocket Color-Coded Six-Outlet AC Adapter Model Surge Protectors"/>
    <n v="35.21"/>
    <n v="1"/>
    <n v="2.64"/>
  </r>
  <r>
    <d v="2015-04-16T00:00:00"/>
    <x v="3"/>
    <x v="1"/>
    <x v="161"/>
    <x v="10"/>
    <x v="0"/>
    <x v="12"/>
    <s v="Belkin F9H710-06 7 Outlet SurgeMaster Surge Protector"/>
    <n v="45.22"/>
    <n v="3"/>
    <n v="4.5199999999999996"/>
  </r>
  <r>
    <d v="2015-04-16T00:00:00"/>
    <x v="3"/>
    <x v="1"/>
    <x v="161"/>
    <x v="10"/>
    <x v="0"/>
    <x v="7"/>
    <s v="Super Bands, 12/Pack"/>
    <n v="10.42"/>
    <n v="7"/>
    <n v="-2.21"/>
  </r>
  <r>
    <d v="2015-04-16T00:00:00"/>
    <x v="3"/>
    <x v="1"/>
    <x v="161"/>
    <x v="10"/>
    <x v="0"/>
    <x v="4"/>
    <s v="Crayola Colored Pencils"/>
    <n v="7.87"/>
    <n v="3"/>
    <n v="1.28"/>
  </r>
  <r>
    <d v="2015-04-16T00:00:00"/>
    <x v="3"/>
    <x v="1"/>
    <x v="161"/>
    <x v="10"/>
    <x v="2"/>
    <x v="6"/>
    <s v="Plantronics 81402"/>
    <n v="118.78"/>
    <n v="3"/>
    <n v="-27.72"/>
  </r>
  <r>
    <d v="2015-04-16T00:00:00"/>
    <x v="3"/>
    <x v="1"/>
    <x v="161"/>
    <x v="10"/>
    <x v="0"/>
    <x v="7"/>
    <s v="Assorted Color Push Pins"/>
    <n v="1.45"/>
    <n v="1"/>
    <n v="0.24"/>
  </r>
  <r>
    <d v="2015-04-16T00:00:00"/>
    <x v="3"/>
    <x v="1"/>
    <x v="161"/>
    <x v="10"/>
    <x v="0"/>
    <x v="3"/>
    <s v="GBC Velobind Prepunched Cover Sets, Regency Series"/>
    <n v="55.47"/>
    <n v="5"/>
    <n v="-46.23"/>
  </r>
  <r>
    <d v="2015-04-16T00:00:00"/>
    <x v="3"/>
    <x v="1"/>
    <x v="396"/>
    <x v="2"/>
    <x v="0"/>
    <x v="7"/>
    <s v="Staples"/>
    <n v="12.58"/>
    <n v="4"/>
    <n v="4.09"/>
  </r>
  <r>
    <d v="2015-04-16T00:00:00"/>
    <x v="3"/>
    <x v="1"/>
    <x v="417"/>
    <x v="1"/>
    <x v="2"/>
    <x v="16"/>
    <s v="Canon PC940 Copier"/>
    <n v="1439.97"/>
    <n v="4"/>
    <n v="485.99"/>
  </r>
  <r>
    <d v="2015-04-16T00:00:00"/>
    <x v="3"/>
    <x v="1"/>
    <x v="417"/>
    <x v="1"/>
    <x v="2"/>
    <x v="9"/>
    <s v="Logitech Keyboard K120"/>
    <n v="43.56"/>
    <n v="3"/>
    <n v="-4.9000000000000004"/>
  </r>
  <r>
    <d v="2015-04-16T00:00:00"/>
    <x v="3"/>
    <x v="1"/>
    <x v="172"/>
    <x v="6"/>
    <x v="2"/>
    <x v="6"/>
    <s v="Konftel 250 ConferenceÂ phoneÂ - Charcoal black"/>
    <n v="569.64"/>
    <n v="2"/>
    <n v="148.11000000000001"/>
  </r>
  <r>
    <d v="2015-04-16T00:00:00"/>
    <x v="3"/>
    <x v="1"/>
    <x v="172"/>
    <x v="6"/>
    <x v="0"/>
    <x v="3"/>
    <s v="Cardinal EasyOpen D-Ring Binders"/>
    <n v="9.14"/>
    <n v="1"/>
    <n v="4.57"/>
  </r>
  <r>
    <d v="2015-04-16T00:00:00"/>
    <x v="3"/>
    <x v="1"/>
    <x v="172"/>
    <x v="6"/>
    <x v="1"/>
    <x v="8"/>
    <s v="Tenex Antistatic Computer Chair Mats"/>
    <n v="1196.8599999999999"/>
    <n v="7"/>
    <n v="119.69"/>
  </r>
  <r>
    <d v="2015-04-16T00:00:00"/>
    <x v="3"/>
    <x v="1"/>
    <x v="172"/>
    <x v="6"/>
    <x v="1"/>
    <x v="11"/>
    <s v="O'Sullivan 3-Shelf Heavy-Duty Bookcases"/>
    <n v="523.26"/>
    <n v="9"/>
    <n v="125.58"/>
  </r>
  <r>
    <d v="2015-04-16T00:00:00"/>
    <x v="3"/>
    <x v="1"/>
    <x v="491"/>
    <x v="20"/>
    <x v="1"/>
    <x v="5"/>
    <s v="Novimex Turbo Task Chair"/>
    <n v="127.76"/>
    <n v="2"/>
    <n v="2.84"/>
  </r>
  <r>
    <d v="2015-04-17T00:00:00"/>
    <x v="3"/>
    <x v="1"/>
    <x v="208"/>
    <x v="3"/>
    <x v="0"/>
    <x v="4"/>
    <s v="Prang Drawing Pencil Set"/>
    <n v="5.56"/>
    <n v="2"/>
    <n v="2.2200000000000002"/>
  </r>
  <r>
    <d v="2015-04-17T00:00:00"/>
    <x v="3"/>
    <x v="1"/>
    <x v="208"/>
    <x v="3"/>
    <x v="2"/>
    <x v="9"/>
    <s v="Plantronics S12 Corded Telephone Headset System"/>
    <n v="323.37"/>
    <n v="3"/>
    <n v="129.35"/>
  </r>
  <r>
    <d v="2015-04-17T00:00:00"/>
    <x v="3"/>
    <x v="1"/>
    <x v="208"/>
    <x v="3"/>
    <x v="2"/>
    <x v="6"/>
    <s v="Plantronics Calisto P620-M USB Wireless Speakerphone System"/>
    <n v="783.96"/>
    <n v="5"/>
    <n v="68.599999999999994"/>
  </r>
  <r>
    <d v="2015-04-17T00:00:00"/>
    <x v="3"/>
    <x v="1"/>
    <x v="208"/>
    <x v="3"/>
    <x v="0"/>
    <x v="12"/>
    <s v="Hoover Upright Vacuum With Dirt Cup"/>
    <n v="1447.65"/>
    <n v="5"/>
    <n v="419.82"/>
  </r>
  <r>
    <d v="2015-04-17T00:00:00"/>
    <x v="3"/>
    <x v="1"/>
    <x v="208"/>
    <x v="3"/>
    <x v="0"/>
    <x v="0"/>
    <s v="Xerox 1903"/>
    <n v="11.96"/>
    <n v="2"/>
    <n v="5.86"/>
  </r>
  <r>
    <d v="2015-04-17T00:00:00"/>
    <x v="3"/>
    <x v="1"/>
    <x v="401"/>
    <x v="20"/>
    <x v="2"/>
    <x v="9"/>
    <s v="Enermax Acrylux Wireless Keyboard"/>
    <n v="99.6"/>
    <n v="1"/>
    <n v="36.85"/>
  </r>
  <r>
    <d v="2015-04-17T00:00:00"/>
    <x v="3"/>
    <x v="1"/>
    <x v="401"/>
    <x v="20"/>
    <x v="0"/>
    <x v="3"/>
    <s v="DXL Angle-View Binders with Locking Rings, Black"/>
    <n v="62.3"/>
    <n v="13"/>
    <n v="21.02"/>
  </r>
  <r>
    <d v="2015-04-17T00:00:00"/>
    <x v="3"/>
    <x v="1"/>
    <x v="401"/>
    <x v="20"/>
    <x v="0"/>
    <x v="4"/>
    <s v="Barrel Sharpener"/>
    <n v="10.71"/>
    <n v="3"/>
    <n v="2.78"/>
  </r>
  <r>
    <d v="2015-04-18T00:00:00"/>
    <x v="3"/>
    <x v="1"/>
    <x v="0"/>
    <x v="18"/>
    <x v="0"/>
    <x v="3"/>
    <s v="C-Line Peel &amp; Stick Add-On Filing Pockets, 8-3/4 x 5-1/8, 10/Pack"/>
    <n v="38.22"/>
    <n v="6"/>
    <n v="17.96"/>
  </r>
  <r>
    <d v="2015-04-18T00:00:00"/>
    <x v="3"/>
    <x v="1"/>
    <x v="0"/>
    <x v="18"/>
    <x v="0"/>
    <x v="1"/>
    <s v="Avery 485"/>
    <n v="75.180000000000007"/>
    <n v="6"/>
    <n v="35.33"/>
  </r>
  <r>
    <d v="2015-04-18T00:00:00"/>
    <x v="3"/>
    <x v="1"/>
    <x v="0"/>
    <x v="18"/>
    <x v="1"/>
    <x v="8"/>
    <s v="Longer-Life Soft White Bulbs"/>
    <n v="6.16"/>
    <n v="2"/>
    <n v="2.96"/>
  </r>
  <r>
    <d v="2015-04-18T00:00:00"/>
    <x v="3"/>
    <x v="1"/>
    <x v="0"/>
    <x v="18"/>
    <x v="1"/>
    <x v="5"/>
    <s v="Global Leather Task Chair, Black"/>
    <n v="89.99"/>
    <n v="1"/>
    <n v="17.100000000000001"/>
  </r>
  <r>
    <d v="2015-04-18T00:00:00"/>
    <x v="3"/>
    <x v="1"/>
    <x v="439"/>
    <x v="8"/>
    <x v="2"/>
    <x v="9"/>
    <s v="Memorex Froggy Flash Drive 8 GB"/>
    <n v="106.5"/>
    <n v="6"/>
    <n v="41.54"/>
  </r>
  <r>
    <d v="2015-04-18T00:00:00"/>
    <x v="3"/>
    <x v="1"/>
    <x v="334"/>
    <x v="20"/>
    <x v="0"/>
    <x v="1"/>
    <s v="Avery 486"/>
    <n v="21.93"/>
    <n v="3"/>
    <n v="10.31"/>
  </r>
  <r>
    <d v="2015-04-18T00:00:00"/>
    <x v="3"/>
    <x v="1"/>
    <x v="354"/>
    <x v="3"/>
    <x v="0"/>
    <x v="2"/>
    <s v="Tennsco Stur-D-Stor Boltless Shelving, 5 Shelves, 24&quot; Deep, Sand"/>
    <n v="947.17"/>
    <n v="7"/>
    <n v="9.4700000000000006"/>
  </r>
  <r>
    <d v="2015-04-18T00:00:00"/>
    <x v="3"/>
    <x v="1"/>
    <x v="354"/>
    <x v="3"/>
    <x v="0"/>
    <x v="0"/>
    <s v="Xerox 19"/>
    <n v="61.96"/>
    <n v="2"/>
    <n v="27.88"/>
  </r>
  <r>
    <d v="2015-04-18T00:00:00"/>
    <x v="3"/>
    <x v="1"/>
    <x v="180"/>
    <x v="3"/>
    <x v="0"/>
    <x v="2"/>
    <s v="Advantus Rolling Drawer Organizers"/>
    <n v="115.44"/>
    <n v="3"/>
    <n v="30.01"/>
  </r>
  <r>
    <d v="2015-04-18T00:00:00"/>
    <x v="3"/>
    <x v="1"/>
    <x v="634"/>
    <x v="0"/>
    <x v="2"/>
    <x v="9"/>
    <s v="TRENDnet 56K USB 2.0 Phone, Internet and Fax Modem"/>
    <n v="41.42"/>
    <n v="2"/>
    <n v="8.2799999999999994"/>
  </r>
  <r>
    <d v="2015-04-18T00:00:00"/>
    <x v="3"/>
    <x v="1"/>
    <x v="634"/>
    <x v="0"/>
    <x v="2"/>
    <x v="6"/>
    <s v="Grandstream GXP2100 Mainstream Business Phone"/>
    <n v="244.77"/>
    <n v="4"/>
    <n v="24.48"/>
  </r>
  <r>
    <d v="2015-04-18T00:00:00"/>
    <x v="3"/>
    <x v="1"/>
    <x v="634"/>
    <x v="0"/>
    <x v="0"/>
    <x v="4"/>
    <s v="Boston School Pro Electric Pencil Sharpener, 1670"/>
    <n v="74.349999999999994"/>
    <n v="3"/>
    <n v="6.51"/>
  </r>
  <r>
    <d v="2015-04-18T00:00:00"/>
    <x v="3"/>
    <x v="1"/>
    <x v="634"/>
    <x v="0"/>
    <x v="0"/>
    <x v="3"/>
    <s v="GBC Standard Recycled Report Covers, Clear Plastic Sheets"/>
    <n v="4.3099999999999996"/>
    <n v="2"/>
    <n v="-6.9"/>
  </r>
  <r>
    <d v="2015-04-18T00:00:00"/>
    <x v="3"/>
    <x v="1"/>
    <x v="634"/>
    <x v="0"/>
    <x v="1"/>
    <x v="5"/>
    <s v="Global Geo Office Task Chair, Gray"/>
    <n v="56.69"/>
    <n v="1"/>
    <n v="-20.25"/>
  </r>
  <r>
    <d v="2015-04-18T00:00:00"/>
    <x v="3"/>
    <x v="1"/>
    <x v="634"/>
    <x v="0"/>
    <x v="2"/>
    <x v="6"/>
    <s v="Lunatik TT5L-002 Taktik Strike Impact Protection System for iPhone 5"/>
    <n v="97.97"/>
    <n v="2"/>
    <n v="6.12"/>
  </r>
  <r>
    <d v="2015-04-18T00:00:00"/>
    <x v="3"/>
    <x v="1"/>
    <x v="634"/>
    <x v="0"/>
    <x v="0"/>
    <x v="4"/>
    <s v="Newell 348"/>
    <n v="7.87"/>
    <n v="3"/>
    <n v="0.89"/>
  </r>
  <r>
    <d v="2015-04-18T00:00:00"/>
    <x v="3"/>
    <x v="1"/>
    <x v="634"/>
    <x v="0"/>
    <x v="0"/>
    <x v="0"/>
    <s v="Xerox 1994"/>
    <n v="15.55"/>
    <n v="3"/>
    <n v="5.44"/>
  </r>
  <r>
    <d v="2015-04-18T00:00:00"/>
    <x v="3"/>
    <x v="1"/>
    <x v="634"/>
    <x v="0"/>
    <x v="0"/>
    <x v="3"/>
    <s v="GBC Plastic Binding Combs"/>
    <n v="1.48"/>
    <n v="1"/>
    <n v="-2.29"/>
  </r>
  <r>
    <d v="2015-04-19T00:00:00"/>
    <x v="3"/>
    <x v="1"/>
    <x v="190"/>
    <x v="0"/>
    <x v="0"/>
    <x v="12"/>
    <s v="Fellowes Premier Superior Surge Suppressor, 10-Outlet, With Phone and Remote"/>
    <n v="19.57"/>
    <n v="2"/>
    <n v="-52.83"/>
  </r>
  <r>
    <d v="2015-04-19T00:00:00"/>
    <x v="3"/>
    <x v="1"/>
    <x v="190"/>
    <x v="0"/>
    <x v="0"/>
    <x v="3"/>
    <s v="Fellowes PB300 Plastic Comb Binding Machine"/>
    <n v="310.39"/>
    <n v="4"/>
    <n v="-512.15"/>
  </r>
  <r>
    <d v="2015-04-20T00:00:00"/>
    <x v="3"/>
    <x v="1"/>
    <x v="161"/>
    <x v="4"/>
    <x v="2"/>
    <x v="6"/>
    <s v="Pyle PMP37LED"/>
    <n v="287.97000000000003"/>
    <n v="3"/>
    <n v="77.75"/>
  </r>
  <r>
    <d v="2015-04-20T00:00:00"/>
    <x v="3"/>
    <x v="1"/>
    <x v="161"/>
    <x v="4"/>
    <x v="1"/>
    <x v="8"/>
    <s v="GE 48&quot; Fluorescent Tube, Cool White Energy Saver, 34 Watts, 30/Box"/>
    <n v="595.38"/>
    <n v="6"/>
    <n v="297.69"/>
  </r>
  <r>
    <d v="2015-04-20T00:00:00"/>
    <x v="3"/>
    <x v="1"/>
    <x v="161"/>
    <x v="4"/>
    <x v="0"/>
    <x v="0"/>
    <s v="Xerox 2"/>
    <n v="12.96"/>
    <n v="2"/>
    <n v="6.22"/>
  </r>
  <r>
    <d v="2015-04-20T00:00:00"/>
    <x v="3"/>
    <x v="1"/>
    <x v="414"/>
    <x v="0"/>
    <x v="0"/>
    <x v="0"/>
    <s v="Xerox 1916"/>
    <n v="117.46"/>
    <n v="3"/>
    <n v="44.05"/>
  </r>
  <r>
    <d v="2015-04-20T00:00:00"/>
    <x v="3"/>
    <x v="1"/>
    <x v="635"/>
    <x v="14"/>
    <x v="0"/>
    <x v="10"/>
    <s v="Tyvek Side-Opening Peel &amp; Seel Expanding Envelopes"/>
    <n v="180.96"/>
    <n v="2"/>
    <n v="81.430000000000007"/>
  </r>
  <r>
    <d v="2015-04-21T00:00:00"/>
    <x v="3"/>
    <x v="1"/>
    <x v="636"/>
    <x v="5"/>
    <x v="1"/>
    <x v="5"/>
    <s v="Global Deluxe Office Fabric Chairs"/>
    <n v="191.96"/>
    <n v="2"/>
    <n v="51.83"/>
  </r>
  <r>
    <d v="2015-04-21T00:00:00"/>
    <x v="3"/>
    <x v="1"/>
    <x v="636"/>
    <x v="5"/>
    <x v="0"/>
    <x v="3"/>
    <s v="Wilson Jones Hanging View Binder, White, 1&quot;"/>
    <n v="21.3"/>
    <n v="3"/>
    <n v="9.8000000000000007"/>
  </r>
  <r>
    <d v="2015-04-21T00:00:00"/>
    <x v="3"/>
    <x v="1"/>
    <x v="636"/>
    <x v="5"/>
    <x v="2"/>
    <x v="6"/>
    <s v="Jabra SPEAK 410"/>
    <n v="469.95"/>
    <n v="5"/>
    <n v="131.59"/>
  </r>
  <r>
    <d v="2015-04-21T00:00:00"/>
    <x v="3"/>
    <x v="1"/>
    <x v="636"/>
    <x v="5"/>
    <x v="1"/>
    <x v="8"/>
    <s v="Tenex &quot;The Solids&quot; Textured Chair Mats"/>
    <n v="209.88"/>
    <n v="3"/>
    <n v="35.68"/>
  </r>
  <r>
    <d v="2015-04-22T00:00:00"/>
    <x v="3"/>
    <x v="1"/>
    <x v="86"/>
    <x v="3"/>
    <x v="2"/>
    <x v="6"/>
    <s v="Logitech B530 USBÂ HeadsetÂ -Â headsetÂ - Full size, Binaural"/>
    <n v="88.78"/>
    <n v="3"/>
    <n v="7.77"/>
  </r>
  <r>
    <d v="2015-04-22T00:00:00"/>
    <x v="3"/>
    <x v="1"/>
    <x v="86"/>
    <x v="3"/>
    <x v="0"/>
    <x v="4"/>
    <s v="Boston 1730 StandUp Electric Pencil Sharpener"/>
    <n v="64.14"/>
    <n v="3"/>
    <n v="16.68"/>
  </r>
  <r>
    <d v="2015-04-24T00:00:00"/>
    <x v="3"/>
    <x v="1"/>
    <x v="35"/>
    <x v="20"/>
    <x v="0"/>
    <x v="4"/>
    <s v="BOSTON Ranger #55 Pencil Sharpener, Black"/>
    <n v="25.99"/>
    <n v="1"/>
    <n v="7.54"/>
  </r>
  <r>
    <d v="2015-04-25T00:00:00"/>
    <x v="3"/>
    <x v="1"/>
    <x v="65"/>
    <x v="3"/>
    <x v="0"/>
    <x v="3"/>
    <s v="Fellowes Black Plastic Comb Bindings"/>
    <n v="13.94"/>
    <n v="3"/>
    <n v="4.53"/>
  </r>
  <r>
    <d v="2015-04-25T00:00:00"/>
    <x v="3"/>
    <x v="1"/>
    <x v="315"/>
    <x v="20"/>
    <x v="0"/>
    <x v="12"/>
    <s v="Holmes Replacement Filter for HEPA Air Cleaner, Very Large Room, HEPA Filter"/>
    <n v="206.43"/>
    <n v="3"/>
    <n v="90.83"/>
  </r>
  <r>
    <d v="2015-04-25T00:00:00"/>
    <x v="3"/>
    <x v="1"/>
    <x v="603"/>
    <x v="21"/>
    <x v="0"/>
    <x v="4"/>
    <s v="Newell 324"/>
    <n v="57.75"/>
    <n v="5"/>
    <n v="16.170000000000002"/>
  </r>
  <r>
    <d v="2015-04-25T00:00:00"/>
    <x v="3"/>
    <x v="1"/>
    <x v="603"/>
    <x v="21"/>
    <x v="0"/>
    <x v="12"/>
    <s v="Belkin 5 Outlet SurgeMaster Power Centers"/>
    <n v="272.39999999999998"/>
    <n v="5"/>
    <n v="76.27"/>
  </r>
  <r>
    <d v="2015-04-25T00:00:00"/>
    <x v="3"/>
    <x v="1"/>
    <x v="456"/>
    <x v="1"/>
    <x v="0"/>
    <x v="2"/>
    <s v="SAFCO Commercial Wire Shelving, Black"/>
    <n v="221.02"/>
    <n v="2"/>
    <n v="-55.26"/>
  </r>
  <r>
    <d v="2015-04-25T00:00:00"/>
    <x v="3"/>
    <x v="1"/>
    <x v="456"/>
    <x v="1"/>
    <x v="1"/>
    <x v="5"/>
    <s v="Global Armless Task Chair, Royal Blue"/>
    <n v="128.06"/>
    <n v="3"/>
    <n v="-23.78"/>
  </r>
  <r>
    <d v="2015-04-25T00:00:00"/>
    <x v="3"/>
    <x v="1"/>
    <x v="637"/>
    <x v="3"/>
    <x v="0"/>
    <x v="10"/>
    <s v="Laser &amp; Ink Jet Business Envelopes"/>
    <n v="21.34"/>
    <n v="2"/>
    <n v="9.82"/>
  </r>
  <r>
    <d v="2015-04-26T00:00:00"/>
    <x v="3"/>
    <x v="1"/>
    <x v="264"/>
    <x v="15"/>
    <x v="1"/>
    <x v="5"/>
    <s v="High-Back Leather Manager's Chair"/>
    <n v="831.94"/>
    <n v="8"/>
    <n v="-114.39"/>
  </r>
  <r>
    <d v="2015-04-26T00:00:00"/>
    <x v="3"/>
    <x v="1"/>
    <x v="264"/>
    <x v="15"/>
    <x v="1"/>
    <x v="8"/>
    <s v="Tenex Traditional Chairmats for Medium Pile Carpet, Standard Lip, 36&quot; x 48&quot;"/>
    <n v="97.04"/>
    <n v="2"/>
    <n v="1.21"/>
  </r>
  <r>
    <d v="2015-04-26T00:00:00"/>
    <x v="3"/>
    <x v="1"/>
    <x v="264"/>
    <x v="15"/>
    <x v="0"/>
    <x v="2"/>
    <s v="Safco Industrial Wire Shelving System"/>
    <n v="72.78"/>
    <n v="1"/>
    <n v="-18.2"/>
  </r>
  <r>
    <d v="2015-04-26T00:00:00"/>
    <x v="3"/>
    <x v="1"/>
    <x v="517"/>
    <x v="0"/>
    <x v="1"/>
    <x v="5"/>
    <s v="Hon 4070 Series Pagoda Armless Upholstered Stacking Chairs"/>
    <n v="408.42"/>
    <n v="2"/>
    <n v="-5.83"/>
  </r>
  <r>
    <d v="2015-04-26T00:00:00"/>
    <x v="3"/>
    <x v="1"/>
    <x v="620"/>
    <x v="3"/>
    <x v="1"/>
    <x v="5"/>
    <s v="SAFCO Optional Arm Kit for Workspace Cribbage Stacking Chair"/>
    <n v="63.94"/>
    <n v="3"/>
    <n v="6.39"/>
  </r>
  <r>
    <d v="2015-04-26T00:00:00"/>
    <x v="3"/>
    <x v="1"/>
    <x v="620"/>
    <x v="3"/>
    <x v="0"/>
    <x v="4"/>
    <s v="Newell 345"/>
    <n v="59.52"/>
    <n v="3"/>
    <n v="15.48"/>
  </r>
  <r>
    <d v="2015-04-26T00:00:00"/>
    <x v="3"/>
    <x v="1"/>
    <x v="620"/>
    <x v="3"/>
    <x v="2"/>
    <x v="6"/>
    <s v="RCA ViSYS 25825 Wireless digital phone"/>
    <n v="311.98"/>
    <n v="3"/>
    <n v="39"/>
  </r>
  <r>
    <d v="2015-04-26T00:00:00"/>
    <x v="3"/>
    <x v="1"/>
    <x v="620"/>
    <x v="3"/>
    <x v="0"/>
    <x v="3"/>
    <s v="GBC Premium Transparent Covers with Diagonal Lined Pattern"/>
    <n v="50.35"/>
    <n v="3"/>
    <n v="17.62"/>
  </r>
  <r>
    <d v="2015-04-26T00:00:00"/>
    <x v="3"/>
    <x v="1"/>
    <x v="52"/>
    <x v="16"/>
    <x v="1"/>
    <x v="13"/>
    <s v="Bretford CR4500 Series Slim Rectangular Table"/>
    <n v="191.52"/>
    <n v="1"/>
    <n v="-76.61"/>
  </r>
  <r>
    <d v="2015-04-26T00:00:00"/>
    <x v="3"/>
    <x v="1"/>
    <x v="52"/>
    <x v="16"/>
    <x v="0"/>
    <x v="4"/>
    <s v="Crayola Colored Pencils"/>
    <n v="2.62"/>
    <n v="1"/>
    <n v="0.43"/>
  </r>
  <r>
    <d v="2015-04-27T00:00:00"/>
    <x v="3"/>
    <x v="1"/>
    <x v="217"/>
    <x v="44"/>
    <x v="0"/>
    <x v="4"/>
    <s v="Staples in misc. colors"/>
    <n v="22.74"/>
    <n v="3"/>
    <n v="8.8699999999999992"/>
  </r>
  <r>
    <d v="2015-04-27T00:00:00"/>
    <x v="3"/>
    <x v="1"/>
    <x v="217"/>
    <x v="44"/>
    <x v="1"/>
    <x v="5"/>
    <s v="Global Comet Stacking Arm Chair"/>
    <n v="1267.53"/>
    <n v="3"/>
    <n v="316.88"/>
  </r>
  <r>
    <d v="2015-04-27T00:00:00"/>
    <x v="3"/>
    <x v="1"/>
    <x v="217"/>
    <x v="44"/>
    <x v="2"/>
    <x v="15"/>
    <s v="Cisco SPA525G2 5-Line IP Phone"/>
    <n v="1379.92"/>
    <n v="8"/>
    <n v="648.55999999999995"/>
  </r>
  <r>
    <d v="2015-04-27T00:00:00"/>
    <x v="3"/>
    <x v="1"/>
    <x v="529"/>
    <x v="26"/>
    <x v="0"/>
    <x v="12"/>
    <s v="Belkin 6 Outlet Metallic Surge Strip"/>
    <n v="43.56"/>
    <n v="5"/>
    <n v="3.27"/>
  </r>
  <r>
    <d v="2015-04-27T00:00:00"/>
    <x v="3"/>
    <x v="1"/>
    <x v="529"/>
    <x v="26"/>
    <x v="0"/>
    <x v="14"/>
    <s v="Acme Value Line Scissors"/>
    <n v="5.84"/>
    <n v="2"/>
    <n v="0.73"/>
  </r>
  <r>
    <d v="2015-04-28T00:00:00"/>
    <x v="3"/>
    <x v="1"/>
    <x v="277"/>
    <x v="0"/>
    <x v="0"/>
    <x v="12"/>
    <s v="Holmes Odor Grabber"/>
    <n v="8.65"/>
    <n v="3"/>
    <n v="-20.329999999999998"/>
  </r>
  <r>
    <d v="2015-04-28T00:00:00"/>
    <x v="3"/>
    <x v="1"/>
    <x v="277"/>
    <x v="0"/>
    <x v="0"/>
    <x v="2"/>
    <s v="Akro-Mils 12-Gallon Tote"/>
    <n v="23.83"/>
    <n v="3"/>
    <n v="2.68"/>
  </r>
  <r>
    <d v="2015-04-28T00:00:00"/>
    <x v="3"/>
    <x v="1"/>
    <x v="277"/>
    <x v="0"/>
    <x v="0"/>
    <x v="3"/>
    <s v="GBC Twin Loop Wire Binding Elements, 9/16&quot; Spine, Black"/>
    <n v="12.18"/>
    <n v="4"/>
    <n v="-18.87"/>
  </r>
  <r>
    <d v="2015-04-28T00:00:00"/>
    <x v="3"/>
    <x v="1"/>
    <x v="26"/>
    <x v="14"/>
    <x v="0"/>
    <x v="12"/>
    <s v="Kensington 7 Outlet MasterPiece Power Center with Fax/Phone Line Protection"/>
    <n v="186.73"/>
    <n v="1"/>
    <n v="41.5"/>
  </r>
  <r>
    <d v="2015-04-28T00:00:00"/>
    <x v="3"/>
    <x v="1"/>
    <x v="26"/>
    <x v="14"/>
    <x v="0"/>
    <x v="3"/>
    <s v="Fellowes PB500 Electric Punch Plastic Comb Binding Machine with Manual Bind"/>
    <n v="3812.97"/>
    <n v="3"/>
    <n v="1906.49"/>
  </r>
  <r>
    <d v="2015-04-29T00:00:00"/>
    <x v="3"/>
    <x v="1"/>
    <x v="412"/>
    <x v="2"/>
    <x v="0"/>
    <x v="0"/>
    <s v="Xerox 1949"/>
    <n v="7.97"/>
    <n v="2"/>
    <n v="2.89"/>
  </r>
  <r>
    <d v="2015-04-30T00:00:00"/>
    <x v="3"/>
    <x v="1"/>
    <x v="152"/>
    <x v="1"/>
    <x v="1"/>
    <x v="5"/>
    <s v="Global Value Mid-Back Manager's Chair, Gray"/>
    <n v="213.12"/>
    <n v="5"/>
    <n v="-15.22"/>
  </r>
  <r>
    <d v="2015-04-30T00:00:00"/>
    <x v="3"/>
    <x v="1"/>
    <x v="157"/>
    <x v="10"/>
    <x v="2"/>
    <x v="6"/>
    <s v="Cisco Unified IP Phone 7945G VoIP phone"/>
    <n v="1022.97"/>
    <n v="5"/>
    <n v="-255.74"/>
  </r>
  <r>
    <d v="2015-04-30T00:00:00"/>
    <x v="3"/>
    <x v="1"/>
    <x v="127"/>
    <x v="3"/>
    <x v="0"/>
    <x v="4"/>
    <s v="Newell 324"/>
    <n v="34.65"/>
    <n v="3"/>
    <n v="9.6999999999999993"/>
  </r>
  <r>
    <d v="2015-04-30T00:00:00"/>
    <x v="3"/>
    <x v="1"/>
    <x v="127"/>
    <x v="3"/>
    <x v="2"/>
    <x v="6"/>
    <s v="Cush Cases Heavy Duty Rugged Cover Case for Samsung Galaxy S5 - Purple"/>
    <n v="19.8"/>
    <n v="5"/>
    <n v="1.73"/>
  </r>
  <r>
    <d v="2015-04-30T00:00:00"/>
    <x v="3"/>
    <x v="1"/>
    <x v="638"/>
    <x v="32"/>
    <x v="1"/>
    <x v="8"/>
    <s v="Eldon 200 Class Desk Accessories, Burgundy"/>
    <n v="31.4"/>
    <n v="5"/>
    <n v="13.19"/>
  </r>
  <r>
    <d v="2015-04-30T00:00:00"/>
    <x v="3"/>
    <x v="1"/>
    <x v="638"/>
    <x v="32"/>
    <x v="1"/>
    <x v="8"/>
    <s v="DAX Two-Tone Rosewood/Black Document Frame, Desktop, 5 x 7"/>
    <n v="9.48"/>
    <n v="1"/>
    <n v="3.79"/>
  </r>
  <r>
    <d v="2015-04-30T00:00:00"/>
    <x v="3"/>
    <x v="1"/>
    <x v="638"/>
    <x v="32"/>
    <x v="2"/>
    <x v="6"/>
    <s v="iKross Bluetooth Portable Keyboard + Cell Phone Stand Holder + Brush for Apple iPhone 5S 5C 5, 4S 4"/>
    <n v="209.5"/>
    <n v="10"/>
    <n v="58.66"/>
  </r>
  <r>
    <d v="2015-04-30T00:00:00"/>
    <x v="3"/>
    <x v="1"/>
    <x v="638"/>
    <x v="32"/>
    <x v="1"/>
    <x v="8"/>
    <s v="Eldon ImÃ ge Series Desk Accessories, Clear"/>
    <n v="24.3"/>
    <n v="5"/>
    <n v="10.45"/>
  </r>
  <r>
    <d v="2015-04-30T00:00:00"/>
    <x v="3"/>
    <x v="1"/>
    <x v="638"/>
    <x v="32"/>
    <x v="0"/>
    <x v="0"/>
    <s v="Weyerhaeuser First Choice Laser/Copy Paper (20Lb. and 88 Bright)"/>
    <n v="6.48"/>
    <n v="1"/>
    <n v="3.11"/>
  </r>
  <r>
    <d v="2015-05-01T00:00:00"/>
    <x v="4"/>
    <x v="1"/>
    <x v="403"/>
    <x v="3"/>
    <x v="2"/>
    <x v="6"/>
    <s v="OtterBox Defender Series Case - iPhone 5c"/>
    <n v="88.75"/>
    <n v="3"/>
    <n v="11.09"/>
  </r>
  <r>
    <d v="2015-05-01T00:00:00"/>
    <x v="4"/>
    <x v="1"/>
    <x v="639"/>
    <x v="16"/>
    <x v="1"/>
    <x v="8"/>
    <s v="DAX Black Cherry Wood-Tone Poster Frame"/>
    <n v="63.55"/>
    <n v="3"/>
    <n v="14.3"/>
  </r>
  <r>
    <d v="2015-05-01T00:00:00"/>
    <x v="4"/>
    <x v="1"/>
    <x v="639"/>
    <x v="16"/>
    <x v="0"/>
    <x v="14"/>
    <s v="Fiskars 8&quot; Scissors, 2/Pack"/>
    <n v="41.38"/>
    <n v="3"/>
    <n v="4.6500000000000004"/>
  </r>
  <r>
    <d v="2015-05-01T00:00:00"/>
    <x v="4"/>
    <x v="1"/>
    <x v="639"/>
    <x v="16"/>
    <x v="0"/>
    <x v="4"/>
    <s v="Panasonic KP-380BK Classic Electric Pencil Sharpener"/>
    <n v="172.7"/>
    <n v="6"/>
    <n v="10.79"/>
  </r>
  <r>
    <d v="2015-05-01T00:00:00"/>
    <x v="4"/>
    <x v="1"/>
    <x v="487"/>
    <x v="3"/>
    <x v="0"/>
    <x v="3"/>
    <s v="GBC Twin Loop Wire Binding Elements, 9/16&quot; Spine, Black"/>
    <n v="12.18"/>
    <n v="1"/>
    <n v="4.41"/>
  </r>
  <r>
    <d v="2015-05-01T00:00:00"/>
    <x v="4"/>
    <x v="1"/>
    <x v="487"/>
    <x v="3"/>
    <x v="0"/>
    <x v="2"/>
    <s v="Eldon Simplefile Box Office"/>
    <n v="37.32"/>
    <n v="3"/>
    <n v="10.45"/>
  </r>
  <r>
    <d v="2015-05-01T00:00:00"/>
    <x v="4"/>
    <x v="1"/>
    <x v="487"/>
    <x v="3"/>
    <x v="0"/>
    <x v="14"/>
    <s v="Acme 10&quot; Easy Grip Assistive Scissors"/>
    <n v="35.06"/>
    <n v="2"/>
    <n v="10.52"/>
  </r>
  <r>
    <d v="2015-05-02T00:00:00"/>
    <x v="4"/>
    <x v="1"/>
    <x v="479"/>
    <x v="0"/>
    <x v="0"/>
    <x v="1"/>
    <s v="Avery 501"/>
    <n v="8.86"/>
    <n v="3"/>
    <n v="2.99"/>
  </r>
  <r>
    <d v="2015-05-02T00:00:00"/>
    <x v="4"/>
    <x v="1"/>
    <x v="479"/>
    <x v="0"/>
    <x v="2"/>
    <x v="6"/>
    <s v="Samsung Rugby III"/>
    <n v="158.38"/>
    <n v="3"/>
    <n v="13.86"/>
  </r>
  <r>
    <d v="2015-05-03T00:00:00"/>
    <x v="4"/>
    <x v="1"/>
    <x v="640"/>
    <x v="3"/>
    <x v="1"/>
    <x v="8"/>
    <s v="Rubbermaid ClusterMat Chairmats, Mat Size- 66&quot; x 60&quot;, Lip 20&quot; x 11&quot; -90 Degree Angle"/>
    <n v="665.88"/>
    <n v="6"/>
    <n v="106.54"/>
  </r>
  <r>
    <d v="2015-05-03T00:00:00"/>
    <x v="4"/>
    <x v="1"/>
    <x v="149"/>
    <x v="2"/>
    <x v="0"/>
    <x v="4"/>
    <s v="Sanford Prismacolor Professional Thick Lead Art Pencils, 36-Color Set"/>
    <n v="59.9"/>
    <n v="2"/>
    <n v="14.23"/>
  </r>
  <r>
    <d v="2015-05-03T00:00:00"/>
    <x v="4"/>
    <x v="1"/>
    <x v="149"/>
    <x v="2"/>
    <x v="0"/>
    <x v="12"/>
    <s v="Holmes Replacement Filter for HEPA Air Cleaner, Large Room"/>
    <n v="23.7"/>
    <n v="2"/>
    <n v="6.52"/>
  </r>
  <r>
    <d v="2015-05-03T00:00:00"/>
    <x v="4"/>
    <x v="1"/>
    <x v="149"/>
    <x v="2"/>
    <x v="0"/>
    <x v="0"/>
    <s v="Xerox 1897"/>
    <n v="7.97"/>
    <n v="2"/>
    <n v="2.89"/>
  </r>
  <r>
    <d v="2015-05-03T00:00:00"/>
    <x v="4"/>
    <x v="1"/>
    <x v="149"/>
    <x v="2"/>
    <x v="0"/>
    <x v="12"/>
    <s v="Bravo II Megaboss 12-Amp Hard Body Upright, Replacement Belts, 2 Belts per Pack"/>
    <n v="18.2"/>
    <n v="7"/>
    <n v="2.0499999999999998"/>
  </r>
  <r>
    <d v="2015-05-03T00:00:00"/>
    <x v="4"/>
    <x v="1"/>
    <x v="149"/>
    <x v="2"/>
    <x v="2"/>
    <x v="9"/>
    <s v="SanDisk Cruzer 16 GB USB Flash Drive"/>
    <n v="27.55"/>
    <n v="3"/>
    <n v="-0.34"/>
  </r>
  <r>
    <d v="2015-05-03T00:00:00"/>
    <x v="4"/>
    <x v="1"/>
    <x v="149"/>
    <x v="2"/>
    <x v="1"/>
    <x v="5"/>
    <s v="Global Leather Highback Executive Chair with Pneumatic Height Adjustment, Black"/>
    <n v="844.12"/>
    <n v="6"/>
    <n v="-36.18"/>
  </r>
  <r>
    <d v="2015-05-03T00:00:00"/>
    <x v="4"/>
    <x v="1"/>
    <x v="149"/>
    <x v="2"/>
    <x v="0"/>
    <x v="2"/>
    <s v="Fellowes Bankers Box Stor/Drawer Steel Plus"/>
    <n v="76.75"/>
    <n v="3"/>
    <n v="-9.59"/>
  </r>
  <r>
    <d v="2015-05-03T00:00:00"/>
    <x v="4"/>
    <x v="1"/>
    <x v="641"/>
    <x v="3"/>
    <x v="0"/>
    <x v="4"/>
    <s v="Newell 317"/>
    <n v="8.82"/>
    <n v="3"/>
    <n v="2.56"/>
  </r>
  <r>
    <d v="2015-05-03T00:00:00"/>
    <x v="4"/>
    <x v="1"/>
    <x v="641"/>
    <x v="3"/>
    <x v="0"/>
    <x v="3"/>
    <s v="Ibico Recycled Linen-Style Covers"/>
    <n v="62.5"/>
    <n v="2"/>
    <n v="21.87"/>
  </r>
  <r>
    <d v="2015-05-03T00:00:00"/>
    <x v="4"/>
    <x v="1"/>
    <x v="641"/>
    <x v="3"/>
    <x v="2"/>
    <x v="9"/>
    <s v="LogitechÂ Gaming G510s - Keyboard"/>
    <n v="339.96"/>
    <n v="4"/>
    <n v="122.39"/>
  </r>
  <r>
    <d v="2015-05-03T00:00:00"/>
    <x v="4"/>
    <x v="1"/>
    <x v="641"/>
    <x v="3"/>
    <x v="0"/>
    <x v="3"/>
    <s v="GBC Linen Binding Covers"/>
    <n v="49.57"/>
    <n v="2"/>
    <n v="17.350000000000001"/>
  </r>
  <r>
    <d v="2015-05-03T00:00:00"/>
    <x v="4"/>
    <x v="1"/>
    <x v="155"/>
    <x v="3"/>
    <x v="0"/>
    <x v="3"/>
    <s v="Avery Binding System Hidden Tab Executive Style Index Sets"/>
    <n v="13.85"/>
    <n v="3"/>
    <n v="5.19"/>
  </r>
  <r>
    <d v="2015-05-04T00:00:00"/>
    <x v="4"/>
    <x v="1"/>
    <x v="464"/>
    <x v="20"/>
    <x v="1"/>
    <x v="8"/>
    <s v="Electrix 20W Halogen Replacement Bulb for Zoom-In Desk Lamp"/>
    <n v="26.8"/>
    <n v="2"/>
    <n v="12.86"/>
  </r>
  <r>
    <d v="2015-05-04T00:00:00"/>
    <x v="4"/>
    <x v="1"/>
    <x v="174"/>
    <x v="1"/>
    <x v="1"/>
    <x v="8"/>
    <s v="Staple-based wall hangings"/>
    <n v="22.29"/>
    <n v="7"/>
    <n v="-8.92"/>
  </r>
  <r>
    <d v="2015-05-04T00:00:00"/>
    <x v="4"/>
    <x v="1"/>
    <x v="123"/>
    <x v="0"/>
    <x v="2"/>
    <x v="6"/>
    <s v="ShoreTel ShorePhone IP 230 VoIP phone"/>
    <n v="946.34"/>
    <n v="7"/>
    <n v="118.29"/>
  </r>
  <r>
    <d v="2015-05-04T00:00:00"/>
    <x v="4"/>
    <x v="1"/>
    <x v="642"/>
    <x v="18"/>
    <x v="0"/>
    <x v="4"/>
    <s v="Model L Table or Wall-Mount Pencil Sharpener"/>
    <n v="125.93"/>
    <n v="7"/>
    <n v="35.26"/>
  </r>
  <r>
    <d v="2015-05-07T00:00:00"/>
    <x v="4"/>
    <x v="1"/>
    <x v="643"/>
    <x v="0"/>
    <x v="1"/>
    <x v="13"/>
    <s v="Chromcraft Round Conference Tables"/>
    <n v="244.01"/>
    <n v="2"/>
    <n v="-31.37"/>
  </r>
  <r>
    <d v="2015-05-07T00:00:00"/>
    <x v="4"/>
    <x v="1"/>
    <x v="643"/>
    <x v="0"/>
    <x v="0"/>
    <x v="0"/>
    <s v="Xerox 198"/>
    <n v="15.94"/>
    <n v="4"/>
    <n v="5.38"/>
  </r>
  <r>
    <d v="2015-05-07T00:00:00"/>
    <x v="4"/>
    <x v="1"/>
    <x v="393"/>
    <x v="5"/>
    <x v="0"/>
    <x v="0"/>
    <s v="Xerox 1902"/>
    <n v="45.68"/>
    <n v="2"/>
    <n v="21.01"/>
  </r>
  <r>
    <d v="2015-05-08T00:00:00"/>
    <x v="4"/>
    <x v="1"/>
    <x v="595"/>
    <x v="10"/>
    <x v="1"/>
    <x v="8"/>
    <s v="Eldon Regeneration Recycled Desk Accessories, Smoke"/>
    <n v="8.35"/>
    <n v="6"/>
    <n v="1.25"/>
  </r>
  <r>
    <d v="2015-05-08T00:00:00"/>
    <x v="4"/>
    <x v="1"/>
    <x v="158"/>
    <x v="11"/>
    <x v="0"/>
    <x v="4"/>
    <s v="Newell 321"/>
    <n v="5.25"/>
    <n v="2"/>
    <n v="0.59"/>
  </r>
  <r>
    <d v="2015-05-08T00:00:00"/>
    <x v="4"/>
    <x v="1"/>
    <x v="392"/>
    <x v="28"/>
    <x v="0"/>
    <x v="3"/>
    <s v="Wilson Jones Legal Size Ring Binders"/>
    <n v="43.98"/>
    <n v="2"/>
    <n v="21.99"/>
  </r>
  <r>
    <d v="2015-05-08T00:00:00"/>
    <x v="4"/>
    <x v="1"/>
    <x v="392"/>
    <x v="28"/>
    <x v="2"/>
    <x v="6"/>
    <s v="VTech DS6151"/>
    <n v="377.97"/>
    <n v="3"/>
    <n v="105.83"/>
  </r>
  <r>
    <d v="2015-05-08T00:00:00"/>
    <x v="4"/>
    <x v="1"/>
    <x v="392"/>
    <x v="28"/>
    <x v="1"/>
    <x v="8"/>
    <s v="Deflect-o EconoMat Studded, No Bevel Mat for Low Pile Carpeting"/>
    <n v="123.96"/>
    <n v="3"/>
    <n v="11.16"/>
  </r>
  <r>
    <d v="2015-05-08T00:00:00"/>
    <x v="4"/>
    <x v="1"/>
    <x v="314"/>
    <x v="20"/>
    <x v="0"/>
    <x v="0"/>
    <s v="Xerox 1912"/>
    <n v="37.94"/>
    <n v="2"/>
    <n v="18.21"/>
  </r>
  <r>
    <d v="2015-05-08T00:00:00"/>
    <x v="4"/>
    <x v="1"/>
    <x v="262"/>
    <x v="20"/>
    <x v="1"/>
    <x v="8"/>
    <s v="DAX Black Cherry Wood-Tone Poster Frame"/>
    <n v="79.44"/>
    <n v="3"/>
    <n v="30.19"/>
  </r>
  <r>
    <d v="2015-05-08T00:00:00"/>
    <x v="4"/>
    <x v="1"/>
    <x v="262"/>
    <x v="20"/>
    <x v="0"/>
    <x v="14"/>
    <s v="Compact Automatic Electric Letter Opener"/>
    <n v="357.93"/>
    <n v="3"/>
    <n v="7.16"/>
  </r>
  <r>
    <d v="2015-05-08T00:00:00"/>
    <x v="4"/>
    <x v="1"/>
    <x v="262"/>
    <x v="20"/>
    <x v="1"/>
    <x v="5"/>
    <s v="Situations Contoured Folding Chairs, 4/Set"/>
    <n v="127.76"/>
    <n v="2"/>
    <n v="21.29"/>
  </r>
  <r>
    <d v="2015-05-08T00:00:00"/>
    <x v="4"/>
    <x v="1"/>
    <x v="262"/>
    <x v="20"/>
    <x v="2"/>
    <x v="16"/>
    <s v="Sharp AL-1530CS Digital Copier"/>
    <n v="2799.94"/>
    <n v="7"/>
    <n v="1014.98"/>
  </r>
  <r>
    <d v="2015-05-08T00:00:00"/>
    <x v="4"/>
    <x v="1"/>
    <x v="262"/>
    <x v="20"/>
    <x v="0"/>
    <x v="0"/>
    <s v="Xerox 204"/>
    <n v="19.440000000000001"/>
    <n v="3"/>
    <n v="9.33"/>
  </r>
  <r>
    <d v="2015-05-09T00:00:00"/>
    <x v="4"/>
    <x v="1"/>
    <x v="297"/>
    <x v="5"/>
    <x v="0"/>
    <x v="3"/>
    <s v="Acco Flexible ACCOHIDE Square Ring Data Binder, Dark Blue, 11 1/2&quot; X 14&quot; 7/8&quot;"/>
    <n v="48.81"/>
    <n v="3"/>
    <n v="23.92"/>
  </r>
  <r>
    <d v="2015-05-10T00:00:00"/>
    <x v="4"/>
    <x v="1"/>
    <x v="285"/>
    <x v="1"/>
    <x v="0"/>
    <x v="12"/>
    <s v="Tripp Lite Isotel 8 Ultra 8 Outlet Metal Surge"/>
    <n v="70.97"/>
    <n v="5"/>
    <n v="-191.62"/>
  </r>
  <r>
    <d v="2015-05-10T00:00:00"/>
    <x v="4"/>
    <x v="1"/>
    <x v="285"/>
    <x v="1"/>
    <x v="0"/>
    <x v="4"/>
    <s v="Boston KS Multi-Size Manual Pencil Sharpener"/>
    <n v="36.78"/>
    <n v="2"/>
    <n v="3.68"/>
  </r>
  <r>
    <d v="2015-05-10T00:00:00"/>
    <x v="4"/>
    <x v="1"/>
    <x v="513"/>
    <x v="26"/>
    <x v="2"/>
    <x v="9"/>
    <s v="Belkin Standard 104 key USB Keyboard"/>
    <n v="46.69"/>
    <n v="4"/>
    <n v="-2.92"/>
  </r>
  <r>
    <d v="2015-05-11T00:00:00"/>
    <x v="4"/>
    <x v="1"/>
    <x v="152"/>
    <x v="12"/>
    <x v="1"/>
    <x v="5"/>
    <s v="Global Chrome Stack Chair"/>
    <n v="191.97"/>
    <n v="7"/>
    <n v="16.8"/>
  </r>
  <r>
    <d v="2015-05-12T00:00:00"/>
    <x v="4"/>
    <x v="1"/>
    <x v="106"/>
    <x v="3"/>
    <x v="0"/>
    <x v="0"/>
    <s v="Xerox 1962"/>
    <n v="12.84"/>
    <n v="3"/>
    <n v="5.78"/>
  </r>
  <r>
    <d v="2015-05-12T00:00:00"/>
    <x v="4"/>
    <x v="1"/>
    <x v="106"/>
    <x v="3"/>
    <x v="0"/>
    <x v="0"/>
    <s v="Xerox 1953"/>
    <n v="25.68"/>
    <n v="6"/>
    <n v="11.56"/>
  </r>
  <r>
    <d v="2015-05-12T00:00:00"/>
    <x v="4"/>
    <x v="1"/>
    <x v="374"/>
    <x v="26"/>
    <x v="2"/>
    <x v="6"/>
    <s v="VTech DS6151"/>
    <n v="201.58"/>
    <n v="2"/>
    <n v="20.16"/>
  </r>
  <r>
    <d v="2015-05-12T00:00:00"/>
    <x v="4"/>
    <x v="1"/>
    <x v="86"/>
    <x v="20"/>
    <x v="0"/>
    <x v="2"/>
    <s v="Portable Personal File Box"/>
    <n v="36.630000000000003"/>
    <n v="3"/>
    <n v="9.89"/>
  </r>
  <r>
    <d v="2015-05-12T00:00:00"/>
    <x v="4"/>
    <x v="1"/>
    <x v="644"/>
    <x v="22"/>
    <x v="0"/>
    <x v="3"/>
    <s v="Prestige Round Ring Binders"/>
    <n v="14.59"/>
    <n v="3"/>
    <n v="4.92"/>
  </r>
  <r>
    <d v="2015-05-12T00:00:00"/>
    <x v="4"/>
    <x v="1"/>
    <x v="229"/>
    <x v="0"/>
    <x v="1"/>
    <x v="8"/>
    <s v="DAX Wood Document Frame."/>
    <n v="21.97"/>
    <n v="4"/>
    <n v="-15.93"/>
  </r>
  <r>
    <d v="2015-05-12T00:00:00"/>
    <x v="4"/>
    <x v="1"/>
    <x v="229"/>
    <x v="0"/>
    <x v="2"/>
    <x v="6"/>
    <s v="Digium D40 VoIP phone"/>
    <n v="619.15"/>
    <n v="6"/>
    <n v="69.650000000000006"/>
  </r>
  <r>
    <d v="2015-05-12T00:00:00"/>
    <x v="4"/>
    <x v="1"/>
    <x v="229"/>
    <x v="0"/>
    <x v="0"/>
    <x v="0"/>
    <s v="Xerox 1964"/>
    <n v="127.9"/>
    <n v="7"/>
    <n v="41.57"/>
  </r>
  <r>
    <d v="2015-05-13T00:00:00"/>
    <x v="4"/>
    <x v="1"/>
    <x v="151"/>
    <x v="1"/>
    <x v="2"/>
    <x v="6"/>
    <s v="Toshiba IPT2010-SD IPÂ Telephone"/>
    <n v="222.38"/>
    <n v="2"/>
    <n v="16.68"/>
  </r>
  <r>
    <d v="2015-05-13T00:00:00"/>
    <x v="4"/>
    <x v="1"/>
    <x v="151"/>
    <x v="1"/>
    <x v="0"/>
    <x v="7"/>
    <s v="Advantus Plastic Paper Clips"/>
    <n v="16"/>
    <n v="4"/>
    <n v="5.6"/>
  </r>
  <r>
    <d v="2015-05-14T00:00:00"/>
    <x v="4"/>
    <x v="1"/>
    <x v="618"/>
    <x v="2"/>
    <x v="0"/>
    <x v="4"/>
    <s v="Boston School Pro Electric Pencil Sharpener, 1670"/>
    <n v="198.27"/>
    <n v="8"/>
    <n v="17.350000000000001"/>
  </r>
  <r>
    <d v="2015-05-14T00:00:00"/>
    <x v="4"/>
    <x v="1"/>
    <x v="618"/>
    <x v="2"/>
    <x v="0"/>
    <x v="1"/>
    <s v="Avery 490"/>
    <n v="47.36"/>
    <n v="4"/>
    <n v="17.760000000000002"/>
  </r>
  <r>
    <d v="2015-05-14T00:00:00"/>
    <x v="4"/>
    <x v="1"/>
    <x v="618"/>
    <x v="2"/>
    <x v="0"/>
    <x v="10"/>
    <s v="Jet-Pak Recycled Peel 'N' Seal Padded Mailers"/>
    <n v="200.98"/>
    <n v="7"/>
    <n v="62.81"/>
  </r>
  <r>
    <d v="2015-05-14T00:00:00"/>
    <x v="4"/>
    <x v="1"/>
    <x v="618"/>
    <x v="2"/>
    <x v="0"/>
    <x v="1"/>
    <s v="Avery 4027 File Folder Labels for Dot Matrix Printers, 5000 Labels per Box, White"/>
    <n v="97.7"/>
    <n v="4"/>
    <n v="31.75"/>
  </r>
  <r>
    <d v="2015-05-14T00:00:00"/>
    <x v="4"/>
    <x v="1"/>
    <x v="618"/>
    <x v="2"/>
    <x v="0"/>
    <x v="4"/>
    <s v="Binney &amp; Smith Crayola Metallic Crayons, 16-Color Pack"/>
    <n v="2.7"/>
    <n v="1"/>
    <n v="0.81"/>
  </r>
  <r>
    <d v="2015-05-14T00:00:00"/>
    <x v="4"/>
    <x v="1"/>
    <x v="618"/>
    <x v="2"/>
    <x v="0"/>
    <x v="3"/>
    <s v="GBC Linen Binding Covers"/>
    <n v="18.59"/>
    <n v="2"/>
    <n v="-13.63"/>
  </r>
  <r>
    <d v="2015-05-14T00:00:00"/>
    <x v="4"/>
    <x v="1"/>
    <x v="618"/>
    <x v="2"/>
    <x v="0"/>
    <x v="3"/>
    <s v="Wilson Jones Custom Binder Spines &amp; Labels"/>
    <n v="4.9000000000000004"/>
    <n v="3"/>
    <n v="-3.43"/>
  </r>
  <r>
    <d v="2015-05-14T00:00:00"/>
    <x v="4"/>
    <x v="1"/>
    <x v="459"/>
    <x v="3"/>
    <x v="0"/>
    <x v="2"/>
    <s v="Tennsco Snap-Together Open Shelving Units, Starter Sets and Add-On Units"/>
    <n v="1117.92"/>
    <n v="4"/>
    <n v="55.9"/>
  </r>
  <r>
    <d v="2015-05-14T00:00:00"/>
    <x v="4"/>
    <x v="1"/>
    <x v="595"/>
    <x v="3"/>
    <x v="1"/>
    <x v="11"/>
    <s v="Bush Andora Bookcase, Maple/Graphite Gray Finish"/>
    <n v="509.96"/>
    <n v="5"/>
    <n v="42"/>
  </r>
  <r>
    <d v="2015-05-14T00:00:00"/>
    <x v="4"/>
    <x v="1"/>
    <x v="595"/>
    <x v="3"/>
    <x v="1"/>
    <x v="8"/>
    <s v="Dana Halogen Swing-Arm Architect Lamp"/>
    <n v="122.91"/>
    <n v="3"/>
    <n v="34.409999999999997"/>
  </r>
  <r>
    <d v="2015-05-14T00:00:00"/>
    <x v="4"/>
    <x v="1"/>
    <x v="595"/>
    <x v="3"/>
    <x v="1"/>
    <x v="5"/>
    <s v="Novimex Fabric Task Chair"/>
    <n v="97.57"/>
    <n v="2"/>
    <n v="-6.1"/>
  </r>
  <r>
    <d v="2015-05-14T00:00:00"/>
    <x v="4"/>
    <x v="1"/>
    <x v="595"/>
    <x v="3"/>
    <x v="1"/>
    <x v="5"/>
    <s v="Global Leather and Oak Executive Chair, Black"/>
    <n v="722.35"/>
    <n v="3"/>
    <n v="81.260000000000005"/>
  </r>
  <r>
    <d v="2015-05-15T00:00:00"/>
    <x v="4"/>
    <x v="1"/>
    <x v="123"/>
    <x v="4"/>
    <x v="0"/>
    <x v="10"/>
    <s v="Wausau Papers Astrobrights Colored Envelopes"/>
    <n v="17.940000000000001"/>
    <n v="3"/>
    <n v="8.7899999999999991"/>
  </r>
  <r>
    <d v="2015-05-15T00:00:00"/>
    <x v="4"/>
    <x v="1"/>
    <x v="452"/>
    <x v="2"/>
    <x v="0"/>
    <x v="2"/>
    <s v="Fellowes Neat Ideas Storage Cubes"/>
    <n v="51.97"/>
    <n v="2"/>
    <n v="-10.39"/>
  </r>
  <r>
    <d v="2015-05-16T00:00:00"/>
    <x v="4"/>
    <x v="1"/>
    <x v="128"/>
    <x v="16"/>
    <x v="2"/>
    <x v="9"/>
    <s v="Razer Kraken PRO Over Ear PC and Music Headset"/>
    <n v="255.97"/>
    <n v="4"/>
    <n v="32"/>
  </r>
  <r>
    <d v="2015-05-17T00:00:00"/>
    <x v="4"/>
    <x v="1"/>
    <x v="402"/>
    <x v="0"/>
    <x v="0"/>
    <x v="3"/>
    <s v="GBC Twin Loop Wire Binding Elements"/>
    <n v="33.28"/>
    <n v="5"/>
    <n v="-49.92"/>
  </r>
  <r>
    <d v="2015-05-17T00:00:00"/>
    <x v="4"/>
    <x v="1"/>
    <x v="402"/>
    <x v="0"/>
    <x v="0"/>
    <x v="0"/>
    <s v="Things To Do Today Pad"/>
    <n v="14.09"/>
    <n v="3"/>
    <n v="4.93"/>
  </r>
  <r>
    <d v="2015-05-17T00:00:00"/>
    <x v="4"/>
    <x v="1"/>
    <x v="265"/>
    <x v="20"/>
    <x v="0"/>
    <x v="1"/>
    <s v="Self-Adhesive Removable Labels"/>
    <n v="31.5"/>
    <n v="10"/>
    <n v="15.12"/>
  </r>
  <r>
    <d v="2015-05-17T00:00:00"/>
    <x v="4"/>
    <x v="1"/>
    <x v="265"/>
    <x v="20"/>
    <x v="0"/>
    <x v="14"/>
    <s v="Acme Hot Forged Carbon Steel Scissors with Nickel-Plated Handles, 3 7/8&quot; Cut, 8&quot;L"/>
    <n v="55.6"/>
    <n v="4"/>
    <n v="16.12"/>
  </r>
  <r>
    <d v="2015-05-18T00:00:00"/>
    <x v="4"/>
    <x v="1"/>
    <x v="8"/>
    <x v="3"/>
    <x v="0"/>
    <x v="0"/>
    <s v="Wirebound Message Book, 4 per Page"/>
    <n v="10.86"/>
    <n v="2"/>
    <n v="5.32"/>
  </r>
  <r>
    <d v="2015-05-20T00:00:00"/>
    <x v="4"/>
    <x v="1"/>
    <x v="320"/>
    <x v="25"/>
    <x v="1"/>
    <x v="8"/>
    <s v="Dana Fluorescent Magnifying Lamp, White, 36&quot;"/>
    <n v="163.13999999999999"/>
    <n v="4"/>
    <n v="20.39"/>
  </r>
  <r>
    <d v="2015-05-20T00:00:00"/>
    <x v="4"/>
    <x v="1"/>
    <x v="320"/>
    <x v="25"/>
    <x v="0"/>
    <x v="3"/>
    <s v="Pressboard Data Binders by Wilson Jones"/>
    <n v="6.41"/>
    <n v="4"/>
    <n v="-4.91"/>
  </r>
  <r>
    <d v="2015-05-21T00:00:00"/>
    <x v="4"/>
    <x v="1"/>
    <x v="264"/>
    <x v="1"/>
    <x v="0"/>
    <x v="12"/>
    <s v="Fellowes Basic Home/Office Series Surge Protectors"/>
    <n v="20.77"/>
    <n v="8"/>
    <n v="-52.96"/>
  </r>
  <r>
    <d v="2015-05-21T00:00:00"/>
    <x v="4"/>
    <x v="1"/>
    <x v="311"/>
    <x v="22"/>
    <x v="0"/>
    <x v="3"/>
    <s v="Ibico Plastic and Wire Spiral Binding Combs"/>
    <n v="26.98"/>
    <n v="4"/>
    <n v="8.77"/>
  </r>
  <r>
    <d v="2015-05-21T00:00:00"/>
    <x v="4"/>
    <x v="1"/>
    <x v="418"/>
    <x v="2"/>
    <x v="0"/>
    <x v="3"/>
    <s v="Wilson Jones Ledger-Size, Piano-Hinge Binder, 2&quot;, Blue"/>
    <n v="24.59"/>
    <n v="2"/>
    <n v="-18.03"/>
  </r>
  <r>
    <d v="2015-05-22T00:00:00"/>
    <x v="4"/>
    <x v="1"/>
    <x v="417"/>
    <x v="3"/>
    <x v="0"/>
    <x v="1"/>
    <s v="Avery 476"/>
    <n v="8.26"/>
    <n v="2"/>
    <n v="3.8"/>
  </r>
  <r>
    <d v="2015-05-22T00:00:00"/>
    <x v="4"/>
    <x v="1"/>
    <x v="417"/>
    <x v="3"/>
    <x v="2"/>
    <x v="15"/>
    <s v="Zebra GX420t Direct Thermal/Thermal Transfer Printer"/>
    <n v="2973.32"/>
    <n v="7"/>
    <n v="334.5"/>
  </r>
  <r>
    <d v="2015-05-22T00:00:00"/>
    <x v="4"/>
    <x v="1"/>
    <x v="417"/>
    <x v="3"/>
    <x v="0"/>
    <x v="2"/>
    <s v="Pizazz Global Quick File"/>
    <n v="104.79"/>
    <n v="7"/>
    <n v="29.34"/>
  </r>
  <r>
    <d v="2015-05-22T00:00:00"/>
    <x v="4"/>
    <x v="1"/>
    <x v="417"/>
    <x v="3"/>
    <x v="2"/>
    <x v="6"/>
    <s v="Aastra 57i VoIP phone"/>
    <n v="775.73"/>
    <n v="6"/>
    <n v="58.18"/>
  </r>
  <r>
    <d v="2015-05-23T00:00:00"/>
    <x v="4"/>
    <x v="1"/>
    <x v="400"/>
    <x v="9"/>
    <x v="0"/>
    <x v="10"/>
    <s v="Cameo Buff Policy Envelopes"/>
    <n v="186.69"/>
    <n v="3"/>
    <n v="87.74"/>
  </r>
  <r>
    <d v="2015-05-23T00:00:00"/>
    <x v="4"/>
    <x v="1"/>
    <x v="185"/>
    <x v="12"/>
    <x v="0"/>
    <x v="3"/>
    <s v="Cardinal EasyOpen D-Ring Binders"/>
    <n v="19.190000000000001"/>
    <n v="7"/>
    <n v="-12.8"/>
  </r>
  <r>
    <d v="2015-05-23T00:00:00"/>
    <x v="4"/>
    <x v="1"/>
    <x v="185"/>
    <x v="12"/>
    <x v="0"/>
    <x v="12"/>
    <s v="Fellowes Superior 10 Outlet Split Surge Protector"/>
    <n v="121.79"/>
    <n v="4"/>
    <n v="13.7"/>
  </r>
  <r>
    <d v="2015-05-23T00:00:00"/>
    <x v="4"/>
    <x v="1"/>
    <x v="94"/>
    <x v="43"/>
    <x v="0"/>
    <x v="2"/>
    <s v="Advantus Rolling Storage Box"/>
    <n v="51.45"/>
    <n v="3"/>
    <n v="13.89"/>
  </r>
  <r>
    <d v="2015-05-23T00:00:00"/>
    <x v="4"/>
    <x v="1"/>
    <x v="39"/>
    <x v="14"/>
    <x v="0"/>
    <x v="12"/>
    <s v="Harmony Air Purifier"/>
    <n v="850.5"/>
    <n v="5"/>
    <n v="245.7"/>
  </r>
  <r>
    <d v="2015-05-23T00:00:00"/>
    <x v="4"/>
    <x v="1"/>
    <x v="39"/>
    <x v="14"/>
    <x v="1"/>
    <x v="8"/>
    <s v="Westinghouse Clip-On Gooseneck Lamps"/>
    <n v="75.33"/>
    <n v="9"/>
    <n v="19.59"/>
  </r>
  <r>
    <d v="2015-05-24T00:00:00"/>
    <x v="4"/>
    <x v="1"/>
    <x v="6"/>
    <x v="1"/>
    <x v="1"/>
    <x v="5"/>
    <s v="Global High-Back Leather Tilter, Burgundy"/>
    <n v="602.65"/>
    <n v="7"/>
    <n v="-163.58000000000001"/>
  </r>
  <r>
    <d v="2015-05-24T00:00:00"/>
    <x v="4"/>
    <x v="1"/>
    <x v="6"/>
    <x v="1"/>
    <x v="0"/>
    <x v="3"/>
    <s v="Avery Heavy-Duty EZD View Binder with Locking Rings"/>
    <n v="7.66"/>
    <n v="6"/>
    <n v="-13.02"/>
  </r>
  <r>
    <d v="2015-05-25T00:00:00"/>
    <x v="4"/>
    <x v="1"/>
    <x v="645"/>
    <x v="26"/>
    <x v="0"/>
    <x v="12"/>
    <s v="Kensington 4 Outlet MasterPiece Compact Power Control Center"/>
    <n v="845.73"/>
    <n v="13"/>
    <n v="84.57"/>
  </r>
  <r>
    <d v="2015-05-25T00:00:00"/>
    <x v="4"/>
    <x v="1"/>
    <x v="70"/>
    <x v="3"/>
    <x v="1"/>
    <x v="8"/>
    <s v="Ultra Door Push Plate"/>
    <n v="14.73"/>
    <n v="3"/>
    <n v="4.8600000000000003"/>
  </r>
  <r>
    <d v="2015-05-25T00:00:00"/>
    <x v="4"/>
    <x v="1"/>
    <x v="39"/>
    <x v="42"/>
    <x v="0"/>
    <x v="4"/>
    <s v="SANFORD Major Accent Highlighters"/>
    <n v="21.24"/>
    <n v="3"/>
    <n v="8.07"/>
  </r>
  <r>
    <d v="2015-05-25T00:00:00"/>
    <x v="4"/>
    <x v="1"/>
    <x v="39"/>
    <x v="42"/>
    <x v="0"/>
    <x v="3"/>
    <s v="GBC DocuBind P50 Personal Binding Machine"/>
    <n v="127.96"/>
    <n v="2"/>
    <n v="60.14"/>
  </r>
  <r>
    <d v="2015-05-25T00:00:00"/>
    <x v="4"/>
    <x v="1"/>
    <x v="563"/>
    <x v="15"/>
    <x v="2"/>
    <x v="6"/>
    <s v="Wi-Ex zBoost YX540 Cellular Phone Signal Booster"/>
    <n v="467.04"/>
    <n v="4"/>
    <n v="58.38"/>
  </r>
  <r>
    <d v="2015-05-25T00:00:00"/>
    <x v="4"/>
    <x v="1"/>
    <x v="22"/>
    <x v="0"/>
    <x v="0"/>
    <x v="14"/>
    <s v="Fiskars Spring-Action Scissors"/>
    <n v="22.37"/>
    <n v="2"/>
    <n v="1.68"/>
  </r>
  <r>
    <d v="2015-05-25T00:00:00"/>
    <x v="4"/>
    <x v="1"/>
    <x v="22"/>
    <x v="0"/>
    <x v="0"/>
    <x v="0"/>
    <s v="Xerox 1978"/>
    <n v="32.369999999999997"/>
    <n v="7"/>
    <n v="11.73"/>
  </r>
  <r>
    <d v="2015-05-25T00:00:00"/>
    <x v="4"/>
    <x v="1"/>
    <x v="22"/>
    <x v="0"/>
    <x v="2"/>
    <x v="9"/>
    <s v="Logitech G35 7.1-Channel Surround Sound Headset"/>
    <n v="207.98"/>
    <n v="2"/>
    <n v="36.4"/>
  </r>
  <r>
    <d v="2015-05-26T00:00:00"/>
    <x v="4"/>
    <x v="1"/>
    <x v="151"/>
    <x v="25"/>
    <x v="0"/>
    <x v="0"/>
    <s v="Xerox 1991"/>
    <n v="18.27"/>
    <n v="1"/>
    <n v="5.94"/>
  </r>
  <r>
    <d v="2015-05-26T00:00:00"/>
    <x v="4"/>
    <x v="1"/>
    <x v="151"/>
    <x v="25"/>
    <x v="0"/>
    <x v="0"/>
    <s v="Xerox 1937"/>
    <n v="153.72999999999999"/>
    <n v="4"/>
    <n v="53.8"/>
  </r>
  <r>
    <d v="2015-05-26T00:00:00"/>
    <x v="4"/>
    <x v="1"/>
    <x v="151"/>
    <x v="25"/>
    <x v="0"/>
    <x v="10"/>
    <s v="Security-Tint Envelopes"/>
    <n v="12.22"/>
    <n v="2"/>
    <n v="4.43"/>
  </r>
  <r>
    <d v="2015-05-26T00:00:00"/>
    <x v="4"/>
    <x v="1"/>
    <x v="151"/>
    <x v="25"/>
    <x v="2"/>
    <x v="9"/>
    <s v="Logitech 910-002974 M325 Wireless Mouse for Web Scrolling"/>
    <n v="167.94"/>
    <n v="7"/>
    <n v="50.38"/>
  </r>
  <r>
    <d v="2015-05-26T00:00:00"/>
    <x v="4"/>
    <x v="1"/>
    <x v="131"/>
    <x v="22"/>
    <x v="1"/>
    <x v="8"/>
    <s v="DAX Metal Frame, Desktop, Stepped-Edge"/>
    <n v="20.239999999999998"/>
    <n v="1"/>
    <n v="7.89"/>
  </r>
  <r>
    <d v="2015-05-26T00:00:00"/>
    <x v="4"/>
    <x v="1"/>
    <x v="255"/>
    <x v="0"/>
    <x v="1"/>
    <x v="5"/>
    <s v="Novimex Swivel Fabric Task Chair"/>
    <n v="105.69"/>
    <n v="1"/>
    <n v="-28.69"/>
  </r>
  <r>
    <d v="2015-05-26T00:00:00"/>
    <x v="4"/>
    <x v="1"/>
    <x v="255"/>
    <x v="0"/>
    <x v="2"/>
    <x v="15"/>
    <s v="StarTech.com 10/100 VDSL2 Ethernet Extender Kit"/>
    <n v="399.54"/>
    <n v="2"/>
    <n v="-79.91"/>
  </r>
  <r>
    <d v="2015-05-26T00:00:00"/>
    <x v="4"/>
    <x v="1"/>
    <x v="255"/>
    <x v="0"/>
    <x v="1"/>
    <x v="5"/>
    <s v="Global Stack Chair with Arms, Black"/>
    <n v="104.93"/>
    <n v="5"/>
    <n v="-4.5"/>
  </r>
  <r>
    <d v="2015-05-28T00:00:00"/>
    <x v="4"/>
    <x v="1"/>
    <x v="646"/>
    <x v="22"/>
    <x v="0"/>
    <x v="4"/>
    <s v="Newell 311"/>
    <n v="6.63"/>
    <n v="3"/>
    <n v="1.79"/>
  </r>
  <r>
    <d v="2015-05-28T00:00:00"/>
    <x v="4"/>
    <x v="1"/>
    <x v="366"/>
    <x v="20"/>
    <x v="0"/>
    <x v="4"/>
    <s v="Boston 16701 Slimline Battery Pencil Sharpener"/>
    <n v="47.82"/>
    <n v="3"/>
    <n v="14.35"/>
  </r>
  <r>
    <d v="2015-05-28T00:00:00"/>
    <x v="4"/>
    <x v="1"/>
    <x v="366"/>
    <x v="20"/>
    <x v="0"/>
    <x v="1"/>
    <s v="Avery 494"/>
    <n v="13.05"/>
    <n v="5"/>
    <n v="6"/>
  </r>
  <r>
    <d v="2015-05-28T00:00:00"/>
    <x v="4"/>
    <x v="1"/>
    <x v="282"/>
    <x v="20"/>
    <x v="2"/>
    <x v="6"/>
    <s v="Panasonic Kx-TS550"/>
    <n v="45.99"/>
    <n v="1"/>
    <n v="13.34"/>
  </r>
  <r>
    <d v="2015-05-28T00:00:00"/>
    <x v="4"/>
    <x v="1"/>
    <x v="282"/>
    <x v="20"/>
    <x v="0"/>
    <x v="2"/>
    <s v="Hot File 7-Pocket, Floor Stand"/>
    <n v="535.41"/>
    <n v="3"/>
    <n v="160.62"/>
  </r>
  <r>
    <d v="2015-05-28T00:00:00"/>
    <x v="4"/>
    <x v="1"/>
    <x v="282"/>
    <x v="20"/>
    <x v="0"/>
    <x v="3"/>
    <s v="Acco Pressboard Covers with Storage Hooks, 9 1/2&quot; x 11&quot;, Executive Red"/>
    <n v="6.1"/>
    <n v="2"/>
    <n v="2.06"/>
  </r>
  <r>
    <d v="2015-05-28T00:00:00"/>
    <x v="4"/>
    <x v="1"/>
    <x v="282"/>
    <x v="20"/>
    <x v="0"/>
    <x v="0"/>
    <s v="Xerox 219"/>
    <n v="45.36"/>
    <n v="7"/>
    <n v="21.77"/>
  </r>
  <r>
    <d v="2015-05-28T00:00:00"/>
    <x v="4"/>
    <x v="1"/>
    <x v="335"/>
    <x v="37"/>
    <x v="0"/>
    <x v="2"/>
    <s v="Acco Perma 4000 Stacking Storage Drawers"/>
    <n v="16.239999999999998"/>
    <n v="1"/>
    <n v="2.44"/>
  </r>
  <r>
    <d v="2015-05-28T00:00:00"/>
    <x v="4"/>
    <x v="1"/>
    <x v="335"/>
    <x v="37"/>
    <x v="0"/>
    <x v="2"/>
    <s v="Personal Filing Tote with Lid, Black/Gray"/>
    <n v="77.55"/>
    <n v="5"/>
    <n v="21.71"/>
  </r>
  <r>
    <d v="2015-05-29T00:00:00"/>
    <x v="4"/>
    <x v="1"/>
    <x v="315"/>
    <x v="22"/>
    <x v="0"/>
    <x v="0"/>
    <s v="Xerox 1894"/>
    <n v="32.4"/>
    <n v="5"/>
    <n v="15.55"/>
  </r>
  <r>
    <d v="2015-05-29T00:00:00"/>
    <x v="4"/>
    <x v="1"/>
    <x v="315"/>
    <x v="22"/>
    <x v="0"/>
    <x v="2"/>
    <s v="Standard Rollaway File with Lock"/>
    <n v="540.57000000000005"/>
    <n v="3"/>
    <n v="140.55000000000001"/>
  </r>
  <r>
    <d v="2015-05-29T00:00:00"/>
    <x v="4"/>
    <x v="1"/>
    <x v="315"/>
    <x v="22"/>
    <x v="0"/>
    <x v="3"/>
    <s v="Avery Trapezoid Extra Heavy Duty 4&quot; Binders"/>
    <n v="167.76"/>
    <n v="5"/>
    <n v="62.91"/>
  </r>
  <r>
    <d v="2015-05-29T00:00:00"/>
    <x v="4"/>
    <x v="1"/>
    <x v="379"/>
    <x v="10"/>
    <x v="1"/>
    <x v="8"/>
    <s v="Tensor &quot;Hersey Kiss&quot; Styled Floor Lamp"/>
    <n v="41.57"/>
    <n v="4"/>
    <n v="-4.16"/>
  </r>
  <r>
    <d v="2015-05-29T00:00:00"/>
    <x v="4"/>
    <x v="1"/>
    <x v="379"/>
    <x v="10"/>
    <x v="1"/>
    <x v="5"/>
    <s v="Novimex Swivel Fabric Task Chair"/>
    <n v="317.06"/>
    <n v="3"/>
    <n v="-86.06"/>
  </r>
  <r>
    <d v="2015-05-29T00:00:00"/>
    <x v="4"/>
    <x v="1"/>
    <x v="379"/>
    <x v="10"/>
    <x v="0"/>
    <x v="7"/>
    <s v="Ideal Clamps"/>
    <n v="8.0399999999999991"/>
    <n v="5"/>
    <n v="2.91"/>
  </r>
  <r>
    <d v="2015-05-29T00:00:00"/>
    <x v="4"/>
    <x v="1"/>
    <x v="366"/>
    <x v="18"/>
    <x v="0"/>
    <x v="1"/>
    <s v="Avery 476"/>
    <n v="12.39"/>
    <n v="3"/>
    <n v="5.7"/>
  </r>
  <r>
    <d v="2015-05-29T00:00:00"/>
    <x v="4"/>
    <x v="1"/>
    <x v="570"/>
    <x v="10"/>
    <x v="0"/>
    <x v="0"/>
    <s v="Easy-staple paper"/>
    <n v="85.06"/>
    <n v="3"/>
    <n v="28.71"/>
  </r>
  <r>
    <d v="2015-05-30T00:00:00"/>
    <x v="4"/>
    <x v="1"/>
    <x v="647"/>
    <x v="20"/>
    <x v="2"/>
    <x v="6"/>
    <s v="RCA H5401RE1 DECT 6.0 4-Line Cordless Handset With Caller ID/Call Waiting"/>
    <n v="239.97"/>
    <n v="3"/>
    <n v="2.4"/>
  </r>
  <r>
    <d v="2015-05-30T00:00:00"/>
    <x v="4"/>
    <x v="1"/>
    <x v="647"/>
    <x v="20"/>
    <x v="0"/>
    <x v="12"/>
    <s v="Eureka The Boss Lite 10-Amp Upright Vacuum, Blue"/>
    <n v="160.32"/>
    <n v="2"/>
    <n v="44.89"/>
  </r>
  <r>
    <d v="2015-05-30T00:00:00"/>
    <x v="4"/>
    <x v="1"/>
    <x v="647"/>
    <x v="20"/>
    <x v="2"/>
    <x v="6"/>
    <s v="Plantronics MX500i Earset"/>
    <n v="128.85"/>
    <n v="3"/>
    <n v="3.87"/>
  </r>
  <r>
    <d v="2015-05-30T00:00:00"/>
    <x v="4"/>
    <x v="1"/>
    <x v="648"/>
    <x v="6"/>
    <x v="2"/>
    <x v="9"/>
    <s v="ImationÂ SecureÂ DriveÂ + Hardware Encrypted USBÂ flash driveÂ - 16 GB"/>
    <n v="151.96"/>
    <n v="4"/>
    <n v="36.47"/>
  </r>
  <r>
    <d v="2015-05-31T00:00:00"/>
    <x v="4"/>
    <x v="1"/>
    <x v="153"/>
    <x v="3"/>
    <x v="0"/>
    <x v="0"/>
    <s v="Southworth 25% Cotton Antique Laid Paper &amp; Envelopes"/>
    <n v="58.38"/>
    <n v="7"/>
    <n v="26.27"/>
  </r>
  <r>
    <d v="2015-05-31T00:00:00"/>
    <x v="4"/>
    <x v="1"/>
    <x v="153"/>
    <x v="3"/>
    <x v="0"/>
    <x v="0"/>
    <s v="Xerox 1883"/>
    <n v="105.52"/>
    <n v="4"/>
    <n v="48.54"/>
  </r>
  <r>
    <d v="2015-05-31T00:00:00"/>
    <x v="4"/>
    <x v="1"/>
    <x v="153"/>
    <x v="3"/>
    <x v="0"/>
    <x v="2"/>
    <s v="Tenex Personal Project File with Scoop Front Design, Black"/>
    <n v="80.88"/>
    <n v="6"/>
    <n v="21.03"/>
  </r>
  <r>
    <d v="2015-05-31T00:00:00"/>
    <x v="4"/>
    <x v="1"/>
    <x v="90"/>
    <x v="37"/>
    <x v="1"/>
    <x v="8"/>
    <s v="3M Hangers With Command Adhesive"/>
    <n v="22.2"/>
    <n v="6"/>
    <n v="9.1"/>
  </r>
  <r>
    <d v="2015-05-31T00:00:00"/>
    <x v="4"/>
    <x v="1"/>
    <x v="51"/>
    <x v="27"/>
    <x v="1"/>
    <x v="11"/>
    <s v="O'Sullivan Living Dimensions 3-Shelf Bookcases"/>
    <n v="1406.86"/>
    <n v="7"/>
    <n v="140.69"/>
  </r>
  <r>
    <d v="2015-05-31T00:00:00"/>
    <x v="4"/>
    <x v="1"/>
    <x v="51"/>
    <x v="27"/>
    <x v="0"/>
    <x v="1"/>
    <s v="Self-Adhesive Removable Labels"/>
    <n v="15.75"/>
    <n v="5"/>
    <n v="7.56"/>
  </r>
  <r>
    <d v="2015-05-31T00:00:00"/>
    <x v="4"/>
    <x v="1"/>
    <x v="51"/>
    <x v="27"/>
    <x v="0"/>
    <x v="2"/>
    <s v="Fellowes Super Stor/Drawer Files"/>
    <n v="323.10000000000002"/>
    <n v="2"/>
    <n v="61.39"/>
  </r>
  <r>
    <d v="2015-05-31T00:00:00"/>
    <x v="4"/>
    <x v="1"/>
    <x v="649"/>
    <x v="28"/>
    <x v="1"/>
    <x v="5"/>
    <s v="Hon Pagoda Stacking Chairs"/>
    <n v="2567.84"/>
    <n v="8"/>
    <n v="770.35"/>
  </r>
  <r>
    <d v="2015-05-31T00:00:00"/>
    <x v="4"/>
    <x v="1"/>
    <x v="650"/>
    <x v="25"/>
    <x v="0"/>
    <x v="4"/>
    <s v="Newell 347"/>
    <n v="10.27"/>
    <n v="3"/>
    <n v="1.1599999999999999"/>
  </r>
  <r>
    <d v="2015-05-31T00:00:00"/>
    <x v="4"/>
    <x v="1"/>
    <x v="249"/>
    <x v="20"/>
    <x v="0"/>
    <x v="7"/>
    <s v="Bagged Rubber Bands"/>
    <n v="7.56"/>
    <n v="6"/>
    <n v="0.3"/>
  </r>
  <r>
    <d v="2015-05-31T00:00:00"/>
    <x v="4"/>
    <x v="1"/>
    <x v="362"/>
    <x v="1"/>
    <x v="0"/>
    <x v="1"/>
    <s v="Avery 501"/>
    <n v="5.9"/>
    <n v="2"/>
    <n v="1.99"/>
  </r>
  <r>
    <d v="2015-05-31T00:00:00"/>
    <x v="4"/>
    <x v="1"/>
    <x v="362"/>
    <x v="1"/>
    <x v="0"/>
    <x v="0"/>
    <s v="Xerox 1988"/>
    <n v="173.49"/>
    <n v="7"/>
    <n v="54.22"/>
  </r>
  <r>
    <d v="2015-05-31T00:00:00"/>
    <x v="4"/>
    <x v="1"/>
    <x v="362"/>
    <x v="1"/>
    <x v="1"/>
    <x v="8"/>
    <s v="Tenex Traditional Chairmats for Hard Floors, Average Lip, 36&quot; x 48&quot;"/>
    <n v="51.56"/>
    <n v="2"/>
    <n v="-61.87"/>
  </r>
  <r>
    <d v="2015-05-31T00:00:00"/>
    <x v="4"/>
    <x v="1"/>
    <x v="362"/>
    <x v="1"/>
    <x v="0"/>
    <x v="3"/>
    <s v="Storex Dura Pro Binders"/>
    <n v="3.56"/>
    <n v="3"/>
    <n v="-6.24"/>
  </r>
  <r>
    <d v="2015-05-31T00:00:00"/>
    <x v="4"/>
    <x v="1"/>
    <x v="551"/>
    <x v="23"/>
    <x v="0"/>
    <x v="0"/>
    <s v="Xerox 1889"/>
    <n v="274.8"/>
    <n v="5"/>
    <n v="134.65"/>
  </r>
  <r>
    <d v="2015-05-31T00:00:00"/>
    <x v="4"/>
    <x v="1"/>
    <x v="551"/>
    <x v="23"/>
    <x v="0"/>
    <x v="2"/>
    <s v="Fellowes Mobile File Cart, Black"/>
    <n v="62.18"/>
    <n v="1"/>
    <n v="16.79"/>
  </r>
  <r>
    <d v="2015-05-31T00:00:00"/>
    <x v="4"/>
    <x v="1"/>
    <x v="551"/>
    <x v="23"/>
    <x v="1"/>
    <x v="8"/>
    <s v="Eldon Image Series Black Desk Accessories"/>
    <n v="8.2799999999999994"/>
    <n v="2"/>
    <n v="2.98"/>
  </r>
  <r>
    <d v="2015-06-01T00:00:00"/>
    <x v="5"/>
    <x v="1"/>
    <x v="124"/>
    <x v="0"/>
    <x v="0"/>
    <x v="3"/>
    <s v="Avery Poly Binder Pockets"/>
    <n v="5.73"/>
    <n v="8"/>
    <n v="-9.16"/>
  </r>
  <r>
    <d v="2015-06-01T00:00:00"/>
    <x v="5"/>
    <x v="1"/>
    <x v="124"/>
    <x v="0"/>
    <x v="0"/>
    <x v="0"/>
    <s v="Xerox 1928"/>
    <n v="42.24"/>
    <n v="10"/>
    <n v="13.2"/>
  </r>
  <r>
    <d v="2015-06-01T00:00:00"/>
    <x v="5"/>
    <x v="1"/>
    <x v="63"/>
    <x v="14"/>
    <x v="2"/>
    <x v="6"/>
    <s v="Polycom CX300 Desktop Phone USB VoIP phone"/>
    <n v="299.98"/>
    <n v="2"/>
    <n v="83.99"/>
  </r>
  <r>
    <d v="2015-06-01T00:00:00"/>
    <x v="5"/>
    <x v="1"/>
    <x v="63"/>
    <x v="14"/>
    <x v="0"/>
    <x v="3"/>
    <s v="Catalog Binders with Expanding Posts"/>
    <n v="403.68"/>
    <n v="6"/>
    <n v="181.66"/>
  </r>
  <r>
    <d v="2015-06-01T00:00:00"/>
    <x v="5"/>
    <x v="1"/>
    <x v="63"/>
    <x v="14"/>
    <x v="2"/>
    <x v="6"/>
    <s v="iKross Bluetooth Portable Keyboard + Cell Phone Stand Holder + Brush for Apple iPhone 5S 5C 5, 4S 4"/>
    <n v="41.9"/>
    <n v="2"/>
    <n v="11.73"/>
  </r>
  <r>
    <d v="2015-06-01T00:00:00"/>
    <x v="5"/>
    <x v="1"/>
    <x v="63"/>
    <x v="14"/>
    <x v="0"/>
    <x v="1"/>
    <s v="Avery 491"/>
    <n v="28.91"/>
    <n v="7"/>
    <n v="13.3"/>
  </r>
  <r>
    <d v="2015-06-01T00:00:00"/>
    <x v="5"/>
    <x v="1"/>
    <x v="651"/>
    <x v="3"/>
    <x v="0"/>
    <x v="0"/>
    <s v="Adams Telephone Message Book W/Dividers/Space For Phone Numbers, 5 1/4&quot;X8 1/2&quot;, 300/Messages"/>
    <n v="11.76"/>
    <n v="2"/>
    <n v="5.76"/>
  </r>
  <r>
    <d v="2015-06-04T00:00:00"/>
    <x v="5"/>
    <x v="1"/>
    <x v="172"/>
    <x v="22"/>
    <x v="0"/>
    <x v="1"/>
    <s v="Avery 501"/>
    <n v="7.38"/>
    <n v="2"/>
    <n v="3.47"/>
  </r>
  <r>
    <d v="2015-06-04T00:00:00"/>
    <x v="5"/>
    <x v="1"/>
    <x v="172"/>
    <x v="22"/>
    <x v="0"/>
    <x v="4"/>
    <s v="Binney &amp; Smith Crayola Metallic Colored Pencils, 8-Color Set"/>
    <n v="9.26"/>
    <n v="2"/>
    <n v="3.06"/>
  </r>
  <r>
    <d v="2015-06-04T00:00:00"/>
    <x v="5"/>
    <x v="1"/>
    <x v="492"/>
    <x v="20"/>
    <x v="0"/>
    <x v="0"/>
    <s v="Wirebound Message Books, Two 4 1/4&quot; x 5&quot; Forms per Page"/>
    <n v="30.44"/>
    <n v="4"/>
    <n v="14.31"/>
  </r>
  <r>
    <d v="2015-06-04T00:00:00"/>
    <x v="5"/>
    <x v="1"/>
    <x v="492"/>
    <x v="20"/>
    <x v="1"/>
    <x v="8"/>
    <s v="Executive Impressions 10&quot; Spectator Wall Clock"/>
    <n v="35.28"/>
    <n v="3"/>
    <n v="12"/>
  </r>
  <r>
    <d v="2015-06-04T00:00:00"/>
    <x v="5"/>
    <x v="1"/>
    <x v="652"/>
    <x v="3"/>
    <x v="2"/>
    <x v="9"/>
    <s v="Logitech Wireless Anywhere Mouse MX for PC and Mac"/>
    <n v="119.98"/>
    <n v="2"/>
    <n v="35.99"/>
  </r>
  <r>
    <d v="2015-06-04T00:00:00"/>
    <x v="5"/>
    <x v="1"/>
    <x v="652"/>
    <x v="3"/>
    <x v="2"/>
    <x v="9"/>
    <s v="LogitechÂ Z-906 Speaker sys - home theater - 5.1-CH"/>
    <n v="989.97"/>
    <n v="3"/>
    <n v="395.99"/>
  </r>
  <r>
    <d v="2015-06-05T00:00:00"/>
    <x v="5"/>
    <x v="1"/>
    <x v="615"/>
    <x v="20"/>
    <x v="1"/>
    <x v="5"/>
    <s v="Hon Every-Day Series Multi-Task Chairs"/>
    <n v="1522.64"/>
    <n v="9"/>
    <n v="169.18"/>
  </r>
  <r>
    <d v="2015-06-05T00:00:00"/>
    <x v="5"/>
    <x v="1"/>
    <x v="653"/>
    <x v="24"/>
    <x v="0"/>
    <x v="0"/>
    <s v="Xerox 1981"/>
    <n v="10.56"/>
    <n v="2"/>
    <n v="4.75"/>
  </r>
  <r>
    <d v="2015-06-07T00:00:00"/>
    <x v="5"/>
    <x v="1"/>
    <x v="654"/>
    <x v="3"/>
    <x v="0"/>
    <x v="3"/>
    <s v="3-ring staple pack"/>
    <n v="7.52"/>
    <n v="5"/>
    <n v="2.63"/>
  </r>
  <r>
    <d v="2015-06-07T00:00:00"/>
    <x v="5"/>
    <x v="1"/>
    <x v="198"/>
    <x v="2"/>
    <x v="0"/>
    <x v="3"/>
    <s v="Aluminum Screw Posts"/>
    <n v="18.309999999999999"/>
    <n v="4"/>
    <n v="-12.21"/>
  </r>
  <r>
    <d v="2015-06-07T00:00:00"/>
    <x v="5"/>
    <x v="1"/>
    <x v="198"/>
    <x v="2"/>
    <x v="0"/>
    <x v="0"/>
    <s v="Xerox 200"/>
    <n v="25.92"/>
    <n v="5"/>
    <n v="9.07"/>
  </r>
  <r>
    <d v="2015-06-07T00:00:00"/>
    <x v="5"/>
    <x v="1"/>
    <x v="198"/>
    <x v="2"/>
    <x v="0"/>
    <x v="4"/>
    <s v="Avery Fluorescent Highlighter Four-Color Set"/>
    <n v="8.02"/>
    <n v="3"/>
    <n v="1"/>
  </r>
  <r>
    <d v="2015-06-08T00:00:00"/>
    <x v="5"/>
    <x v="1"/>
    <x v="585"/>
    <x v="1"/>
    <x v="2"/>
    <x v="9"/>
    <s v="Maxell 4.7GB DVD+R 5/Pack"/>
    <n v="2.38"/>
    <n v="3"/>
    <n v="0.74"/>
  </r>
  <r>
    <d v="2015-06-08T00:00:00"/>
    <x v="5"/>
    <x v="1"/>
    <x v="585"/>
    <x v="1"/>
    <x v="0"/>
    <x v="12"/>
    <s v="Hoover Shoulder Vac Commercial Portable Vacuum"/>
    <n v="143.13"/>
    <n v="2"/>
    <n v="-393.6"/>
  </r>
  <r>
    <d v="2015-06-08T00:00:00"/>
    <x v="5"/>
    <x v="1"/>
    <x v="597"/>
    <x v="16"/>
    <x v="0"/>
    <x v="0"/>
    <s v="Xerox 1951"/>
    <n v="173.49"/>
    <n v="7"/>
    <n v="54.22"/>
  </r>
  <r>
    <d v="2015-06-08T00:00:00"/>
    <x v="5"/>
    <x v="1"/>
    <x v="597"/>
    <x v="16"/>
    <x v="0"/>
    <x v="2"/>
    <s v="Fellowes Super Stor/Drawer Files"/>
    <n v="516.96"/>
    <n v="4"/>
    <n v="-6.46"/>
  </r>
  <r>
    <d v="2015-06-08T00:00:00"/>
    <x v="5"/>
    <x v="1"/>
    <x v="597"/>
    <x v="16"/>
    <x v="1"/>
    <x v="8"/>
    <s v="Advantus Employee of the Month Certificate Frame, 11 x 13-1/2"/>
    <n v="173.21"/>
    <n v="7"/>
    <n v="45.47"/>
  </r>
  <r>
    <d v="2015-06-08T00:00:00"/>
    <x v="5"/>
    <x v="1"/>
    <x v="597"/>
    <x v="16"/>
    <x v="0"/>
    <x v="4"/>
    <s v="Newell 344"/>
    <n v="4.45"/>
    <n v="2"/>
    <n v="0.33"/>
  </r>
  <r>
    <d v="2015-06-08T00:00:00"/>
    <x v="5"/>
    <x v="1"/>
    <x v="597"/>
    <x v="16"/>
    <x v="0"/>
    <x v="1"/>
    <s v="Smead Alpha-Z Color-Coded Name Labels First Letter Starter Set"/>
    <n v="9"/>
    <n v="3"/>
    <n v="3.15"/>
  </r>
  <r>
    <d v="2015-06-08T00:00:00"/>
    <x v="5"/>
    <x v="1"/>
    <x v="597"/>
    <x v="16"/>
    <x v="0"/>
    <x v="0"/>
    <s v="Xerox 1963"/>
    <n v="42.24"/>
    <n v="10"/>
    <n v="13.2"/>
  </r>
  <r>
    <d v="2015-06-08T00:00:00"/>
    <x v="5"/>
    <x v="1"/>
    <x v="597"/>
    <x v="16"/>
    <x v="0"/>
    <x v="3"/>
    <s v="Premier Elliptical Ring Binder, Black"/>
    <n v="18.260000000000002"/>
    <n v="2"/>
    <n v="-13.39"/>
  </r>
  <r>
    <d v="2015-06-09T00:00:00"/>
    <x v="5"/>
    <x v="1"/>
    <x v="408"/>
    <x v="6"/>
    <x v="0"/>
    <x v="3"/>
    <s v="Vinyl Sectional Post Binders"/>
    <n v="113.1"/>
    <n v="3"/>
    <n v="56.55"/>
  </r>
  <r>
    <d v="2015-06-09T00:00:00"/>
    <x v="5"/>
    <x v="1"/>
    <x v="180"/>
    <x v="14"/>
    <x v="0"/>
    <x v="0"/>
    <s v="Xerox 1995"/>
    <n v="12.96"/>
    <n v="2"/>
    <n v="6.22"/>
  </r>
  <r>
    <d v="2015-06-09T00:00:00"/>
    <x v="5"/>
    <x v="1"/>
    <x v="120"/>
    <x v="34"/>
    <x v="1"/>
    <x v="8"/>
    <s v="Luxo Adjustable Task Clamp Lamp"/>
    <n v="355.36"/>
    <n v="4"/>
    <n v="92.39"/>
  </r>
  <r>
    <d v="2015-06-09T00:00:00"/>
    <x v="5"/>
    <x v="1"/>
    <x v="120"/>
    <x v="34"/>
    <x v="2"/>
    <x v="6"/>
    <s v="Dexim XPower Skin Super-Thin Power Case for iPhone 5 - Black"/>
    <n v="140.38"/>
    <n v="3"/>
    <n v="8.77"/>
  </r>
  <r>
    <d v="2015-06-09T00:00:00"/>
    <x v="5"/>
    <x v="1"/>
    <x v="655"/>
    <x v="16"/>
    <x v="0"/>
    <x v="3"/>
    <s v="Green Canvas Binder for 8-1/2&quot; x 14&quot; Sheets"/>
    <n v="64.2"/>
    <n v="5"/>
    <n v="-42.8"/>
  </r>
  <r>
    <d v="2015-06-09T00:00:00"/>
    <x v="5"/>
    <x v="1"/>
    <x v="655"/>
    <x v="16"/>
    <x v="0"/>
    <x v="3"/>
    <s v="Wilson Jones Elliptical Ring 3 1/2&quot; Capacity Binders, 800 sheets"/>
    <n v="38.520000000000003"/>
    <n v="3"/>
    <n v="-26.96"/>
  </r>
  <r>
    <d v="2015-06-09T00:00:00"/>
    <x v="5"/>
    <x v="1"/>
    <x v="655"/>
    <x v="16"/>
    <x v="2"/>
    <x v="9"/>
    <s v="Logitech Keyboard K120"/>
    <n v="72.599999999999994"/>
    <n v="5"/>
    <n v="-8.17"/>
  </r>
  <r>
    <d v="2015-06-11T00:00:00"/>
    <x v="5"/>
    <x v="1"/>
    <x v="12"/>
    <x v="8"/>
    <x v="2"/>
    <x v="9"/>
    <s v="Kingston Digital DataTraveler 16GB USB 2.0"/>
    <n v="53.7"/>
    <n v="6"/>
    <n v="10.199999999999999"/>
  </r>
  <r>
    <d v="2015-06-11T00:00:00"/>
    <x v="5"/>
    <x v="1"/>
    <x v="12"/>
    <x v="8"/>
    <x v="0"/>
    <x v="3"/>
    <s v="SlimView Poly Binder, 3/8&quot;"/>
    <n v="36.26"/>
    <n v="7"/>
    <n v="16.68"/>
  </r>
  <r>
    <d v="2015-06-11T00:00:00"/>
    <x v="5"/>
    <x v="1"/>
    <x v="12"/>
    <x v="8"/>
    <x v="0"/>
    <x v="4"/>
    <s v="Boston Electric Pencil Sharpener, Model 1818, Charcoal Black"/>
    <n v="56.3"/>
    <n v="2"/>
    <n v="15.76"/>
  </r>
  <r>
    <d v="2015-06-11T00:00:00"/>
    <x v="5"/>
    <x v="1"/>
    <x v="12"/>
    <x v="8"/>
    <x v="0"/>
    <x v="0"/>
    <s v="Xerox 222"/>
    <n v="32.4"/>
    <n v="5"/>
    <n v="15.55"/>
  </r>
  <r>
    <d v="2015-06-11T00:00:00"/>
    <x v="5"/>
    <x v="1"/>
    <x v="12"/>
    <x v="8"/>
    <x v="1"/>
    <x v="8"/>
    <s v="DAX Clear Channel Poster Frame"/>
    <n v="29.16"/>
    <n v="2"/>
    <n v="10.79"/>
  </r>
  <r>
    <d v="2015-06-11T00:00:00"/>
    <x v="5"/>
    <x v="1"/>
    <x v="458"/>
    <x v="16"/>
    <x v="1"/>
    <x v="5"/>
    <s v="Hon 2090 Â“Pillow SoftÂ” Series Mid Back Swivel/Tilt Chairs"/>
    <n v="1123.92"/>
    <n v="5"/>
    <n v="-182.64"/>
  </r>
  <r>
    <d v="2015-06-11T00:00:00"/>
    <x v="5"/>
    <x v="1"/>
    <x v="458"/>
    <x v="16"/>
    <x v="2"/>
    <x v="6"/>
    <s v="Cisco SPA301"/>
    <n v="249.58"/>
    <n v="2"/>
    <n v="31.2"/>
  </r>
  <r>
    <d v="2015-06-11T00:00:00"/>
    <x v="5"/>
    <x v="1"/>
    <x v="458"/>
    <x v="16"/>
    <x v="1"/>
    <x v="8"/>
    <s v="Seth Thomas 8 1/2&quot; Cubicle Clock"/>
    <n v="48.67"/>
    <n v="3"/>
    <n v="7.3"/>
  </r>
  <r>
    <d v="2015-06-11T00:00:00"/>
    <x v="5"/>
    <x v="1"/>
    <x v="458"/>
    <x v="16"/>
    <x v="0"/>
    <x v="4"/>
    <s v="Hunt PowerHouse Electric Pencil Sharpener, Blue"/>
    <n v="60.77"/>
    <n v="2"/>
    <n v="7.6"/>
  </r>
  <r>
    <d v="2015-06-11T00:00:00"/>
    <x v="5"/>
    <x v="1"/>
    <x v="458"/>
    <x v="16"/>
    <x v="0"/>
    <x v="3"/>
    <s v="Ibico Laser Imprintable Binding System Covers"/>
    <n v="78.599999999999994"/>
    <n v="5"/>
    <n v="-62.88"/>
  </r>
  <r>
    <d v="2015-06-11T00:00:00"/>
    <x v="5"/>
    <x v="1"/>
    <x v="458"/>
    <x v="16"/>
    <x v="0"/>
    <x v="3"/>
    <s v="GBC Standard Plastic Binding Systems' Combs"/>
    <n v="3.77"/>
    <n v="2"/>
    <n v="-3.14"/>
  </r>
  <r>
    <d v="2015-06-11T00:00:00"/>
    <x v="5"/>
    <x v="1"/>
    <x v="458"/>
    <x v="16"/>
    <x v="0"/>
    <x v="2"/>
    <s v="Tennsco 16-Compartment Lockers with Coat Rack"/>
    <n v="1036.6199999999999"/>
    <n v="2"/>
    <n v="51.83"/>
  </r>
  <r>
    <d v="2015-06-11T00:00:00"/>
    <x v="5"/>
    <x v="1"/>
    <x v="458"/>
    <x v="16"/>
    <x v="0"/>
    <x v="2"/>
    <s v="Fellowes High-Stak Drawer Files"/>
    <n v="563.80999999999995"/>
    <n v="4"/>
    <n v="21.14"/>
  </r>
  <r>
    <d v="2015-06-12T00:00:00"/>
    <x v="5"/>
    <x v="1"/>
    <x v="656"/>
    <x v="2"/>
    <x v="0"/>
    <x v="0"/>
    <s v="Xerox 1997"/>
    <n v="20.74"/>
    <n v="4"/>
    <n v="7.26"/>
  </r>
  <r>
    <d v="2015-06-12T00:00:00"/>
    <x v="5"/>
    <x v="1"/>
    <x v="656"/>
    <x v="2"/>
    <x v="1"/>
    <x v="8"/>
    <s v="DataProducts Ampli Magnifier Task Lamp, Black,"/>
    <n v="43.3"/>
    <n v="2"/>
    <n v="4.33"/>
  </r>
  <r>
    <d v="2015-06-12T00:00:00"/>
    <x v="5"/>
    <x v="1"/>
    <x v="224"/>
    <x v="7"/>
    <x v="0"/>
    <x v="2"/>
    <s v="Perma STOR-ALL Hanging File Box, 13 1/8&quot;W x 12 1/4&quot;D x 10 1/2&quot;H"/>
    <n v="29.9"/>
    <n v="5"/>
    <n v="5.08"/>
  </r>
  <r>
    <d v="2015-06-12T00:00:00"/>
    <x v="5"/>
    <x v="1"/>
    <x v="657"/>
    <x v="16"/>
    <x v="2"/>
    <x v="6"/>
    <s v="Speck Products Candyshell Flip Case"/>
    <n v="55.98"/>
    <n v="2"/>
    <n v="4.2"/>
  </r>
  <r>
    <d v="2015-06-12T00:00:00"/>
    <x v="5"/>
    <x v="1"/>
    <x v="381"/>
    <x v="18"/>
    <x v="0"/>
    <x v="2"/>
    <s v="Recycled Eldon Regeneration Jumbo File"/>
    <n v="24.56"/>
    <n v="2"/>
    <n v="6.88"/>
  </r>
  <r>
    <d v="2015-06-13T00:00:00"/>
    <x v="5"/>
    <x v="1"/>
    <x v="612"/>
    <x v="3"/>
    <x v="0"/>
    <x v="3"/>
    <s v="Aluminum Screw Posts"/>
    <n v="36.619999999999997"/>
    <n v="3"/>
    <n v="13.73"/>
  </r>
  <r>
    <d v="2015-06-13T00:00:00"/>
    <x v="5"/>
    <x v="1"/>
    <x v="526"/>
    <x v="33"/>
    <x v="0"/>
    <x v="4"/>
    <s v="Newell 31"/>
    <n v="24.78"/>
    <n v="6"/>
    <n v="6.94"/>
  </r>
  <r>
    <d v="2015-06-13T00:00:00"/>
    <x v="5"/>
    <x v="1"/>
    <x v="526"/>
    <x v="33"/>
    <x v="0"/>
    <x v="3"/>
    <s v="Avery Heavy-Duty EZD View Binder with Locking Rings"/>
    <n v="19.14"/>
    <n v="3"/>
    <n v="8.8000000000000007"/>
  </r>
  <r>
    <d v="2015-06-13T00:00:00"/>
    <x v="5"/>
    <x v="1"/>
    <x v="526"/>
    <x v="33"/>
    <x v="2"/>
    <x v="16"/>
    <s v="Brother DCP1000 Digital 3 in 1 Multifunction Machine"/>
    <n v="899.97"/>
    <n v="3"/>
    <n v="314.99"/>
  </r>
  <r>
    <d v="2015-06-13T00:00:00"/>
    <x v="5"/>
    <x v="1"/>
    <x v="526"/>
    <x v="33"/>
    <x v="0"/>
    <x v="0"/>
    <s v="Xerox 204"/>
    <n v="32.4"/>
    <n v="5"/>
    <n v="15.55"/>
  </r>
  <r>
    <d v="2015-06-13T00:00:00"/>
    <x v="5"/>
    <x v="1"/>
    <x v="577"/>
    <x v="41"/>
    <x v="0"/>
    <x v="3"/>
    <s v="ACCOHIDE 3-Ring Binder, Blue, 1&quot;"/>
    <n v="8.26"/>
    <n v="2"/>
    <n v="3.88"/>
  </r>
  <r>
    <d v="2015-06-13T00:00:00"/>
    <x v="5"/>
    <x v="1"/>
    <x v="577"/>
    <x v="41"/>
    <x v="0"/>
    <x v="3"/>
    <s v="Recycled Easel Ring Binders"/>
    <n v="29.84"/>
    <n v="2"/>
    <n v="13.43"/>
  </r>
  <r>
    <d v="2015-06-13T00:00:00"/>
    <x v="5"/>
    <x v="1"/>
    <x v="577"/>
    <x v="41"/>
    <x v="2"/>
    <x v="9"/>
    <s v="Lenovo 17-Key USB Numeric Keypad"/>
    <n v="67.98"/>
    <n v="2"/>
    <n v="14.96"/>
  </r>
  <r>
    <d v="2015-06-13T00:00:00"/>
    <x v="5"/>
    <x v="1"/>
    <x v="302"/>
    <x v="4"/>
    <x v="0"/>
    <x v="0"/>
    <s v="Xerox 202"/>
    <n v="6.48"/>
    <n v="1"/>
    <n v="3.11"/>
  </r>
  <r>
    <d v="2015-06-13T00:00:00"/>
    <x v="5"/>
    <x v="1"/>
    <x v="658"/>
    <x v="10"/>
    <x v="0"/>
    <x v="4"/>
    <s v="Newell 320"/>
    <n v="3.42"/>
    <n v="1"/>
    <n v="0.3"/>
  </r>
  <r>
    <d v="2015-06-14T00:00:00"/>
    <x v="5"/>
    <x v="1"/>
    <x v="525"/>
    <x v="2"/>
    <x v="1"/>
    <x v="8"/>
    <s v="Eldon Expressions Punched Metal &amp; Wood Desk Accessories, Pewter &amp; Cherry"/>
    <n v="51.07"/>
    <n v="6"/>
    <n v="5.1100000000000003"/>
  </r>
  <r>
    <d v="2015-06-15T00:00:00"/>
    <x v="5"/>
    <x v="1"/>
    <x v="184"/>
    <x v="12"/>
    <x v="0"/>
    <x v="0"/>
    <s v="Xerox 1895"/>
    <n v="9.57"/>
    <n v="2"/>
    <n v="2.99"/>
  </r>
  <r>
    <d v="2015-06-15T00:00:00"/>
    <x v="5"/>
    <x v="1"/>
    <x v="184"/>
    <x v="12"/>
    <x v="0"/>
    <x v="2"/>
    <s v="Belkin 19&quot; Vented Equipment Shelf, Black"/>
    <n v="82.37"/>
    <n v="2"/>
    <n v="-19.559999999999999"/>
  </r>
  <r>
    <d v="2015-06-15T00:00:00"/>
    <x v="5"/>
    <x v="1"/>
    <x v="184"/>
    <x v="12"/>
    <x v="1"/>
    <x v="8"/>
    <s v="Eldon &quot;L&quot; Workstation Diamond Chairmat"/>
    <n v="364.7"/>
    <n v="6"/>
    <n v="-36.47"/>
  </r>
  <r>
    <d v="2015-06-15T00:00:00"/>
    <x v="5"/>
    <x v="1"/>
    <x v="184"/>
    <x v="12"/>
    <x v="1"/>
    <x v="8"/>
    <s v="DAX Copper Panel Document Frame, 5 x 7 Size"/>
    <n v="40.26"/>
    <n v="4"/>
    <n v="11.07"/>
  </r>
  <r>
    <d v="2015-06-15T00:00:00"/>
    <x v="5"/>
    <x v="1"/>
    <x v="482"/>
    <x v="16"/>
    <x v="2"/>
    <x v="9"/>
    <s v="Belkin Standard 104 key USB Keyboard"/>
    <n v="11.67"/>
    <n v="1"/>
    <n v="-0.73"/>
  </r>
  <r>
    <d v="2015-06-15T00:00:00"/>
    <x v="5"/>
    <x v="1"/>
    <x v="271"/>
    <x v="3"/>
    <x v="2"/>
    <x v="6"/>
    <s v="Jabra SPEAK 410"/>
    <n v="225.58"/>
    <n v="3"/>
    <n v="22.56"/>
  </r>
  <r>
    <d v="2015-06-16T00:00:00"/>
    <x v="5"/>
    <x v="1"/>
    <x v="300"/>
    <x v="2"/>
    <x v="0"/>
    <x v="10"/>
    <s v="Peel &amp; Seel Envelopes"/>
    <n v="6.21"/>
    <n v="2"/>
    <n v="2.17"/>
  </r>
  <r>
    <d v="2015-06-16T00:00:00"/>
    <x v="5"/>
    <x v="1"/>
    <x v="3"/>
    <x v="0"/>
    <x v="0"/>
    <x v="10"/>
    <s v="Staple envelope"/>
    <n v="28.75"/>
    <n v="3"/>
    <n v="9.34"/>
  </r>
  <r>
    <d v="2015-06-16T00:00:00"/>
    <x v="5"/>
    <x v="1"/>
    <x v="3"/>
    <x v="0"/>
    <x v="0"/>
    <x v="0"/>
    <s v="Xerox 188"/>
    <n v="27.22"/>
    <n v="3"/>
    <n v="9.8699999999999992"/>
  </r>
  <r>
    <d v="2015-06-16T00:00:00"/>
    <x v="5"/>
    <x v="1"/>
    <x v="3"/>
    <x v="0"/>
    <x v="1"/>
    <x v="5"/>
    <s v="Office Star - Contemporary Swivel Chair with Padded Adjustable Arms and Flex Back"/>
    <n v="197.37"/>
    <n v="2"/>
    <n v="-25.38"/>
  </r>
  <r>
    <d v="2015-06-16T00:00:00"/>
    <x v="5"/>
    <x v="1"/>
    <x v="164"/>
    <x v="20"/>
    <x v="0"/>
    <x v="3"/>
    <s v="Fellowes PB500 Electric Punch Plastic Comb Binding Machine with Manual Bind"/>
    <n v="3050.38"/>
    <n v="3"/>
    <n v="1143.8900000000001"/>
  </r>
  <r>
    <d v="2015-06-16T00:00:00"/>
    <x v="5"/>
    <x v="1"/>
    <x v="164"/>
    <x v="20"/>
    <x v="2"/>
    <x v="6"/>
    <s v="RCA Visys Integrated PBX 8-Line Router"/>
    <n v="133.97999999999999"/>
    <n v="2"/>
    <n v="33.5"/>
  </r>
  <r>
    <d v="2015-06-18T00:00:00"/>
    <x v="5"/>
    <x v="1"/>
    <x v="659"/>
    <x v="12"/>
    <x v="0"/>
    <x v="0"/>
    <s v="Xerox 1922"/>
    <n v="11.95"/>
    <n v="3"/>
    <n v="4.33"/>
  </r>
  <r>
    <d v="2015-06-18T00:00:00"/>
    <x v="5"/>
    <x v="1"/>
    <x v="659"/>
    <x v="12"/>
    <x v="0"/>
    <x v="3"/>
    <s v="Peel &amp; Stick Add-On Corner Pockets"/>
    <n v="4.54"/>
    <n v="7"/>
    <n v="-3.33"/>
  </r>
  <r>
    <d v="2015-06-18T00:00:00"/>
    <x v="5"/>
    <x v="1"/>
    <x v="659"/>
    <x v="12"/>
    <x v="0"/>
    <x v="3"/>
    <s v="Aluminum Screw Posts"/>
    <n v="9.16"/>
    <n v="2"/>
    <n v="-6.1"/>
  </r>
  <r>
    <d v="2015-06-18T00:00:00"/>
    <x v="5"/>
    <x v="1"/>
    <x v="659"/>
    <x v="12"/>
    <x v="1"/>
    <x v="8"/>
    <s v="Flat Face Poster Frame"/>
    <n v="75.36"/>
    <n v="5"/>
    <n v="20.72"/>
  </r>
  <r>
    <d v="2015-06-18T00:00:00"/>
    <x v="5"/>
    <x v="1"/>
    <x v="100"/>
    <x v="3"/>
    <x v="0"/>
    <x v="4"/>
    <s v="BOSTON Ranger #55 Pencil Sharpener, Black"/>
    <n v="51.98"/>
    <n v="2"/>
    <n v="15.07"/>
  </r>
  <r>
    <d v="2015-06-18T00:00:00"/>
    <x v="5"/>
    <x v="1"/>
    <x v="535"/>
    <x v="16"/>
    <x v="0"/>
    <x v="4"/>
    <s v="Dixon Prang Watercolor Pencils, 10-Color Set with Brush"/>
    <n v="13.63"/>
    <n v="4"/>
    <n v="3.58"/>
  </r>
  <r>
    <d v="2015-06-18T00:00:00"/>
    <x v="5"/>
    <x v="1"/>
    <x v="625"/>
    <x v="15"/>
    <x v="0"/>
    <x v="3"/>
    <s v="Avery Self-Adhesive Photo Pockets for Polaroid Photos"/>
    <n v="6.13"/>
    <n v="3"/>
    <n v="-4.49"/>
  </r>
  <r>
    <d v="2015-06-18T00:00:00"/>
    <x v="5"/>
    <x v="1"/>
    <x v="625"/>
    <x v="15"/>
    <x v="1"/>
    <x v="5"/>
    <s v="Global Leather Highback Executive Chair with Pneumatic Height Adjustment, Black"/>
    <n v="643.14"/>
    <n v="4"/>
    <n v="56.27"/>
  </r>
  <r>
    <d v="2015-06-18T00:00:00"/>
    <x v="5"/>
    <x v="1"/>
    <x v="625"/>
    <x v="15"/>
    <x v="0"/>
    <x v="0"/>
    <s v="Xerox 21"/>
    <n v="20.74"/>
    <n v="4"/>
    <n v="7.26"/>
  </r>
  <r>
    <d v="2015-06-18T00:00:00"/>
    <x v="5"/>
    <x v="1"/>
    <x v="348"/>
    <x v="6"/>
    <x v="1"/>
    <x v="8"/>
    <s v="Seth Thomas 8 1/2&quot; Cubicle Clock"/>
    <n v="60.84"/>
    <n v="3"/>
    <n v="19.47"/>
  </r>
  <r>
    <d v="2015-06-18T00:00:00"/>
    <x v="5"/>
    <x v="1"/>
    <x v="348"/>
    <x v="6"/>
    <x v="0"/>
    <x v="2"/>
    <s v="Tennsco Double-Tier Lockers"/>
    <n v="450.04"/>
    <n v="2"/>
    <n v="58.51"/>
  </r>
  <r>
    <d v="2015-06-18T00:00:00"/>
    <x v="5"/>
    <x v="1"/>
    <x v="348"/>
    <x v="6"/>
    <x v="0"/>
    <x v="3"/>
    <s v="Wilson Jones International Size A4 Ring Binders"/>
    <n v="34.6"/>
    <n v="2"/>
    <n v="16.61"/>
  </r>
  <r>
    <d v="2015-06-18T00:00:00"/>
    <x v="5"/>
    <x v="1"/>
    <x v="348"/>
    <x v="6"/>
    <x v="2"/>
    <x v="6"/>
    <s v="Cisco SPA301"/>
    <n v="467.97"/>
    <n v="3"/>
    <n v="140.38999999999999"/>
  </r>
  <r>
    <d v="2015-06-18T00:00:00"/>
    <x v="5"/>
    <x v="1"/>
    <x v="348"/>
    <x v="6"/>
    <x v="0"/>
    <x v="3"/>
    <s v="JM Magazine Binder"/>
    <n v="33.020000000000003"/>
    <n v="2"/>
    <n v="15.85"/>
  </r>
  <r>
    <d v="2015-06-19T00:00:00"/>
    <x v="5"/>
    <x v="1"/>
    <x v="564"/>
    <x v="3"/>
    <x v="1"/>
    <x v="8"/>
    <s v="Eldon 200 Class Desk Accessories"/>
    <n v="12.56"/>
    <n v="2"/>
    <n v="4.0199999999999996"/>
  </r>
  <r>
    <d v="2015-06-19T00:00:00"/>
    <x v="5"/>
    <x v="1"/>
    <x v="564"/>
    <x v="3"/>
    <x v="0"/>
    <x v="0"/>
    <s v="Xerox 231"/>
    <n v="6.48"/>
    <n v="1"/>
    <n v="3.11"/>
  </r>
  <r>
    <d v="2015-06-19T00:00:00"/>
    <x v="5"/>
    <x v="1"/>
    <x v="564"/>
    <x v="3"/>
    <x v="0"/>
    <x v="10"/>
    <s v="Cameo Buff Policy Envelopes"/>
    <n v="186.69"/>
    <n v="3"/>
    <n v="87.74"/>
  </r>
  <r>
    <d v="2015-06-19T00:00:00"/>
    <x v="5"/>
    <x v="1"/>
    <x v="5"/>
    <x v="0"/>
    <x v="0"/>
    <x v="3"/>
    <s v="GBC White Gloss Covers, Plain Front"/>
    <n v="5.79"/>
    <n v="2"/>
    <n v="-9.56"/>
  </r>
  <r>
    <d v="2015-06-19T00:00:00"/>
    <x v="5"/>
    <x v="1"/>
    <x v="307"/>
    <x v="0"/>
    <x v="0"/>
    <x v="2"/>
    <s v="Recycled Steel Personal File for Hanging File Folders"/>
    <n v="228.92"/>
    <n v="5"/>
    <n v="14.31"/>
  </r>
  <r>
    <d v="2015-06-19T00:00:00"/>
    <x v="5"/>
    <x v="1"/>
    <x v="367"/>
    <x v="2"/>
    <x v="0"/>
    <x v="1"/>
    <s v="Self-Adhesive Address Labels for Typewriters with Dispenser Box"/>
    <n v="5.9"/>
    <n v="2"/>
    <n v="1.99"/>
  </r>
  <r>
    <d v="2015-06-20T00:00:00"/>
    <x v="5"/>
    <x v="1"/>
    <x v="660"/>
    <x v="3"/>
    <x v="1"/>
    <x v="8"/>
    <s v="Howard Miller 13&quot; Diameter Pewter Finish Round Wall Clock"/>
    <n v="257.64"/>
    <n v="6"/>
    <n v="100.48"/>
  </r>
  <r>
    <d v="2015-06-20T00:00:00"/>
    <x v="5"/>
    <x v="1"/>
    <x v="660"/>
    <x v="3"/>
    <x v="2"/>
    <x v="6"/>
    <s v="netTALK DUO VoIP Telephone Service"/>
    <n v="125.98"/>
    <n v="3"/>
    <n v="47.24"/>
  </r>
  <r>
    <d v="2015-06-20T00:00:00"/>
    <x v="5"/>
    <x v="1"/>
    <x v="176"/>
    <x v="26"/>
    <x v="2"/>
    <x v="6"/>
    <s v="Griffin GC36547 PowerJolt SE Lightning Charger"/>
    <n v="125.94"/>
    <n v="7"/>
    <n v="15.74"/>
  </r>
  <r>
    <d v="2015-06-20T00:00:00"/>
    <x v="5"/>
    <x v="1"/>
    <x v="288"/>
    <x v="2"/>
    <x v="2"/>
    <x v="9"/>
    <s v="Razer Tiamat Over Ear 7.1 Surround Sound PC Gaming Headset"/>
    <n v="319.98"/>
    <n v="2"/>
    <n v="92"/>
  </r>
  <r>
    <d v="2015-06-21T00:00:00"/>
    <x v="5"/>
    <x v="1"/>
    <x v="287"/>
    <x v="16"/>
    <x v="2"/>
    <x v="6"/>
    <s v="Innergie mMini Combo Duo USB Travel Charging Kit"/>
    <n v="107.98"/>
    <n v="3"/>
    <n v="37.79"/>
  </r>
  <r>
    <d v="2015-06-22T00:00:00"/>
    <x v="5"/>
    <x v="1"/>
    <x v="318"/>
    <x v="27"/>
    <x v="0"/>
    <x v="7"/>
    <s v="OIC Binder Clips, Mini, 1/4&quot; Capacity, Black"/>
    <n v="4.96"/>
    <n v="4"/>
    <n v="2.33"/>
  </r>
  <r>
    <d v="2015-06-22T00:00:00"/>
    <x v="5"/>
    <x v="1"/>
    <x v="53"/>
    <x v="1"/>
    <x v="1"/>
    <x v="13"/>
    <s v="Hon Rectangular Conference Tables"/>
    <n v="796.43"/>
    <n v="7"/>
    <n v="-525.64"/>
  </r>
  <r>
    <d v="2015-06-22T00:00:00"/>
    <x v="5"/>
    <x v="1"/>
    <x v="661"/>
    <x v="20"/>
    <x v="0"/>
    <x v="3"/>
    <s v="GBC Ibimaster 500 Manual ProClick Binding System"/>
    <n v="1217.57"/>
    <n v="2"/>
    <n v="456.59"/>
  </r>
  <r>
    <d v="2015-06-23T00:00:00"/>
    <x v="5"/>
    <x v="1"/>
    <x v="247"/>
    <x v="22"/>
    <x v="2"/>
    <x v="6"/>
    <s v="Pyle PRT45 Retro HomeÂ Telephone"/>
    <n v="201.57"/>
    <n v="4"/>
    <n v="22.68"/>
  </r>
  <r>
    <d v="2015-06-23T00:00:00"/>
    <x v="5"/>
    <x v="1"/>
    <x v="349"/>
    <x v="3"/>
    <x v="2"/>
    <x v="6"/>
    <s v="Plantronics CS 50-USB -Â headsetÂ - Convertible, Monaural"/>
    <n v="217.58"/>
    <n v="2"/>
    <n v="19.04"/>
  </r>
  <r>
    <d v="2015-06-23T00:00:00"/>
    <x v="5"/>
    <x v="1"/>
    <x v="349"/>
    <x v="3"/>
    <x v="0"/>
    <x v="7"/>
    <s v="Assorted Color Push Pins"/>
    <n v="5.43"/>
    <n v="3"/>
    <n v="1.79"/>
  </r>
  <r>
    <d v="2015-06-23T00:00:00"/>
    <x v="5"/>
    <x v="1"/>
    <x v="349"/>
    <x v="3"/>
    <x v="2"/>
    <x v="6"/>
    <s v="JBL Micro Wireless Portable Bluetooth Speaker"/>
    <n v="143.97999999999999"/>
    <n v="3"/>
    <n v="9"/>
  </r>
  <r>
    <d v="2015-06-23T00:00:00"/>
    <x v="5"/>
    <x v="1"/>
    <x v="211"/>
    <x v="4"/>
    <x v="1"/>
    <x v="8"/>
    <s v="Eldon Stackable Tray, Side-Load, Legal, Smoke"/>
    <n v="27.42"/>
    <n v="3"/>
    <n v="9.32"/>
  </r>
  <r>
    <d v="2015-06-23T00:00:00"/>
    <x v="5"/>
    <x v="1"/>
    <x v="211"/>
    <x v="4"/>
    <x v="0"/>
    <x v="3"/>
    <s v="GBC DocuBind P100 Manual Binding Machine"/>
    <n v="165.98"/>
    <n v="1"/>
    <n v="74.69"/>
  </r>
  <r>
    <d v="2015-06-23T00:00:00"/>
    <x v="5"/>
    <x v="1"/>
    <x v="211"/>
    <x v="4"/>
    <x v="2"/>
    <x v="9"/>
    <s v="Dell Slim USB Multimedia Keyboard"/>
    <n v="75"/>
    <n v="3"/>
    <n v="18"/>
  </r>
  <r>
    <d v="2015-06-25T00:00:00"/>
    <x v="5"/>
    <x v="1"/>
    <x v="662"/>
    <x v="2"/>
    <x v="0"/>
    <x v="0"/>
    <s v="Xerox 211"/>
    <n v="31.1"/>
    <n v="6"/>
    <n v="10.89"/>
  </r>
  <r>
    <d v="2015-06-25T00:00:00"/>
    <x v="5"/>
    <x v="1"/>
    <x v="662"/>
    <x v="2"/>
    <x v="0"/>
    <x v="2"/>
    <s v="Tennsco Industrial Shelving"/>
    <n v="78.260000000000005"/>
    <n v="2"/>
    <n v="-17.61"/>
  </r>
  <r>
    <d v="2015-06-25T00:00:00"/>
    <x v="5"/>
    <x v="1"/>
    <x v="453"/>
    <x v="3"/>
    <x v="1"/>
    <x v="8"/>
    <s v="Dana Halogen Swing-Arm Architect Lamp"/>
    <n v="204.85"/>
    <n v="5"/>
    <n v="57.36"/>
  </r>
  <r>
    <d v="2015-06-25T00:00:00"/>
    <x v="5"/>
    <x v="1"/>
    <x v="513"/>
    <x v="3"/>
    <x v="0"/>
    <x v="4"/>
    <s v="Staples in misc. colors"/>
    <n v="20.96"/>
    <n v="2"/>
    <n v="5.24"/>
  </r>
  <r>
    <d v="2015-06-25T00:00:00"/>
    <x v="5"/>
    <x v="1"/>
    <x v="513"/>
    <x v="3"/>
    <x v="0"/>
    <x v="3"/>
    <s v="GBC Velobind Prepunched Cover Sets, Regency Series"/>
    <n v="88.75"/>
    <n v="3"/>
    <n v="27.74"/>
  </r>
  <r>
    <d v="2015-06-25T00:00:00"/>
    <x v="5"/>
    <x v="1"/>
    <x v="513"/>
    <x v="3"/>
    <x v="0"/>
    <x v="2"/>
    <s v="Tennsco Regal Shelving Units"/>
    <n v="304.23"/>
    <n v="3"/>
    <n v="9.1300000000000008"/>
  </r>
  <r>
    <d v="2015-06-25T00:00:00"/>
    <x v="5"/>
    <x v="1"/>
    <x v="20"/>
    <x v="0"/>
    <x v="0"/>
    <x v="0"/>
    <s v="Xerox 1884"/>
    <n v="47.95"/>
    <n v="3"/>
    <n v="16.18"/>
  </r>
  <r>
    <d v="2015-06-25T00:00:00"/>
    <x v="5"/>
    <x v="1"/>
    <x v="20"/>
    <x v="0"/>
    <x v="0"/>
    <x v="3"/>
    <s v="Avery Triangle Shaped Sheet Lifters, Black, 2/Pack"/>
    <n v="0.98"/>
    <n v="2"/>
    <n v="-1.48"/>
  </r>
  <r>
    <d v="2015-06-25T00:00:00"/>
    <x v="5"/>
    <x v="1"/>
    <x v="20"/>
    <x v="0"/>
    <x v="1"/>
    <x v="8"/>
    <s v="GE General Use Halogen Bulbs, 100 Watts, 1 Bulb per Pack"/>
    <n v="75.38"/>
    <n v="9"/>
    <n v="-20.73"/>
  </r>
  <r>
    <d v="2015-06-25T00:00:00"/>
    <x v="5"/>
    <x v="1"/>
    <x v="20"/>
    <x v="0"/>
    <x v="0"/>
    <x v="1"/>
    <s v="Avery File Folder Labels"/>
    <n v="4.6100000000000003"/>
    <n v="2"/>
    <n v="1.67"/>
  </r>
  <r>
    <d v="2015-06-26T00:00:00"/>
    <x v="5"/>
    <x v="1"/>
    <x v="174"/>
    <x v="14"/>
    <x v="2"/>
    <x v="9"/>
    <s v="Sony 32GB Class 10 Micro SDHC R40 Memory Card"/>
    <n v="41.9"/>
    <n v="2"/>
    <n v="8.8000000000000007"/>
  </r>
  <r>
    <d v="2015-06-26T00:00:00"/>
    <x v="5"/>
    <x v="1"/>
    <x v="52"/>
    <x v="6"/>
    <x v="0"/>
    <x v="3"/>
    <s v="GBC VeloBinder Manual Binding System"/>
    <n v="143.96"/>
    <n v="4"/>
    <n v="69.099999999999994"/>
  </r>
  <r>
    <d v="2015-06-26T00:00:00"/>
    <x v="5"/>
    <x v="1"/>
    <x v="52"/>
    <x v="6"/>
    <x v="0"/>
    <x v="2"/>
    <s v="Decoflex Hanging Personal Folder File, Blue"/>
    <n v="15.42"/>
    <n v="1"/>
    <n v="4.16"/>
  </r>
  <r>
    <d v="2015-06-26T00:00:00"/>
    <x v="5"/>
    <x v="1"/>
    <x v="52"/>
    <x v="6"/>
    <x v="0"/>
    <x v="3"/>
    <s v="Acco PRESSTEX Data Binder with Storage Hooks, Dark Blue, 9 1/2&quot; X 11&quot;"/>
    <n v="43.04"/>
    <n v="8"/>
    <n v="21.09"/>
  </r>
  <r>
    <d v="2015-06-26T00:00:00"/>
    <x v="5"/>
    <x v="1"/>
    <x v="52"/>
    <x v="6"/>
    <x v="1"/>
    <x v="5"/>
    <s v="Office Star - Contemporary Task Swivel Chair"/>
    <n v="332.94"/>
    <n v="3"/>
    <n v="79.91"/>
  </r>
  <r>
    <d v="2015-06-26T00:00:00"/>
    <x v="5"/>
    <x v="1"/>
    <x v="329"/>
    <x v="0"/>
    <x v="2"/>
    <x v="6"/>
    <s v="Polycom SoundStation2 EX ConferenceÂ phone"/>
    <n v="971.88"/>
    <n v="3"/>
    <n v="109.34"/>
  </r>
  <r>
    <d v="2015-06-26T00:00:00"/>
    <x v="5"/>
    <x v="1"/>
    <x v="524"/>
    <x v="10"/>
    <x v="0"/>
    <x v="0"/>
    <s v="Universal Premium White Copier/Laser Paper (20Lb. and 87 Bright)"/>
    <n v="43.06"/>
    <n v="9"/>
    <n v="15.61"/>
  </r>
  <r>
    <d v="2015-06-28T00:00:00"/>
    <x v="5"/>
    <x v="1"/>
    <x v="563"/>
    <x v="12"/>
    <x v="0"/>
    <x v="1"/>
    <s v="Avery 501"/>
    <n v="5.9"/>
    <n v="2"/>
    <n v="1.99"/>
  </r>
  <r>
    <d v="2015-06-28T00:00:00"/>
    <x v="5"/>
    <x v="1"/>
    <x v="563"/>
    <x v="12"/>
    <x v="1"/>
    <x v="8"/>
    <s v="Electrix Halogen Magnifier Lamp"/>
    <n v="621.76"/>
    <n v="4"/>
    <n v="46.63"/>
  </r>
  <r>
    <d v="2015-06-28T00:00:00"/>
    <x v="5"/>
    <x v="1"/>
    <x v="360"/>
    <x v="10"/>
    <x v="0"/>
    <x v="0"/>
    <s v="Xerox 1999"/>
    <n v="15.55"/>
    <n v="3"/>
    <n v="5.44"/>
  </r>
  <r>
    <d v="2015-06-28T00:00:00"/>
    <x v="5"/>
    <x v="1"/>
    <x v="360"/>
    <x v="10"/>
    <x v="1"/>
    <x v="11"/>
    <s v="Sauder Forest Hills Library with Doors, Woodland Oak Finish"/>
    <n v="482.94"/>
    <n v="6"/>
    <n v="-376.69"/>
  </r>
  <r>
    <d v="2015-06-28T00:00:00"/>
    <x v="5"/>
    <x v="1"/>
    <x v="114"/>
    <x v="4"/>
    <x v="0"/>
    <x v="3"/>
    <s v="GBC Recycled Regency Composition Covers"/>
    <n v="119.56"/>
    <n v="2"/>
    <n v="55"/>
  </r>
  <r>
    <d v="2015-06-28T00:00:00"/>
    <x v="5"/>
    <x v="1"/>
    <x v="114"/>
    <x v="4"/>
    <x v="0"/>
    <x v="4"/>
    <s v="Boston Model 1800 Electric Pencil Sharpener, Gray"/>
    <n v="140.75"/>
    <n v="5"/>
    <n v="42.23"/>
  </r>
  <r>
    <d v="2015-06-29T00:00:00"/>
    <x v="5"/>
    <x v="1"/>
    <x v="236"/>
    <x v="2"/>
    <x v="1"/>
    <x v="8"/>
    <s v="Eldon Executive Woodline II Desk Accessories, Mahogany"/>
    <n v="20.100000000000001"/>
    <n v="1"/>
    <n v="1.76"/>
  </r>
  <r>
    <d v="2015-06-29T00:00:00"/>
    <x v="5"/>
    <x v="1"/>
    <x v="147"/>
    <x v="20"/>
    <x v="0"/>
    <x v="0"/>
    <s v="Ampad Phone Message Book, Recycled, 400 Message Capacity, 5 Â¾Â” x 11Â”"/>
    <n v="24.96"/>
    <n v="4"/>
    <n v="11.23"/>
  </r>
  <r>
    <d v="2015-06-29T00:00:00"/>
    <x v="5"/>
    <x v="1"/>
    <x v="320"/>
    <x v="20"/>
    <x v="1"/>
    <x v="5"/>
    <s v="Office Star - Mesh Screen back chair with Vinyl seat"/>
    <n v="117.88"/>
    <n v="1"/>
    <n v="1.31"/>
  </r>
  <r>
    <d v="2015-06-29T00:00:00"/>
    <x v="5"/>
    <x v="1"/>
    <x v="82"/>
    <x v="40"/>
    <x v="2"/>
    <x v="6"/>
    <s v="Cisco 8x8 Inc. 6753i IP Business Phone System"/>
    <n v="269.98"/>
    <n v="2"/>
    <n v="72.89"/>
  </r>
  <r>
    <d v="2015-07-02T00:00:00"/>
    <x v="6"/>
    <x v="1"/>
    <x v="77"/>
    <x v="0"/>
    <x v="0"/>
    <x v="12"/>
    <s v="Belkin 8 Outlet Surge Protector"/>
    <n v="32.78"/>
    <n v="4"/>
    <n v="-85.24"/>
  </r>
  <r>
    <d v="2015-07-02T00:00:00"/>
    <x v="6"/>
    <x v="1"/>
    <x v="663"/>
    <x v="1"/>
    <x v="1"/>
    <x v="5"/>
    <s v="Hon 4070 Series Pagoda Armless Upholstered Stacking Chairs"/>
    <n v="408.42"/>
    <n v="2"/>
    <n v="-5.83"/>
  </r>
  <r>
    <d v="2015-07-02T00:00:00"/>
    <x v="6"/>
    <x v="1"/>
    <x v="663"/>
    <x v="1"/>
    <x v="1"/>
    <x v="5"/>
    <s v="Global Wood Trimmed Manager's Task Chair, Khaki"/>
    <n v="382.12"/>
    <n v="6"/>
    <n v="-92.8"/>
  </r>
  <r>
    <d v="2015-07-02T00:00:00"/>
    <x v="6"/>
    <x v="1"/>
    <x v="663"/>
    <x v="1"/>
    <x v="0"/>
    <x v="2"/>
    <s v="Advantus Rolling Storage Box"/>
    <n v="68.599999999999994"/>
    <n v="5"/>
    <n v="6"/>
  </r>
  <r>
    <d v="2015-07-02T00:00:00"/>
    <x v="6"/>
    <x v="1"/>
    <x v="663"/>
    <x v="1"/>
    <x v="0"/>
    <x v="2"/>
    <s v="Adjustable Depth Letter/Legal Cart"/>
    <n v="435.5"/>
    <n v="3"/>
    <n v="48.99"/>
  </r>
  <r>
    <d v="2015-07-02T00:00:00"/>
    <x v="6"/>
    <x v="1"/>
    <x v="663"/>
    <x v="1"/>
    <x v="0"/>
    <x v="0"/>
    <s v="Adams Phone Message Book, Professional, 400 Message Capacity, 5 3/6Â” x 11Â”"/>
    <n v="11.17"/>
    <n v="2"/>
    <n v="3.77"/>
  </r>
  <r>
    <d v="2015-07-02T00:00:00"/>
    <x v="6"/>
    <x v="1"/>
    <x v="366"/>
    <x v="16"/>
    <x v="0"/>
    <x v="0"/>
    <s v="Easy-staple paper"/>
    <n v="11.95"/>
    <n v="3"/>
    <n v="4.03"/>
  </r>
  <r>
    <d v="2015-07-02T00:00:00"/>
    <x v="6"/>
    <x v="1"/>
    <x v="366"/>
    <x v="16"/>
    <x v="0"/>
    <x v="0"/>
    <s v="Xerox 1957"/>
    <n v="15.55"/>
    <n v="3"/>
    <n v="5.64"/>
  </r>
  <r>
    <d v="2015-07-02T00:00:00"/>
    <x v="6"/>
    <x v="1"/>
    <x v="50"/>
    <x v="20"/>
    <x v="0"/>
    <x v="0"/>
    <s v="Xerox 209"/>
    <n v="19.440000000000001"/>
    <n v="3"/>
    <n v="9.33"/>
  </r>
  <r>
    <d v="2015-07-02T00:00:00"/>
    <x v="6"/>
    <x v="1"/>
    <x v="410"/>
    <x v="25"/>
    <x v="2"/>
    <x v="6"/>
    <s v="Geemarc AmpliPOWER60"/>
    <n v="74.239999999999995"/>
    <n v="1"/>
    <n v="8.35"/>
  </r>
  <r>
    <d v="2015-07-02T00:00:00"/>
    <x v="6"/>
    <x v="1"/>
    <x v="410"/>
    <x v="25"/>
    <x v="1"/>
    <x v="8"/>
    <s v="24-Hour Round Wall Clock"/>
    <n v="159.84"/>
    <n v="10"/>
    <n v="45.95"/>
  </r>
  <r>
    <d v="2015-07-02T00:00:00"/>
    <x v="6"/>
    <x v="1"/>
    <x v="410"/>
    <x v="25"/>
    <x v="0"/>
    <x v="3"/>
    <s v="Wilson Jones Turn Tabs Binder Tool for Ring Binders"/>
    <n v="2.89"/>
    <n v="2"/>
    <n v="-2.31"/>
  </r>
  <r>
    <d v="2015-07-02T00:00:00"/>
    <x v="6"/>
    <x v="1"/>
    <x v="410"/>
    <x v="25"/>
    <x v="0"/>
    <x v="0"/>
    <s v="Things To Do Today Pad"/>
    <n v="9.39"/>
    <n v="2"/>
    <n v="3.29"/>
  </r>
  <r>
    <d v="2015-07-03T00:00:00"/>
    <x v="6"/>
    <x v="1"/>
    <x v="664"/>
    <x v="5"/>
    <x v="1"/>
    <x v="5"/>
    <s v="Novimex High-Tech Fabric Mesh Task Chair"/>
    <n v="70.98"/>
    <n v="1"/>
    <n v="4.97"/>
  </r>
  <r>
    <d v="2015-07-03T00:00:00"/>
    <x v="6"/>
    <x v="1"/>
    <x v="664"/>
    <x v="5"/>
    <x v="0"/>
    <x v="1"/>
    <s v="Dot Matrix Printer Tape Reel Labels, White, 5000/Box"/>
    <n v="294.93"/>
    <n v="3"/>
    <n v="144.52000000000001"/>
  </r>
  <r>
    <d v="2015-07-03T00:00:00"/>
    <x v="6"/>
    <x v="1"/>
    <x v="486"/>
    <x v="2"/>
    <x v="1"/>
    <x v="8"/>
    <s v="Eldon Antistatic Chair Mats for Low to Medium Pile Carpets"/>
    <n v="168.46"/>
    <n v="2"/>
    <n v="-29.48"/>
  </r>
  <r>
    <d v="2015-07-03T00:00:00"/>
    <x v="6"/>
    <x v="1"/>
    <x v="486"/>
    <x v="2"/>
    <x v="0"/>
    <x v="0"/>
    <s v="Important Message Pads, 50 4-1/4 x 5-1/2 Forms per Pad"/>
    <n v="6.72"/>
    <n v="2"/>
    <n v="2.44"/>
  </r>
  <r>
    <d v="2015-07-03T00:00:00"/>
    <x v="6"/>
    <x v="1"/>
    <x v="486"/>
    <x v="2"/>
    <x v="1"/>
    <x v="8"/>
    <s v="Howard Miller 12&quot; Round Wall Clock"/>
    <n v="282.89"/>
    <n v="9"/>
    <n v="56.58"/>
  </r>
  <r>
    <d v="2015-07-04T00:00:00"/>
    <x v="6"/>
    <x v="1"/>
    <x v="576"/>
    <x v="21"/>
    <x v="2"/>
    <x v="6"/>
    <s v="Mitel MiVoice 5330e IP Phone"/>
    <n v="1099.96"/>
    <n v="4"/>
    <n v="285.99"/>
  </r>
  <r>
    <d v="2015-07-04T00:00:00"/>
    <x v="6"/>
    <x v="1"/>
    <x v="525"/>
    <x v="20"/>
    <x v="0"/>
    <x v="4"/>
    <s v="Colorific Watercolor Pencils"/>
    <n v="15.48"/>
    <n v="3"/>
    <n v="4.49"/>
  </r>
  <r>
    <d v="2015-07-04T00:00:00"/>
    <x v="6"/>
    <x v="1"/>
    <x v="425"/>
    <x v="3"/>
    <x v="0"/>
    <x v="3"/>
    <s v="Avery Premier Heavy-Duty Binder with Round Locking Rings"/>
    <n v="22.85"/>
    <n v="2"/>
    <n v="7.43"/>
  </r>
  <r>
    <d v="2015-07-05T00:00:00"/>
    <x v="6"/>
    <x v="1"/>
    <x v="302"/>
    <x v="25"/>
    <x v="1"/>
    <x v="8"/>
    <s v="Stackable Trays"/>
    <n v="4.93"/>
    <n v="2"/>
    <n v="0.74"/>
  </r>
  <r>
    <d v="2015-07-05T00:00:00"/>
    <x v="6"/>
    <x v="1"/>
    <x v="302"/>
    <x v="25"/>
    <x v="0"/>
    <x v="3"/>
    <s v="Wilson Jones Turn Tabs Binder Tool for Ring Binders"/>
    <n v="7.23"/>
    <n v="5"/>
    <n v="-5.78"/>
  </r>
  <r>
    <d v="2015-07-05T00:00:00"/>
    <x v="6"/>
    <x v="1"/>
    <x v="665"/>
    <x v="14"/>
    <x v="0"/>
    <x v="3"/>
    <s v="Durable Pressboard Binders"/>
    <n v="19"/>
    <n v="5"/>
    <n v="8.93"/>
  </r>
  <r>
    <d v="2015-07-05T00:00:00"/>
    <x v="6"/>
    <x v="1"/>
    <x v="363"/>
    <x v="2"/>
    <x v="2"/>
    <x v="9"/>
    <s v="HP Standard 104 key PS/2 Keyboard"/>
    <n v="34.799999999999997"/>
    <n v="3"/>
    <n v="2.1800000000000002"/>
  </r>
  <r>
    <d v="2015-07-05T00:00:00"/>
    <x v="6"/>
    <x v="1"/>
    <x v="363"/>
    <x v="2"/>
    <x v="0"/>
    <x v="2"/>
    <s v="Acco Perma 4000 Stacking Storage Drawers"/>
    <n v="38.979999999999997"/>
    <n v="3"/>
    <n v="-2.44"/>
  </r>
  <r>
    <d v="2015-07-05T00:00:00"/>
    <x v="6"/>
    <x v="1"/>
    <x v="138"/>
    <x v="25"/>
    <x v="1"/>
    <x v="8"/>
    <s v="Stackable Trays"/>
    <n v="4.93"/>
    <n v="2"/>
    <n v="0.74"/>
  </r>
  <r>
    <d v="2015-07-05T00:00:00"/>
    <x v="6"/>
    <x v="1"/>
    <x v="138"/>
    <x v="25"/>
    <x v="0"/>
    <x v="1"/>
    <s v="Avery 508"/>
    <n v="11.78"/>
    <n v="3"/>
    <n v="4.2699999999999996"/>
  </r>
  <r>
    <d v="2015-07-06T00:00:00"/>
    <x v="6"/>
    <x v="1"/>
    <x v="666"/>
    <x v="20"/>
    <x v="1"/>
    <x v="8"/>
    <s v="G.E. Halogen Desk Lamp Bulbs"/>
    <n v="13.96"/>
    <n v="2"/>
    <n v="6.7"/>
  </r>
  <r>
    <d v="2015-07-06T00:00:00"/>
    <x v="6"/>
    <x v="1"/>
    <x v="666"/>
    <x v="20"/>
    <x v="1"/>
    <x v="8"/>
    <s v="Howard Miller 11-1/2&quot; Diameter Ridgewood Wall Clock"/>
    <n v="155.82"/>
    <n v="3"/>
    <n v="63.89"/>
  </r>
  <r>
    <d v="2015-07-06T00:00:00"/>
    <x v="6"/>
    <x v="1"/>
    <x v="666"/>
    <x v="20"/>
    <x v="2"/>
    <x v="6"/>
    <s v="OtterBox Commuter Series Case - Samsung Galaxy S4"/>
    <n v="124.95"/>
    <n v="5"/>
    <n v="2.5"/>
  </r>
  <r>
    <d v="2015-07-06T00:00:00"/>
    <x v="6"/>
    <x v="1"/>
    <x v="666"/>
    <x v="20"/>
    <x v="0"/>
    <x v="2"/>
    <s v="Iceberg Mobile Mega Data/Printer Cart"/>
    <n v="601.65"/>
    <n v="5"/>
    <n v="156.43"/>
  </r>
  <r>
    <d v="2015-07-06T00:00:00"/>
    <x v="6"/>
    <x v="1"/>
    <x v="367"/>
    <x v="32"/>
    <x v="1"/>
    <x v="11"/>
    <s v="Bush Mission Pointe Library"/>
    <n v="301.95999999999998"/>
    <n v="2"/>
    <n v="60.39"/>
  </r>
  <r>
    <d v="2015-07-06T00:00:00"/>
    <x v="6"/>
    <x v="1"/>
    <x v="605"/>
    <x v="3"/>
    <x v="1"/>
    <x v="5"/>
    <s v="Novimex Turbo Task Chair"/>
    <n v="170.35"/>
    <n v="3"/>
    <n v="-17.04"/>
  </r>
  <r>
    <d v="2015-07-06T00:00:00"/>
    <x v="6"/>
    <x v="1"/>
    <x v="302"/>
    <x v="23"/>
    <x v="0"/>
    <x v="4"/>
    <s v="Newell 333"/>
    <n v="11.12"/>
    <n v="4"/>
    <n v="2.89"/>
  </r>
  <r>
    <d v="2015-07-08T00:00:00"/>
    <x v="6"/>
    <x v="1"/>
    <x v="406"/>
    <x v="0"/>
    <x v="0"/>
    <x v="0"/>
    <s v="Xerox 1990"/>
    <n v="21.12"/>
    <n v="5"/>
    <n v="6.6"/>
  </r>
  <r>
    <d v="2015-07-09T00:00:00"/>
    <x v="6"/>
    <x v="1"/>
    <x v="595"/>
    <x v="32"/>
    <x v="0"/>
    <x v="0"/>
    <s v="Tops Wirebound Message Log Books"/>
    <n v="6.58"/>
    <n v="2"/>
    <n v="3.03"/>
  </r>
  <r>
    <d v="2015-07-09T00:00:00"/>
    <x v="6"/>
    <x v="1"/>
    <x v="595"/>
    <x v="32"/>
    <x v="0"/>
    <x v="3"/>
    <s v="Wilson Jones Ledger-Size, Piano-Hinge Binder, 2&quot;, Blue"/>
    <n v="122.94"/>
    <n v="3"/>
    <n v="59.01"/>
  </r>
  <r>
    <d v="2015-07-09T00:00:00"/>
    <x v="6"/>
    <x v="1"/>
    <x v="185"/>
    <x v="15"/>
    <x v="0"/>
    <x v="4"/>
    <s v="Binney &amp; Smith inkTank Desk Highlighter, Chisel Tip, Yellow, 12/Box"/>
    <n v="5.16"/>
    <n v="3"/>
    <n v="0.84"/>
  </r>
  <r>
    <d v="2015-07-09T00:00:00"/>
    <x v="6"/>
    <x v="1"/>
    <x v="542"/>
    <x v="36"/>
    <x v="0"/>
    <x v="7"/>
    <s v="Advantus Map Pennant Flags and Round Head Tacks"/>
    <n v="15.8"/>
    <n v="4"/>
    <n v="5.0599999999999996"/>
  </r>
  <r>
    <d v="2015-07-09T00:00:00"/>
    <x v="6"/>
    <x v="1"/>
    <x v="542"/>
    <x v="36"/>
    <x v="2"/>
    <x v="15"/>
    <s v="Fellowes Powershred HS-440 4-Sheet High Security Shredder"/>
    <n v="464.97"/>
    <n v="3"/>
    <n v="209.24"/>
  </r>
  <r>
    <d v="2015-07-09T00:00:00"/>
    <x v="6"/>
    <x v="1"/>
    <x v="542"/>
    <x v="36"/>
    <x v="1"/>
    <x v="8"/>
    <s v="Eldon ClusterMat Chair Mat with Cordless Antistatic Protection"/>
    <n v="181.96"/>
    <n v="2"/>
    <n v="20.02"/>
  </r>
  <r>
    <d v="2015-07-09T00:00:00"/>
    <x v="6"/>
    <x v="1"/>
    <x v="542"/>
    <x v="36"/>
    <x v="0"/>
    <x v="1"/>
    <s v="Avery 05222 Permanent Self-Adhesive File Folder Labels for Typewriters, on Rolls, White, 250/Roll"/>
    <n v="12.39"/>
    <n v="3"/>
    <n v="5.7"/>
  </r>
  <r>
    <d v="2015-07-09T00:00:00"/>
    <x v="6"/>
    <x v="1"/>
    <x v="542"/>
    <x v="36"/>
    <x v="0"/>
    <x v="3"/>
    <s v="Performers Binder/Pad Holder, Black"/>
    <n v="84.09"/>
    <n v="3"/>
    <n v="42.05"/>
  </r>
  <r>
    <d v="2015-07-09T00:00:00"/>
    <x v="6"/>
    <x v="1"/>
    <x v="542"/>
    <x v="36"/>
    <x v="0"/>
    <x v="4"/>
    <s v="Prismacolor Color Pencil Set"/>
    <n v="79.36"/>
    <n v="4"/>
    <n v="32.54"/>
  </r>
  <r>
    <d v="2015-07-09T00:00:00"/>
    <x v="6"/>
    <x v="1"/>
    <x v="542"/>
    <x v="36"/>
    <x v="0"/>
    <x v="3"/>
    <s v="GBC Recycled VeloBinder Covers"/>
    <n v="153.36000000000001"/>
    <n v="9"/>
    <n v="70.55"/>
  </r>
  <r>
    <d v="2015-07-09T00:00:00"/>
    <x v="6"/>
    <x v="1"/>
    <x v="542"/>
    <x v="36"/>
    <x v="0"/>
    <x v="3"/>
    <s v="Wilson Jones Active Use Binders"/>
    <n v="43.68"/>
    <n v="6"/>
    <n v="21.4"/>
  </r>
  <r>
    <d v="2015-07-09T00:00:00"/>
    <x v="6"/>
    <x v="1"/>
    <x v="542"/>
    <x v="36"/>
    <x v="0"/>
    <x v="2"/>
    <s v="Project Tote Personal File"/>
    <n v="98.21"/>
    <n v="7"/>
    <n v="28.48"/>
  </r>
  <r>
    <d v="2015-07-09T00:00:00"/>
    <x v="6"/>
    <x v="1"/>
    <x v="550"/>
    <x v="2"/>
    <x v="2"/>
    <x v="6"/>
    <s v="Panasonic KX-TG9541B DECT 6.0 Digital 2-Line Expandable Cordless Phone With Digital Answering System"/>
    <n v="269.98"/>
    <n v="3"/>
    <n v="40.5"/>
  </r>
  <r>
    <d v="2015-07-09T00:00:00"/>
    <x v="6"/>
    <x v="1"/>
    <x v="148"/>
    <x v="0"/>
    <x v="0"/>
    <x v="12"/>
    <s v="Acco 7-Outlet Masterpiece Power Center, Wihtout Fax/Phone Line Protection"/>
    <n v="48.63"/>
    <n v="2"/>
    <n v="-121.58"/>
  </r>
  <r>
    <d v="2015-07-10T00:00:00"/>
    <x v="6"/>
    <x v="1"/>
    <x v="281"/>
    <x v="12"/>
    <x v="0"/>
    <x v="3"/>
    <s v="Accohide Poly Flexible Ring Binders"/>
    <n v="3.37"/>
    <n v="3"/>
    <n v="-2.2400000000000002"/>
  </r>
  <r>
    <d v="2015-07-10T00:00:00"/>
    <x v="6"/>
    <x v="1"/>
    <x v="30"/>
    <x v="3"/>
    <x v="0"/>
    <x v="3"/>
    <s v="Large Capacity Hanging Post Binders"/>
    <n v="39.92"/>
    <n v="2"/>
    <n v="12.97"/>
  </r>
  <r>
    <d v="2015-07-11T00:00:00"/>
    <x v="6"/>
    <x v="1"/>
    <x v="584"/>
    <x v="2"/>
    <x v="1"/>
    <x v="8"/>
    <s v="Howard Miller 13-3/4&quot; Diameter Brushed Chrome Round Wall Clock"/>
    <n v="289.8"/>
    <n v="7"/>
    <n v="36.229999999999997"/>
  </r>
  <r>
    <d v="2015-07-11T00:00:00"/>
    <x v="6"/>
    <x v="1"/>
    <x v="584"/>
    <x v="2"/>
    <x v="0"/>
    <x v="3"/>
    <s v="Acco Suede Grain Vinyl Round Ring Binder"/>
    <n v="2.5"/>
    <n v="3"/>
    <n v="-2"/>
  </r>
  <r>
    <d v="2015-07-11T00:00:00"/>
    <x v="6"/>
    <x v="1"/>
    <x v="584"/>
    <x v="2"/>
    <x v="0"/>
    <x v="3"/>
    <s v="3M Organizer Strips"/>
    <n v="6.48"/>
    <n v="4"/>
    <n v="-4.75"/>
  </r>
  <r>
    <d v="2015-07-11T00:00:00"/>
    <x v="6"/>
    <x v="1"/>
    <x v="584"/>
    <x v="2"/>
    <x v="1"/>
    <x v="5"/>
    <s v="Novimex Fabric Task Chair"/>
    <n v="341.49"/>
    <n v="8"/>
    <n v="-73.180000000000007"/>
  </r>
  <r>
    <d v="2015-07-11T00:00:00"/>
    <x v="6"/>
    <x v="1"/>
    <x v="584"/>
    <x v="2"/>
    <x v="0"/>
    <x v="4"/>
    <s v="Newell 333"/>
    <n v="11.12"/>
    <n v="5"/>
    <n v="0.83"/>
  </r>
  <r>
    <d v="2015-07-11T00:00:00"/>
    <x v="6"/>
    <x v="1"/>
    <x v="584"/>
    <x v="2"/>
    <x v="1"/>
    <x v="8"/>
    <s v="Master Big Foot Doorstop, Beige"/>
    <n v="25.34"/>
    <n v="6"/>
    <n v="3.48"/>
  </r>
  <r>
    <d v="2015-07-11T00:00:00"/>
    <x v="6"/>
    <x v="1"/>
    <x v="59"/>
    <x v="22"/>
    <x v="0"/>
    <x v="0"/>
    <s v="Xerox 1896"/>
    <n v="29.97"/>
    <n v="3"/>
    <n v="13.49"/>
  </r>
  <r>
    <d v="2015-07-11T00:00:00"/>
    <x v="6"/>
    <x v="1"/>
    <x v="59"/>
    <x v="22"/>
    <x v="0"/>
    <x v="3"/>
    <s v="Wilson Jones Ledger-Size, Piano-Hinge Binder, 2&quot;, Blue"/>
    <n v="98.35"/>
    <n v="3"/>
    <n v="34.42"/>
  </r>
  <r>
    <d v="2015-07-11T00:00:00"/>
    <x v="6"/>
    <x v="1"/>
    <x v="477"/>
    <x v="7"/>
    <x v="1"/>
    <x v="13"/>
    <s v="Lesro Sheffield Collection Coffee Table, End Table, Center Table, Corner Table"/>
    <n v="199.84"/>
    <n v="4"/>
    <n v="-37.11"/>
  </r>
  <r>
    <d v="2015-07-11T00:00:00"/>
    <x v="6"/>
    <x v="1"/>
    <x v="477"/>
    <x v="7"/>
    <x v="2"/>
    <x v="6"/>
    <s v="Wilson Electronics DB Pro Signal Booster"/>
    <n v="716"/>
    <n v="2"/>
    <n v="193.32"/>
  </r>
  <r>
    <d v="2015-07-11T00:00:00"/>
    <x v="6"/>
    <x v="1"/>
    <x v="477"/>
    <x v="7"/>
    <x v="0"/>
    <x v="3"/>
    <s v="Tuf-Vin Binders"/>
    <n v="221.06"/>
    <n v="7"/>
    <n v="103.9"/>
  </r>
  <r>
    <d v="2015-07-12T00:00:00"/>
    <x v="6"/>
    <x v="1"/>
    <x v="556"/>
    <x v="1"/>
    <x v="1"/>
    <x v="5"/>
    <s v="Global Push Button Manager's Chair, Indigo"/>
    <n v="383.61"/>
    <n v="9"/>
    <n v="-5.48"/>
  </r>
  <r>
    <d v="2015-07-12T00:00:00"/>
    <x v="6"/>
    <x v="1"/>
    <x v="556"/>
    <x v="1"/>
    <x v="2"/>
    <x v="6"/>
    <s v="Geemarc AmpliPOWER60"/>
    <n v="148.47999999999999"/>
    <n v="2"/>
    <n v="16.7"/>
  </r>
  <r>
    <d v="2015-07-12T00:00:00"/>
    <x v="6"/>
    <x v="1"/>
    <x v="556"/>
    <x v="1"/>
    <x v="2"/>
    <x v="6"/>
    <s v="Vtech CS6719"/>
    <n v="537.54"/>
    <n v="7"/>
    <n v="53.75"/>
  </r>
  <r>
    <d v="2015-07-12T00:00:00"/>
    <x v="6"/>
    <x v="1"/>
    <x v="556"/>
    <x v="1"/>
    <x v="0"/>
    <x v="3"/>
    <s v="Tuff Stuff Recycled Round Ring Binders"/>
    <n v="1.93"/>
    <n v="2"/>
    <n v="-2.99"/>
  </r>
  <r>
    <d v="2015-07-12T00:00:00"/>
    <x v="6"/>
    <x v="1"/>
    <x v="556"/>
    <x v="1"/>
    <x v="0"/>
    <x v="4"/>
    <s v="Newell 32"/>
    <n v="6.91"/>
    <n v="3"/>
    <n v="0.69"/>
  </r>
  <r>
    <d v="2015-07-12T00:00:00"/>
    <x v="6"/>
    <x v="1"/>
    <x v="556"/>
    <x v="1"/>
    <x v="1"/>
    <x v="8"/>
    <s v="Floodlight Indoor Halogen Bulbs, 1 Bulb per Pack, 60 Watts"/>
    <n v="7.76"/>
    <n v="1"/>
    <n v="-2.13"/>
  </r>
  <r>
    <d v="2015-07-12T00:00:00"/>
    <x v="6"/>
    <x v="1"/>
    <x v="556"/>
    <x v="1"/>
    <x v="2"/>
    <x v="6"/>
    <s v="GE 2-Jack Phone Line Splitter"/>
    <n v="659.17"/>
    <n v="4"/>
    <n v="49.44"/>
  </r>
  <r>
    <d v="2015-07-12T00:00:00"/>
    <x v="6"/>
    <x v="1"/>
    <x v="667"/>
    <x v="0"/>
    <x v="2"/>
    <x v="6"/>
    <s v="Vtech CS6719"/>
    <n v="307.17"/>
    <n v="4"/>
    <n v="30.72"/>
  </r>
  <r>
    <d v="2015-07-13T00:00:00"/>
    <x v="6"/>
    <x v="1"/>
    <x v="11"/>
    <x v="20"/>
    <x v="0"/>
    <x v="3"/>
    <s v="GBC Plastic Binding Combs"/>
    <n v="11.81"/>
    <n v="2"/>
    <n v="4.28"/>
  </r>
  <r>
    <d v="2015-07-13T00:00:00"/>
    <x v="6"/>
    <x v="1"/>
    <x v="11"/>
    <x v="20"/>
    <x v="1"/>
    <x v="5"/>
    <s v="Safco Contoured Stacking Chairs"/>
    <n v="1931.04"/>
    <n v="9"/>
    <n v="321.83999999999997"/>
  </r>
  <r>
    <d v="2015-07-13T00:00:00"/>
    <x v="6"/>
    <x v="1"/>
    <x v="11"/>
    <x v="20"/>
    <x v="0"/>
    <x v="0"/>
    <s v="Easy-staple paper"/>
    <n v="9.9600000000000009"/>
    <n v="2"/>
    <n v="4.68"/>
  </r>
  <r>
    <d v="2015-07-13T00:00:00"/>
    <x v="6"/>
    <x v="1"/>
    <x v="421"/>
    <x v="0"/>
    <x v="0"/>
    <x v="3"/>
    <s v="Wilson Jones Heavy-Duty Casebound Ring Binders with Metal Hinges"/>
    <n v="41.57"/>
    <n v="6"/>
    <n v="-66.510000000000005"/>
  </r>
  <r>
    <d v="2015-07-13T00:00:00"/>
    <x v="6"/>
    <x v="1"/>
    <x v="37"/>
    <x v="4"/>
    <x v="0"/>
    <x v="0"/>
    <s v="Xerox 1931"/>
    <n v="38.880000000000003"/>
    <n v="6"/>
    <n v="18.66"/>
  </r>
  <r>
    <d v="2015-07-14T00:00:00"/>
    <x v="6"/>
    <x v="1"/>
    <x v="614"/>
    <x v="12"/>
    <x v="0"/>
    <x v="2"/>
    <s v="SAFCO Boltless Steel Shelving"/>
    <n v="272.74"/>
    <n v="3"/>
    <n v="-64.77"/>
  </r>
  <r>
    <d v="2015-07-14T00:00:00"/>
    <x v="6"/>
    <x v="1"/>
    <x v="614"/>
    <x v="12"/>
    <x v="0"/>
    <x v="0"/>
    <s v="Xerox 1899"/>
    <n v="18.5"/>
    <n v="4"/>
    <n v="6.7"/>
  </r>
  <r>
    <d v="2015-07-14T00:00:00"/>
    <x v="6"/>
    <x v="1"/>
    <x v="614"/>
    <x v="12"/>
    <x v="1"/>
    <x v="5"/>
    <s v="SAFCO Arco Folding Chair"/>
    <n v="441.92"/>
    <n v="2"/>
    <n v="49.72"/>
  </r>
  <r>
    <d v="2015-07-14T00:00:00"/>
    <x v="6"/>
    <x v="1"/>
    <x v="614"/>
    <x v="12"/>
    <x v="1"/>
    <x v="11"/>
    <s v="Hon Metal Bookcases, Black"/>
    <n v="127.76"/>
    <n v="6"/>
    <n v="-191.65"/>
  </r>
  <r>
    <d v="2015-07-16T00:00:00"/>
    <x v="6"/>
    <x v="1"/>
    <x v="654"/>
    <x v="3"/>
    <x v="1"/>
    <x v="5"/>
    <s v="Hon 2090 Â“Pillow SoftÂ” Series Mid Back Swivel/Tilt Chairs"/>
    <n v="1348.7"/>
    <n v="6"/>
    <n v="-219.16"/>
  </r>
  <r>
    <d v="2015-07-16T00:00:00"/>
    <x v="6"/>
    <x v="1"/>
    <x v="654"/>
    <x v="3"/>
    <x v="1"/>
    <x v="5"/>
    <s v="Hon 4070 Series Pagoda Armless Upholstered Stacking Chairs"/>
    <n v="700.15"/>
    <n v="3"/>
    <n v="78.77"/>
  </r>
  <r>
    <d v="2015-07-16T00:00:00"/>
    <x v="6"/>
    <x v="1"/>
    <x v="124"/>
    <x v="20"/>
    <x v="0"/>
    <x v="0"/>
    <s v="Petty Cash Envelope"/>
    <n v="80.88"/>
    <n v="3"/>
    <n v="39.630000000000003"/>
  </r>
  <r>
    <d v="2015-07-16T00:00:00"/>
    <x v="6"/>
    <x v="1"/>
    <x v="124"/>
    <x v="20"/>
    <x v="2"/>
    <x v="9"/>
    <s v="Kensington Orbit Wireless Mobile Trackball for PC and Mac"/>
    <n v="599.9"/>
    <n v="10"/>
    <n v="191.97"/>
  </r>
  <r>
    <d v="2015-07-16T00:00:00"/>
    <x v="6"/>
    <x v="1"/>
    <x v="588"/>
    <x v="36"/>
    <x v="1"/>
    <x v="5"/>
    <s v="Global Manager's Adjustable Task Chair, Storm"/>
    <n v="150.97999999999999"/>
    <n v="1"/>
    <n v="43.78"/>
  </r>
  <r>
    <d v="2015-07-16T00:00:00"/>
    <x v="6"/>
    <x v="1"/>
    <x v="588"/>
    <x v="36"/>
    <x v="0"/>
    <x v="10"/>
    <s v="White Envelopes, White Envelopes with Clear Poly Window"/>
    <n v="137.25"/>
    <n v="9"/>
    <n v="63.14"/>
  </r>
  <r>
    <d v="2015-07-16T00:00:00"/>
    <x v="6"/>
    <x v="1"/>
    <x v="588"/>
    <x v="36"/>
    <x v="0"/>
    <x v="7"/>
    <s v="Acco Banker's Clasps, 5 3/4&quot;-Long"/>
    <n v="11.52"/>
    <n v="4"/>
    <n v="5.41"/>
  </r>
  <r>
    <d v="2015-07-17T00:00:00"/>
    <x v="6"/>
    <x v="1"/>
    <x v="401"/>
    <x v="3"/>
    <x v="1"/>
    <x v="11"/>
    <s v="Sauder Camden County Collection Libraries, Planked Cherry Finish"/>
    <n v="195.47"/>
    <n v="2"/>
    <n v="-13.8"/>
  </r>
  <r>
    <d v="2015-07-17T00:00:00"/>
    <x v="6"/>
    <x v="1"/>
    <x v="634"/>
    <x v="16"/>
    <x v="1"/>
    <x v="11"/>
    <s v="Bush Westfield Collection Bookcases, Medium Cherry Finish"/>
    <n v="231.92"/>
    <n v="5"/>
    <n v="5.8"/>
  </r>
  <r>
    <d v="2015-07-17T00:00:00"/>
    <x v="6"/>
    <x v="1"/>
    <x v="668"/>
    <x v="0"/>
    <x v="0"/>
    <x v="1"/>
    <s v="Avery 479"/>
    <n v="6.26"/>
    <n v="3"/>
    <n v="2.04"/>
  </r>
  <r>
    <d v="2015-07-17T00:00:00"/>
    <x v="6"/>
    <x v="1"/>
    <x v="668"/>
    <x v="0"/>
    <x v="0"/>
    <x v="7"/>
    <s v="Advantus T-Pin Paper Clips"/>
    <n v="14.43"/>
    <n v="4"/>
    <n v="3.43"/>
  </r>
  <r>
    <d v="2015-07-18T00:00:00"/>
    <x v="6"/>
    <x v="1"/>
    <x v="334"/>
    <x v="3"/>
    <x v="2"/>
    <x v="9"/>
    <s v="Logitech G35 7.1-Channel Surround Sound Headset"/>
    <n v="519.96"/>
    <n v="4"/>
    <n v="176.79"/>
  </r>
  <r>
    <d v="2015-07-18T00:00:00"/>
    <x v="6"/>
    <x v="1"/>
    <x v="385"/>
    <x v="20"/>
    <x v="0"/>
    <x v="4"/>
    <s v="Newell 32"/>
    <n v="5.76"/>
    <n v="2"/>
    <n v="1.61"/>
  </r>
  <r>
    <d v="2015-07-18T00:00:00"/>
    <x v="6"/>
    <x v="1"/>
    <x v="137"/>
    <x v="20"/>
    <x v="0"/>
    <x v="3"/>
    <s v="Economy Binders"/>
    <n v="3.33"/>
    <n v="2"/>
    <n v="1.21"/>
  </r>
  <r>
    <d v="2015-07-18T00:00:00"/>
    <x v="6"/>
    <x v="1"/>
    <x v="137"/>
    <x v="20"/>
    <x v="2"/>
    <x v="6"/>
    <s v="Plantronics CS 50-USB -Â headsetÂ - Convertible, Monaural"/>
    <n v="135.99"/>
    <n v="1"/>
    <n v="36.72"/>
  </r>
  <r>
    <d v="2015-07-18T00:00:00"/>
    <x v="6"/>
    <x v="1"/>
    <x v="137"/>
    <x v="20"/>
    <x v="1"/>
    <x v="8"/>
    <s v="Eldon Expressions Wood Desk Accessories, Oak"/>
    <n v="7.38"/>
    <n v="1"/>
    <n v="2.14"/>
  </r>
  <r>
    <d v="2015-07-19T00:00:00"/>
    <x v="6"/>
    <x v="1"/>
    <x v="669"/>
    <x v="12"/>
    <x v="0"/>
    <x v="3"/>
    <s v="Wilson Jones DublLock D-Ring Binders"/>
    <n v="2.0299999999999998"/>
    <n v="1"/>
    <n v="-1.35"/>
  </r>
  <r>
    <d v="2015-07-20T00:00:00"/>
    <x v="6"/>
    <x v="1"/>
    <x v="670"/>
    <x v="18"/>
    <x v="0"/>
    <x v="2"/>
    <s v="Multi-Use Personal File Cart and Caster Set, Three Stacking Bins"/>
    <n v="34.76"/>
    <n v="1"/>
    <n v="9.73"/>
  </r>
  <r>
    <d v="2015-07-20T00:00:00"/>
    <x v="6"/>
    <x v="1"/>
    <x v="670"/>
    <x v="18"/>
    <x v="2"/>
    <x v="9"/>
    <s v="Imation Bio 8GB USBÂ Flash Drive ImationÂ Corp"/>
    <n v="831.2"/>
    <n v="5"/>
    <n v="124.68"/>
  </r>
  <r>
    <d v="2015-07-20T00:00:00"/>
    <x v="6"/>
    <x v="1"/>
    <x v="670"/>
    <x v="18"/>
    <x v="0"/>
    <x v="0"/>
    <s v="Xerox 1981"/>
    <n v="26.4"/>
    <n v="5"/>
    <n v="11.88"/>
  </r>
  <r>
    <d v="2015-07-20T00:00:00"/>
    <x v="6"/>
    <x v="1"/>
    <x v="670"/>
    <x v="18"/>
    <x v="0"/>
    <x v="10"/>
    <s v="White Envelopes, White Envelopes with Clear Poly Window"/>
    <n v="106.75"/>
    <n v="7"/>
    <n v="49.11"/>
  </r>
  <r>
    <d v="2015-07-20T00:00:00"/>
    <x v="6"/>
    <x v="1"/>
    <x v="670"/>
    <x v="18"/>
    <x v="0"/>
    <x v="0"/>
    <s v="Tops White Computer Printout Paper"/>
    <n v="97.82"/>
    <n v="2"/>
    <n v="45.98"/>
  </r>
  <r>
    <d v="2015-07-20T00:00:00"/>
    <x v="6"/>
    <x v="1"/>
    <x v="670"/>
    <x v="18"/>
    <x v="0"/>
    <x v="2"/>
    <s v="Eldon Portable Mobile Manager"/>
    <n v="141.4"/>
    <n v="5"/>
    <n v="38.18"/>
  </r>
  <r>
    <d v="2015-07-20T00:00:00"/>
    <x v="6"/>
    <x v="1"/>
    <x v="277"/>
    <x v="1"/>
    <x v="0"/>
    <x v="3"/>
    <s v="Avery Durable Binders"/>
    <n v="2.88"/>
    <n v="5"/>
    <n v="-4.46"/>
  </r>
  <r>
    <d v="2015-07-20T00:00:00"/>
    <x v="6"/>
    <x v="1"/>
    <x v="277"/>
    <x v="1"/>
    <x v="1"/>
    <x v="11"/>
    <s v="O'Sullivan Cherrywood Estates Traditional Barrister Bookcase"/>
    <n v="384.94"/>
    <n v="4"/>
    <n v="-126.48"/>
  </r>
  <r>
    <d v="2015-07-20T00:00:00"/>
    <x v="6"/>
    <x v="1"/>
    <x v="277"/>
    <x v="1"/>
    <x v="2"/>
    <x v="6"/>
    <s v="Pyle PMP37LED"/>
    <n v="153.58000000000001"/>
    <n v="2"/>
    <n v="13.44"/>
  </r>
  <r>
    <d v="2015-07-20T00:00:00"/>
    <x v="6"/>
    <x v="1"/>
    <x v="277"/>
    <x v="1"/>
    <x v="1"/>
    <x v="11"/>
    <s v="Atlantic Metals Mobile 3-Shelf Bookcases, Custom Colors"/>
    <n v="913.43"/>
    <n v="5"/>
    <n v="-52.2"/>
  </r>
  <r>
    <d v="2015-07-23T00:00:00"/>
    <x v="6"/>
    <x v="1"/>
    <x v="128"/>
    <x v="20"/>
    <x v="0"/>
    <x v="12"/>
    <s v="Belkin F5C206VTEL 6 Outlet Surge"/>
    <n v="68.94"/>
    <n v="3"/>
    <n v="20.68"/>
  </r>
  <r>
    <d v="2015-07-23T00:00:00"/>
    <x v="6"/>
    <x v="1"/>
    <x v="128"/>
    <x v="20"/>
    <x v="1"/>
    <x v="8"/>
    <s v="Howard Miller 13&quot; Diameter Pewter Finish Round Wall Clock"/>
    <n v="128.82"/>
    <n v="3"/>
    <n v="50.24"/>
  </r>
  <r>
    <d v="2015-07-23T00:00:00"/>
    <x v="6"/>
    <x v="1"/>
    <x v="7"/>
    <x v="20"/>
    <x v="0"/>
    <x v="3"/>
    <s v="Acco 3-Hole Punch"/>
    <n v="10.51"/>
    <n v="3"/>
    <n v="3.68"/>
  </r>
  <r>
    <d v="2015-07-24T00:00:00"/>
    <x v="6"/>
    <x v="1"/>
    <x v="301"/>
    <x v="5"/>
    <x v="1"/>
    <x v="8"/>
    <s v="Eldon Expressions Wood and Plastic Desk Accessories, Cherry Wood"/>
    <n v="20.94"/>
    <n v="3"/>
    <n v="6.07"/>
  </r>
  <r>
    <d v="2015-07-24T00:00:00"/>
    <x v="6"/>
    <x v="1"/>
    <x v="301"/>
    <x v="5"/>
    <x v="0"/>
    <x v="3"/>
    <s v="GBC Prepunched Paper, 19-Hole, for Binding Systems, 24-lb"/>
    <n v="135.09"/>
    <n v="9"/>
    <n v="62.14"/>
  </r>
  <r>
    <d v="2015-07-24T00:00:00"/>
    <x v="6"/>
    <x v="1"/>
    <x v="301"/>
    <x v="5"/>
    <x v="2"/>
    <x v="9"/>
    <s v="Anker Ultra-Slim Mini Bluetooth 3.0 Wireless Keyboard"/>
    <n v="279.86"/>
    <n v="14"/>
    <n v="64.37"/>
  </r>
  <r>
    <d v="2015-07-24T00:00:00"/>
    <x v="6"/>
    <x v="1"/>
    <x v="301"/>
    <x v="5"/>
    <x v="0"/>
    <x v="3"/>
    <s v="GBC Prepunched Paper, 19-Hole, for Binding Systems, 24-lb"/>
    <n v="90.06"/>
    <n v="6"/>
    <n v="41.43"/>
  </r>
  <r>
    <d v="2015-07-25T00:00:00"/>
    <x v="6"/>
    <x v="1"/>
    <x v="237"/>
    <x v="2"/>
    <x v="0"/>
    <x v="3"/>
    <s v="GBC Premium Transparent Covers with Diagonal Lined Pattern"/>
    <n v="25.18"/>
    <n v="4"/>
    <n v="-18.46"/>
  </r>
  <r>
    <d v="2015-07-25T00:00:00"/>
    <x v="6"/>
    <x v="1"/>
    <x v="289"/>
    <x v="22"/>
    <x v="0"/>
    <x v="7"/>
    <s v="Plymouth Boxed Rubber Bands by Plymouth"/>
    <n v="9.42"/>
    <n v="2"/>
    <n v="0.47"/>
  </r>
  <r>
    <d v="2015-07-25T00:00:00"/>
    <x v="6"/>
    <x v="1"/>
    <x v="289"/>
    <x v="22"/>
    <x v="0"/>
    <x v="0"/>
    <s v="Xerox 228"/>
    <n v="12.96"/>
    <n v="2"/>
    <n v="6.22"/>
  </r>
  <r>
    <d v="2015-07-25T00:00:00"/>
    <x v="6"/>
    <x v="1"/>
    <x v="289"/>
    <x v="22"/>
    <x v="1"/>
    <x v="11"/>
    <s v="Sauder Forest Hills Library, Woodland Oak Finish"/>
    <n v="704.9"/>
    <n v="5"/>
    <n v="56.39"/>
  </r>
  <r>
    <d v="2015-07-25T00:00:00"/>
    <x v="6"/>
    <x v="1"/>
    <x v="289"/>
    <x v="22"/>
    <x v="1"/>
    <x v="5"/>
    <s v="Office Star - Professional Matrix Back Chair with 2-to-1 Synchro Tilt and Mesh Fabric Seat"/>
    <n v="561.57000000000005"/>
    <n v="2"/>
    <n v="28.08"/>
  </r>
  <r>
    <d v="2015-07-25T00:00:00"/>
    <x v="6"/>
    <x v="1"/>
    <x v="598"/>
    <x v="33"/>
    <x v="0"/>
    <x v="10"/>
    <s v="White Business Envelopes with Contemporary Seam, Recycled White Business Envelopes"/>
    <n v="98.46"/>
    <n v="9"/>
    <n v="49.23"/>
  </r>
  <r>
    <d v="2015-07-25T00:00:00"/>
    <x v="6"/>
    <x v="1"/>
    <x v="598"/>
    <x v="33"/>
    <x v="1"/>
    <x v="13"/>
    <s v="Bevis Round Conference Table Top, X-Base"/>
    <n v="358.58"/>
    <n v="2"/>
    <n v="39.44"/>
  </r>
  <r>
    <d v="2015-07-25T00:00:00"/>
    <x v="6"/>
    <x v="1"/>
    <x v="446"/>
    <x v="3"/>
    <x v="2"/>
    <x v="6"/>
    <s v="Motorola L703CM"/>
    <n v="623.96"/>
    <n v="5"/>
    <n v="39"/>
  </r>
  <r>
    <d v="2015-07-26T00:00:00"/>
    <x v="6"/>
    <x v="1"/>
    <x v="273"/>
    <x v="12"/>
    <x v="1"/>
    <x v="13"/>
    <s v="Bevis Boat-Shaped Conference Table"/>
    <n v="393.17"/>
    <n v="3"/>
    <n v="-204.45"/>
  </r>
  <r>
    <d v="2015-07-26T00:00:00"/>
    <x v="6"/>
    <x v="1"/>
    <x v="454"/>
    <x v="3"/>
    <x v="0"/>
    <x v="10"/>
    <s v="Airmail Envelopes"/>
    <n v="167.86"/>
    <n v="2"/>
    <n v="78.89"/>
  </r>
  <r>
    <d v="2015-07-26T00:00:00"/>
    <x v="6"/>
    <x v="1"/>
    <x v="244"/>
    <x v="3"/>
    <x v="0"/>
    <x v="3"/>
    <s v="Acco Pressboard Covers with Storage Hooks, 9 1/2&quot; x 11&quot;, Executive Red"/>
    <n v="9.14"/>
    <n v="3"/>
    <n v="3.09"/>
  </r>
  <r>
    <d v="2015-07-26T00:00:00"/>
    <x v="6"/>
    <x v="1"/>
    <x v="244"/>
    <x v="3"/>
    <x v="0"/>
    <x v="3"/>
    <s v="Tuff Stuff Recycled Round Ring Binders"/>
    <n v="23.14"/>
    <n v="6"/>
    <n v="8.39"/>
  </r>
  <r>
    <d v="2015-07-26T00:00:00"/>
    <x v="6"/>
    <x v="1"/>
    <x v="244"/>
    <x v="3"/>
    <x v="0"/>
    <x v="4"/>
    <s v="Newell 334"/>
    <n v="99.2"/>
    <n v="5"/>
    <n v="25.79"/>
  </r>
  <r>
    <d v="2015-07-26T00:00:00"/>
    <x v="6"/>
    <x v="1"/>
    <x v="38"/>
    <x v="12"/>
    <x v="1"/>
    <x v="5"/>
    <s v="Office Star - Contemporary Task Swivel Chair"/>
    <n v="266.35000000000002"/>
    <n v="3"/>
    <n v="13.32"/>
  </r>
  <r>
    <d v="2015-07-26T00:00:00"/>
    <x v="6"/>
    <x v="1"/>
    <x v="83"/>
    <x v="2"/>
    <x v="0"/>
    <x v="0"/>
    <s v="Eureka Recycled Copy Paper 8 1/2&quot; x 11&quot;, Ream"/>
    <n v="10.37"/>
    <n v="2"/>
    <n v="3.63"/>
  </r>
  <r>
    <d v="2015-07-27T00:00:00"/>
    <x v="6"/>
    <x v="1"/>
    <x v="190"/>
    <x v="5"/>
    <x v="2"/>
    <x v="6"/>
    <s v="Mediabridge Sport Armband iPhone 5s"/>
    <n v="29.97"/>
    <n v="3"/>
    <n v="0.3"/>
  </r>
  <r>
    <d v="2015-07-30T00:00:00"/>
    <x v="6"/>
    <x v="1"/>
    <x v="454"/>
    <x v="3"/>
    <x v="2"/>
    <x v="9"/>
    <s v="Logitech 910-002974 M325 Wireless Mouse for Web Scrolling"/>
    <n v="209.93"/>
    <n v="7"/>
    <n v="92.37"/>
  </r>
  <r>
    <d v="2015-07-30T00:00:00"/>
    <x v="6"/>
    <x v="1"/>
    <x v="454"/>
    <x v="3"/>
    <x v="1"/>
    <x v="8"/>
    <s v="Regeneration Desk Collection"/>
    <n v="5.28"/>
    <n v="3"/>
    <n v="2.3199999999999998"/>
  </r>
  <r>
    <d v="2015-07-30T00:00:00"/>
    <x v="6"/>
    <x v="1"/>
    <x v="454"/>
    <x v="3"/>
    <x v="0"/>
    <x v="3"/>
    <s v="Presstex Flexible Ring Binders"/>
    <n v="10.92"/>
    <n v="3"/>
    <n v="4.0999999999999996"/>
  </r>
  <r>
    <d v="2015-07-30T00:00:00"/>
    <x v="6"/>
    <x v="1"/>
    <x v="369"/>
    <x v="0"/>
    <x v="0"/>
    <x v="2"/>
    <s v="Eldon ProFile File 'N Store Portable File Tub Letter/Legal Size Black"/>
    <n v="61.79"/>
    <n v="4"/>
    <n v="6.18"/>
  </r>
  <r>
    <d v="2015-07-30T00:00:00"/>
    <x v="6"/>
    <x v="1"/>
    <x v="292"/>
    <x v="28"/>
    <x v="1"/>
    <x v="5"/>
    <s v="Global Stack Chair without Arms, Black"/>
    <n v="155.88"/>
    <n v="6"/>
    <n v="38.97"/>
  </r>
  <r>
    <d v="2015-07-31T00:00:00"/>
    <x v="6"/>
    <x v="1"/>
    <x v="356"/>
    <x v="20"/>
    <x v="2"/>
    <x v="9"/>
    <s v="Plantronics CS510 - Over-the-Head monaural Wireless Headset System"/>
    <n v="2309.65"/>
    <n v="7"/>
    <n v="762.18"/>
  </r>
  <r>
    <d v="2015-07-31T00:00:00"/>
    <x v="6"/>
    <x v="1"/>
    <x v="356"/>
    <x v="20"/>
    <x v="1"/>
    <x v="13"/>
    <s v="Bevis Round Bullnose 29&quot; High Table Top"/>
    <n v="1090.78"/>
    <n v="7"/>
    <n v="-290.88"/>
  </r>
  <r>
    <d v="2015-07-31T00:00:00"/>
    <x v="6"/>
    <x v="1"/>
    <x v="356"/>
    <x v="20"/>
    <x v="0"/>
    <x v="0"/>
    <s v="Xerox 212"/>
    <n v="19.440000000000001"/>
    <n v="3"/>
    <n v="9.33"/>
  </r>
  <r>
    <d v="2015-07-31T00:00:00"/>
    <x v="6"/>
    <x v="1"/>
    <x v="444"/>
    <x v="29"/>
    <x v="2"/>
    <x v="9"/>
    <s v="Microsoft Sculpt Comfort Mouse"/>
    <n v="239.7"/>
    <n v="6"/>
    <n v="105.47"/>
  </r>
  <r>
    <d v="2015-07-31T00:00:00"/>
    <x v="6"/>
    <x v="1"/>
    <x v="571"/>
    <x v="24"/>
    <x v="0"/>
    <x v="14"/>
    <s v="Acme 10&quot; Easy Grip Assistive Scissors"/>
    <n v="52.59"/>
    <n v="3"/>
    <n v="15.78"/>
  </r>
  <r>
    <d v="2015-08-01T00:00:00"/>
    <x v="7"/>
    <x v="1"/>
    <x v="142"/>
    <x v="3"/>
    <x v="0"/>
    <x v="4"/>
    <s v="Prang Dustless Chalk Sticks"/>
    <n v="6.72"/>
    <n v="4"/>
    <n v="3.36"/>
  </r>
  <r>
    <d v="2015-08-01T00:00:00"/>
    <x v="7"/>
    <x v="1"/>
    <x v="142"/>
    <x v="3"/>
    <x v="1"/>
    <x v="13"/>
    <s v="Hon 2111 Invitation Series Corner Table"/>
    <n v="1004.98"/>
    <n v="6"/>
    <n v="-175.87"/>
  </r>
  <r>
    <d v="2015-08-02T00:00:00"/>
    <x v="7"/>
    <x v="1"/>
    <x v="261"/>
    <x v="22"/>
    <x v="0"/>
    <x v="3"/>
    <s v="Ibico Presentation Index for Binding Systems"/>
    <n v="6.37"/>
    <n v="2"/>
    <n v="2.15"/>
  </r>
  <r>
    <d v="2015-08-02T00:00:00"/>
    <x v="7"/>
    <x v="1"/>
    <x v="261"/>
    <x v="22"/>
    <x v="2"/>
    <x v="15"/>
    <s v="Okidata C331dn Printer"/>
    <n v="558.4"/>
    <n v="2"/>
    <n v="41.88"/>
  </r>
  <r>
    <d v="2015-08-02T00:00:00"/>
    <x v="7"/>
    <x v="1"/>
    <x v="671"/>
    <x v="43"/>
    <x v="2"/>
    <x v="6"/>
    <s v="Plantronics MX500i Earset"/>
    <n v="128.85"/>
    <n v="3"/>
    <n v="3.87"/>
  </r>
  <r>
    <d v="2015-08-02T00:00:00"/>
    <x v="7"/>
    <x v="1"/>
    <x v="671"/>
    <x v="43"/>
    <x v="0"/>
    <x v="0"/>
    <s v="Important Message Pads, 50 4-1/4 x 5-1/2 Forms per Pad"/>
    <n v="8.4"/>
    <n v="2"/>
    <n v="4.12"/>
  </r>
  <r>
    <d v="2015-08-02T00:00:00"/>
    <x v="7"/>
    <x v="1"/>
    <x v="671"/>
    <x v="43"/>
    <x v="2"/>
    <x v="9"/>
    <s v="Logitech G700s Rechargeable Gaming Mouse"/>
    <n v="199.98"/>
    <n v="2"/>
    <n v="83.99"/>
  </r>
  <r>
    <d v="2015-08-02T00:00:00"/>
    <x v="7"/>
    <x v="1"/>
    <x v="671"/>
    <x v="43"/>
    <x v="1"/>
    <x v="5"/>
    <s v="Office Star Flex Back Scooter Chair with White Frame"/>
    <n v="110.98"/>
    <n v="1"/>
    <n v="15.54"/>
  </r>
  <r>
    <d v="2015-08-02T00:00:00"/>
    <x v="7"/>
    <x v="1"/>
    <x v="536"/>
    <x v="11"/>
    <x v="1"/>
    <x v="13"/>
    <s v="Balt Split Level Computer Training Table"/>
    <n v="277.5"/>
    <n v="4"/>
    <n v="-188.7"/>
  </r>
  <r>
    <d v="2015-08-05T00:00:00"/>
    <x v="7"/>
    <x v="1"/>
    <x v="123"/>
    <x v="0"/>
    <x v="0"/>
    <x v="2"/>
    <s v="Perma STOR-ALL Hanging File Box, 13 1/8&quot;W x 12 1/4&quot;D x 10 1/2&quot;H"/>
    <n v="33.49"/>
    <n v="7"/>
    <n v="-1.26"/>
  </r>
  <r>
    <d v="2015-08-05T00:00:00"/>
    <x v="7"/>
    <x v="1"/>
    <x v="123"/>
    <x v="0"/>
    <x v="0"/>
    <x v="14"/>
    <s v="Stiletto Hand Letter Openers"/>
    <n v="23.04"/>
    <n v="3"/>
    <n v="-4.9000000000000004"/>
  </r>
  <r>
    <d v="2015-08-05T00:00:00"/>
    <x v="7"/>
    <x v="1"/>
    <x v="123"/>
    <x v="0"/>
    <x v="0"/>
    <x v="3"/>
    <s v="Avery Self-Adhesive Photo Pockets for Polaroid Photos"/>
    <n v="1.36"/>
    <n v="1"/>
    <n v="-2.1800000000000002"/>
  </r>
  <r>
    <d v="2015-08-05T00:00:00"/>
    <x v="7"/>
    <x v="1"/>
    <x v="123"/>
    <x v="0"/>
    <x v="1"/>
    <x v="8"/>
    <s v="Eldon Expressions Wood Desk Accessories, Oak"/>
    <n v="14.76"/>
    <n v="5"/>
    <n v="-11.44"/>
  </r>
  <r>
    <d v="2015-08-06T00:00:00"/>
    <x v="7"/>
    <x v="1"/>
    <x v="279"/>
    <x v="0"/>
    <x v="0"/>
    <x v="0"/>
    <s v="Xerox 188"/>
    <n v="27.22"/>
    <n v="3"/>
    <n v="9.8699999999999992"/>
  </r>
  <r>
    <d v="2015-08-06T00:00:00"/>
    <x v="7"/>
    <x v="1"/>
    <x v="468"/>
    <x v="0"/>
    <x v="0"/>
    <x v="1"/>
    <s v="Avery 505"/>
    <n v="35.520000000000003"/>
    <n v="3"/>
    <n v="13.32"/>
  </r>
  <r>
    <d v="2015-08-06T00:00:00"/>
    <x v="7"/>
    <x v="1"/>
    <x v="468"/>
    <x v="0"/>
    <x v="0"/>
    <x v="3"/>
    <s v="Avery Hole Reinforcements"/>
    <n v="6.23"/>
    <n v="5"/>
    <n v="-9.66"/>
  </r>
  <r>
    <d v="2015-08-06T00:00:00"/>
    <x v="7"/>
    <x v="1"/>
    <x v="468"/>
    <x v="0"/>
    <x v="0"/>
    <x v="0"/>
    <s v="Xerox 1906"/>
    <n v="56.7"/>
    <n v="2"/>
    <n v="19.14"/>
  </r>
  <r>
    <d v="2015-08-06T00:00:00"/>
    <x v="7"/>
    <x v="1"/>
    <x v="468"/>
    <x v="0"/>
    <x v="1"/>
    <x v="11"/>
    <s v="O'Sullivan Manor Hill 2-Door Library in Brianna Oak"/>
    <n v="369.2"/>
    <n v="3"/>
    <n v="-114.02"/>
  </r>
  <r>
    <d v="2015-08-07T00:00:00"/>
    <x v="7"/>
    <x v="1"/>
    <x v="270"/>
    <x v="34"/>
    <x v="0"/>
    <x v="3"/>
    <s v="ACCOHIDE 3-Ring Binder, Blue, 1&quot;"/>
    <n v="3.3"/>
    <n v="1"/>
    <n v="1.1200000000000001"/>
  </r>
  <r>
    <d v="2015-08-07T00:00:00"/>
    <x v="7"/>
    <x v="1"/>
    <x v="672"/>
    <x v="3"/>
    <x v="0"/>
    <x v="3"/>
    <s v="Cardinal Hold-It CD Pocket"/>
    <n v="19.149999999999999"/>
    <n v="3"/>
    <n v="6.46"/>
  </r>
  <r>
    <d v="2015-08-07T00:00:00"/>
    <x v="7"/>
    <x v="1"/>
    <x v="439"/>
    <x v="24"/>
    <x v="0"/>
    <x v="3"/>
    <s v="Wilson Jones Hanging View Binder, White, 1&quot;"/>
    <n v="28.4"/>
    <n v="4"/>
    <n v="13.06"/>
  </r>
  <r>
    <d v="2015-08-07T00:00:00"/>
    <x v="7"/>
    <x v="1"/>
    <x v="439"/>
    <x v="24"/>
    <x v="1"/>
    <x v="8"/>
    <s v="Tenex V2T-RE Standard Weight Series Chair Mat, 45&quot; x 53&quot;, Lip 25&quot; x 12&quot;"/>
    <n v="212.94"/>
    <n v="3"/>
    <n v="34.07"/>
  </r>
  <r>
    <d v="2015-08-07T00:00:00"/>
    <x v="7"/>
    <x v="1"/>
    <x v="232"/>
    <x v="2"/>
    <x v="0"/>
    <x v="4"/>
    <s v="Stanley Contemporary Battery Pencil Sharpeners"/>
    <n v="106.8"/>
    <n v="10"/>
    <n v="10.68"/>
  </r>
  <r>
    <d v="2015-08-07T00:00:00"/>
    <x v="7"/>
    <x v="1"/>
    <x v="270"/>
    <x v="36"/>
    <x v="0"/>
    <x v="12"/>
    <s v="Acco Six-Outlet Power Strip, 4' Cord Length"/>
    <n v="77.58"/>
    <n v="9"/>
    <n v="20.170000000000002"/>
  </r>
  <r>
    <d v="2015-08-07T00:00:00"/>
    <x v="7"/>
    <x v="1"/>
    <x v="673"/>
    <x v="6"/>
    <x v="2"/>
    <x v="6"/>
    <s v="Ativa D5772 2-Line 5.8GHz Digital Expandable Corded/Cordless Phone System with Answering &amp; Caller ID/Call Waiting, Black/Silver"/>
    <n v="494.97"/>
    <n v="3"/>
    <n v="148.49"/>
  </r>
  <r>
    <d v="2015-08-07T00:00:00"/>
    <x v="7"/>
    <x v="1"/>
    <x v="673"/>
    <x v="6"/>
    <x v="0"/>
    <x v="1"/>
    <s v="Avery 50"/>
    <n v="25.06"/>
    <n v="2"/>
    <n v="11.78"/>
  </r>
  <r>
    <d v="2015-08-08T00:00:00"/>
    <x v="7"/>
    <x v="1"/>
    <x v="426"/>
    <x v="3"/>
    <x v="0"/>
    <x v="3"/>
    <s v="ACCOHIDE 3-Ring Binder, Blue, 1&quot;"/>
    <n v="6.61"/>
    <n v="2"/>
    <n v="2.23"/>
  </r>
  <r>
    <d v="2015-08-08T00:00:00"/>
    <x v="7"/>
    <x v="1"/>
    <x v="426"/>
    <x v="3"/>
    <x v="0"/>
    <x v="3"/>
    <s v="Presstex Flexible Ring Binders"/>
    <n v="7.28"/>
    <n v="2"/>
    <n v="2.73"/>
  </r>
  <r>
    <d v="2015-08-08T00:00:00"/>
    <x v="7"/>
    <x v="1"/>
    <x v="426"/>
    <x v="3"/>
    <x v="1"/>
    <x v="5"/>
    <s v="Global Ergonomic Managers Chair"/>
    <n v="144.78"/>
    <n v="1"/>
    <n v="10.86"/>
  </r>
  <r>
    <d v="2015-08-08T00:00:00"/>
    <x v="7"/>
    <x v="1"/>
    <x v="674"/>
    <x v="32"/>
    <x v="0"/>
    <x v="4"/>
    <s v="Boston 1827 Commercial Additional Cutter, Drive Gear &amp; Gear Rack for 1606"/>
    <n v="39.659999999999997"/>
    <n v="2"/>
    <n v="11.9"/>
  </r>
  <r>
    <d v="2015-08-08T00:00:00"/>
    <x v="7"/>
    <x v="1"/>
    <x v="674"/>
    <x v="32"/>
    <x v="0"/>
    <x v="12"/>
    <s v="Conquest 14 Commercial Heavy-Duty Upright Vacuum, Collection System, Accessory Kit"/>
    <n v="113.92"/>
    <n v="2"/>
    <n v="33.04"/>
  </r>
  <r>
    <d v="2015-08-08T00:00:00"/>
    <x v="7"/>
    <x v="1"/>
    <x v="674"/>
    <x v="32"/>
    <x v="0"/>
    <x v="3"/>
    <s v="GBC DocuBind P50 Personal Binding Machine"/>
    <n v="447.86"/>
    <n v="7"/>
    <n v="210.49"/>
  </r>
  <r>
    <d v="2015-08-08T00:00:00"/>
    <x v="7"/>
    <x v="1"/>
    <x v="122"/>
    <x v="20"/>
    <x v="2"/>
    <x v="9"/>
    <s v="Logitech G600 MMO Gaming Mouse"/>
    <n v="79.989999999999995"/>
    <n v="1"/>
    <n v="28.8"/>
  </r>
  <r>
    <d v="2015-08-09T00:00:00"/>
    <x v="7"/>
    <x v="1"/>
    <x v="171"/>
    <x v="14"/>
    <x v="0"/>
    <x v="4"/>
    <s v="Sanford Uni-Blazer View Highlighters, Chisel Tip, Yellow"/>
    <n v="2.2000000000000002"/>
    <n v="1"/>
    <n v="0.97"/>
  </r>
  <r>
    <d v="2015-08-09T00:00:00"/>
    <x v="7"/>
    <x v="1"/>
    <x v="171"/>
    <x v="14"/>
    <x v="1"/>
    <x v="13"/>
    <s v="Bevis 36 x 72 Conference Tables"/>
    <n v="622.45000000000005"/>
    <n v="5"/>
    <n v="136.94"/>
  </r>
  <r>
    <d v="2015-08-09T00:00:00"/>
    <x v="7"/>
    <x v="1"/>
    <x v="171"/>
    <x v="14"/>
    <x v="0"/>
    <x v="2"/>
    <s v="Rogers Deluxe File Chest"/>
    <n v="21.98"/>
    <n v="1"/>
    <n v="0.22"/>
  </r>
  <r>
    <d v="2015-08-09T00:00:00"/>
    <x v="7"/>
    <x v="1"/>
    <x v="201"/>
    <x v="20"/>
    <x v="2"/>
    <x v="6"/>
    <s v="Nortel Meridian M3904 Professional Digital phone"/>
    <n v="307.98"/>
    <n v="2"/>
    <n v="89.31"/>
  </r>
  <r>
    <d v="2015-08-09T00:00:00"/>
    <x v="7"/>
    <x v="1"/>
    <x v="201"/>
    <x v="20"/>
    <x v="1"/>
    <x v="13"/>
    <s v="KI Conference Tables"/>
    <n v="382.81"/>
    <n v="9"/>
    <n v="-153.12"/>
  </r>
  <r>
    <d v="2015-08-09T00:00:00"/>
    <x v="7"/>
    <x v="1"/>
    <x v="201"/>
    <x v="20"/>
    <x v="0"/>
    <x v="2"/>
    <s v="Tennsco Lockers, Gray"/>
    <n v="41.96"/>
    <n v="2"/>
    <n v="2.94"/>
  </r>
  <r>
    <d v="2015-08-09T00:00:00"/>
    <x v="7"/>
    <x v="1"/>
    <x v="201"/>
    <x v="20"/>
    <x v="0"/>
    <x v="3"/>
    <s v="GBC Ibimaster 500 Manual ProClick Binding System"/>
    <n v="1217.57"/>
    <n v="2"/>
    <n v="456.59"/>
  </r>
  <r>
    <d v="2015-08-09T00:00:00"/>
    <x v="7"/>
    <x v="1"/>
    <x v="201"/>
    <x v="20"/>
    <x v="1"/>
    <x v="8"/>
    <s v="Artistic Insta-Plaque"/>
    <n v="47.04"/>
    <n v="3"/>
    <n v="18.350000000000001"/>
  </r>
  <r>
    <d v="2015-08-09T00:00:00"/>
    <x v="7"/>
    <x v="1"/>
    <x v="201"/>
    <x v="20"/>
    <x v="1"/>
    <x v="8"/>
    <s v="Longer-Life Soft White Bulbs"/>
    <n v="6.16"/>
    <n v="2"/>
    <n v="2.96"/>
  </r>
  <r>
    <d v="2015-08-09T00:00:00"/>
    <x v="7"/>
    <x v="1"/>
    <x v="201"/>
    <x v="20"/>
    <x v="2"/>
    <x v="6"/>
    <s v="Panasonic KX-TG9471B"/>
    <n v="979.95"/>
    <n v="5"/>
    <n v="274.39"/>
  </r>
  <r>
    <d v="2015-08-09T00:00:00"/>
    <x v="7"/>
    <x v="1"/>
    <x v="201"/>
    <x v="20"/>
    <x v="0"/>
    <x v="0"/>
    <s v="Xerox 1886"/>
    <n v="143.69999999999999"/>
    <n v="3"/>
    <n v="68.98"/>
  </r>
  <r>
    <d v="2015-08-09T00:00:00"/>
    <x v="7"/>
    <x v="1"/>
    <x v="201"/>
    <x v="20"/>
    <x v="0"/>
    <x v="7"/>
    <s v="Acco Clips to Go Binder Clips, 24 Clips in Two Sizes"/>
    <n v="10.65"/>
    <n v="3"/>
    <n v="5.01"/>
  </r>
  <r>
    <d v="2015-08-09T00:00:00"/>
    <x v="7"/>
    <x v="1"/>
    <x v="201"/>
    <x v="20"/>
    <x v="2"/>
    <x v="9"/>
    <s v="Belkin QODE FastFit Bluetooth Keyboard"/>
    <n v="247.8"/>
    <n v="4"/>
    <n v="34.69"/>
  </r>
  <r>
    <d v="2015-08-09T00:00:00"/>
    <x v="7"/>
    <x v="1"/>
    <x v="141"/>
    <x v="16"/>
    <x v="0"/>
    <x v="1"/>
    <s v="Avery File Folder Labels"/>
    <n v="4.6100000000000003"/>
    <n v="2"/>
    <n v="1.67"/>
  </r>
  <r>
    <d v="2015-08-09T00:00:00"/>
    <x v="7"/>
    <x v="1"/>
    <x v="57"/>
    <x v="21"/>
    <x v="1"/>
    <x v="11"/>
    <s v="O'Sullivan Cherrywood Estates Traditional Barrister Bookcase"/>
    <n v="687.4"/>
    <n v="5"/>
    <n v="48.12"/>
  </r>
  <r>
    <d v="2015-08-09T00:00:00"/>
    <x v="7"/>
    <x v="1"/>
    <x v="407"/>
    <x v="20"/>
    <x v="1"/>
    <x v="8"/>
    <s v="OIC Stacking Trays"/>
    <n v="10.02"/>
    <n v="3"/>
    <n v="4.41"/>
  </r>
  <r>
    <d v="2015-08-09T00:00:00"/>
    <x v="7"/>
    <x v="1"/>
    <x v="407"/>
    <x v="20"/>
    <x v="0"/>
    <x v="0"/>
    <s v="Xerox 1885"/>
    <n v="144.12"/>
    <n v="3"/>
    <n v="69.180000000000007"/>
  </r>
  <r>
    <d v="2015-08-10T00:00:00"/>
    <x v="7"/>
    <x v="1"/>
    <x v="488"/>
    <x v="28"/>
    <x v="0"/>
    <x v="1"/>
    <s v="Avery 480"/>
    <n v="3.75"/>
    <n v="1"/>
    <n v="1.8"/>
  </r>
  <r>
    <d v="2015-08-10T00:00:00"/>
    <x v="7"/>
    <x v="1"/>
    <x v="488"/>
    <x v="28"/>
    <x v="0"/>
    <x v="1"/>
    <s v="Avery 489"/>
    <n v="41.4"/>
    <n v="4"/>
    <n v="19.87"/>
  </r>
  <r>
    <d v="2015-08-10T00:00:00"/>
    <x v="7"/>
    <x v="1"/>
    <x v="488"/>
    <x v="28"/>
    <x v="0"/>
    <x v="4"/>
    <s v="Peel-Off China Markers"/>
    <n v="29.79"/>
    <n v="3"/>
    <n v="12.51"/>
  </r>
  <r>
    <d v="2015-08-10T00:00:00"/>
    <x v="7"/>
    <x v="1"/>
    <x v="494"/>
    <x v="11"/>
    <x v="2"/>
    <x v="6"/>
    <s v="AT&amp;T 1080 Corded phone"/>
    <n v="438.37"/>
    <n v="4"/>
    <n v="38.36"/>
  </r>
  <r>
    <d v="2015-08-10T00:00:00"/>
    <x v="7"/>
    <x v="1"/>
    <x v="494"/>
    <x v="11"/>
    <x v="2"/>
    <x v="6"/>
    <s v="OtterBox Commuter Series Case - Samsung Galaxy S4"/>
    <n v="139.94"/>
    <n v="7"/>
    <n v="-31.49"/>
  </r>
  <r>
    <d v="2015-08-10T00:00:00"/>
    <x v="7"/>
    <x v="1"/>
    <x v="494"/>
    <x v="11"/>
    <x v="0"/>
    <x v="12"/>
    <s v="Fellowes 8 Outlet Superior Workstation Surge Protector"/>
    <n v="133.47"/>
    <n v="4"/>
    <n v="15.02"/>
  </r>
  <r>
    <d v="2015-08-10T00:00:00"/>
    <x v="7"/>
    <x v="1"/>
    <x v="649"/>
    <x v="14"/>
    <x v="0"/>
    <x v="3"/>
    <s v="GBC Binding covers"/>
    <n v="64.75"/>
    <n v="5"/>
    <n v="29.14"/>
  </r>
  <r>
    <d v="2015-08-11T00:00:00"/>
    <x v="7"/>
    <x v="1"/>
    <x v="220"/>
    <x v="25"/>
    <x v="1"/>
    <x v="8"/>
    <s v="Executive Impressions 13&quot; Clairmont Wall Clock"/>
    <n v="46.15"/>
    <n v="3"/>
    <n v="12.11"/>
  </r>
  <r>
    <d v="2015-08-11T00:00:00"/>
    <x v="7"/>
    <x v="1"/>
    <x v="675"/>
    <x v="20"/>
    <x v="0"/>
    <x v="4"/>
    <s v="Newell 330"/>
    <n v="11.96"/>
    <n v="2"/>
    <n v="3.11"/>
  </r>
  <r>
    <d v="2015-08-11T00:00:00"/>
    <x v="7"/>
    <x v="1"/>
    <x v="675"/>
    <x v="20"/>
    <x v="2"/>
    <x v="6"/>
    <s v="AT&amp;T 841000 Phone"/>
    <n v="138"/>
    <n v="2"/>
    <n v="34.5"/>
  </r>
  <r>
    <d v="2015-08-13T00:00:00"/>
    <x v="7"/>
    <x v="1"/>
    <x v="402"/>
    <x v="3"/>
    <x v="0"/>
    <x v="4"/>
    <s v="50 Colored Long Pencils"/>
    <n v="50.8"/>
    <n v="5"/>
    <n v="13.21"/>
  </r>
  <r>
    <d v="2015-08-13T00:00:00"/>
    <x v="7"/>
    <x v="1"/>
    <x v="584"/>
    <x v="4"/>
    <x v="0"/>
    <x v="3"/>
    <s v="3-ring staple pack"/>
    <n v="5.64"/>
    <n v="3"/>
    <n v="2.71"/>
  </r>
  <r>
    <d v="2015-08-13T00:00:00"/>
    <x v="7"/>
    <x v="1"/>
    <x v="565"/>
    <x v="18"/>
    <x v="0"/>
    <x v="3"/>
    <s v="Avery Round Ring Poly Binders"/>
    <n v="11.36"/>
    <n v="4"/>
    <n v="5.57"/>
  </r>
  <r>
    <d v="2015-08-13T00:00:00"/>
    <x v="7"/>
    <x v="1"/>
    <x v="28"/>
    <x v="2"/>
    <x v="0"/>
    <x v="2"/>
    <s v="Fellowes High-Stak Drawer Files"/>
    <n v="422.86"/>
    <n v="3"/>
    <n v="15.86"/>
  </r>
  <r>
    <d v="2015-08-13T00:00:00"/>
    <x v="7"/>
    <x v="1"/>
    <x v="394"/>
    <x v="3"/>
    <x v="1"/>
    <x v="8"/>
    <s v="Ultra Door Pull Handle"/>
    <n v="31.56"/>
    <n v="3"/>
    <n v="10.41"/>
  </r>
  <r>
    <d v="2015-08-13T00:00:00"/>
    <x v="7"/>
    <x v="1"/>
    <x v="271"/>
    <x v="25"/>
    <x v="0"/>
    <x v="4"/>
    <s v="Newell 309"/>
    <n v="64.680000000000007"/>
    <n v="7"/>
    <n v="8.09"/>
  </r>
  <r>
    <d v="2015-08-15T00:00:00"/>
    <x v="7"/>
    <x v="1"/>
    <x v="676"/>
    <x v="3"/>
    <x v="0"/>
    <x v="2"/>
    <s v="Fellowes Super Stor/Drawer Files"/>
    <n v="323.10000000000002"/>
    <n v="2"/>
    <n v="61.39"/>
  </r>
  <r>
    <d v="2015-08-15T00:00:00"/>
    <x v="7"/>
    <x v="1"/>
    <x v="238"/>
    <x v="3"/>
    <x v="1"/>
    <x v="8"/>
    <s v="Tensor Computer Mounted Lamp"/>
    <n v="104.23"/>
    <n v="7"/>
    <n v="28.14"/>
  </r>
  <r>
    <d v="2015-08-15T00:00:00"/>
    <x v="7"/>
    <x v="1"/>
    <x v="238"/>
    <x v="3"/>
    <x v="0"/>
    <x v="2"/>
    <s v="Mobile Personal File Cube"/>
    <n v="70.260000000000005"/>
    <n v="3"/>
    <n v="18.97"/>
  </r>
  <r>
    <d v="2015-08-16T00:00:00"/>
    <x v="7"/>
    <x v="1"/>
    <x v="522"/>
    <x v="12"/>
    <x v="0"/>
    <x v="4"/>
    <s v="Newell 346"/>
    <n v="2.2999999999999998"/>
    <n v="1"/>
    <n v="0.26"/>
  </r>
  <r>
    <d v="2015-08-16T00:00:00"/>
    <x v="7"/>
    <x v="1"/>
    <x v="522"/>
    <x v="12"/>
    <x v="2"/>
    <x v="6"/>
    <s v="Samsung Galaxy S4 Mini"/>
    <n v="1879.96"/>
    <n v="5"/>
    <n v="211.5"/>
  </r>
  <r>
    <d v="2015-08-16T00:00:00"/>
    <x v="7"/>
    <x v="1"/>
    <x v="522"/>
    <x v="12"/>
    <x v="0"/>
    <x v="0"/>
    <s v="Xerox 1891"/>
    <n v="313.02"/>
    <n v="8"/>
    <n v="105.65"/>
  </r>
  <r>
    <d v="2015-08-16T00:00:00"/>
    <x v="7"/>
    <x v="1"/>
    <x v="522"/>
    <x v="12"/>
    <x v="0"/>
    <x v="1"/>
    <s v="Avery 488"/>
    <n v="5.04"/>
    <n v="2"/>
    <n v="1.76"/>
  </r>
  <r>
    <d v="2015-08-16T00:00:00"/>
    <x v="7"/>
    <x v="1"/>
    <x v="569"/>
    <x v="2"/>
    <x v="2"/>
    <x v="6"/>
    <s v="Cisco IP Phone 7961G-GE VoIP phone"/>
    <n v="519.79"/>
    <n v="4"/>
    <n v="-112.62"/>
  </r>
  <r>
    <d v="2015-08-16T00:00:00"/>
    <x v="7"/>
    <x v="1"/>
    <x v="569"/>
    <x v="2"/>
    <x v="2"/>
    <x v="9"/>
    <s v="SanDisk Ultra 16 GB MicroSDHC Class 10 Memory Card"/>
    <n v="31.18"/>
    <n v="3"/>
    <n v="-5.46"/>
  </r>
  <r>
    <d v="2015-08-16T00:00:00"/>
    <x v="7"/>
    <x v="1"/>
    <x v="569"/>
    <x v="2"/>
    <x v="0"/>
    <x v="0"/>
    <s v="Xerox 227"/>
    <n v="10.37"/>
    <n v="2"/>
    <n v="3.63"/>
  </r>
  <r>
    <d v="2015-08-16T00:00:00"/>
    <x v="7"/>
    <x v="1"/>
    <x v="569"/>
    <x v="2"/>
    <x v="0"/>
    <x v="3"/>
    <s v="Avery Durable Plastic 1&quot; Binders"/>
    <n v="2.72"/>
    <n v="2"/>
    <n v="-1.91"/>
  </r>
  <r>
    <d v="2015-08-16T00:00:00"/>
    <x v="7"/>
    <x v="1"/>
    <x v="569"/>
    <x v="2"/>
    <x v="1"/>
    <x v="8"/>
    <s v="Tenex 46&quot; x 60&quot; Computer Anti-Static Chairmat, Rectangular Shaped"/>
    <n v="254.35"/>
    <n v="3"/>
    <n v="0"/>
  </r>
  <r>
    <d v="2015-08-16T00:00:00"/>
    <x v="7"/>
    <x v="1"/>
    <x v="569"/>
    <x v="2"/>
    <x v="0"/>
    <x v="3"/>
    <s v="Avery Durable Slant Ring Binders With Label Holder"/>
    <n v="3.76"/>
    <n v="3"/>
    <n v="-2.76"/>
  </r>
  <r>
    <d v="2015-08-16T00:00:00"/>
    <x v="7"/>
    <x v="1"/>
    <x v="569"/>
    <x v="2"/>
    <x v="0"/>
    <x v="0"/>
    <s v="Xerox 199"/>
    <n v="10.27"/>
    <n v="3"/>
    <n v="3.21"/>
  </r>
  <r>
    <d v="2015-08-16T00:00:00"/>
    <x v="7"/>
    <x v="1"/>
    <x v="677"/>
    <x v="2"/>
    <x v="0"/>
    <x v="2"/>
    <s v="Iris Project Case"/>
    <n v="44.69"/>
    <n v="7"/>
    <n v="3.35"/>
  </r>
  <r>
    <d v="2015-08-16T00:00:00"/>
    <x v="7"/>
    <x v="1"/>
    <x v="677"/>
    <x v="2"/>
    <x v="1"/>
    <x v="11"/>
    <s v="O'Sullivan Plantations 2-Door Library in Landvery Oak"/>
    <n v="301.47000000000003"/>
    <n v="3"/>
    <n v="-205"/>
  </r>
  <r>
    <d v="2015-08-17T00:00:00"/>
    <x v="7"/>
    <x v="1"/>
    <x v="678"/>
    <x v="32"/>
    <x v="0"/>
    <x v="3"/>
    <s v="Wilson Jones Â“SnapÂ” Scratch Pad Binder Tool for Ring Binders"/>
    <n v="52.2"/>
    <n v="9"/>
    <n v="23.49"/>
  </r>
  <r>
    <d v="2015-08-17T00:00:00"/>
    <x v="7"/>
    <x v="1"/>
    <x v="236"/>
    <x v="12"/>
    <x v="2"/>
    <x v="9"/>
    <s v="ImationÂ Clip USBÂ flash driveÂ - 8 GB"/>
    <n v="30.08"/>
    <n v="2"/>
    <n v="-5.26"/>
  </r>
  <r>
    <d v="2015-08-17T00:00:00"/>
    <x v="7"/>
    <x v="1"/>
    <x v="236"/>
    <x v="12"/>
    <x v="0"/>
    <x v="0"/>
    <s v="Xerox 21"/>
    <n v="36.29"/>
    <n v="7"/>
    <n v="12.7"/>
  </r>
  <r>
    <d v="2015-08-17T00:00:00"/>
    <x v="7"/>
    <x v="1"/>
    <x v="236"/>
    <x v="12"/>
    <x v="0"/>
    <x v="4"/>
    <s v="Newell 336"/>
    <n v="10.27"/>
    <n v="3"/>
    <n v="1.1599999999999999"/>
  </r>
  <r>
    <d v="2015-08-17T00:00:00"/>
    <x v="7"/>
    <x v="1"/>
    <x v="236"/>
    <x v="12"/>
    <x v="2"/>
    <x v="9"/>
    <s v="First Data FD10 PIN Pad"/>
    <n v="252.8"/>
    <n v="4"/>
    <n v="-31.6"/>
  </r>
  <r>
    <d v="2015-08-21T00:00:00"/>
    <x v="7"/>
    <x v="1"/>
    <x v="327"/>
    <x v="3"/>
    <x v="1"/>
    <x v="5"/>
    <s v="Hon GuestStacker Chair"/>
    <n v="544.01"/>
    <n v="3"/>
    <n v="40.799999999999997"/>
  </r>
  <r>
    <d v="2015-08-21T00:00:00"/>
    <x v="7"/>
    <x v="1"/>
    <x v="327"/>
    <x v="3"/>
    <x v="0"/>
    <x v="0"/>
    <s v="Xerox 191"/>
    <n v="59.94"/>
    <n v="3"/>
    <n v="28.17"/>
  </r>
  <r>
    <d v="2015-08-21T00:00:00"/>
    <x v="7"/>
    <x v="1"/>
    <x v="327"/>
    <x v="3"/>
    <x v="0"/>
    <x v="0"/>
    <s v="Xerox 1974"/>
    <n v="23.92"/>
    <n v="4"/>
    <n v="11.72"/>
  </r>
  <r>
    <d v="2015-08-21T00:00:00"/>
    <x v="7"/>
    <x v="1"/>
    <x v="327"/>
    <x v="3"/>
    <x v="0"/>
    <x v="0"/>
    <s v="Xerox 1927"/>
    <n v="4.28"/>
    <n v="1"/>
    <n v="1.93"/>
  </r>
  <r>
    <d v="2015-08-21T00:00:00"/>
    <x v="7"/>
    <x v="1"/>
    <x v="171"/>
    <x v="3"/>
    <x v="1"/>
    <x v="11"/>
    <s v="Sauder Camden County Collection Library"/>
    <n v="586.4"/>
    <n v="6"/>
    <n v="34.49"/>
  </r>
  <r>
    <d v="2015-08-21T00:00:00"/>
    <x v="7"/>
    <x v="1"/>
    <x v="171"/>
    <x v="3"/>
    <x v="0"/>
    <x v="2"/>
    <s v="Carina Double Wide Media Storage Towers in Natural &amp; Black"/>
    <n v="80.98"/>
    <n v="1"/>
    <n v="3.24"/>
  </r>
  <r>
    <d v="2015-08-21T00:00:00"/>
    <x v="7"/>
    <x v="1"/>
    <x v="549"/>
    <x v="10"/>
    <x v="0"/>
    <x v="3"/>
    <s v="Acco D-Ring Binder w/DublLock"/>
    <n v="12.83"/>
    <n v="2"/>
    <n v="-8.98"/>
  </r>
  <r>
    <d v="2015-08-21T00:00:00"/>
    <x v="7"/>
    <x v="1"/>
    <x v="549"/>
    <x v="10"/>
    <x v="1"/>
    <x v="5"/>
    <s v="Global Commerce Series High-Back Swivel/Tilt Chairs"/>
    <n v="598.46"/>
    <n v="3"/>
    <n v="-42.75"/>
  </r>
  <r>
    <d v="2015-08-21T00:00:00"/>
    <x v="7"/>
    <x v="1"/>
    <x v="549"/>
    <x v="10"/>
    <x v="1"/>
    <x v="8"/>
    <s v="Tenex Chairmats For Use with Hard Floors"/>
    <n v="25.98"/>
    <n v="1"/>
    <n v="-3.9"/>
  </r>
  <r>
    <d v="2015-08-21T00:00:00"/>
    <x v="7"/>
    <x v="1"/>
    <x v="418"/>
    <x v="5"/>
    <x v="0"/>
    <x v="4"/>
    <s v="Quartet Omega Colored Chalk, 12/Pack"/>
    <n v="17.52"/>
    <n v="3"/>
    <n v="8.23"/>
  </r>
  <r>
    <d v="2015-08-21T00:00:00"/>
    <x v="7"/>
    <x v="1"/>
    <x v="418"/>
    <x v="5"/>
    <x v="0"/>
    <x v="4"/>
    <s v="Premium Writing Pencils, Soft, #2 by Central Association for the Blind"/>
    <n v="35.76"/>
    <n v="12"/>
    <n v="10.01"/>
  </r>
  <r>
    <d v="2015-08-21T00:00:00"/>
    <x v="7"/>
    <x v="1"/>
    <x v="88"/>
    <x v="2"/>
    <x v="0"/>
    <x v="14"/>
    <s v="Staple remover"/>
    <n v="3.49"/>
    <n v="2"/>
    <n v="-0.7"/>
  </r>
  <r>
    <d v="2015-08-21T00:00:00"/>
    <x v="7"/>
    <x v="1"/>
    <x v="88"/>
    <x v="2"/>
    <x v="2"/>
    <x v="9"/>
    <s v="Sabrent 4-Port USB 2.0 Hub"/>
    <n v="21.73"/>
    <n v="4"/>
    <n v="3.8"/>
  </r>
  <r>
    <d v="2015-08-21T00:00:00"/>
    <x v="7"/>
    <x v="1"/>
    <x v="88"/>
    <x v="2"/>
    <x v="0"/>
    <x v="2"/>
    <s v="SAFCO Commercial Wire Shelving, Black"/>
    <n v="663.07"/>
    <n v="6"/>
    <n v="-165.77"/>
  </r>
  <r>
    <d v="2015-08-21T00:00:00"/>
    <x v="7"/>
    <x v="1"/>
    <x v="88"/>
    <x v="2"/>
    <x v="0"/>
    <x v="3"/>
    <s v="GBC DocuBind P100 Manual Binding Machine"/>
    <n v="99.59"/>
    <n v="2"/>
    <n v="-82.99"/>
  </r>
  <r>
    <d v="2015-08-21T00:00:00"/>
    <x v="7"/>
    <x v="1"/>
    <x v="88"/>
    <x v="2"/>
    <x v="0"/>
    <x v="0"/>
    <s v="Xerox 1979"/>
    <n v="49.57"/>
    <n v="2"/>
    <n v="15.49"/>
  </r>
  <r>
    <d v="2015-08-22T00:00:00"/>
    <x v="7"/>
    <x v="1"/>
    <x v="679"/>
    <x v="20"/>
    <x v="0"/>
    <x v="3"/>
    <s v="Avery 3 1/2&quot; Diskette Storage Pages, 10/Pack"/>
    <n v="50.11"/>
    <n v="6"/>
    <n v="16.29"/>
  </r>
  <r>
    <d v="2015-08-22T00:00:00"/>
    <x v="7"/>
    <x v="1"/>
    <x v="680"/>
    <x v="20"/>
    <x v="0"/>
    <x v="4"/>
    <s v="Newell Chalk Holder"/>
    <n v="16.52"/>
    <n v="4"/>
    <n v="7.6"/>
  </r>
  <r>
    <d v="2015-08-23T00:00:00"/>
    <x v="7"/>
    <x v="1"/>
    <x v="210"/>
    <x v="1"/>
    <x v="0"/>
    <x v="14"/>
    <s v="Acme Tagit Stainless Steel Antibacterial Scissors"/>
    <n v="31.68"/>
    <n v="4"/>
    <n v="2.77"/>
  </r>
  <r>
    <d v="2015-08-23T00:00:00"/>
    <x v="7"/>
    <x v="1"/>
    <x v="210"/>
    <x v="1"/>
    <x v="0"/>
    <x v="0"/>
    <s v="Xerox 206"/>
    <n v="10.37"/>
    <n v="2"/>
    <n v="3.63"/>
  </r>
  <r>
    <d v="2015-08-23T00:00:00"/>
    <x v="7"/>
    <x v="1"/>
    <x v="210"/>
    <x v="1"/>
    <x v="0"/>
    <x v="7"/>
    <s v="Staples"/>
    <n v="12.03"/>
    <n v="8"/>
    <n v="2.2599999999999998"/>
  </r>
  <r>
    <d v="2015-08-23T00:00:00"/>
    <x v="7"/>
    <x v="1"/>
    <x v="210"/>
    <x v="1"/>
    <x v="0"/>
    <x v="12"/>
    <s v="Holmes Odor Grabber"/>
    <n v="5.77"/>
    <n v="2"/>
    <n v="-13.55"/>
  </r>
  <r>
    <d v="2015-08-23T00:00:00"/>
    <x v="7"/>
    <x v="1"/>
    <x v="681"/>
    <x v="4"/>
    <x v="0"/>
    <x v="12"/>
    <s v="Avanti 4.4 Cu. Ft. Refrigerator"/>
    <n v="542.94000000000005"/>
    <n v="3"/>
    <n v="152.02000000000001"/>
  </r>
  <r>
    <d v="2015-08-23T00:00:00"/>
    <x v="7"/>
    <x v="1"/>
    <x v="681"/>
    <x v="4"/>
    <x v="0"/>
    <x v="1"/>
    <s v="Avery 474"/>
    <n v="8.64"/>
    <n v="3"/>
    <n v="4.2300000000000004"/>
  </r>
  <r>
    <d v="2015-08-23T00:00:00"/>
    <x v="7"/>
    <x v="1"/>
    <x v="681"/>
    <x v="4"/>
    <x v="0"/>
    <x v="0"/>
    <s v="Xerox 1944"/>
    <n v="193.8"/>
    <n v="5"/>
    <n v="94.96"/>
  </r>
  <r>
    <d v="2015-08-23T00:00:00"/>
    <x v="7"/>
    <x v="1"/>
    <x v="681"/>
    <x v="4"/>
    <x v="0"/>
    <x v="0"/>
    <s v="Xerox 1962"/>
    <n v="21.4"/>
    <n v="5"/>
    <n v="9.6300000000000008"/>
  </r>
  <r>
    <d v="2015-08-23T00:00:00"/>
    <x v="7"/>
    <x v="1"/>
    <x v="681"/>
    <x v="4"/>
    <x v="0"/>
    <x v="0"/>
    <s v="Xerox 1890"/>
    <n v="97.88"/>
    <n v="2"/>
    <n v="48.94"/>
  </r>
  <r>
    <d v="2015-08-23T00:00:00"/>
    <x v="7"/>
    <x v="1"/>
    <x v="681"/>
    <x v="4"/>
    <x v="2"/>
    <x v="9"/>
    <s v="MaxellÂ LTO Ultrium - 800 GB"/>
    <n v="251.91"/>
    <n v="9"/>
    <n v="47.86"/>
  </r>
  <r>
    <d v="2015-08-23T00:00:00"/>
    <x v="7"/>
    <x v="1"/>
    <x v="681"/>
    <x v="4"/>
    <x v="0"/>
    <x v="12"/>
    <s v="Acco Six-Outlet Power Strip, 4' Cord Length"/>
    <n v="25.86"/>
    <n v="3"/>
    <n v="6.72"/>
  </r>
  <r>
    <d v="2015-08-24T00:00:00"/>
    <x v="7"/>
    <x v="1"/>
    <x v="92"/>
    <x v="0"/>
    <x v="0"/>
    <x v="2"/>
    <s v="Hot File 7-Pocket, Floor Stand"/>
    <n v="999.43"/>
    <n v="7"/>
    <n v="124.93"/>
  </r>
  <r>
    <d v="2015-08-24T00:00:00"/>
    <x v="7"/>
    <x v="1"/>
    <x v="92"/>
    <x v="0"/>
    <x v="0"/>
    <x v="2"/>
    <s v="Space Solutions Commercial Steel Shelving"/>
    <n v="724.08"/>
    <n v="14"/>
    <n v="-135.77000000000001"/>
  </r>
  <r>
    <d v="2015-08-24T00:00:00"/>
    <x v="7"/>
    <x v="1"/>
    <x v="92"/>
    <x v="0"/>
    <x v="1"/>
    <x v="13"/>
    <s v="Hon Racetrack Conference Tables"/>
    <n v="918.79"/>
    <n v="5"/>
    <n v="-118.13"/>
  </r>
  <r>
    <d v="2015-08-24T00:00:00"/>
    <x v="7"/>
    <x v="1"/>
    <x v="92"/>
    <x v="0"/>
    <x v="0"/>
    <x v="3"/>
    <s v="Avery Durable Plastic 1&quot; Binders"/>
    <n v="2.72"/>
    <n v="3"/>
    <n v="-4.22"/>
  </r>
  <r>
    <d v="2015-08-24T00:00:00"/>
    <x v="7"/>
    <x v="1"/>
    <x v="654"/>
    <x v="20"/>
    <x v="1"/>
    <x v="13"/>
    <s v="Chromcraft Rectangular Conference Tables"/>
    <n v="284.36"/>
    <n v="2"/>
    <n v="-75.83"/>
  </r>
  <r>
    <d v="2015-08-24T00:00:00"/>
    <x v="7"/>
    <x v="1"/>
    <x v="654"/>
    <x v="20"/>
    <x v="2"/>
    <x v="9"/>
    <s v="Memorex Micro Travel Drive 8 GB"/>
    <n v="26"/>
    <n v="2"/>
    <n v="11.7"/>
  </r>
  <r>
    <d v="2015-08-24T00:00:00"/>
    <x v="7"/>
    <x v="1"/>
    <x v="682"/>
    <x v="5"/>
    <x v="2"/>
    <x v="15"/>
    <s v="Cisco 9971 IP Video Phone Charcoal"/>
    <n v="3080"/>
    <n v="7"/>
    <n v="1416.8"/>
  </r>
  <r>
    <d v="2015-08-24T00:00:00"/>
    <x v="7"/>
    <x v="1"/>
    <x v="682"/>
    <x v="5"/>
    <x v="2"/>
    <x v="9"/>
    <s v="Anker Ultra-Slim Mini Bluetooth 3.0 Wireless Keyboard"/>
    <n v="79.959999999999994"/>
    <n v="4"/>
    <n v="18.39"/>
  </r>
  <r>
    <d v="2015-08-24T00:00:00"/>
    <x v="7"/>
    <x v="1"/>
    <x v="682"/>
    <x v="5"/>
    <x v="2"/>
    <x v="6"/>
    <s v="LG G3"/>
    <n v="587.97"/>
    <n v="3"/>
    <n v="170.51"/>
  </r>
  <r>
    <d v="2015-08-24T00:00:00"/>
    <x v="7"/>
    <x v="1"/>
    <x v="59"/>
    <x v="20"/>
    <x v="1"/>
    <x v="8"/>
    <s v="DAX Value U-Channel Document Frames, Easel Back"/>
    <n v="14.91"/>
    <n v="3"/>
    <n v="4.62"/>
  </r>
  <r>
    <d v="2015-08-24T00:00:00"/>
    <x v="7"/>
    <x v="1"/>
    <x v="445"/>
    <x v="11"/>
    <x v="0"/>
    <x v="4"/>
    <s v="Premium Writing Pencils, Soft, #2 by Central Association for the Blind"/>
    <n v="7.15"/>
    <n v="3"/>
    <n v="0.72"/>
  </r>
  <r>
    <d v="2015-08-24T00:00:00"/>
    <x v="7"/>
    <x v="1"/>
    <x v="102"/>
    <x v="10"/>
    <x v="2"/>
    <x v="6"/>
    <s v="Belkin SportFit Armband For iPhone 5s/5c, Fuchsia"/>
    <n v="26.98"/>
    <n v="3"/>
    <n v="4.05"/>
  </r>
  <r>
    <d v="2015-08-24T00:00:00"/>
    <x v="7"/>
    <x v="1"/>
    <x v="102"/>
    <x v="10"/>
    <x v="0"/>
    <x v="1"/>
    <s v="Avery 474"/>
    <n v="6.91"/>
    <n v="3"/>
    <n v="2.5099999999999998"/>
  </r>
  <r>
    <d v="2015-08-24T00:00:00"/>
    <x v="7"/>
    <x v="1"/>
    <x v="102"/>
    <x v="10"/>
    <x v="0"/>
    <x v="2"/>
    <s v="Adjustable Depth Letter/Legal Cart"/>
    <n v="435.5"/>
    <n v="3"/>
    <n v="48.99"/>
  </r>
  <r>
    <d v="2015-08-25T00:00:00"/>
    <x v="7"/>
    <x v="1"/>
    <x v="483"/>
    <x v="3"/>
    <x v="1"/>
    <x v="5"/>
    <s v="Global Deluxe Stacking Chair, Gray"/>
    <n v="40.78"/>
    <n v="1"/>
    <n v="4.59"/>
  </r>
  <r>
    <d v="2015-08-25T00:00:00"/>
    <x v="7"/>
    <x v="1"/>
    <x v="483"/>
    <x v="3"/>
    <x v="0"/>
    <x v="12"/>
    <s v="Fellowes Advanced Computer Series Surge Protectors"/>
    <n v="105.96"/>
    <n v="4"/>
    <n v="29.67"/>
  </r>
  <r>
    <d v="2015-08-25T00:00:00"/>
    <x v="7"/>
    <x v="1"/>
    <x v="260"/>
    <x v="0"/>
    <x v="1"/>
    <x v="8"/>
    <s v="Eldon Executive Woodline II Desk Accessories, Mahogany"/>
    <n v="20.100000000000001"/>
    <n v="2"/>
    <n v="-16.59"/>
  </r>
  <r>
    <d v="2015-08-25T00:00:00"/>
    <x v="7"/>
    <x v="1"/>
    <x v="260"/>
    <x v="0"/>
    <x v="0"/>
    <x v="3"/>
    <s v="Poly Designer Cover &amp; Back"/>
    <n v="3.8"/>
    <n v="1"/>
    <n v="-6.08"/>
  </r>
  <r>
    <d v="2015-08-25T00:00:00"/>
    <x v="7"/>
    <x v="1"/>
    <x v="260"/>
    <x v="0"/>
    <x v="1"/>
    <x v="8"/>
    <s v="Nu-Dell EZ-Mount Plastic Wall Frames"/>
    <n v="7.88"/>
    <n v="5"/>
    <n v="-3.94"/>
  </r>
  <r>
    <d v="2015-08-27T00:00:00"/>
    <x v="7"/>
    <x v="1"/>
    <x v="371"/>
    <x v="3"/>
    <x v="0"/>
    <x v="2"/>
    <s v="Fellowes Super Stor/Drawer Files"/>
    <n v="484.65"/>
    <n v="3"/>
    <n v="92.08"/>
  </r>
  <r>
    <d v="2015-08-27T00:00:00"/>
    <x v="7"/>
    <x v="1"/>
    <x v="413"/>
    <x v="3"/>
    <x v="0"/>
    <x v="14"/>
    <s v="Fiskars Softgrip Scissors"/>
    <n v="32.94"/>
    <n v="3"/>
    <n v="9.2200000000000006"/>
  </r>
  <r>
    <d v="2015-08-27T00:00:00"/>
    <x v="7"/>
    <x v="1"/>
    <x v="413"/>
    <x v="3"/>
    <x v="0"/>
    <x v="0"/>
    <s v="Xerox 1973"/>
    <n v="114.2"/>
    <n v="5"/>
    <n v="52.53"/>
  </r>
  <r>
    <d v="2015-08-27T00:00:00"/>
    <x v="7"/>
    <x v="1"/>
    <x v="413"/>
    <x v="3"/>
    <x v="0"/>
    <x v="1"/>
    <s v="Avery 511"/>
    <n v="3.08"/>
    <n v="1"/>
    <n v="1.48"/>
  </r>
  <r>
    <d v="2015-08-27T00:00:00"/>
    <x v="7"/>
    <x v="1"/>
    <x v="570"/>
    <x v="3"/>
    <x v="0"/>
    <x v="3"/>
    <s v="Avery Heavy-Duty EZD View Binder with Locking Rings"/>
    <n v="5.0999999999999996"/>
    <n v="1"/>
    <n v="1.66"/>
  </r>
  <r>
    <d v="2015-08-28T00:00:00"/>
    <x v="7"/>
    <x v="1"/>
    <x v="477"/>
    <x v="1"/>
    <x v="2"/>
    <x v="16"/>
    <s v="Canon Imageclass D680 Copier / Fax"/>
    <n v="2799.96"/>
    <n v="5"/>
    <n v="874.99"/>
  </r>
  <r>
    <d v="2015-08-28T00:00:00"/>
    <x v="7"/>
    <x v="1"/>
    <x v="92"/>
    <x v="3"/>
    <x v="0"/>
    <x v="2"/>
    <s v="Hot File 7-Pocket, Floor Stand"/>
    <n v="892.35"/>
    <n v="5"/>
    <n v="267.70999999999998"/>
  </r>
  <r>
    <d v="2015-08-28T00:00:00"/>
    <x v="7"/>
    <x v="1"/>
    <x v="92"/>
    <x v="3"/>
    <x v="1"/>
    <x v="11"/>
    <s v="O'Sullivan 2-Door Barrister Bookcase in Odessa Pine"/>
    <n v="307.67"/>
    <n v="2"/>
    <n v="28.96"/>
  </r>
  <r>
    <d v="2015-08-28T00:00:00"/>
    <x v="7"/>
    <x v="1"/>
    <x v="92"/>
    <x v="3"/>
    <x v="0"/>
    <x v="2"/>
    <s v="Carina Double Wide Media Storage Towers in Natural &amp; Black"/>
    <n v="728.82"/>
    <n v="9"/>
    <n v="29.15"/>
  </r>
  <r>
    <d v="2015-08-28T00:00:00"/>
    <x v="7"/>
    <x v="1"/>
    <x v="92"/>
    <x v="3"/>
    <x v="0"/>
    <x v="3"/>
    <s v="GBC Wire Binding Combs"/>
    <n v="41.36"/>
    <n v="5"/>
    <n v="13.96"/>
  </r>
  <r>
    <d v="2015-08-28T00:00:00"/>
    <x v="7"/>
    <x v="1"/>
    <x v="92"/>
    <x v="3"/>
    <x v="2"/>
    <x v="6"/>
    <s v="invisibleSHIELD by ZAGG Smudge-Free Screen Protector"/>
    <n v="43.18"/>
    <n v="3"/>
    <n v="15.11"/>
  </r>
  <r>
    <d v="2015-08-28T00:00:00"/>
    <x v="7"/>
    <x v="1"/>
    <x v="92"/>
    <x v="3"/>
    <x v="1"/>
    <x v="8"/>
    <s v="Eldon Wave Desk Accessories"/>
    <n v="4.16"/>
    <n v="2"/>
    <n v="1.75"/>
  </r>
  <r>
    <d v="2015-08-28T00:00:00"/>
    <x v="7"/>
    <x v="1"/>
    <x v="624"/>
    <x v="0"/>
    <x v="2"/>
    <x v="6"/>
    <s v="Mitel MiVoice 5330e IP Phone"/>
    <n v="1099.96"/>
    <n v="5"/>
    <n v="82.5"/>
  </r>
  <r>
    <d v="2015-08-28T00:00:00"/>
    <x v="7"/>
    <x v="1"/>
    <x v="624"/>
    <x v="0"/>
    <x v="1"/>
    <x v="13"/>
    <s v="Hon 2111 Invitation Series Straight Table"/>
    <n v="103.48"/>
    <n v="1"/>
    <n v="-16.260000000000002"/>
  </r>
  <r>
    <d v="2015-08-28T00:00:00"/>
    <x v="7"/>
    <x v="1"/>
    <x v="436"/>
    <x v="37"/>
    <x v="0"/>
    <x v="2"/>
    <s v="SAFCO Mobile Desk Side File, Wire Frame"/>
    <n v="470.36"/>
    <n v="11"/>
    <n v="122.29"/>
  </r>
  <r>
    <d v="2015-08-29T00:00:00"/>
    <x v="7"/>
    <x v="1"/>
    <x v="570"/>
    <x v="14"/>
    <x v="2"/>
    <x v="6"/>
    <s v="Samsung Rugby III"/>
    <n v="131.97999999999999"/>
    <n v="2"/>
    <n v="35.630000000000003"/>
  </r>
  <r>
    <d v="2015-08-29T00:00:00"/>
    <x v="7"/>
    <x v="1"/>
    <x v="570"/>
    <x v="14"/>
    <x v="2"/>
    <x v="9"/>
    <s v="Logitech Desktop MK120 Mouse and keyboard Combo"/>
    <n v="114.52"/>
    <n v="7"/>
    <n v="11.45"/>
  </r>
  <r>
    <d v="2015-08-31T00:00:00"/>
    <x v="7"/>
    <x v="1"/>
    <x v="177"/>
    <x v="3"/>
    <x v="0"/>
    <x v="0"/>
    <s v="Xerox 226"/>
    <n v="58.32"/>
    <n v="9"/>
    <n v="27.99"/>
  </r>
  <r>
    <d v="2015-08-31T00:00:00"/>
    <x v="7"/>
    <x v="1"/>
    <x v="134"/>
    <x v="3"/>
    <x v="1"/>
    <x v="11"/>
    <s v="Atlantic Metals Mobile 3-Shelf Bookcases, Custom Colors"/>
    <n v="1552.83"/>
    <n v="7"/>
    <n v="200.95"/>
  </r>
  <r>
    <d v="2015-08-31T00:00:00"/>
    <x v="7"/>
    <x v="1"/>
    <x v="134"/>
    <x v="3"/>
    <x v="0"/>
    <x v="3"/>
    <s v="GBC Prestige Therm-A-Bind Covers"/>
    <n v="137.24"/>
    <n v="5"/>
    <n v="46.32"/>
  </r>
  <r>
    <d v="2015-08-31T00:00:00"/>
    <x v="7"/>
    <x v="1"/>
    <x v="134"/>
    <x v="3"/>
    <x v="2"/>
    <x v="9"/>
    <s v="Memorex Micro Travel Drive 32 GB"/>
    <n v="36.51"/>
    <n v="1"/>
    <n v="15.7"/>
  </r>
  <r>
    <d v="2015-08-31T00:00:00"/>
    <x v="7"/>
    <x v="1"/>
    <x v="134"/>
    <x v="3"/>
    <x v="2"/>
    <x v="15"/>
    <s v="Lexmark S315 Color Inkjet Printer"/>
    <n v="239.98"/>
    <n v="3"/>
    <n v="80.989999999999995"/>
  </r>
  <r>
    <d v="2015-08-31T00:00:00"/>
    <x v="7"/>
    <x v="1"/>
    <x v="26"/>
    <x v="0"/>
    <x v="0"/>
    <x v="0"/>
    <s v="Message Book, Phone, Wirebound Standard Line Memo, 2 3/4&quot; X 5&quot;"/>
    <n v="20.96"/>
    <n v="4"/>
    <n v="6.81"/>
  </r>
  <r>
    <d v="2015-08-31T00:00:00"/>
    <x v="7"/>
    <x v="1"/>
    <x v="511"/>
    <x v="3"/>
    <x v="2"/>
    <x v="6"/>
    <s v="Toshiba IPT2010-SD IPÂ Telephone"/>
    <n v="555.96"/>
    <n v="5"/>
    <n v="41.7"/>
  </r>
  <r>
    <d v="2015-09-01T00:00:00"/>
    <x v="8"/>
    <x v="1"/>
    <x v="440"/>
    <x v="3"/>
    <x v="0"/>
    <x v="3"/>
    <s v="Storex Dura Pro Binders"/>
    <n v="4.75"/>
    <n v="1"/>
    <n v="1.6"/>
  </r>
  <r>
    <d v="2015-09-01T00:00:00"/>
    <x v="8"/>
    <x v="1"/>
    <x v="440"/>
    <x v="3"/>
    <x v="2"/>
    <x v="16"/>
    <s v="Hewlett Packard LaserJet 3310 Copier"/>
    <n v="959.98"/>
    <n v="2"/>
    <n v="335.99"/>
  </r>
  <r>
    <d v="2015-09-01T00:00:00"/>
    <x v="8"/>
    <x v="1"/>
    <x v="440"/>
    <x v="3"/>
    <x v="0"/>
    <x v="3"/>
    <s v="Avery Non-Stick Binders"/>
    <n v="14.37"/>
    <n v="4"/>
    <n v="4.49"/>
  </r>
  <r>
    <d v="2015-09-01T00:00:00"/>
    <x v="8"/>
    <x v="1"/>
    <x v="108"/>
    <x v="32"/>
    <x v="0"/>
    <x v="3"/>
    <s v="Deluxe Heavy-Duty Vinyl Round Ring Binder"/>
    <n v="114.6"/>
    <n v="5"/>
    <n v="51.57"/>
  </r>
  <r>
    <d v="2015-09-01T00:00:00"/>
    <x v="8"/>
    <x v="1"/>
    <x v="108"/>
    <x v="32"/>
    <x v="1"/>
    <x v="5"/>
    <s v="Global Value Steno Chair, Gray"/>
    <n v="60.74"/>
    <n v="1"/>
    <n v="15.19"/>
  </r>
  <r>
    <d v="2015-09-01T00:00:00"/>
    <x v="8"/>
    <x v="1"/>
    <x v="108"/>
    <x v="32"/>
    <x v="1"/>
    <x v="8"/>
    <s v="Deflect-o Glass Clear Studded Chair Mats"/>
    <n v="124.36"/>
    <n v="2"/>
    <n v="27.36"/>
  </r>
  <r>
    <d v="2015-09-01T00:00:00"/>
    <x v="8"/>
    <x v="1"/>
    <x v="108"/>
    <x v="32"/>
    <x v="0"/>
    <x v="2"/>
    <s v="Adjustable Depth Letter/Legal Cart"/>
    <n v="1088.76"/>
    <n v="6"/>
    <n v="315.74"/>
  </r>
  <r>
    <d v="2015-09-03T00:00:00"/>
    <x v="8"/>
    <x v="1"/>
    <x v="520"/>
    <x v="25"/>
    <x v="0"/>
    <x v="10"/>
    <s v="Jet-Pak Recycled Peel 'N' Seal Padded Mailers"/>
    <n v="200.98"/>
    <n v="7"/>
    <n v="62.81"/>
  </r>
  <r>
    <d v="2015-09-03T00:00:00"/>
    <x v="8"/>
    <x v="1"/>
    <x v="110"/>
    <x v="2"/>
    <x v="0"/>
    <x v="2"/>
    <s v="Eldon Gobal File Keepers"/>
    <n v="36.340000000000003"/>
    <n v="3"/>
    <n v="-7.27"/>
  </r>
  <r>
    <d v="2015-09-03T00:00:00"/>
    <x v="8"/>
    <x v="1"/>
    <x v="110"/>
    <x v="2"/>
    <x v="0"/>
    <x v="14"/>
    <s v="Martin Yale Chadless Opener Electric Letter Opener"/>
    <n v="666.25"/>
    <n v="1"/>
    <n v="-149.91"/>
  </r>
  <r>
    <d v="2015-09-03T00:00:00"/>
    <x v="8"/>
    <x v="1"/>
    <x v="110"/>
    <x v="2"/>
    <x v="0"/>
    <x v="10"/>
    <s v="White Business Envelopes with Contemporary Seam, Recycled White Business Envelopes"/>
    <n v="52.51"/>
    <n v="6"/>
    <n v="19.690000000000001"/>
  </r>
  <r>
    <d v="2015-09-03T00:00:00"/>
    <x v="8"/>
    <x v="1"/>
    <x v="639"/>
    <x v="3"/>
    <x v="0"/>
    <x v="2"/>
    <s v="Sterilite Officeware Hinged File Box"/>
    <n v="31.44"/>
    <n v="3"/>
    <n v="8.49"/>
  </r>
  <r>
    <d v="2015-09-03T00:00:00"/>
    <x v="8"/>
    <x v="1"/>
    <x v="639"/>
    <x v="3"/>
    <x v="2"/>
    <x v="9"/>
    <s v="Kingston Digital DataTraveler 16GB USB 2.0"/>
    <n v="17.899999999999999"/>
    <n v="2"/>
    <n v="3.4"/>
  </r>
  <r>
    <d v="2015-09-03T00:00:00"/>
    <x v="8"/>
    <x v="1"/>
    <x v="639"/>
    <x v="3"/>
    <x v="2"/>
    <x v="9"/>
    <s v="TRENDnet 56K USB 2.0 Phone, Internet and Fax Modem"/>
    <n v="129.44999999999999"/>
    <n v="5"/>
    <n v="46.6"/>
  </r>
  <r>
    <d v="2015-09-03T00:00:00"/>
    <x v="8"/>
    <x v="1"/>
    <x v="403"/>
    <x v="37"/>
    <x v="0"/>
    <x v="12"/>
    <s v="Holmes Replacement Filter for HEPA Air Cleaner, Very Large Room, HEPA Filter"/>
    <n v="137.62"/>
    <n v="2"/>
    <n v="60.55"/>
  </r>
  <r>
    <d v="2015-09-03T00:00:00"/>
    <x v="8"/>
    <x v="1"/>
    <x v="403"/>
    <x v="37"/>
    <x v="2"/>
    <x v="6"/>
    <s v="Classic Ivory AntiqueÂ TelephoneÂ ZL1810"/>
    <n v="100.49"/>
    <n v="1"/>
    <n v="25.12"/>
  </r>
  <r>
    <d v="2015-09-03T00:00:00"/>
    <x v="8"/>
    <x v="1"/>
    <x v="403"/>
    <x v="20"/>
    <x v="0"/>
    <x v="2"/>
    <s v="Iceberg Mobile Mega Data/Printer Cart"/>
    <n v="120.33"/>
    <n v="1"/>
    <n v="31.29"/>
  </r>
  <r>
    <d v="2015-09-03T00:00:00"/>
    <x v="8"/>
    <x v="1"/>
    <x v="326"/>
    <x v="3"/>
    <x v="1"/>
    <x v="5"/>
    <s v="Office Star - Ergonomically Designed Knee Chair"/>
    <n v="129.57"/>
    <n v="2"/>
    <n v="-12.96"/>
  </r>
  <r>
    <d v="2015-09-03T00:00:00"/>
    <x v="8"/>
    <x v="1"/>
    <x v="326"/>
    <x v="3"/>
    <x v="0"/>
    <x v="3"/>
    <s v="Avery Durable Slant Ring Binders, No Labels"/>
    <n v="6.37"/>
    <n v="2"/>
    <n v="2.15"/>
  </r>
  <r>
    <d v="2015-09-03T00:00:00"/>
    <x v="8"/>
    <x v="1"/>
    <x v="552"/>
    <x v="12"/>
    <x v="1"/>
    <x v="8"/>
    <s v="GE 48&quot; Fluorescent Tube, Cool White Energy Saver, 34 Watts, 30/Box"/>
    <n v="238.15"/>
    <n v="3"/>
    <n v="89.31"/>
  </r>
  <r>
    <d v="2015-09-03T00:00:00"/>
    <x v="8"/>
    <x v="1"/>
    <x v="209"/>
    <x v="14"/>
    <x v="0"/>
    <x v="1"/>
    <s v="Smead Alpha-Z Color-Coded Name Labels First Letter Starter Set"/>
    <n v="7.5"/>
    <n v="2"/>
    <n v="3.6"/>
  </r>
  <r>
    <d v="2015-09-04T00:00:00"/>
    <x v="8"/>
    <x v="1"/>
    <x v="349"/>
    <x v="4"/>
    <x v="0"/>
    <x v="0"/>
    <s v="Xerox 1908"/>
    <n v="279.89999999999998"/>
    <n v="5"/>
    <n v="137.15"/>
  </r>
  <r>
    <d v="2015-09-04T00:00:00"/>
    <x v="8"/>
    <x v="1"/>
    <x v="349"/>
    <x v="4"/>
    <x v="2"/>
    <x v="9"/>
    <s v="Logitech G19 Programmable Gaming Keyboard"/>
    <n v="619.95000000000005"/>
    <n v="5"/>
    <n v="111.59"/>
  </r>
  <r>
    <d v="2015-09-04T00:00:00"/>
    <x v="8"/>
    <x v="1"/>
    <x v="349"/>
    <x v="4"/>
    <x v="0"/>
    <x v="0"/>
    <s v="Ampad Evidence Wirebond Steno Books, 6&quot; x 9&quot;"/>
    <n v="4.3600000000000003"/>
    <n v="2"/>
    <n v="2.0499999999999998"/>
  </r>
  <r>
    <d v="2015-09-04T00:00:00"/>
    <x v="8"/>
    <x v="1"/>
    <x v="349"/>
    <x v="4"/>
    <x v="0"/>
    <x v="10"/>
    <s v="Security-Tint Envelopes"/>
    <n v="15.28"/>
    <n v="2"/>
    <n v="7.49"/>
  </r>
  <r>
    <d v="2015-09-04T00:00:00"/>
    <x v="8"/>
    <x v="1"/>
    <x v="127"/>
    <x v="11"/>
    <x v="0"/>
    <x v="3"/>
    <s v="Acco Flexible ACCOHIDE Square Ring Data Binder, Dark Blue, 11 1/2&quot; X 14&quot; 7/8&quot;"/>
    <n v="9.76"/>
    <n v="2"/>
    <n v="-6.83"/>
  </r>
  <r>
    <d v="2015-09-04T00:00:00"/>
    <x v="8"/>
    <x v="1"/>
    <x v="171"/>
    <x v="0"/>
    <x v="2"/>
    <x v="9"/>
    <s v="Sony Micro Vault Click 16 GB USB 2.0 Flash Drive"/>
    <n v="134.38"/>
    <n v="3"/>
    <n v="6.72"/>
  </r>
  <r>
    <d v="2015-09-04T00:00:00"/>
    <x v="8"/>
    <x v="1"/>
    <x v="678"/>
    <x v="2"/>
    <x v="0"/>
    <x v="3"/>
    <s v="Avery Heavy-Duty EZD View Binder with Locking Rings"/>
    <n v="7.66"/>
    <n v="4"/>
    <n v="-6.12"/>
  </r>
  <r>
    <d v="2015-09-05T00:00:00"/>
    <x v="8"/>
    <x v="1"/>
    <x v="316"/>
    <x v="3"/>
    <x v="1"/>
    <x v="11"/>
    <s v="Sauder Camden County Barrister Bookcase, Planked Cherry Finish"/>
    <n v="411.33"/>
    <n v="4"/>
    <n v="-4.84"/>
  </r>
  <r>
    <d v="2015-09-05T00:00:00"/>
    <x v="8"/>
    <x v="1"/>
    <x v="316"/>
    <x v="3"/>
    <x v="0"/>
    <x v="3"/>
    <s v="DXL Angle-View Binders with Locking Rings, Black"/>
    <n v="28.75"/>
    <n v="6"/>
    <n v="9.6999999999999993"/>
  </r>
  <r>
    <d v="2015-09-05T00:00:00"/>
    <x v="8"/>
    <x v="1"/>
    <x v="316"/>
    <x v="3"/>
    <x v="1"/>
    <x v="11"/>
    <s v="Sauder Camden County Collection Libraries, Planked Cherry Finish"/>
    <n v="293.2"/>
    <n v="3"/>
    <n v="-20.7"/>
  </r>
  <r>
    <d v="2015-09-05T00:00:00"/>
    <x v="8"/>
    <x v="1"/>
    <x v="683"/>
    <x v="0"/>
    <x v="0"/>
    <x v="3"/>
    <s v="Acco Flexible ACCOHIDE Square Ring Data Binder, Dark Blue, 11 1/2&quot; X 14&quot; 7/8&quot;"/>
    <n v="16.27"/>
    <n v="5"/>
    <n v="-25.22"/>
  </r>
  <r>
    <d v="2015-09-05T00:00:00"/>
    <x v="8"/>
    <x v="1"/>
    <x v="683"/>
    <x v="0"/>
    <x v="0"/>
    <x v="14"/>
    <s v="Stiletto Hand Letter Openers"/>
    <n v="69.12"/>
    <n v="9"/>
    <n v="-14.69"/>
  </r>
  <r>
    <d v="2015-09-05T00:00:00"/>
    <x v="8"/>
    <x v="1"/>
    <x v="683"/>
    <x v="0"/>
    <x v="0"/>
    <x v="3"/>
    <s v="Acco Four Pocket Poly Ring Binder with Label Holder, Smoke, 1&quot;"/>
    <n v="4.47"/>
    <n v="3"/>
    <n v="-7.82"/>
  </r>
  <r>
    <d v="2015-09-05T00:00:00"/>
    <x v="8"/>
    <x v="1"/>
    <x v="569"/>
    <x v="28"/>
    <x v="1"/>
    <x v="8"/>
    <s v="Longer-Life Soft White Bulbs"/>
    <n v="6.16"/>
    <n v="2"/>
    <n v="2.96"/>
  </r>
  <r>
    <d v="2015-09-05T00:00:00"/>
    <x v="8"/>
    <x v="1"/>
    <x v="569"/>
    <x v="28"/>
    <x v="0"/>
    <x v="0"/>
    <s v="Xerox 1881"/>
    <n v="36.840000000000003"/>
    <n v="3"/>
    <n v="17.309999999999999"/>
  </r>
  <r>
    <d v="2015-09-05T00:00:00"/>
    <x v="8"/>
    <x v="1"/>
    <x v="581"/>
    <x v="6"/>
    <x v="1"/>
    <x v="8"/>
    <s v="Tensor Brushed Steel Torchiere Floor Lamp"/>
    <n v="67.959999999999994"/>
    <n v="4"/>
    <n v="12.23"/>
  </r>
  <r>
    <d v="2015-09-06T00:00:00"/>
    <x v="8"/>
    <x v="1"/>
    <x v="165"/>
    <x v="22"/>
    <x v="0"/>
    <x v="3"/>
    <s v="Acco Hanging Data Binders"/>
    <n v="6.1"/>
    <n v="2"/>
    <n v="2.13"/>
  </r>
  <r>
    <d v="2015-09-06T00:00:00"/>
    <x v="8"/>
    <x v="1"/>
    <x v="165"/>
    <x v="22"/>
    <x v="1"/>
    <x v="8"/>
    <s v="Howard Miller 16&quot; Diameter Gallery Wall Clock"/>
    <n v="191.82"/>
    <n v="3"/>
    <n v="74.81"/>
  </r>
  <r>
    <d v="2015-09-06T00:00:00"/>
    <x v="8"/>
    <x v="1"/>
    <x v="604"/>
    <x v="3"/>
    <x v="2"/>
    <x v="9"/>
    <s v="Memorex Mini Travel Drive 8 GB USB 2.0 Flash Drive"/>
    <n v="46.32"/>
    <n v="4"/>
    <n v="18.059999999999999"/>
  </r>
  <r>
    <d v="2015-09-06T00:00:00"/>
    <x v="8"/>
    <x v="1"/>
    <x v="684"/>
    <x v="20"/>
    <x v="1"/>
    <x v="5"/>
    <s v="Global Airflow Leather Mesh Back Chair, Black"/>
    <n v="271.76"/>
    <n v="2"/>
    <n v="60.39"/>
  </r>
  <r>
    <d v="2015-09-06T00:00:00"/>
    <x v="8"/>
    <x v="1"/>
    <x v="38"/>
    <x v="15"/>
    <x v="0"/>
    <x v="7"/>
    <s v="Assorted Color Push Pins"/>
    <n v="7.24"/>
    <n v="5"/>
    <n v="1.18"/>
  </r>
  <r>
    <d v="2015-09-06T00:00:00"/>
    <x v="8"/>
    <x v="1"/>
    <x v="538"/>
    <x v="16"/>
    <x v="0"/>
    <x v="3"/>
    <s v="GBC Plasticlear Binding Covers"/>
    <n v="3.44"/>
    <n v="1"/>
    <n v="-2.5299999999999998"/>
  </r>
  <r>
    <d v="2015-09-06T00:00:00"/>
    <x v="8"/>
    <x v="1"/>
    <x v="14"/>
    <x v="20"/>
    <x v="0"/>
    <x v="12"/>
    <s v="Black &amp; Decker Filter for Double Action Dustbuster Cordless Vac BLDV7210"/>
    <n v="8.39"/>
    <n v="1"/>
    <n v="2.1"/>
  </r>
  <r>
    <d v="2015-09-06T00:00:00"/>
    <x v="8"/>
    <x v="1"/>
    <x v="14"/>
    <x v="20"/>
    <x v="2"/>
    <x v="6"/>
    <s v="ShoreTel ShorePhone IP 230 VoIP phone"/>
    <n v="337.98"/>
    <n v="2"/>
    <n v="101.39"/>
  </r>
  <r>
    <d v="2015-09-06T00:00:00"/>
    <x v="8"/>
    <x v="1"/>
    <x v="340"/>
    <x v="6"/>
    <x v="0"/>
    <x v="3"/>
    <s v="SlimView Poly Binder, 3/8&quot;"/>
    <n v="46.62"/>
    <n v="9"/>
    <n v="21.45"/>
  </r>
  <r>
    <d v="2015-09-06T00:00:00"/>
    <x v="8"/>
    <x v="1"/>
    <x v="661"/>
    <x v="8"/>
    <x v="1"/>
    <x v="13"/>
    <s v="KI Adjustable-Height Table"/>
    <n v="85.98"/>
    <n v="1"/>
    <n v="22.35"/>
  </r>
  <r>
    <d v="2015-09-07T00:00:00"/>
    <x v="8"/>
    <x v="1"/>
    <x v="454"/>
    <x v="3"/>
    <x v="0"/>
    <x v="2"/>
    <s v="Safco Industrial Wire Shelving"/>
    <n v="671.93"/>
    <n v="7"/>
    <n v="20.16"/>
  </r>
  <r>
    <d v="2015-09-07T00:00:00"/>
    <x v="8"/>
    <x v="1"/>
    <x v="309"/>
    <x v="0"/>
    <x v="1"/>
    <x v="5"/>
    <s v="Metal Folding Chairs, Beige, 4/Carton"/>
    <n v="47.52"/>
    <n v="2"/>
    <n v="-2.04"/>
  </r>
  <r>
    <d v="2015-09-07T00:00:00"/>
    <x v="8"/>
    <x v="1"/>
    <x v="387"/>
    <x v="20"/>
    <x v="0"/>
    <x v="2"/>
    <s v="Eldon Shelf Savers Cubes and Bins"/>
    <n v="13.96"/>
    <n v="2"/>
    <n v="0.28000000000000003"/>
  </r>
  <r>
    <d v="2015-09-07T00:00:00"/>
    <x v="8"/>
    <x v="1"/>
    <x v="387"/>
    <x v="20"/>
    <x v="1"/>
    <x v="13"/>
    <s v="Anderson Hickey Conga Table Tops &amp; Accessories"/>
    <n v="27.41"/>
    <n v="3"/>
    <n v="-14.16"/>
  </r>
  <r>
    <d v="2015-09-07T00:00:00"/>
    <x v="8"/>
    <x v="1"/>
    <x v="382"/>
    <x v="2"/>
    <x v="0"/>
    <x v="3"/>
    <s v="GBC Wire Binding Strips"/>
    <n v="9.52"/>
    <n v="1"/>
    <n v="-6.98"/>
  </r>
  <r>
    <d v="2015-09-07T00:00:00"/>
    <x v="8"/>
    <x v="1"/>
    <x v="382"/>
    <x v="2"/>
    <x v="2"/>
    <x v="6"/>
    <s v="Samsung Galaxy Note 3"/>
    <n v="791.96"/>
    <n v="6"/>
    <n v="-131.99"/>
  </r>
  <r>
    <d v="2015-09-07T00:00:00"/>
    <x v="8"/>
    <x v="1"/>
    <x v="382"/>
    <x v="2"/>
    <x v="0"/>
    <x v="3"/>
    <s v="Angle-D Ring Binders"/>
    <n v="4.92"/>
    <n v="3"/>
    <n v="-3.94"/>
  </r>
  <r>
    <d v="2015-09-07T00:00:00"/>
    <x v="8"/>
    <x v="1"/>
    <x v="369"/>
    <x v="25"/>
    <x v="0"/>
    <x v="4"/>
    <s v="Boston 1645 Deluxe Heavier-Duty Electric Pencil Sharpener"/>
    <n v="140.74"/>
    <n v="4"/>
    <n v="12.31"/>
  </r>
  <r>
    <d v="2015-09-07T00:00:00"/>
    <x v="8"/>
    <x v="1"/>
    <x v="451"/>
    <x v="20"/>
    <x v="2"/>
    <x v="9"/>
    <s v="Razer Kraken PRO Over Ear PC and Music Headset"/>
    <n v="559.92999999999995"/>
    <n v="7"/>
    <n v="167.98"/>
  </r>
  <r>
    <d v="2015-09-07T00:00:00"/>
    <x v="8"/>
    <x v="1"/>
    <x v="340"/>
    <x v="20"/>
    <x v="0"/>
    <x v="2"/>
    <s v="Mobile Personal File Cube"/>
    <n v="70.260000000000005"/>
    <n v="3"/>
    <n v="18.97"/>
  </r>
  <r>
    <d v="2015-09-07T00:00:00"/>
    <x v="8"/>
    <x v="1"/>
    <x v="340"/>
    <x v="20"/>
    <x v="2"/>
    <x v="9"/>
    <s v="KeyTronicÂ E03601U1 -Â KeyboardÂ - Beige"/>
    <n v="90"/>
    <n v="5"/>
    <n v="16.2"/>
  </r>
  <r>
    <d v="2015-09-07T00:00:00"/>
    <x v="8"/>
    <x v="1"/>
    <x v="340"/>
    <x v="20"/>
    <x v="0"/>
    <x v="3"/>
    <s v="Acco Pressboard Covers with Storage Hooks, 9 1/2&quot; x 11&quot;, Executive Red"/>
    <n v="6.1"/>
    <n v="2"/>
    <n v="2.06"/>
  </r>
  <r>
    <d v="2015-09-07T00:00:00"/>
    <x v="8"/>
    <x v="1"/>
    <x v="340"/>
    <x v="20"/>
    <x v="1"/>
    <x v="13"/>
    <s v="Bretford CR8500 Series Meeting Room Furniture"/>
    <n v="481.18"/>
    <n v="2"/>
    <n v="-120.29"/>
  </r>
  <r>
    <d v="2015-09-07T00:00:00"/>
    <x v="8"/>
    <x v="1"/>
    <x v="340"/>
    <x v="20"/>
    <x v="0"/>
    <x v="7"/>
    <s v="Assorted Color Push Pins"/>
    <n v="7.24"/>
    <n v="4"/>
    <n v="2.39"/>
  </r>
  <r>
    <d v="2015-09-08T00:00:00"/>
    <x v="8"/>
    <x v="1"/>
    <x v="685"/>
    <x v="3"/>
    <x v="0"/>
    <x v="0"/>
    <s v="Xerox 1928"/>
    <n v="26.4"/>
    <n v="5"/>
    <n v="11.88"/>
  </r>
  <r>
    <d v="2015-09-08T00:00:00"/>
    <x v="8"/>
    <x v="1"/>
    <x v="685"/>
    <x v="3"/>
    <x v="0"/>
    <x v="2"/>
    <s v="Eldon Shelf Savers Cubes and Bins"/>
    <n v="41.88"/>
    <n v="6"/>
    <n v="0.84"/>
  </r>
  <r>
    <d v="2015-09-08T00:00:00"/>
    <x v="8"/>
    <x v="1"/>
    <x v="197"/>
    <x v="33"/>
    <x v="1"/>
    <x v="8"/>
    <s v="Acrylic Self-Standing Desk Frames"/>
    <n v="21.36"/>
    <n v="8"/>
    <n v="8.1199999999999992"/>
  </r>
  <r>
    <d v="2015-09-10T00:00:00"/>
    <x v="8"/>
    <x v="1"/>
    <x v="309"/>
    <x v="3"/>
    <x v="0"/>
    <x v="14"/>
    <s v="Martin-Yale Premier Letter Opener"/>
    <n v="51.52"/>
    <n v="4"/>
    <n v="1.55"/>
  </r>
  <r>
    <d v="2015-09-10T00:00:00"/>
    <x v="8"/>
    <x v="1"/>
    <x v="69"/>
    <x v="39"/>
    <x v="0"/>
    <x v="0"/>
    <s v="Xerox 1952"/>
    <n v="14.94"/>
    <n v="3"/>
    <n v="7.02"/>
  </r>
  <r>
    <d v="2015-09-10T00:00:00"/>
    <x v="8"/>
    <x v="1"/>
    <x v="150"/>
    <x v="32"/>
    <x v="0"/>
    <x v="12"/>
    <s v="Euro-Pro Shark Turbo Vacuum"/>
    <n v="61.96"/>
    <n v="2"/>
    <n v="16.11"/>
  </r>
  <r>
    <d v="2015-09-10T00:00:00"/>
    <x v="8"/>
    <x v="1"/>
    <x v="150"/>
    <x v="32"/>
    <x v="1"/>
    <x v="11"/>
    <s v="O'Sullivan 2-Door Barrister Bookcase in Odessa Pine"/>
    <n v="361.96"/>
    <n v="2"/>
    <n v="83.25"/>
  </r>
  <r>
    <d v="2015-09-10T00:00:00"/>
    <x v="8"/>
    <x v="1"/>
    <x v="150"/>
    <x v="32"/>
    <x v="0"/>
    <x v="0"/>
    <s v="Xerox 1960"/>
    <n v="278.82"/>
    <n v="9"/>
    <n v="125.47"/>
  </r>
  <r>
    <d v="2015-09-10T00:00:00"/>
    <x v="8"/>
    <x v="1"/>
    <x v="550"/>
    <x v="22"/>
    <x v="0"/>
    <x v="2"/>
    <s v="Belkin 19&quot; Center-Weighted Shelf, Gray"/>
    <n v="353.88"/>
    <n v="6"/>
    <n v="17.690000000000001"/>
  </r>
  <r>
    <d v="2015-09-10T00:00:00"/>
    <x v="8"/>
    <x v="1"/>
    <x v="686"/>
    <x v="20"/>
    <x v="0"/>
    <x v="4"/>
    <s v="Manco Dry-Lighter Erasable Highlighter"/>
    <n v="6.08"/>
    <n v="2"/>
    <n v="2.0699999999999998"/>
  </r>
  <r>
    <d v="2015-09-10T00:00:00"/>
    <x v="8"/>
    <x v="1"/>
    <x v="410"/>
    <x v="3"/>
    <x v="1"/>
    <x v="8"/>
    <s v="Seth Thomas 13 1/2&quot; Wall Clock"/>
    <n v="106.68"/>
    <n v="6"/>
    <n v="33.07"/>
  </r>
  <r>
    <d v="2015-09-10T00:00:00"/>
    <x v="8"/>
    <x v="1"/>
    <x v="592"/>
    <x v="0"/>
    <x v="1"/>
    <x v="5"/>
    <s v="Global Commerce Series Low-Back Swivel/Tilt Chairs"/>
    <n v="179.89"/>
    <n v="1"/>
    <n v="-2.57"/>
  </r>
  <r>
    <d v="2015-09-11T00:00:00"/>
    <x v="8"/>
    <x v="1"/>
    <x v="236"/>
    <x v="3"/>
    <x v="0"/>
    <x v="4"/>
    <s v="Boston 19500 Mighty Mite Electric Pencil Sharpener"/>
    <n v="181.35"/>
    <n v="9"/>
    <n v="48.96"/>
  </r>
  <r>
    <d v="2015-09-11T00:00:00"/>
    <x v="8"/>
    <x v="1"/>
    <x v="236"/>
    <x v="3"/>
    <x v="0"/>
    <x v="1"/>
    <s v="Avery 474"/>
    <n v="8.64"/>
    <n v="3"/>
    <n v="4.2300000000000004"/>
  </r>
  <r>
    <d v="2015-09-11T00:00:00"/>
    <x v="8"/>
    <x v="1"/>
    <x v="191"/>
    <x v="3"/>
    <x v="0"/>
    <x v="4"/>
    <s v="Hunt PowerHouse Electric Pencil Sharpener, Blue"/>
    <n v="265.86"/>
    <n v="7"/>
    <n v="79.760000000000005"/>
  </r>
  <r>
    <d v="2015-09-11T00:00:00"/>
    <x v="8"/>
    <x v="1"/>
    <x v="286"/>
    <x v="20"/>
    <x v="1"/>
    <x v="8"/>
    <s v="Deflect-o DuraMat Antistatic Studded Beveled Mat for Medium Pile Carpeting"/>
    <n v="210.68"/>
    <n v="2"/>
    <n v="50.56"/>
  </r>
  <r>
    <d v="2015-09-11T00:00:00"/>
    <x v="8"/>
    <x v="1"/>
    <x v="286"/>
    <x v="20"/>
    <x v="0"/>
    <x v="2"/>
    <s v="Space Solutions Industrial Galvanized Steel Shelving."/>
    <n v="78.8"/>
    <n v="1"/>
    <n v="1.58"/>
  </r>
  <r>
    <d v="2015-09-11T00:00:00"/>
    <x v="8"/>
    <x v="1"/>
    <x v="286"/>
    <x v="20"/>
    <x v="2"/>
    <x v="9"/>
    <s v="LogitechÂ LS21 Speaker System - PC Multimedia - 2.1-CH - Wired"/>
    <n v="19.989999999999998"/>
    <n v="1"/>
    <n v="6.8"/>
  </r>
  <r>
    <d v="2015-09-11T00:00:00"/>
    <x v="8"/>
    <x v="1"/>
    <x v="286"/>
    <x v="20"/>
    <x v="0"/>
    <x v="2"/>
    <s v="Fellowes Staxonsteel Drawer Files"/>
    <n v="772.68"/>
    <n v="4"/>
    <n v="108.18"/>
  </r>
  <r>
    <d v="2015-09-11T00:00:00"/>
    <x v="8"/>
    <x v="1"/>
    <x v="169"/>
    <x v="26"/>
    <x v="1"/>
    <x v="8"/>
    <s v="Deflect-O Glasstique Clear Desk Accessories"/>
    <n v="24.64"/>
    <n v="4"/>
    <n v="4"/>
  </r>
  <r>
    <d v="2015-09-11T00:00:00"/>
    <x v="8"/>
    <x v="1"/>
    <x v="659"/>
    <x v="23"/>
    <x v="0"/>
    <x v="1"/>
    <s v="Avery 503"/>
    <n v="31.05"/>
    <n v="3"/>
    <n v="14.9"/>
  </r>
  <r>
    <d v="2015-09-11T00:00:00"/>
    <x v="8"/>
    <x v="1"/>
    <x v="659"/>
    <x v="23"/>
    <x v="1"/>
    <x v="8"/>
    <s v="Eldon Pizzaz Desk Accessories"/>
    <n v="8.92"/>
    <n v="4"/>
    <n v="3.92"/>
  </r>
  <r>
    <d v="2015-09-11T00:00:00"/>
    <x v="8"/>
    <x v="1"/>
    <x v="659"/>
    <x v="23"/>
    <x v="0"/>
    <x v="3"/>
    <s v="Ibico Laser Imprintable Binding System Covers"/>
    <n v="209.6"/>
    <n v="4"/>
    <n v="96.42"/>
  </r>
  <r>
    <d v="2015-09-11T00:00:00"/>
    <x v="8"/>
    <x v="1"/>
    <x v="659"/>
    <x v="23"/>
    <x v="0"/>
    <x v="12"/>
    <s v="Fellowes Advanced 8 Outlet Surge Suppressor with Phone/Fax Protection"/>
    <n v="111.04"/>
    <n v="4"/>
    <n v="29.98"/>
  </r>
  <r>
    <d v="2015-09-11T00:00:00"/>
    <x v="8"/>
    <x v="1"/>
    <x v="659"/>
    <x v="23"/>
    <x v="0"/>
    <x v="0"/>
    <s v="Xerox 208"/>
    <n v="38.880000000000003"/>
    <n v="6"/>
    <n v="18.66"/>
  </r>
  <r>
    <d v="2015-09-12T00:00:00"/>
    <x v="8"/>
    <x v="1"/>
    <x v="194"/>
    <x v="20"/>
    <x v="2"/>
    <x v="16"/>
    <s v="Hewlett Packard 310 Color Digital Copier"/>
    <n v="479.98"/>
    <n v="2"/>
    <n v="60"/>
  </r>
  <r>
    <d v="2015-09-12T00:00:00"/>
    <x v="8"/>
    <x v="1"/>
    <x v="194"/>
    <x v="20"/>
    <x v="0"/>
    <x v="1"/>
    <s v="Avery 520"/>
    <n v="12.6"/>
    <n v="4"/>
    <n v="6.05"/>
  </r>
  <r>
    <d v="2015-09-12T00:00:00"/>
    <x v="8"/>
    <x v="1"/>
    <x v="51"/>
    <x v="20"/>
    <x v="0"/>
    <x v="4"/>
    <s v="Binney &amp; Smith Crayola Metallic Colored Pencils, 8-Color Set"/>
    <n v="9.26"/>
    <n v="2"/>
    <n v="3.06"/>
  </r>
  <r>
    <d v="2015-09-12T00:00:00"/>
    <x v="8"/>
    <x v="1"/>
    <x v="51"/>
    <x v="20"/>
    <x v="0"/>
    <x v="2"/>
    <s v="Gould Plastics 9-Pocket Panel Bin, 18-3/8w x 5-1/4d x 20-1/2h, Black"/>
    <n v="105.98"/>
    <n v="2"/>
    <n v="4.24"/>
  </r>
  <r>
    <d v="2015-09-12T00:00:00"/>
    <x v="8"/>
    <x v="1"/>
    <x v="51"/>
    <x v="20"/>
    <x v="0"/>
    <x v="7"/>
    <s v="OIC Binder Clips, Mini, 1/4&quot; Capacity, Black"/>
    <n v="1.24"/>
    <n v="1"/>
    <n v="0.57999999999999996"/>
  </r>
  <r>
    <d v="2015-09-12T00:00:00"/>
    <x v="8"/>
    <x v="1"/>
    <x v="51"/>
    <x v="20"/>
    <x v="0"/>
    <x v="1"/>
    <s v="Avery 489"/>
    <n v="20.7"/>
    <n v="2"/>
    <n v="9.94"/>
  </r>
  <r>
    <d v="2015-09-12T00:00:00"/>
    <x v="8"/>
    <x v="1"/>
    <x v="51"/>
    <x v="20"/>
    <x v="0"/>
    <x v="0"/>
    <s v="HP Office Recycled Paper (20Lb. and 87 Bright)"/>
    <n v="28.9"/>
    <n v="5"/>
    <n v="14.16"/>
  </r>
  <r>
    <d v="2015-09-12T00:00:00"/>
    <x v="8"/>
    <x v="1"/>
    <x v="51"/>
    <x v="20"/>
    <x v="0"/>
    <x v="10"/>
    <s v="Tyvek  Top-Opening Peel &amp; Seel Envelopes, Plain White"/>
    <n v="27.18"/>
    <n v="1"/>
    <n v="12.77"/>
  </r>
  <r>
    <d v="2015-09-12T00:00:00"/>
    <x v="8"/>
    <x v="1"/>
    <x v="583"/>
    <x v="22"/>
    <x v="2"/>
    <x v="9"/>
    <s v="Memorex Froggy Flash Drive 4 GB"/>
    <n v="21.98"/>
    <n v="2"/>
    <n v="8.57"/>
  </r>
  <r>
    <d v="2015-09-13T00:00:00"/>
    <x v="8"/>
    <x v="1"/>
    <x v="456"/>
    <x v="18"/>
    <x v="2"/>
    <x v="9"/>
    <s v="Case Logic 2.4GHz Wireless Keyboard"/>
    <n v="199.96"/>
    <n v="4"/>
    <n v="16"/>
  </r>
  <r>
    <d v="2015-09-13T00:00:00"/>
    <x v="8"/>
    <x v="1"/>
    <x v="456"/>
    <x v="18"/>
    <x v="1"/>
    <x v="5"/>
    <s v="Hon Multipurpose Stacking Arm Chairs"/>
    <n v="1516.2"/>
    <n v="7"/>
    <n v="394.21"/>
  </r>
  <r>
    <d v="2015-09-13T00:00:00"/>
    <x v="8"/>
    <x v="1"/>
    <x v="173"/>
    <x v="2"/>
    <x v="0"/>
    <x v="3"/>
    <s v="Fellowes Twister Kit, Gray/Clear, 3/pkg"/>
    <n v="2.41"/>
    <n v="1"/>
    <n v="-2.0099999999999998"/>
  </r>
  <r>
    <d v="2015-09-13T00:00:00"/>
    <x v="8"/>
    <x v="1"/>
    <x v="657"/>
    <x v="4"/>
    <x v="1"/>
    <x v="8"/>
    <s v="Eldon Advantage Chair Mats for Low to Medium Pile Carpets"/>
    <n v="129.93"/>
    <n v="3"/>
    <n v="12.99"/>
  </r>
  <r>
    <d v="2015-09-13T00:00:00"/>
    <x v="8"/>
    <x v="1"/>
    <x v="657"/>
    <x v="4"/>
    <x v="0"/>
    <x v="0"/>
    <s v="Xerox 1948"/>
    <n v="69.930000000000007"/>
    <n v="7"/>
    <n v="31.47"/>
  </r>
  <r>
    <d v="2015-09-13T00:00:00"/>
    <x v="8"/>
    <x v="1"/>
    <x v="316"/>
    <x v="1"/>
    <x v="0"/>
    <x v="10"/>
    <s v="Staple envelope"/>
    <n v="7.82"/>
    <n v="1"/>
    <n v="2.93"/>
  </r>
  <r>
    <d v="2015-09-13T00:00:00"/>
    <x v="8"/>
    <x v="1"/>
    <x v="316"/>
    <x v="1"/>
    <x v="1"/>
    <x v="5"/>
    <s v="Global Value Steno Chair, Gray"/>
    <n v="170.07"/>
    <n v="4"/>
    <n v="-12.15"/>
  </r>
  <r>
    <d v="2015-09-13T00:00:00"/>
    <x v="8"/>
    <x v="1"/>
    <x v="481"/>
    <x v="25"/>
    <x v="0"/>
    <x v="3"/>
    <s v="Heavy-Duty E-Z-D Binders"/>
    <n v="13.09"/>
    <n v="4"/>
    <n v="-10.039999999999999"/>
  </r>
  <r>
    <d v="2015-09-13T00:00:00"/>
    <x v="8"/>
    <x v="1"/>
    <x v="687"/>
    <x v="3"/>
    <x v="1"/>
    <x v="8"/>
    <s v="Flat Face Poster Frame"/>
    <n v="131.88"/>
    <n v="7"/>
    <n v="55.39"/>
  </r>
  <r>
    <d v="2015-09-13T00:00:00"/>
    <x v="8"/>
    <x v="1"/>
    <x v="687"/>
    <x v="3"/>
    <x v="0"/>
    <x v="3"/>
    <s v="Acco Data Flex Cable Posts For Top &amp; Bottom Load Binders, 6&quot; Capacity"/>
    <n v="25.03"/>
    <n v="3"/>
    <n v="7.82"/>
  </r>
  <r>
    <d v="2015-09-13T00:00:00"/>
    <x v="8"/>
    <x v="1"/>
    <x v="687"/>
    <x v="3"/>
    <x v="1"/>
    <x v="5"/>
    <s v="Global Comet Stacking Armless Chair"/>
    <n v="717.72"/>
    <n v="3"/>
    <n v="71.77"/>
  </r>
  <r>
    <d v="2015-09-13T00:00:00"/>
    <x v="8"/>
    <x v="1"/>
    <x v="687"/>
    <x v="3"/>
    <x v="1"/>
    <x v="8"/>
    <s v="Eldon Econocleat Chair Mats for Low Pile Carpets"/>
    <n v="207.35"/>
    <n v="5"/>
    <n v="24.88"/>
  </r>
  <r>
    <d v="2015-09-13T00:00:00"/>
    <x v="8"/>
    <x v="1"/>
    <x v="687"/>
    <x v="3"/>
    <x v="1"/>
    <x v="8"/>
    <s v="Tensor Computer Mounted Lamp"/>
    <n v="44.67"/>
    <n v="3"/>
    <n v="12.06"/>
  </r>
  <r>
    <d v="2015-09-13T00:00:00"/>
    <x v="8"/>
    <x v="1"/>
    <x v="687"/>
    <x v="3"/>
    <x v="0"/>
    <x v="0"/>
    <s v="Xerox 1915"/>
    <n v="209.7"/>
    <n v="2"/>
    <n v="100.66"/>
  </r>
  <r>
    <d v="2015-09-14T00:00:00"/>
    <x v="8"/>
    <x v="1"/>
    <x v="103"/>
    <x v="27"/>
    <x v="1"/>
    <x v="13"/>
    <s v="Lesro Round Back Collection Coffee Table, End Table"/>
    <n v="912.75"/>
    <n v="5"/>
    <n v="118.66"/>
  </r>
  <r>
    <d v="2015-09-14T00:00:00"/>
    <x v="8"/>
    <x v="1"/>
    <x v="386"/>
    <x v="3"/>
    <x v="1"/>
    <x v="13"/>
    <s v="KI Conference Tables"/>
    <n v="170.14"/>
    <n v="3"/>
    <n v="-8.51"/>
  </r>
  <r>
    <d v="2015-09-14T00:00:00"/>
    <x v="8"/>
    <x v="1"/>
    <x v="616"/>
    <x v="9"/>
    <x v="0"/>
    <x v="2"/>
    <s v="Fellowes Officeware Wire Shelving"/>
    <n v="269.49"/>
    <n v="3"/>
    <n v="5.39"/>
  </r>
  <r>
    <d v="2015-09-14T00:00:00"/>
    <x v="8"/>
    <x v="1"/>
    <x v="96"/>
    <x v="20"/>
    <x v="0"/>
    <x v="2"/>
    <s v="Economy Rollaway Files"/>
    <n v="991.2"/>
    <n v="6"/>
    <n v="257.70999999999998"/>
  </r>
  <r>
    <d v="2015-09-14T00:00:00"/>
    <x v="8"/>
    <x v="1"/>
    <x v="96"/>
    <x v="20"/>
    <x v="2"/>
    <x v="16"/>
    <s v="Sharp 1540cs Digital Laser Copier"/>
    <n v="879.98"/>
    <n v="2"/>
    <n v="329.99"/>
  </r>
  <r>
    <d v="2015-09-14T00:00:00"/>
    <x v="8"/>
    <x v="1"/>
    <x v="96"/>
    <x v="20"/>
    <x v="0"/>
    <x v="3"/>
    <s v="Wilson Jones Easy Flow II Sheet Lifters"/>
    <n v="12.96"/>
    <n v="9"/>
    <n v="4.54"/>
  </r>
  <r>
    <d v="2015-09-14T00:00:00"/>
    <x v="8"/>
    <x v="1"/>
    <x v="671"/>
    <x v="30"/>
    <x v="0"/>
    <x v="3"/>
    <s v="Wilson Jones Impact Binders"/>
    <n v="25.9"/>
    <n v="5"/>
    <n v="12.69"/>
  </r>
  <r>
    <d v="2015-09-15T00:00:00"/>
    <x v="8"/>
    <x v="1"/>
    <x v="537"/>
    <x v="16"/>
    <x v="0"/>
    <x v="0"/>
    <s v="Xerox 21"/>
    <n v="15.55"/>
    <n v="3"/>
    <n v="5.44"/>
  </r>
  <r>
    <d v="2015-09-15T00:00:00"/>
    <x v="8"/>
    <x v="1"/>
    <x v="537"/>
    <x v="16"/>
    <x v="1"/>
    <x v="8"/>
    <s v="Ultra Door Push Plate"/>
    <n v="15.71"/>
    <n v="4"/>
    <n v="2.5499999999999998"/>
  </r>
  <r>
    <d v="2015-09-15T00:00:00"/>
    <x v="8"/>
    <x v="1"/>
    <x v="537"/>
    <x v="16"/>
    <x v="0"/>
    <x v="2"/>
    <s v="Decoflex Hanging Personal Folder File, Blue"/>
    <n v="24.67"/>
    <n v="2"/>
    <n v="2.16"/>
  </r>
  <r>
    <d v="2015-09-15T00:00:00"/>
    <x v="8"/>
    <x v="1"/>
    <x v="537"/>
    <x v="16"/>
    <x v="1"/>
    <x v="8"/>
    <s v="Tenex &quot;The Solids&quot; Textured Chair Mats"/>
    <n v="55.97"/>
    <n v="1"/>
    <n v="-2.1"/>
  </r>
  <r>
    <d v="2015-09-15T00:00:00"/>
    <x v="8"/>
    <x v="1"/>
    <x v="189"/>
    <x v="18"/>
    <x v="0"/>
    <x v="2"/>
    <s v="Fellowes Stor/Drawer Steel Plus Storage Drawers"/>
    <n v="190.86"/>
    <n v="2"/>
    <n v="11.45"/>
  </r>
  <r>
    <d v="2015-09-15T00:00:00"/>
    <x v="8"/>
    <x v="1"/>
    <x v="189"/>
    <x v="18"/>
    <x v="0"/>
    <x v="4"/>
    <s v="Manco Dry-Lighter Erasable Highlighter"/>
    <n v="24.32"/>
    <n v="8"/>
    <n v="8.27"/>
  </r>
  <r>
    <d v="2015-09-15T00:00:00"/>
    <x v="8"/>
    <x v="1"/>
    <x v="688"/>
    <x v="20"/>
    <x v="0"/>
    <x v="3"/>
    <s v="GBC Twin Loop Wire Binding Elements"/>
    <n v="79.87"/>
    <n v="3"/>
    <n v="29.95"/>
  </r>
  <r>
    <d v="2015-09-15T00:00:00"/>
    <x v="8"/>
    <x v="1"/>
    <x v="688"/>
    <x v="20"/>
    <x v="1"/>
    <x v="11"/>
    <s v="Bush Westfield Collection Bookcases, Medium Cherry Finish"/>
    <n v="46.38"/>
    <n v="1"/>
    <n v="1.1599999999999999"/>
  </r>
  <r>
    <d v="2015-09-15T00:00:00"/>
    <x v="8"/>
    <x v="1"/>
    <x v="688"/>
    <x v="20"/>
    <x v="0"/>
    <x v="0"/>
    <s v="Xerox 1967"/>
    <n v="12.96"/>
    <n v="2"/>
    <n v="6.22"/>
  </r>
  <r>
    <d v="2015-09-15T00:00:00"/>
    <x v="8"/>
    <x v="1"/>
    <x v="262"/>
    <x v="33"/>
    <x v="1"/>
    <x v="13"/>
    <s v="Bretford CR8500 Series Meeting Room Furniture"/>
    <n v="801.96"/>
    <n v="2"/>
    <n v="200.49"/>
  </r>
  <r>
    <d v="2015-09-15T00:00:00"/>
    <x v="8"/>
    <x v="1"/>
    <x v="262"/>
    <x v="33"/>
    <x v="2"/>
    <x v="6"/>
    <s v="Anker Astro Mini 3000mAh Ultra-Compact Portable Charger"/>
    <n v="59.97"/>
    <n v="3"/>
    <n v="0"/>
  </r>
  <r>
    <d v="2015-09-15T00:00:00"/>
    <x v="8"/>
    <x v="1"/>
    <x v="262"/>
    <x v="33"/>
    <x v="1"/>
    <x v="5"/>
    <s v="Global Manager's Adjustable Task Chair, Storm"/>
    <n v="1056.8599999999999"/>
    <n v="7"/>
    <n v="306.49"/>
  </r>
  <r>
    <d v="2015-09-15T00:00:00"/>
    <x v="8"/>
    <x v="1"/>
    <x v="689"/>
    <x v="2"/>
    <x v="0"/>
    <x v="3"/>
    <s v="Avery Hidden Tab Dividers for Binding Systems"/>
    <n v="3.58"/>
    <n v="4"/>
    <n v="-2.86"/>
  </r>
  <r>
    <d v="2015-09-15T00:00:00"/>
    <x v="8"/>
    <x v="1"/>
    <x v="689"/>
    <x v="2"/>
    <x v="0"/>
    <x v="2"/>
    <s v="Gould Plastics 18-Pocket Panel Bin, 34w x 5-1/4d x 20-1/2h"/>
    <n v="147.18"/>
    <n v="2"/>
    <n v="-29.44"/>
  </r>
  <r>
    <d v="2015-09-16T00:00:00"/>
    <x v="8"/>
    <x v="1"/>
    <x v="32"/>
    <x v="6"/>
    <x v="0"/>
    <x v="10"/>
    <s v="Staple envelope"/>
    <n v="31.12"/>
    <n v="4"/>
    <n v="14.63"/>
  </r>
  <r>
    <d v="2015-09-17T00:00:00"/>
    <x v="8"/>
    <x v="1"/>
    <x v="463"/>
    <x v="2"/>
    <x v="1"/>
    <x v="11"/>
    <s v="Riverside Palais Royal Lawyers Bookcase, Royale Cherry Finish"/>
    <n v="3083.43"/>
    <n v="7"/>
    <n v="-1665.05"/>
  </r>
  <r>
    <d v="2015-09-17T00:00:00"/>
    <x v="8"/>
    <x v="1"/>
    <x v="463"/>
    <x v="2"/>
    <x v="0"/>
    <x v="3"/>
    <s v="Avery Recycled Flexi-View Covers for Binding Systems"/>
    <n v="9.6199999999999992"/>
    <n v="2"/>
    <n v="-7.05"/>
  </r>
  <r>
    <d v="2015-09-17T00:00:00"/>
    <x v="8"/>
    <x v="1"/>
    <x v="463"/>
    <x v="2"/>
    <x v="1"/>
    <x v="8"/>
    <s v="Howard Miller 13-3/4&quot; Diameter Brushed Chrome Round Wall Clock"/>
    <n v="124.2"/>
    <n v="3"/>
    <n v="15.53"/>
  </r>
  <r>
    <d v="2015-09-17T00:00:00"/>
    <x v="8"/>
    <x v="1"/>
    <x v="463"/>
    <x v="2"/>
    <x v="0"/>
    <x v="10"/>
    <s v="Poly String Tie Envelopes"/>
    <n v="3.26"/>
    <n v="2"/>
    <n v="1.1000000000000001"/>
  </r>
  <r>
    <d v="2015-09-17T00:00:00"/>
    <x v="8"/>
    <x v="1"/>
    <x v="463"/>
    <x v="2"/>
    <x v="0"/>
    <x v="4"/>
    <s v="BOSTON Model 1800 Electric Pencil Sharpeners, Putty/Woodgrain"/>
    <n v="86.3"/>
    <n v="6"/>
    <n v="9.7100000000000009"/>
  </r>
  <r>
    <d v="2015-09-17T00:00:00"/>
    <x v="8"/>
    <x v="1"/>
    <x v="463"/>
    <x v="2"/>
    <x v="0"/>
    <x v="3"/>
    <s v="Acco Pressboard Covers with Storage Hooks, 14 7/8&quot; x 11&quot;, Executive Red"/>
    <n v="6.86"/>
    <n v="6"/>
    <n v="-5.72"/>
  </r>
  <r>
    <d v="2015-09-17T00:00:00"/>
    <x v="8"/>
    <x v="1"/>
    <x v="463"/>
    <x v="2"/>
    <x v="0"/>
    <x v="4"/>
    <s v="Lumber Crayons"/>
    <n v="15.76"/>
    <n v="2"/>
    <n v="3.55"/>
  </r>
  <r>
    <d v="2015-09-17T00:00:00"/>
    <x v="8"/>
    <x v="1"/>
    <x v="690"/>
    <x v="3"/>
    <x v="0"/>
    <x v="0"/>
    <s v="Xerox 216"/>
    <n v="32.4"/>
    <n v="5"/>
    <n v="15.55"/>
  </r>
  <r>
    <d v="2015-09-17T00:00:00"/>
    <x v="8"/>
    <x v="1"/>
    <x v="472"/>
    <x v="0"/>
    <x v="1"/>
    <x v="8"/>
    <s v="Howard Miller Distant Time Traveler Alarm Clock"/>
    <n v="21.94"/>
    <n v="2"/>
    <n v="-10.42"/>
  </r>
  <r>
    <d v="2015-09-17T00:00:00"/>
    <x v="8"/>
    <x v="1"/>
    <x v="472"/>
    <x v="0"/>
    <x v="0"/>
    <x v="3"/>
    <s v="GBC Imprintable Covers"/>
    <n v="6.59"/>
    <n v="3"/>
    <n v="-10.210000000000001"/>
  </r>
  <r>
    <d v="2015-09-17T00:00:00"/>
    <x v="8"/>
    <x v="1"/>
    <x v="471"/>
    <x v="20"/>
    <x v="1"/>
    <x v="13"/>
    <s v="Riverside Furniture Oval Coffee Table, Oval End Table, End Table with Drawer"/>
    <n v="344.22"/>
    <n v="2"/>
    <n v="-103.27"/>
  </r>
  <r>
    <d v="2015-09-17T00:00:00"/>
    <x v="8"/>
    <x v="1"/>
    <x v="674"/>
    <x v="16"/>
    <x v="2"/>
    <x v="9"/>
    <s v="SanDisk Cruzer 64 GB USB Flash Drive"/>
    <n v="87.17"/>
    <n v="3"/>
    <n v="10.9"/>
  </r>
  <r>
    <d v="2015-09-17T00:00:00"/>
    <x v="8"/>
    <x v="1"/>
    <x v="568"/>
    <x v="22"/>
    <x v="0"/>
    <x v="3"/>
    <s v="Acco Data Flex Cable Posts For Top &amp; Bottom Load Binders, 6&quot; Capacity"/>
    <n v="25.03"/>
    <n v="3"/>
    <n v="7.82"/>
  </r>
  <r>
    <d v="2015-09-17T00:00:00"/>
    <x v="8"/>
    <x v="1"/>
    <x v="184"/>
    <x v="20"/>
    <x v="0"/>
    <x v="2"/>
    <s v="Woodgrain Magazine Files by Perma"/>
    <n v="14.9"/>
    <n v="5"/>
    <n v="1.04"/>
  </r>
  <r>
    <d v="2015-09-17T00:00:00"/>
    <x v="8"/>
    <x v="1"/>
    <x v="184"/>
    <x v="20"/>
    <x v="0"/>
    <x v="1"/>
    <s v="Avery 485"/>
    <n v="87.71"/>
    <n v="7"/>
    <n v="41.22"/>
  </r>
  <r>
    <d v="2015-09-17T00:00:00"/>
    <x v="8"/>
    <x v="1"/>
    <x v="184"/>
    <x v="20"/>
    <x v="1"/>
    <x v="5"/>
    <s v="Office Star Flex Back Scooter Chair with White Frame"/>
    <n v="199.76"/>
    <n v="2"/>
    <n v="8.8800000000000008"/>
  </r>
  <r>
    <d v="2015-09-17T00:00:00"/>
    <x v="8"/>
    <x v="1"/>
    <x v="184"/>
    <x v="20"/>
    <x v="0"/>
    <x v="2"/>
    <s v="Eldon Mobile Mega Data Cart  Mega Stackable  Add-On Trays"/>
    <n v="94.6"/>
    <n v="4"/>
    <n v="27.43"/>
  </r>
  <r>
    <d v="2015-09-17T00:00:00"/>
    <x v="8"/>
    <x v="1"/>
    <x v="184"/>
    <x v="20"/>
    <x v="1"/>
    <x v="11"/>
    <s v="Riverside Palais Royal Lawyers Bookcase, Royale Cherry Finish"/>
    <n v="4228.7"/>
    <n v="6"/>
    <n v="158.58000000000001"/>
  </r>
  <r>
    <d v="2015-09-17T00:00:00"/>
    <x v="8"/>
    <x v="1"/>
    <x v="184"/>
    <x v="20"/>
    <x v="1"/>
    <x v="11"/>
    <s v="DMI Eclipse Executive Suite Bookcases"/>
    <n v="2003.92"/>
    <n v="5"/>
    <n v="-25.05"/>
  </r>
  <r>
    <d v="2015-09-17T00:00:00"/>
    <x v="8"/>
    <x v="1"/>
    <x v="184"/>
    <x v="20"/>
    <x v="2"/>
    <x v="6"/>
    <s v="ClearSounds CSC500 Amplified Spirit Phone Corded phone"/>
    <n v="209.97"/>
    <n v="3"/>
    <n v="58.79"/>
  </r>
  <r>
    <d v="2015-09-17T00:00:00"/>
    <x v="8"/>
    <x v="1"/>
    <x v="184"/>
    <x v="20"/>
    <x v="2"/>
    <x v="9"/>
    <s v="Plantronics CS510 - Over-the-Head monaural Wireless Headset System"/>
    <n v="659.9"/>
    <n v="2"/>
    <n v="217.77"/>
  </r>
  <r>
    <d v="2015-09-17T00:00:00"/>
    <x v="8"/>
    <x v="1"/>
    <x v="184"/>
    <x v="20"/>
    <x v="0"/>
    <x v="0"/>
    <s v="Eaton Premium Continuous-Feed Paper, 25% Cotton, Letter Size, White, 1000 Shts/Box"/>
    <n v="110.96"/>
    <n v="2"/>
    <n v="53.26"/>
  </r>
  <r>
    <d v="2015-09-17T00:00:00"/>
    <x v="8"/>
    <x v="1"/>
    <x v="184"/>
    <x v="20"/>
    <x v="2"/>
    <x v="6"/>
    <s v="ARKON Windshield Dashboard Air Vent Car Mount Holder"/>
    <n v="67.8"/>
    <n v="4"/>
    <n v="1.36"/>
  </r>
  <r>
    <d v="2015-09-18T00:00:00"/>
    <x v="8"/>
    <x v="1"/>
    <x v="120"/>
    <x v="3"/>
    <x v="0"/>
    <x v="0"/>
    <s v="Personal Creations Ink Jet Cards and Labels"/>
    <n v="160.72"/>
    <n v="14"/>
    <n v="78.75"/>
  </r>
  <r>
    <d v="2015-09-18T00:00:00"/>
    <x v="8"/>
    <x v="1"/>
    <x v="120"/>
    <x v="3"/>
    <x v="0"/>
    <x v="0"/>
    <s v="Rediform S.O.S. Phone Message Books"/>
    <n v="19.920000000000002"/>
    <n v="4"/>
    <n v="9.76"/>
  </r>
  <r>
    <d v="2015-09-18T00:00:00"/>
    <x v="8"/>
    <x v="1"/>
    <x v="120"/>
    <x v="3"/>
    <x v="0"/>
    <x v="14"/>
    <s v="Acme Value Line Scissors"/>
    <n v="7.3"/>
    <n v="2"/>
    <n v="2.19"/>
  </r>
  <r>
    <d v="2015-09-18T00:00:00"/>
    <x v="8"/>
    <x v="1"/>
    <x v="484"/>
    <x v="36"/>
    <x v="0"/>
    <x v="2"/>
    <s v="Acco Perma 3000 Stacking Storage Drawers"/>
    <n v="41.96"/>
    <n v="2"/>
    <n v="7.97"/>
  </r>
  <r>
    <d v="2015-09-18T00:00:00"/>
    <x v="8"/>
    <x v="1"/>
    <x v="484"/>
    <x v="36"/>
    <x v="0"/>
    <x v="2"/>
    <s v="Safco Industrial Wire Shelving System"/>
    <n v="636.86"/>
    <n v="7"/>
    <n v="0"/>
  </r>
  <r>
    <d v="2015-09-18T00:00:00"/>
    <x v="8"/>
    <x v="1"/>
    <x v="484"/>
    <x v="36"/>
    <x v="2"/>
    <x v="6"/>
    <s v="Samsung Galaxy S4 Active"/>
    <n v="499.99"/>
    <n v="1"/>
    <n v="130"/>
  </r>
  <r>
    <d v="2015-09-18T00:00:00"/>
    <x v="8"/>
    <x v="1"/>
    <x v="484"/>
    <x v="36"/>
    <x v="2"/>
    <x v="6"/>
    <s v="Polycom VVX 310 VoIP phone"/>
    <n v="1259.93"/>
    <n v="7"/>
    <n v="327.58"/>
  </r>
  <r>
    <d v="2015-09-18T00:00:00"/>
    <x v="8"/>
    <x v="1"/>
    <x v="484"/>
    <x v="36"/>
    <x v="0"/>
    <x v="3"/>
    <s v="Acco Flexible ACCOHIDE Square Ring Data Binder, Dark Blue, 11 1/2&quot; X 14&quot; 7/8&quot;"/>
    <n v="65.08"/>
    <n v="4"/>
    <n v="31.89"/>
  </r>
  <r>
    <d v="2015-09-18T00:00:00"/>
    <x v="8"/>
    <x v="1"/>
    <x v="169"/>
    <x v="3"/>
    <x v="0"/>
    <x v="4"/>
    <s v="Quartet Omega Colored Chalk, 12/Pack"/>
    <n v="11.68"/>
    <n v="2"/>
    <n v="5.49"/>
  </r>
  <r>
    <d v="2015-09-18T00:00:00"/>
    <x v="8"/>
    <x v="1"/>
    <x v="169"/>
    <x v="3"/>
    <x v="0"/>
    <x v="14"/>
    <s v="Elite 5&quot; Scissors"/>
    <n v="16.899999999999999"/>
    <n v="2"/>
    <n v="5.07"/>
  </r>
  <r>
    <d v="2015-09-18T00:00:00"/>
    <x v="8"/>
    <x v="1"/>
    <x v="169"/>
    <x v="3"/>
    <x v="1"/>
    <x v="8"/>
    <s v="Advantus Panel Wall Certificate Holder - 8.5x11"/>
    <n v="24.4"/>
    <n v="2"/>
    <n v="10.25"/>
  </r>
  <r>
    <d v="2015-09-18T00:00:00"/>
    <x v="8"/>
    <x v="1"/>
    <x v="691"/>
    <x v="16"/>
    <x v="2"/>
    <x v="9"/>
    <s v="Enermax Acrylux Wireless Keyboard"/>
    <n v="717.12"/>
    <n v="9"/>
    <n v="152.38999999999999"/>
  </r>
  <r>
    <d v="2015-09-18T00:00:00"/>
    <x v="8"/>
    <x v="1"/>
    <x v="692"/>
    <x v="22"/>
    <x v="0"/>
    <x v="0"/>
    <s v="Wirebound Message Books, Four 2 3/4&quot; x 5&quot; Forms per Page, 600 Sets per Book"/>
    <n v="18.54"/>
    <n v="2"/>
    <n v="8.7100000000000009"/>
  </r>
  <r>
    <d v="2015-09-18T00:00:00"/>
    <x v="8"/>
    <x v="1"/>
    <x v="693"/>
    <x v="3"/>
    <x v="0"/>
    <x v="2"/>
    <s v="Stur-D-Stor Shelving, Vertical 5-Shelf: 72&quot;H x 36&quot;W x 18 1/2&quot;D"/>
    <n v="443.92"/>
    <n v="4"/>
    <n v="8.8800000000000008"/>
  </r>
  <r>
    <d v="2015-09-19T00:00:00"/>
    <x v="8"/>
    <x v="1"/>
    <x v="492"/>
    <x v="6"/>
    <x v="1"/>
    <x v="11"/>
    <s v="Sauder Cornerstone Collection Library"/>
    <n v="61.96"/>
    <n v="2"/>
    <n v="4.34"/>
  </r>
  <r>
    <d v="2015-09-19T00:00:00"/>
    <x v="8"/>
    <x v="1"/>
    <x v="62"/>
    <x v="4"/>
    <x v="2"/>
    <x v="9"/>
    <s v="Kensington K72356US Mouse-in-a-Box USB Desktop Mouse"/>
    <n v="66.36"/>
    <n v="4"/>
    <n v="23.23"/>
  </r>
  <r>
    <d v="2015-09-19T00:00:00"/>
    <x v="8"/>
    <x v="1"/>
    <x v="602"/>
    <x v="3"/>
    <x v="0"/>
    <x v="0"/>
    <s v="Personal Creations Ink Jet Cards and Labels"/>
    <n v="22.96"/>
    <n v="2"/>
    <n v="11.25"/>
  </r>
  <r>
    <d v="2015-09-19T00:00:00"/>
    <x v="8"/>
    <x v="1"/>
    <x v="60"/>
    <x v="20"/>
    <x v="2"/>
    <x v="6"/>
    <s v="PureGear Roll-On Screen Protector"/>
    <n v="279.86"/>
    <n v="14"/>
    <n v="134.33000000000001"/>
  </r>
  <r>
    <d v="2015-09-19T00:00:00"/>
    <x v="8"/>
    <x v="1"/>
    <x v="167"/>
    <x v="31"/>
    <x v="0"/>
    <x v="4"/>
    <s v="Newell 323"/>
    <n v="8.4"/>
    <n v="5"/>
    <n v="2.1800000000000002"/>
  </r>
  <r>
    <d v="2015-09-19T00:00:00"/>
    <x v="8"/>
    <x v="1"/>
    <x v="658"/>
    <x v="3"/>
    <x v="1"/>
    <x v="8"/>
    <s v="Seth Thomas 8 1/2&quot; Cubicle Clock"/>
    <n v="60.84"/>
    <n v="3"/>
    <n v="19.47"/>
  </r>
  <r>
    <d v="2015-09-20T00:00:00"/>
    <x v="8"/>
    <x v="1"/>
    <x v="199"/>
    <x v="32"/>
    <x v="0"/>
    <x v="3"/>
    <s v="GBC Standard Plastic Binding Systems' Combs"/>
    <n v="37.68"/>
    <n v="6"/>
    <n v="16.96"/>
  </r>
  <r>
    <d v="2015-09-20T00:00:00"/>
    <x v="8"/>
    <x v="1"/>
    <x v="498"/>
    <x v="20"/>
    <x v="0"/>
    <x v="0"/>
    <s v="Xerox 1881"/>
    <n v="61.4"/>
    <n v="5"/>
    <n v="28.86"/>
  </r>
  <r>
    <d v="2015-09-20T00:00:00"/>
    <x v="8"/>
    <x v="1"/>
    <x v="498"/>
    <x v="20"/>
    <x v="0"/>
    <x v="3"/>
    <s v="Recycled Premium Regency Composition Covers"/>
    <n v="24.45"/>
    <n v="2"/>
    <n v="8.86"/>
  </r>
  <r>
    <d v="2015-09-20T00:00:00"/>
    <x v="8"/>
    <x v="1"/>
    <x v="497"/>
    <x v="15"/>
    <x v="0"/>
    <x v="3"/>
    <s v="GBC Ibimaster 500 Manual ProClick Binding System"/>
    <n v="1369.76"/>
    <n v="6"/>
    <n v="-913.18"/>
  </r>
  <r>
    <d v="2015-09-20T00:00:00"/>
    <x v="8"/>
    <x v="1"/>
    <x v="497"/>
    <x v="15"/>
    <x v="0"/>
    <x v="2"/>
    <s v="Gould Plastics 18-Pocket Panel Bin, 34w x 5-1/4d x 20-1/2h"/>
    <n v="294.37"/>
    <n v="4"/>
    <n v="-58.87"/>
  </r>
  <r>
    <d v="2015-09-20T00:00:00"/>
    <x v="8"/>
    <x v="1"/>
    <x v="481"/>
    <x v="17"/>
    <x v="0"/>
    <x v="3"/>
    <s v="Wilson Jones Impact Binders"/>
    <n v="45.58"/>
    <n v="11"/>
    <n v="16.52"/>
  </r>
  <r>
    <d v="2015-09-20T00:00:00"/>
    <x v="8"/>
    <x v="1"/>
    <x v="633"/>
    <x v="1"/>
    <x v="0"/>
    <x v="3"/>
    <s v="Acco Translucent Poly Ring Binders"/>
    <n v="2.81"/>
    <n v="3"/>
    <n v="-4.49"/>
  </r>
  <r>
    <d v="2015-09-21T00:00:00"/>
    <x v="8"/>
    <x v="1"/>
    <x v="642"/>
    <x v="0"/>
    <x v="2"/>
    <x v="6"/>
    <s v="ShoreTel ShorePhone IP 230 VoIP phone"/>
    <n v="946.34"/>
    <n v="7"/>
    <n v="118.29"/>
  </r>
  <r>
    <d v="2015-09-21T00:00:00"/>
    <x v="8"/>
    <x v="1"/>
    <x v="642"/>
    <x v="0"/>
    <x v="2"/>
    <x v="9"/>
    <s v="Hypercom P1300 Pinpad"/>
    <n v="151.19999999999999"/>
    <n v="3"/>
    <n v="32.130000000000003"/>
  </r>
  <r>
    <d v="2015-09-21T00:00:00"/>
    <x v="8"/>
    <x v="1"/>
    <x v="642"/>
    <x v="0"/>
    <x v="1"/>
    <x v="8"/>
    <s v="Longer-Life Soft White Bulbs"/>
    <n v="4.93"/>
    <n v="4"/>
    <n v="-1.48"/>
  </r>
  <r>
    <d v="2015-09-21T00:00:00"/>
    <x v="8"/>
    <x v="1"/>
    <x v="330"/>
    <x v="22"/>
    <x v="0"/>
    <x v="2"/>
    <s v="Fellowes Bases and Tops For Staxonsteel/High-Stak Systems"/>
    <n v="199.74"/>
    <n v="6"/>
    <n v="47.94"/>
  </r>
  <r>
    <d v="2015-09-21T00:00:00"/>
    <x v="8"/>
    <x v="1"/>
    <x v="33"/>
    <x v="3"/>
    <x v="1"/>
    <x v="5"/>
    <s v="Hon Every-Day Series Multi-Task Chairs"/>
    <n v="601.54"/>
    <n v="4"/>
    <n v="0"/>
  </r>
  <r>
    <d v="2015-09-21T00:00:00"/>
    <x v="8"/>
    <x v="1"/>
    <x v="33"/>
    <x v="3"/>
    <x v="0"/>
    <x v="7"/>
    <s v="Advantus Map Pennant Flags and Round Head Tacks"/>
    <n v="7.9"/>
    <n v="2"/>
    <n v="2.5299999999999998"/>
  </r>
  <r>
    <d v="2015-09-21T00:00:00"/>
    <x v="8"/>
    <x v="1"/>
    <x v="441"/>
    <x v="14"/>
    <x v="1"/>
    <x v="11"/>
    <s v="O'Sullivan 2-Shelf Heavy-Duty Bookcases"/>
    <n v="194.32"/>
    <n v="4"/>
    <n v="31.09"/>
  </r>
  <r>
    <d v="2015-09-21T00:00:00"/>
    <x v="8"/>
    <x v="1"/>
    <x v="441"/>
    <x v="14"/>
    <x v="0"/>
    <x v="4"/>
    <s v="BOSTON Ranger #55 Pencil Sharpener, Black"/>
    <n v="25.99"/>
    <n v="1"/>
    <n v="7.54"/>
  </r>
  <r>
    <d v="2015-09-21T00:00:00"/>
    <x v="8"/>
    <x v="1"/>
    <x v="347"/>
    <x v="32"/>
    <x v="1"/>
    <x v="8"/>
    <s v="Deflect-o DuraMat Lighweight, Studded, Beveled Mat for Low Pile Carpeting"/>
    <n v="85.3"/>
    <n v="2"/>
    <n v="14.5"/>
  </r>
  <r>
    <d v="2015-09-21T00:00:00"/>
    <x v="8"/>
    <x v="1"/>
    <x v="128"/>
    <x v="32"/>
    <x v="2"/>
    <x v="6"/>
    <s v="Polycom VoiceStation 500 ConferenceÂ phone"/>
    <n v="589.9"/>
    <n v="2"/>
    <n v="147.47999999999999"/>
  </r>
  <r>
    <d v="2015-09-21T00:00:00"/>
    <x v="8"/>
    <x v="1"/>
    <x v="128"/>
    <x v="32"/>
    <x v="1"/>
    <x v="5"/>
    <s v="Global Ergonomic Managers Chair"/>
    <n v="542.94000000000005"/>
    <n v="3"/>
    <n v="141.16"/>
  </r>
  <r>
    <d v="2015-09-21T00:00:00"/>
    <x v="8"/>
    <x v="1"/>
    <x v="656"/>
    <x v="9"/>
    <x v="1"/>
    <x v="5"/>
    <s v="Global Comet Stacking Arm Chair"/>
    <n v="1690.04"/>
    <n v="4"/>
    <n v="422.51"/>
  </r>
  <r>
    <d v="2015-09-21T00:00:00"/>
    <x v="8"/>
    <x v="1"/>
    <x v="656"/>
    <x v="9"/>
    <x v="0"/>
    <x v="2"/>
    <s v="Recycled Eldon Regeneration Jumbo File"/>
    <n v="85.96"/>
    <n v="7"/>
    <n v="24.07"/>
  </r>
  <r>
    <d v="2015-09-21T00:00:00"/>
    <x v="8"/>
    <x v="1"/>
    <x v="656"/>
    <x v="9"/>
    <x v="0"/>
    <x v="10"/>
    <s v="Tyvek Interoffice Envelopes, 9 1/2&quot; x 12 1/2&quot;, 100/Box"/>
    <n v="121.96"/>
    <n v="2"/>
    <n v="57.32"/>
  </r>
  <r>
    <d v="2015-09-21T00:00:00"/>
    <x v="8"/>
    <x v="1"/>
    <x v="656"/>
    <x v="9"/>
    <x v="0"/>
    <x v="0"/>
    <s v="Xerox 193"/>
    <n v="23.92"/>
    <n v="4"/>
    <n v="11.72"/>
  </r>
  <r>
    <d v="2015-09-21T00:00:00"/>
    <x v="8"/>
    <x v="1"/>
    <x v="656"/>
    <x v="9"/>
    <x v="0"/>
    <x v="2"/>
    <s v="Fellowes Bankers Box Stor/Drawer Steel Plus"/>
    <n v="63.96"/>
    <n v="2"/>
    <n v="6.4"/>
  </r>
  <r>
    <d v="2015-09-21T00:00:00"/>
    <x v="8"/>
    <x v="1"/>
    <x v="656"/>
    <x v="9"/>
    <x v="2"/>
    <x v="6"/>
    <s v="HTC One Mini"/>
    <n v="629.95000000000005"/>
    <n v="5"/>
    <n v="176.39"/>
  </r>
  <r>
    <d v="2015-09-21T00:00:00"/>
    <x v="8"/>
    <x v="1"/>
    <x v="656"/>
    <x v="9"/>
    <x v="2"/>
    <x v="6"/>
    <s v="Grandstream GXP1160 VoIP phone"/>
    <n v="113.73"/>
    <n v="3"/>
    <n v="32.979999999999997"/>
  </r>
  <r>
    <d v="2015-09-21T00:00:00"/>
    <x v="8"/>
    <x v="1"/>
    <x v="656"/>
    <x v="9"/>
    <x v="0"/>
    <x v="3"/>
    <s v="Angle-D Binders with Locking Rings, Label Holders"/>
    <n v="14.6"/>
    <n v="2"/>
    <n v="6.86"/>
  </r>
  <r>
    <d v="2015-09-21T00:00:00"/>
    <x v="8"/>
    <x v="1"/>
    <x v="656"/>
    <x v="9"/>
    <x v="0"/>
    <x v="2"/>
    <s v="Stur-D-Stor Shelving, Vertical 5-Shelf: 72&quot;H x 36&quot;W x 18 1/2&quot;D"/>
    <n v="887.84"/>
    <n v="8"/>
    <n v="17.760000000000002"/>
  </r>
  <r>
    <d v="2015-09-22T00:00:00"/>
    <x v="8"/>
    <x v="1"/>
    <x v="392"/>
    <x v="3"/>
    <x v="1"/>
    <x v="8"/>
    <s v="Luxo Professional Combination Clamp-On Lamps"/>
    <n v="204.6"/>
    <n v="2"/>
    <n v="53.2"/>
  </r>
  <r>
    <d v="2015-09-22T00:00:00"/>
    <x v="8"/>
    <x v="1"/>
    <x v="53"/>
    <x v="6"/>
    <x v="0"/>
    <x v="0"/>
    <s v="Xerox 214"/>
    <n v="32.4"/>
    <n v="5"/>
    <n v="15.55"/>
  </r>
  <r>
    <d v="2015-09-22T00:00:00"/>
    <x v="8"/>
    <x v="1"/>
    <x v="53"/>
    <x v="6"/>
    <x v="1"/>
    <x v="8"/>
    <s v="Westinghouse Floor Lamp with Metal Mesh Shade, Black"/>
    <n v="47.98"/>
    <n v="2"/>
    <n v="11.04"/>
  </r>
  <r>
    <d v="2015-09-22T00:00:00"/>
    <x v="8"/>
    <x v="1"/>
    <x v="694"/>
    <x v="15"/>
    <x v="0"/>
    <x v="1"/>
    <s v="Avery 510"/>
    <n v="12"/>
    <n v="4"/>
    <n v="4.2"/>
  </r>
  <r>
    <d v="2015-09-22T00:00:00"/>
    <x v="8"/>
    <x v="1"/>
    <x v="694"/>
    <x v="15"/>
    <x v="0"/>
    <x v="2"/>
    <s v="Tennsco Double-Tier Lockers"/>
    <n v="720.06"/>
    <n v="4"/>
    <n v="-63.01"/>
  </r>
  <r>
    <d v="2015-09-22T00:00:00"/>
    <x v="8"/>
    <x v="1"/>
    <x v="694"/>
    <x v="15"/>
    <x v="0"/>
    <x v="2"/>
    <s v="Safco Wire Cube Shelving System, For Use as 4 or 5 14&quot; Cubes, Black"/>
    <n v="25.42"/>
    <n v="1"/>
    <n v="-4.7699999999999996"/>
  </r>
  <r>
    <d v="2015-09-22T00:00:00"/>
    <x v="8"/>
    <x v="1"/>
    <x v="694"/>
    <x v="15"/>
    <x v="0"/>
    <x v="4"/>
    <s v="Newell 310"/>
    <n v="2.82"/>
    <n v="2"/>
    <n v="0.32"/>
  </r>
  <r>
    <d v="2015-09-22T00:00:00"/>
    <x v="8"/>
    <x v="1"/>
    <x v="694"/>
    <x v="15"/>
    <x v="0"/>
    <x v="3"/>
    <s v="Pressboard Data Binder, Crimson, 12&quot; X 8 1/2&quot;"/>
    <n v="3.2"/>
    <n v="2"/>
    <n v="-2.56"/>
  </r>
  <r>
    <d v="2015-09-22T00:00:00"/>
    <x v="8"/>
    <x v="1"/>
    <x v="251"/>
    <x v="2"/>
    <x v="0"/>
    <x v="14"/>
    <s v="Acme Hot Forged Carbon Steel Scissors with Nickel-Plated Handles, 3 7/8&quot; Cut, 8&quot;L"/>
    <n v="55.6"/>
    <n v="5"/>
    <n v="6.26"/>
  </r>
  <r>
    <d v="2015-09-22T00:00:00"/>
    <x v="8"/>
    <x v="1"/>
    <x v="251"/>
    <x v="2"/>
    <x v="2"/>
    <x v="9"/>
    <s v="LogitechÂ P710e Mobile Speakerphone"/>
    <n v="617.98"/>
    <n v="3"/>
    <n v="-7.72"/>
  </r>
  <r>
    <d v="2015-09-22T00:00:00"/>
    <x v="8"/>
    <x v="1"/>
    <x v="22"/>
    <x v="3"/>
    <x v="0"/>
    <x v="12"/>
    <s v="Kensington 6 Outlet Guardian Standard Surge Protector"/>
    <n v="61.44"/>
    <n v="3"/>
    <n v="16.59"/>
  </r>
  <r>
    <d v="2015-09-24T00:00:00"/>
    <x v="8"/>
    <x v="1"/>
    <x v="402"/>
    <x v="2"/>
    <x v="0"/>
    <x v="4"/>
    <s v="Newell 320"/>
    <n v="6.85"/>
    <n v="2"/>
    <n v="0.6"/>
  </r>
  <r>
    <d v="2015-09-24T00:00:00"/>
    <x v="8"/>
    <x v="1"/>
    <x v="387"/>
    <x v="8"/>
    <x v="1"/>
    <x v="5"/>
    <s v="Harbour Creations Steel Folding Chair"/>
    <n v="517.5"/>
    <n v="6"/>
    <n v="155.25"/>
  </r>
  <r>
    <d v="2015-09-24T00:00:00"/>
    <x v="8"/>
    <x v="1"/>
    <x v="354"/>
    <x v="30"/>
    <x v="0"/>
    <x v="3"/>
    <s v="Acco Pressboard Covers with Storage Hooks, 14 7/8&quot; x 11&quot;, Executive Red"/>
    <n v="15.24"/>
    <n v="4"/>
    <n v="6.86"/>
  </r>
  <r>
    <d v="2015-09-24T00:00:00"/>
    <x v="8"/>
    <x v="1"/>
    <x v="354"/>
    <x v="30"/>
    <x v="1"/>
    <x v="5"/>
    <s v="Hon Olson Stacker Stools"/>
    <n v="1408.1"/>
    <n v="10"/>
    <n v="394.27"/>
  </r>
  <r>
    <d v="2015-09-24T00:00:00"/>
    <x v="8"/>
    <x v="1"/>
    <x v="528"/>
    <x v="39"/>
    <x v="2"/>
    <x v="6"/>
    <s v="AT&amp;T 1080 Phone"/>
    <n v="821.94"/>
    <n v="6"/>
    <n v="213.7"/>
  </r>
  <r>
    <d v="2015-09-24T00:00:00"/>
    <x v="8"/>
    <x v="1"/>
    <x v="297"/>
    <x v="22"/>
    <x v="0"/>
    <x v="4"/>
    <s v="BOSTON Model 1800 Electric Pencil Sharpeners, Putty/Woodgrain"/>
    <n v="35.96"/>
    <n v="2"/>
    <n v="10.43"/>
  </r>
  <r>
    <d v="2015-09-24T00:00:00"/>
    <x v="8"/>
    <x v="1"/>
    <x v="297"/>
    <x v="22"/>
    <x v="0"/>
    <x v="3"/>
    <s v="Avery Hole Reinforcements"/>
    <n v="14.95"/>
    <n v="3"/>
    <n v="5.42"/>
  </r>
  <r>
    <d v="2015-09-24T00:00:00"/>
    <x v="8"/>
    <x v="1"/>
    <x v="678"/>
    <x v="3"/>
    <x v="1"/>
    <x v="8"/>
    <s v="DAX Value U-Channel Document Frames, Easel Back"/>
    <n v="14.91"/>
    <n v="3"/>
    <n v="4.62"/>
  </r>
  <r>
    <d v="2015-09-24T00:00:00"/>
    <x v="8"/>
    <x v="1"/>
    <x v="678"/>
    <x v="3"/>
    <x v="0"/>
    <x v="12"/>
    <s v="Hoover Upright Vacuum With Dirt Cup"/>
    <n v="1158.1199999999999"/>
    <n v="4"/>
    <n v="335.85"/>
  </r>
  <r>
    <d v="2015-09-24T00:00:00"/>
    <x v="8"/>
    <x v="1"/>
    <x v="695"/>
    <x v="12"/>
    <x v="2"/>
    <x v="6"/>
    <s v="Samsung HM1900 Bluetooth Headset"/>
    <n v="35.119999999999997"/>
    <n v="2"/>
    <n v="13.17"/>
  </r>
  <r>
    <d v="2015-09-24T00:00:00"/>
    <x v="8"/>
    <x v="1"/>
    <x v="111"/>
    <x v="12"/>
    <x v="0"/>
    <x v="4"/>
    <s v="Dixon Ticonderoga Core-Lock Colored Pencils"/>
    <n v="14.58"/>
    <n v="2"/>
    <n v="2.37"/>
  </r>
  <r>
    <d v="2015-09-24T00:00:00"/>
    <x v="8"/>
    <x v="1"/>
    <x v="111"/>
    <x v="12"/>
    <x v="2"/>
    <x v="9"/>
    <s v="HP Standard 104 key PS/2 Keyboard"/>
    <n v="23.2"/>
    <n v="2"/>
    <n v="1.45"/>
  </r>
  <r>
    <d v="2015-09-24T00:00:00"/>
    <x v="8"/>
    <x v="1"/>
    <x v="111"/>
    <x v="12"/>
    <x v="0"/>
    <x v="4"/>
    <s v="Newell 317"/>
    <n v="16.46"/>
    <n v="7"/>
    <n v="1.85"/>
  </r>
  <r>
    <d v="2015-09-24T00:00:00"/>
    <x v="8"/>
    <x v="1"/>
    <x v="337"/>
    <x v="10"/>
    <x v="0"/>
    <x v="3"/>
    <s v="Accohide Poly Flexible Ring Binders"/>
    <n v="6.73"/>
    <n v="6"/>
    <n v="-4.49"/>
  </r>
  <r>
    <d v="2015-09-24T00:00:00"/>
    <x v="8"/>
    <x v="1"/>
    <x v="337"/>
    <x v="10"/>
    <x v="0"/>
    <x v="2"/>
    <s v="Tennsco Lockers, Sand"/>
    <n v="33.57"/>
    <n v="2"/>
    <n v="1.68"/>
  </r>
  <r>
    <d v="2015-09-24T00:00:00"/>
    <x v="8"/>
    <x v="1"/>
    <x v="337"/>
    <x v="10"/>
    <x v="0"/>
    <x v="10"/>
    <s v="#6 3/4 Gummed Flap White Envelopes"/>
    <n v="15.84"/>
    <n v="2"/>
    <n v="5.54"/>
  </r>
  <r>
    <d v="2015-09-24T00:00:00"/>
    <x v="8"/>
    <x v="1"/>
    <x v="337"/>
    <x v="10"/>
    <x v="0"/>
    <x v="1"/>
    <s v="Avery 4027 File Folder Labels for Dot Matrix Printers, 5000 Labels per Box, White"/>
    <n v="24.42"/>
    <n v="1"/>
    <n v="7.94"/>
  </r>
  <r>
    <d v="2015-09-24T00:00:00"/>
    <x v="8"/>
    <x v="1"/>
    <x v="337"/>
    <x v="10"/>
    <x v="0"/>
    <x v="4"/>
    <s v="Newell 347"/>
    <n v="17.12"/>
    <n v="5"/>
    <n v="1.93"/>
  </r>
  <r>
    <d v="2015-09-24T00:00:00"/>
    <x v="8"/>
    <x v="1"/>
    <x v="509"/>
    <x v="20"/>
    <x v="0"/>
    <x v="10"/>
    <s v="Blue String-Tie &amp; Button Interoffice Envelopes, 10 x 13"/>
    <n v="39.979999999999997"/>
    <n v="1"/>
    <n v="17.989999999999998"/>
  </r>
  <r>
    <d v="2015-09-25T00:00:00"/>
    <x v="8"/>
    <x v="1"/>
    <x v="185"/>
    <x v="27"/>
    <x v="1"/>
    <x v="13"/>
    <s v="Bretford CR4500 Series Slim Rectangular Table"/>
    <n v="1044.6300000000001"/>
    <n v="3"/>
    <n v="240.26"/>
  </r>
  <r>
    <d v="2015-09-25T00:00:00"/>
    <x v="8"/>
    <x v="1"/>
    <x v="1"/>
    <x v="23"/>
    <x v="2"/>
    <x v="9"/>
    <s v="Memorex Micro Travel Drive 16 GB"/>
    <n v="63.96"/>
    <n v="4"/>
    <n v="19.829999999999998"/>
  </r>
  <r>
    <d v="2015-09-25T00:00:00"/>
    <x v="8"/>
    <x v="1"/>
    <x v="1"/>
    <x v="23"/>
    <x v="0"/>
    <x v="3"/>
    <s v="Tuff Stuff Recycled Round Ring Binders"/>
    <n v="14.46"/>
    <n v="3"/>
    <n v="7.09"/>
  </r>
  <r>
    <d v="2015-09-25T00:00:00"/>
    <x v="8"/>
    <x v="1"/>
    <x v="1"/>
    <x v="23"/>
    <x v="2"/>
    <x v="6"/>
    <s v="netTALK DUO VoIP Telephone Service"/>
    <n v="104.98"/>
    <n v="2"/>
    <n v="52.49"/>
  </r>
  <r>
    <d v="2015-09-25T00:00:00"/>
    <x v="8"/>
    <x v="1"/>
    <x v="481"/>
    <x v="3"/>
    <x v="0"/>
    <x v="10"/>
    <s v="#10- 4 1/8&quot; x 9 1/2&quot; Recycled Envelopes"/>
    <n v="17.48"/>
    <n v="2"/>
    <n v="8.2200000000000006"/>
  </r>
  <r>
    <d v="2015-09-25T00:00:00"/>
    <x v="8"/>
    <x v="1"/>
    <x v="417"/>
    <x v="38"/>
    <x v="0"/>
    <x v="3"/>
    <s v="GBC Prestige Therm-A-Bind Covers"/>
    <n v="68.62"/>
    <n v="2"/>
    <n v="32.25"/>
  </r>
  <r>
    <d v="2015-09-25T00:00:00"/>
    <x v="8"/>
    <x v="1"/>
    <x v="696"/>
    <x v="20"/>
    <x v="2"/>
    <x v="9"/>
    <s v="Razer Kraken 7.1 Surround Sound Over Ear USB Gaming Headset"/>
    <n v="899.91"/>
    <n v="9"/>
    <n v="395.96"/>
  </r>
  <r>
    <d v="2015-09-25T00:00:00"/>
    <x v="8"/>
    <x v="1"/>
    <x v="15"/>
    <x v="37"/>
    <x v="0"/>
    <x v="3"/>
    <s v="Acco PRESSTEX Data Binder with Storage Hooks, Light Blue, 9 1/2&quot; X 11&quot;"/>
    <n v="10.76"/>
    <n v="2"/>
    <n v="5.16"/>
  </r>
  <r>
    <d v="2015-09-25T00:00:00"/>
    <x v="8"/>
    <x v="1"/>
    <x v="15"/>
    <x v="37"/>
    <x v="0"/>
    <x v="0"/>
    <s v="Xerox Color Copier Paper, 11&quot; x 17&quot;, Ream"/>
    <n v="45.68"/>
    <n v="2"/>
    <n v="21.01"/>
  </r>
  <r>
    <d v="2015-09-25T00:00:00"/>
    <x v="8"/>
    <x v="1"/>
    <x v="15"/>
    <x v="37"/>
    <x v="0"/>
    <x v="4"/>
    <s v="Turquoise Lead Holder with Pocket Clip"/>
    <n v="6.7"/>
    <n v="1"/>
    <n v="2.21"/>
  </r>
  <r>
    <d v="2015-09-25T00:00:00"/>
    <x v="8"/>
    <x v="1"/>
    <x v="613"/>
    <x v="1"/>
    <x v="0"/>
    <x v="4"/>
    <s v="Boston KS Multi-Size Manual Pencil Sharpener"/>
    <n v="128.74"/>
    <n v="7"/>
    <n v="12.87"/>
  </r>
  <r>
    <d v="2015-09-25T00:00:00"/>
    <x v="8"/>
    <x v="1"/>
    <x v="562"/>
    <x v="22"/>
    <x v="1"/>
    <x v="5"/>
    <s v="Global Super Steno Chair"/>
    <n v="307.14"/>
    <n v="4"/>
    <n v="-11.52"/>
  </r>
  <r>
    <d v="2015-09-25T00:00:00"/>
    <x v="8"/>
    <x v="1"/>
    <x v="562"/>
    <x v="22"/>
    <x v="0"/>
    <x v="1"/>
    <s v="Permanent Self-Adhesive File Folder Labels for Typewriters, 1 1/8 x 3 1/2, White"/>
    <n v="12.6"/>
    <n v="2"/>
    <n v="5.8"/>
  </r>
  <r>
    <d v="2015-09-25T00:00:00"/>
    <x v="8"/>
    <x v="1"/>
    <x v="562"/>
    <x v="22"/>
    <x v="2"/>
    <x v="9"/>
    <s v="Logitech G602 Wireless Gaming Mouse"/>
    <n v="159.97999999999999"/>
    <n v="2"/>
    <n v="57.59"/>
  </r>
  <r>
    <d v="2015-09-25T00:00:00"/>
    <x v="8"/>
    <x v="1"/>
    <x v="44"/>
    <x v="15"/>
    <x v="0"/>
    <x v="3"/>
    <s v="Wilson Jones 1&quot; Hanging DublLock Ring Binders"/>
    <n v="6.34"/>
    <n v="4"/>
    <n v="-4.6500000000000004"/>
  </r>
  <r>
    <d v="2015-09-25T00:00:00"/>
    <x v="8"/>
    <x v="1"/>
    <x v="44"/>
    <x v="15"/>
    <x v="0"/>
    <x v="0"/>
    <s v="Advantus Motivational Note Cards"/>
    <n v="10.48"/>
    <n v="1"/>
    <n v="3.8"/>
  </r>
  <r>
    <d v="2015-09-25T00:00:00"/>
    <x v="8"/>
    <x v="1"/>
    <x v="44"/>
    <x v="15"/>
    <x v="0"/>
    <x v="3"/>
    <s v="Wilson Jones data.warehouse D-Ring Binders with DublLock"/>
    <n v="2.4700000000000002"/>
    <n v="1"/>
    <n v="-1.81"/>
  </r>
  <r>
    <d v="2015-09-25T00:00:00"/>
    <x v="8"/>
    <x v="1"/>
    <x v="44"/>
    <x v="15"/>
    <x v="0"/>
    <x v="3"/>
    <s v="Wilson Jones Custom Binder Spines &amp; Labels"/>
    <n v="3.26"/>
    <n v="2"/>
    <n v="-2.2799999999999998"/>
  </r>
  <r>
    <d v="2015-09-25T00:00:00"/>
    <x v="8"/>
    <x v="1"/>
    <x v="246"/>
    <x v="20"/>
    <x v="1"/>
    <x v="5"/>
    <s v="Hon Comfortask Task/Swivel Chairs"/>
    <n v="102.58"/>
    <n v="1"/>
    <n v="6.84"/>
  </r>
  <r>
    <d v="2015-09-25T00:00:00"/>
    <x v="8"/>
    <x v="1"/>
    <x v="246"/>
    <x v="20"/>
    <x v="0"/>
    <x v="0"/>
    <s v="Xerox 1923"/>
    <n v="20.04"/>
    <n v="3"/>
    <n v="9.6199999999999992"/>
  </r>
  <r>
    <d v="2015-09-25T00:00:00"/>
    <x v="8"/>
    <x v="1"/>
    <x v="240"/>
    <x v="2"/>
    <x v="0"/>
    <x v="3"/>
    <s v="Acco Pressboard Covers with Storage Hooks, 14 7/8&quot; x 11&quot;, Light Blue"/>
    <n v="2.95"/>
    <n v="2"/>
    <n v="-2.06"/>
  </r>
  <r>
    <d v="2015-09-26T00:00:00"/>
    <x v="8"/>
    <x v="1"/>
    <x v="236"/>
    <x v="0"/>
    <x v="0"/>
    <x v="3"/>
    <s v="Round Ring Binders"/>
    <n v="2.08"/>
    <n v="5"/>
    <n v="-3.43"/>
  </r>
  <r>
    <d v="2015-09-26T00:00:00"/>
    <x v="8"/>
    <x v="1"/>
    <x v="236"/>
    <x v="0"/>
    <x v="2"/>
    <x v="6"/>
    <s v="Bose SoundLink Bluetooth Speaker"/>
    <n v="1114.4000000000001"/>
    <n v="7"/>
    <n v="376.11"/>
  </r>
  <r>
    <d v="2015-09-26T00:00:00"/>
    <x v="8"/>
    <x v="1"/>
    <x v="463"/>
    <x v="11"/>
    <x v="0"/>
    <x v="0"/>
    <s v="Easy-staple paper"/>
    <n v="141.76"/>
    <n v="5"/>
    <n v="47.84"/>
  </r>
  <r>
    <d v="2015-09-26T00:00:00"/>
    <x v="8"/>
    <x v="1"/>
    <x v="463"/>
    <x v="11"/>
    <x v="2"/>
    <x v="9"/>
    <s v="Microsoft Arc Touch Mouse"/>
    <n v="239.8"/>
    <n v="5"/>
    <n v="47.96"/>
  </r>
  <r>
    <d v="2015-09-26T00:00:00"/>
    <x v="8"/>
    <x v="1"/>
    <x v="463"/>
    <x v="11"/>
    <x v="0"/>
    <x v="0"/>
    <s v="Xerox 216"/>
    <n v="31.1"/>
    <n v="6"/>
    <n v="10.89"/>
  </r>
  <r>
    <d v="2015-09-26T00:00:00"/>
    <x v="8"/>
    <x v="1"/>
    <x v="602"/>
    <x v="12"/>
    <x v="0"/>
    <x v="0"/>
    <s v="Petty Cash Envelope"/>
    <n v="86.27"/>
    <n v="4"/>
    <n v="31.27"/>
  </r>
  <r>
    <d v="2015-09-26T00:00:00"/>
    <x v="8"/>
    <x v="1"/>
    <x v="602"/>
    <x v="12"/>
    <x v="0"/>
    <x v="3"/>
    <s v="GBC VeloBinder Electric Binding Machine"/>
    <n v="72.59"/>
    <n v="2"/>
    <n v="-48.39"/>
  </r>
  <r>
    <d v="2015-09-26T00:00:00"/>
    <x v="8"/>
    <x v="1"/>
    <x v="602"/>
    <x v="12"/>
    <x v="0"/>
    <x v="12"/>
    <s v="3M Replacement Filter for Office Air Cleaner for 20' x 33' Room"/>
    <n v="60.67"/>
    <n v="2"/>
    <n v="14.41"/>
  </r>
  <r>
    <d v="2015-09-26T00:00:00"/>
    <x v="8"/>
    <x v="1"/>
    <x v="602"/>
    <x v="12"/>
    <x v="0"/>
    <x v="3"/>
    <s v="Lock-Up Easel 'Spel-Binder'"/>
    <n v="77.03"/>
    <n v="9"/>
    <n v="-59.06"/>
  </r>
  <r>
    <d v="2015-09-26T00:00:00"/>
    <x v="8"/>
    <x v="1"/>
    <x v="602"/>
    <x v="12"/>
    <x v="0"/>
    <x v="2"/>
    <s v="2300 Heavy-Duty Transfer File Systems by Perma"/>
    <n v="119.9"/>
    <n v="6"/>
    <n v="-1.5"/>
  </r>
  <r>
    <d v="2015-09-26T00:00:00"/>
    <x v="8"/>
    <x v="1"/>
    <x v="602"/>
    <x v="12"/>
    <x v="2"/>
    <x v="6"/>
    <s v="Samsung Rugby III"/>
    <n v="263.95999999999998"/>
    <n v="5"/>
    <n v="23.1"/>
  </r>
  <r>
    <d v="2015-09-26T00:00:00"/>
    <x v="8"/>
    <x v="1"/>
    <x v="602"/>
    <x v="12"/>
    <x v="0"/>
    <x v="2"/>
    <s v="SAFCO Boltless Steel Shelving"/>
    <n v="363.65"/>
    <n v="4"/>
    <n v="-86.37"/>
  </r>
  <r>
    <d v="2015-09-26T00:00:00"/>
    <x v="8"/>
    <x v="1"/>
    <x v="582"/>
    <x v="2"/>
    <x v="0"/>
    <x v="3"/>
    <s v="Catalog Binders with Expanding Posts"/>
    <n v="121.1"/>
    <n v="6"/>
    <n v="-100.92"/>
  </r>
  <r>
    <d v="2015-09-26T00:00:00"/>
    <x v="8"/>
    <x v="1"/>
    <x v="582"/>
    <x v="2"/>
    <x v="2"/>
    <x v="6"/>
    <s v="Grandstream GXP2100 Mainstream Business Phone"/>
    <n v="45.89"/>
    <n v="1"/>
    <n v="-9.18"/>
  </r>
  <r>
    <d v="2015-09-26T00:00:00"/>
    <x v="8"/>
    <x v="1"/>
    <x v="697"/>
    <x v="3"/>
    <x v="0"/>
    <x v="2"/>
    <s v="Sortfiler Multipurpose Personal File Organizer, Black"/>
    <n v="64.17"/>
    <n v="3"/>
    <n v="18.61"/>
  </r>
  <r>
    <d v="2015-09-26T00:00:00"/>
    <x v="8"/>
    <x v="1"/>
    <x v="697"/>
    <x v="3"/>
    <x v="0"/>
    <x v="10"/>
    <s v="Cameo Buff Policy Envelopes"/>
    <n v="124.46"/>
    <n v="2"/>
    <n v="58.5"/>
  </r>
  <r>
    <d v="2015-09-26T00:00:00"/>
    <x v="8"/>
    <x v="1"/>
    <x v="413"/>
    <x v="20"/>
    <x v="2"/>
    <x v="9"/>
    <s v="Dell Slim USB Multimedia Keyboard"/>
    <n v="50"/>
    <n v="2"/>
    <n v="12"/>
  </r>
  <r>
    <d v="2015-09-26T00:00:00"/>
    <x v="8"/>
    <x v="1"/>
    <x v="344"/>
    <x v="20"/>
    <x v="0"/>
    <x v="7"/>
    <s v="Vinyl Coated Wire Paper Clips in Organizer Box, 800/Box"/>
    <n v="34.44"/>
    <n v="3"/>
    <n v="16.190000000000001"/>
  </r>
  <r>
    <d v="2015-09-26T00:00:00"/>
    <x v="8"/>
    <x v="1"/>
    <x v="344"/>
    <x v="20"/>
    <x v="2"/>
    <x v="15"/>
    <s v="Ativa MDM8000 8-Sheet Micro-Cut Shredder"/>
    <n v="629.92999999999995"/>
    <n v="7"/>
    <n v="296.07"/>
  </r>
  <r>
    <d v="2015-09-26T00:00:00"/>
    <x v="8"/>
    <x v="1"/>
    <x v="344"/>
    <x v="20"/>
    <x v="0"/>
    <x v="3"/>
    <s v="GBC Imprintable Covers"/>
    <n v="79.06"/>
    <n v="9"/>
    <n v="28.66"/>
  </r>
  <r>
    <d v="2015-09-27T00:00:00"/>
    <x v="8"/>
    <x v="1"/>
    <x v="685"/>
    <x v="1"/>
    <x v="0"/>
    <x v="3"/>
    <s v="Vinyl Sectional Post Binders"/>
    <n v="15.08"/>
    <n v="2"/>
    <n v="-22.62"/>
  </r>
  <r>
    <d v="2015-09-27T00:00:00"/>
    <x v="8"/>
    <x v="1"/>
    <x v="685"/>
    <x v="1"/>
    <x v="1"/>
    <x v="8"/>
    <s v="DAX Metal Frame, Desktop, Stepped-Edge"/>
    <n v="24.29"/>
    <n v="3"/>
    <n v="-12.75"/>
  </r>
  <r>
    <d v="2015-09-27T00:00:00"/>
    <x v="8"/>
    <x v="1"/>
    <x v="511"/>
    <x v="3"/>
    <x v="0"/>
    <x v="2"/>
    <s v="Personal Filing Tote with Lid, Black/Gray"/>
    <n v="15.51"/>
    <n v="1"/>
    <n v="4.34"/>
  </r>
  <r>
    <d v="2015-09-27T00:00:00"/>
    <x v="8"/>
    <x v="1"/>
    <x v="511"/>
    <x v="3"/>
    <x v="0"/>
    <x v="0"/>
    <s v="Xerox 1916"/>
    <n v="146.82"/>
    <n v="3"/>
    <n v="73.41"/>
  </r>
  <r>
    <d v="2015-09-27T00:00:00"/>
    <x v="8"/>
    <x v="1"/>
    <x v="511"/>
    <x v="3"/>
    <x v="0"/>
    <x v="0"/>
    <s v="Xerox 226"/>
    <n v="12.96"/>
    <n v="2"/>
    <n v="6.22"/>
  </r>
  <r>
    <d v="2015-09-27T00:00:00"/>
    <x v="8"/>
    <x v="1"/>
    <x v="698"/>
    <x v="14"/>
    <x v="0"/>
    <x v="4"/>
    <s v="Newell 321"/>
    <n v="16.399999999999999"/>
    <n v="5"/>
    <n v="4.76"/>
  </r>
  <r>
    <d v="2015-09-27T00:00:00"/>
    <x v="8"/>
    <x v="1"/>
    <x v="698"/>
    <x v="14"/>
    <x v="0"/>
    <x v="0"/>
    <s v="Xerox 1996"/>
    <n v="25.92"/>
    <n v="4"/>
    <n v="12.44"/>
  </r>
  <r>
    <d v="2015-09-27T00:00:00"/>
    <x v="8"/>
    <x v="1"/>
    <x v="295"/>
    <x v="6"/>
    <x v="0"/>
    <x v="0"/>
    <s v="Xerox 1988"/>
    <n v="154.9"/>
    <n v="5"/>
    <n v="69.709999999999994"/>
  </r>
  <r>
    <d v="2015-09-27T00:00:00"/>
    <x v="8"/>
    <x v="1"/>
    <x v="295"/>
    <x v="6"/>
    <x v="2"/>
    <x v="6"/>
    <s v="Cisco SPA301"/>
    <n v="1871.88"/>
    <n v="12"/>
    <n v="561.55999999999995"/>
  </r>
  <r>
    <d v="2015-09-27T00:00:00"/>
    <x v="8"/>
    <x v="1"/>
    <x v="531"/>
    <x v="22"/>
    <x v="0"/>
    <x v="4"/>
    <s v="Newell 334"/>
    <n v="99.2"/>
    <n v="5"/>
    <n v="25.79"/>
  </r>
  <r>
    <d v="2015-09-28T00:00:00"/>
    <x v="8"/>
    <x v="1"/>
    <x v="418"/>
    <x v="3"/>
    <x v="0"/>
    <x v="12"/>
    <s v="Holmes Odor Grabber"/>
    <n v="43.26"/>
    <n v="3"/>
    <n v="14.28"/>
  </r>
  <r>
    <d v="2015-09-28T00:00:00"/>
    <x v="8"/>
    <x v="1"/>
    <x v="418"/>
    <x v="3"/>
    <x v="0"/>
    <x v="12"/>
    <s v="Holmes HEPA Air Purifier"/>
    <n v="43.56"/>
    <n v="2"/>
    <n v="15.25"/>
  </r>
  <r>
    <d v="2015-09-28T00:00:00"/>
    <x v="8"/>
    <x v="1"/>
    <x v="456"/>
    <x v="26"/>
    <x v="0"/>
    <x v="10"/>
    <s v="#10 White Business Envelopes,4 1/8 x 9 1/2"/>
    <n v="12.54"/>
    <n v="1"/>
    <n v="4.2300000000000004"/>
  </r>
  <r>
    <d v="2015-09-28T00:00:00"/>
    <x v="8"/>
    <x v="1"/>
    <x v="456"/>
    <x v="26"/>
    <x v="0"/>
    <x v="3"/>
    <s v="Wilson Jones Easy Flow II Sheet Lifters"/>
    <n v="1.08"/>
    <n v="2"/>
    <n v="-0.79"/>
  </r>
  <r>
    <d v="2015-09-28T00:00:00"/>
    <x v="8"/>
    <x v="1"/>
    <x v="456"/>
    <x v="26"/>
    <x v="0"/>
    <x v="7"/>
    <s v="Staples"/>
    <n v="4.51"/>
    <n v="3"/>
    <n v="0.85"/>
  </r>
  <r>
    <d v="2015-09-28T00:00:00"/>
    <x v="8"/>
    <x v="1"/>
    <x v="612"/>
    <x v="20"/>
    <x v="0"/>
    <x v="12"/>
    <s v="Fellowes Premier Superior Surge Suppressor, 10-Outlet, With Phone and Remote"/>
    <n v="293.52"/>
    <n v="6"/>
    <n v="76.319999999999993"/>
  </r>
  <r>
    <d v="2015-09-28T00:00:00"/>
    <x v="8"/>
    <x v="1"/>
    <x v="612"/>
    <x v="20"/>
    <x v="2"/>
    <x v="6"/>
    <s v="Nortel Meridian M3904 Professional Digital phone"/>
    <n v="307.98"/>
    <n v="2"/>
    <n v="89.31"/>
  </r>
  <r>
    <d v="2015-09-28T00:00:00"/>
    <x v="8"/>
    <x v="1"/>
    <x v="132"/>
    <x v="3"/>
    <x v="0"/>
    <x v="12"/>
    <s v="Acco Smartsocket Table Surge Protector, 6 Color-Coded Adapter Outlets"/>
    <n v="186.15"/>
    <n v="3"/>
    <n v="55.85"/>
  </r>
  <r>
    <d v="2015-09-28T00:00:00"/>
    <x v="8"/>
    <x v="1"/>
    <x v="132"/>
    <x v="3"/>
    <x v="0"/>
    <x v="3"/>
    <s v="GBC Recycled VeloBinder Covers"/>
    <n v="81.790000000000006"/>
    <n v="6"/>
    <n v="26.58"/>
  </r>
  <r>
    <d v="2015-09-28T00:00:00"/>
    <x v="8"/>
    <x v="1"/>
    <x v="132"/>
    <x v="3"/>
    <x v="0"/>
    <x v="14"/>
    <s v="Acme Galleria Hot Forged Steel Scissors with Colored Handles"/>
    <n v="47.19"/>
    <n v="3"/>
    <n v="13.69"/>
  </r>
  <r>
    <d v="2015-09-28T00:00:00"/>
    <x v="8"/>
    <x v="1"/>
    <x v="132"/>
    <x v="3"/>
    <x v="2"/>
    <x v="6"/>
    <s v="Motorola HK250 Universal Bluetooth Headset"/>
    <n v="36.78"/>
    <n v="2"/>
    <n v="-8.2799999999999994"/>
  </r>
  <r>
    <d v="2015-10-01T00:00:00"/>
    <x v="9"/>
    <x v="1"/>
    <x v="678"/>
    <x v="26"/>
    <x v="0"/>
    <x v="2"/>
    <s v="Trav-L-File Heavy-Duty Shuttle II, Black"/>
    <n v="139.41999999999999"/>
    <n v="4"/>
    <n v="17.43"/>
  </r>
  <r>
    <d v="2015-10-01T00:00:00"/>
    <x v="9"/>
    <x v="1"/>
    <x v="508"/>
    <x v="32"/>
    <x v="2"/>
    <x v="6"/>
    <s v="Cisco SPA301"/>
    <n v="311.98"/>
    <n v="2"/>
    <n v="93.59"/>
  </r>
  <r>
    <d v="2015-10-01T00:00:00"/>
    <x v="9"/>
    <x v="1"/>
    <x v="508"/>
    <x v="32"/>
    <x v="0"/>
    <x v="3"/>
    <s v="Avery Non-Stick Binders"/>
    <n v="22.45"/>
    <n v="5"/>
    <n v="10.33"/>
  </r>
  <r>
    <d v="2015-10-01T00:00:00"/>
    <x v="9"/>
    <x v="1"/>
    <x v="699"/>
    <x v="1"/>
    <x v="0"/>
    <x v="3"/>
    <s v="Accohide Poly Flexible Ring Binders"/>
    <n v="2.99"/>
    <n v="4"/>
    <n v="-4.49"/>
  </r>
  <r>
    <d v="2015-10-01T00:00:00"/>
    <x v="9"/>
    <x v="1"/>
    <x v="699"/>
    <x v="1"/>
    <x v="2"/>
    <x v="9"/>
    <s v="Lenovo 17-Key USB Numeric Keypad"/>
    <n v="108.77"/>
    <n v="4"/>
    <n v="2.72"/>
  </r>
  <r>
    <d v="2015-10-01T00:00:00"/>
    <x v="9"/>
    <x v="1"/>
    <x v="699"/>
    <x v="11"/>
    <x v="2"/>
    <x v="6"/>
    <s v="Wilson Electronics DB Pro Signal Booster"/>
    <n v="572.79999999999995"/>
    <n v="2"/>
    <n v="50.12"/>
  </r>
  <r>
    <d v="2015-10-02T00:00:00"/>
    <x v="9"/>
    <x v="1"/>
    <x v="290"/>
    <x v="3"/>
    <x v="0"/>
    <x v="3"/>
    <s v="GBC Personal VeloBind Strips"/>
    <n v="57.5"/>
    <n v="6"/>
    <n v="20.13"/>
  </r>
  <r>
    <d v="2015-10-02T00:00:00"/>
    <x v="9"/>
    <x v="1"/>
    <x v="359"/>
    <x v="23"/>
    <x v="0"/>
    <x v="0"/>
    <s v="Computer Printout Paper with Letter-Trim Perforations"/>
    <n v="94.85"/>
    <n v="5"/>
    <n v="45.53"/>
  </r>
  <r>
    <d v="2015-10-02T00:00:00"/>
    <x v="9"/>
    <x v="1"/>
    <x v="359"/>
    <x v="23"/>
    <x v="0"/>
    <x v="10"/>
    <s v="Globe Weis Peel &amp; Seel First Class Envelopes"/>
    <n v="51.12"/>
    <n v="4"/>
    <n v="23"/>
  </r>
  <r>
    <d v="2015-10-02T00:00:00"/>
    <x v="9"/>
    <x v="1"/>
    <x v="359"/>
    <x v="23"/>
    <x v="2"/>
    <x v="9"/>
    <s v="NETGEAR N750 Dual Band Wi-Fi Gigabit Router"/>
    <n v="90"/>
    <n v="1"/>
    <n v="32.4"/>
  </r>
  <r>
    <d v="2015-10-02T00:00:00"/>
    <x v="9"/>
    <x v="1"/>
    <x v="431"/>
    <x v="3"/>
    <x v="0"/>
    <x v="2"/>
    <s v="Eldon ProFile File 'N Store Portable File Tub Letter/Legal Size Black"/>
    <n v="270.33999999999997"/>
    <n v="14"/>
    <n v="75.7"/>
  </r>
  <r>
    <d v="2015-10-02T00:00:00"/>
    <x v="9"/>
    <x v="1"/>
    <x v="70"/>
    <x v="25"/>
    <x v="0"/>
    <x v="3"/>
    <s v="Pressboard Hanging Data Binders for Unburst Sheets"/>
    <n v="7.38"/>
    <n v="5"/>
    <n v="-5.41"/>
  </r>
  <r>
    <d v="2015-10-02T00:00:00"/>
    <x v="9"/>
    <x v="1"/>
    <x v="700"/>
    <x v="3"/>
    <x v="0"/>
    <x v="3"/>
    <s v="Pressboard Hanging Data Binders for Unburst Sheets"/>
    <n v="11.81"/>
    <n v="3"/>
    <n v="4.13"/>
  </r>
  <r>
    <d v="2015-10-02T00:00:00"/>
    <x v="9"/>
    <x v="1"/>
    <x v="700"/>
    <x v="3"/>
    <x v="0"/>
    <x v="3"/>
    <s v="GBC Poly Designer Binding Covers"/>
    <n v="53.57"/>
    <n v="4"/>
    <n v="19.420000000000002"/>
  </r>
  <r>
    <d v="2015-10-02T00:00:00"/>
    <x v="9"/>
    <x v="1"/>
    <x v="700"/>
    <x v="3"/>
    <x v="2"/>
    <x v="6"/>
    <s v="HTC One Mini"/>
    <n v="503.96"/>
    <n v="5"/>
    <n v="50.4"/>
  </r>
  <r>
    <d v="2015-10-02T00:00:00"/>
    <x v="9"/>
    <x v="1"/>
    <x v="634"/>
    <x v="37"/>
    <x v="0"/>
    <x v="3"/>
    <s v="Acco PRESSTEX Data Binder with Storage Hooks, Dark Blue, 14 7/8&quot; X 11&quot;"/>
    <n v="26.9"/>
    <n v="5"/>
    <n v="13.18"/>
  </r>
  <r>
    <d v="2015-10-02T00:00:00"/>
    <x v="9"/>
    <x v="1"/>
    <x v="320"/>
    <x v="36"/>
    <x v="0"/>
    <x v="0"/>
    <s v="Xerox 202"/>
    <n v="19.440000000000001"/>
    <n v="3"/>
    <n v="9.33"/>
  </r>
  <r>
    <d v="2015-10-02T00:00:00"/>
    <x v="9"/>
    <x v="1"/>
    <x v="320"/>
    <x v="36"/>
    <x v="0"/>
    <x v="3"/>
    <s v="GBC Plastic Binding Combs"/>
    <n v="7.38"/>
    <n v="1"/>
    <n v="3.62"/>
  </r>
  <r>
    <d v="2015-10-02T00:00:00"/>
    <x v="9"/>
    <x v="1"/>
    <x v="218"/>
    <x v="26"/>
    <x v="0"/>
    <x v="14"/>
    <s v="Acme Design Line 8&quot; Stainless Steel Bent Scissors w/Champagne Handles, 3-1/8&quot; Cut"/>
    <n v="10.94"/>
    <n v="2"/>
    <n v="0.96"/>
  </r>
  <r>
    <d v="2015-10-02T00:00:00"/>
    <x v="9"/>
    <x v="1"/>
    <x v="74"/>
    <x v="11"/>
    <x v="1"/>
    <x v="8"/>
    <s v="9-3/4 Diameter Round Wall Clock"/>
    <n v="11.03"/>
    <n v="1"/>
    <n v="3.03"/>
  </r>
  <r>
    <d v="2015-10-02T00:00:00"/>
    <x v="9"/>
    <x v="1"/>
    <x v="74"/>
    <x v="11"/>
    <x v="2"/>
    <x v="9"/>
    <s v="SanDisk Ultra 32 GB MicroSDHC Class 10 Memory Card"/>
    <n v="53.04"/>
    <n v="3"/>
    <n v="-4.6399999999999997"/>
  </r>
  <r>
    <d v="2015-10-03T00:00:00"/>
    <x v="9"/>
    <x v="1"/>
    <x v="240"/>
    <x v="10"/>
    <x v="0"/>
    <x v="3"/>
    <s v="Acco D-Ring Binder w/DublLock"/>
    <n v="32.07"/>
    <n v="5"/>
    <n v="-22.45"/>
  </r>
  <r>
    <d v="2015-10-03T00:00:00"/>
    <x v="9"/>
    <x v="1"/>
    <x v="240"/>
    <x v="10"/>
    <x v="2"/>
    <x v="9"/>
    <s v="ImationÂ 8gb Micro Traveldrive Usb 2.0Â Flash Drive"/>
    <n v="24"/>
    <n v="2"/>
    <n v="-2.7"/>
  </r>
  <r>
    <d v="2015-10-03T00:00:00"/>
    <x v="9"/>
    <x v="1"/>
    <x v="240"/>
    <x v="10"/>
    <x v="1"/>
    <x v="11"/>
    <s v="Safco Value Mate Series Steel Bookcases, Baked Enamel Finish on Steel, Gray"/>
    <n v="35.49"/>
    <n v="1"/>
    <n v="-15.62"/>
  </r>
  <r>
    <d v="2015-10-03T00:00:00"/>
    <x v="9"/>
    <x v="1"/>
    <x v="240"/>
    <x v="10"/>
    <x v="2"/>
    <x v="9"/>
    <s v="Microsoft Natural Ergonomic Keyboard 4000"/>
    <n v="47.98"/>
    <n v="2"/>
    <n v="0.6"/>
  </r>
  <r>
    <d v="2015-10-03T00:00:00"/>
    <x v="9"/>
    <x v="1"/>
    <x v="126"/>
    <x v="2"/>
    <x v="0"/>
    <x v="2"/>
    <s v="Staple magnet"/>
    <n v="15.01"/>
    <n v="2"/>
    <n v="1.5"/>
  </r>
  <r>
    <d v="2015-10-03T00:00:00"/>
    <x v="9"/>
    <x v="1"/>
    <x v="206"/>
    <x v="3"/>
    <x v="1"/>
    <x v="11"/>
    <s v="Safco Value Mate Series Steel Bookcases, Baked Enamel Finish on Steel, Gray"/>
    <n v="120.67"/>
    <n v="2"/>
    <n v="18.45"/>
  </r>
  <r>
    <d v="2015-10-04T00:00:00"/>
    <x v="9"/>
    <x v="1"/>
    <x v="561"/>
    <x v="4"/>
    <x v="1"/>
    <x v="5"/>
    <s v="Office Star - Mesh Screen back chair with Vinyl seat"/>
    <n v="392.94"/>
    <n v="3"/>
    <n v="43.22"/>
  </r>
  <r>
    <d v="2015-10-04T00:00:00"/>
    <x v="9"/>
    <x v="1"/>
    <x v="116"/>
    <x v="3"/>
    <x v="0"/>
    <x v="2"/>
    <s v="Tenex Personal Project File with Scoop Front Design, Black"/>
    <n v="26.96"/>
    <n v="2"/>
    <n v="7.01"/>
  </r>
  <r>
    <d v="2015-10-04T00:00:00"/>
    <x v="9"/>
    <x v="1"/>
    <x v="488"/>
    <x v="2"/>
    <x v="1"/>
    <x v="8"/>
    <s v="DataProducts Ampli Magnifier Task Lamp, Black,"/>
    <n v="64.94"/>
    <n v="3"/>
    <n v="6.49"/>
  </r>
  <r>
    <d v="2015-10-04T00:00:00"/>
    <x v="9"/>
    <x v="1"/>
    <x v="488"/>
    <x v="2"/>
    <x v="0"/>
    <x v="0"/>
    <s v="Xerox 1946"/>
    <n v="20.74"/>
    <n v="4"/>
    <n v="7.26"/>
  </r>
  <r>
    <d v="2015-10-05T00:00:00"/>
    <x v="9"/>
    <x v="1"/>
    <x v="701"/>
    <x v="6"/>
    <x v="0"/>
    <x v="4"/>
    <s v="Newell 324"/>
    <n v="46.2"/>
    <n v="4"/>
    <n v="12.94"/>
  </r>
  <r>
    <d v="2015-10-05T00:00:00"/>
    <x v="9"/>
    <x v="1"/>
    <x v="701"/>
    <x v="6"/>
    <x v="0"/>
    <x v="12"/>
    <s v="Holmes Odor Grabber"/>
    <n v="28.84"/>
    <n v="2"/>
    <n v="9.52"/>
  </r>
  <r>
    <d v="2015-10-05T00:00:00"/>
    <x v="9"/>
    <x v="1"/>
    <x v="472"/>
    <x v="7"/>
    <x v="0"/>
    <x v="2"/>
    <s v="Personal Filing Tote with Lid, Black/Gray"/>
    <n v="77.55"/>
    <n v="5"/>
    <n v="21.71"/>
  </r>
  <r>
    <d v="2015-10-05T00:00:00"/>
    <x v="9"/>
    <x v="1"/>
    <x v="337"/>
    <x v="10"/>
    <x v="2"/>
    <x v="9"/>
    <s v="SanDisk Ultra 32 GB MicroSDHC Class 10 Memory Card"/>
    <n v="53.04"/>
    <n v="3"/>
    <n v="-4.6399999999999997"/>
  </r>
  <r>
    <d v="2015-10-05T00:00:00"/>
    <x v="9"/>
    <x v="1"/>
    <x v="467"/>
    <x v="11"/>
    <x v="1"/>
    <x v="11"/>
    <s v="Bush Cubix Collection Bookcases, Fully Assembled"/>
    <n v="66.290000000000006"/>
    <n v="1"/>
    <n v="-103.86"/>
  </r>
  <r>
    <d v="2015-10-05T00:00:00"/>
    <x v="9"/>
    <x v="1"/>
    <x v="467"/>
    <x v="11"/>
    <x v="1"/>
    <x v="5"/>
    <s v="Global Highback Leather Tilter in Burgundy"/>
    <n v="291.17"/>
    <n v="4"/>
    <n v="-14.56"/>
  </r>
  <r>
    <d v="2015-10-05T00:00:00"/>
    <x v="9"/>
    <x v="1"/>
    <x v="325"/>
    <x v="10"/>
    <x v="2"/>
    <x v="9"/>
    <s v="NETGEAR N750 Dual Band Wi-Fi Gigabit Router"/>
    <n v="288"/>
    <n v="4"/>
    <n v="57.6"/>
  </r>
  <r>
    <d v="2015-10-08T00:00:00"/>
    <x v="9"/>
    <x v="1"/>
    <x v="337"/>
    <x v="3"/>
    <x v="1"/>
    <x v="8"/>
    <s v="Deflect-o SuperTray Unbreakable Stackable Tray, Letter, Black"/>
    <n v="145.9"/>
    <n v="5"/>
    <n v="62.74"/>
  </r>
  <r>
    <d v="2015-10-08T00:00:00"/>
    <x v="9"/>
    <x v="1"/>
    <x v="542"/>
    <x v="0"/>
    <x v="0"/>
    <x v="4"/>
    <s v="Binney &amp; Smith inkTank Desk Highlighter, Chisel Tip, Yellow, 12/Box"/>
    <n v="3.44"/>
    <n v="2"/>
    <n v="0.56000000000000005"/>
  </r>
  <r>
    <d v="2015-10-08T00:00:00"/>
    <x v="9"/>
    <x v="1"/>
    <x v="702"/>
    <x v="0"/>
    <x v="1"/>
    <x v="8"/>
    <s v="Tenex Traditional Chairmats for Medium Pile Carpet, Standard Lip, 36&quot; x 48&quot;"/>
    <n v="72.78"/>
    <n v="3"/>
    <n v="-70.959999999999994"/>
  </r>
  <r>
    <d v="2015-10-09T00:00:00"/>
    <x v="9"/>
    <x v="1"/>
    <x v="610"/>
    <x v="6"/>
    <x v="0"/>
    <x v="2"/>
    <s v="Decoflex Hanging Personal Folder File, Blue"/>
    <n v="30.84"/>
    <n v="2"/>
    <n v="8.33"/>
  </r>
  <r>
    <d v="2015-10-09T00:00:00"/>
    <x v="9"/>
    <x v="1"/>
    <x v="560"/>
    <x v="20"/>
    <x v="2"/>
    <x v="6"/>
    <s v="Jawbone JAMBOX Wireless Bluetooth Speaker"/>
    <n v="631.96"/>
    <n v="4"/>
    <n v="303.33999999999997"/>
  </r>
  <r>
    <d v="2015-10-09T00:00:00"/>
    <x v="9"/>
    <x v="1"/>
    <x v="560"/>
    <x v="20"/>
    <x v="0"/>
    <x v="0"/>
    <s v="Xerox 1895"/>
    <n v="23.92"/>
    <n v="4"/>
    <n v="10.76"/>
  </r>
  <r>
    <d v="2015-10-09T00:00:00"/>
    <x v="9"/>
    <x v="1"/>
    <x v="291"/>
    <x v="14"/>
    <x v="2"/>
    <x v="9"/>
    <s v="Logitech G19 Programmable Gaming Keyboard"/>
    <n v="619.95000000000005"/>
    <n v="5"/>
    <n v="111.59"/>
  </r>
  <r>
    <d v="2015-10-09T00:00:00"/>
    <x v="9"/>
    <x v="1"/>
    <x v="291"/>
    <x v="14"/>
    <x v="2"/>
    <x v="6"/>
    <s v="KLD Oscar II Style Snap-on Ultra Thin Side Flip Synthetic Leather Cover Case for HTC One HTC M7"/>
    <n v="29.16"/>
    <n v="3"/>
    <n v="8.4600000000000009"/>
  </r>
  <r>
    <d v="2015-10-09T00:00:00"/>
    <x v="9"/>
    <x v="1"/>
    <x v="291"/>
    <x v="14"/>
    <x v="0"/>
    <x v="10"/>
    <s v="Staple envelope"/>
    <n v="57.96"/>
    <n v="7"/>
    <n v="27.24"/>
  </r>
  <r>
    <d v="2015-10-09T00:00:00"/>
    <x v="9"/>
    <x v="1"/>
    <x v="291"/>
    <x v="14"/>
    <x v="0"/>
    <x v="12"/>
    <s v="Belkin 6 Outlet Metallic Surge Strip"/>
    <n v="29.4"/>
    <n v="3"/>
    <n v="5.23"/>
  </r>
  <r>
    <d v="2015-10-09T00:00:00"/>
    <x v="9"/>
    <x v="1"/>
    <x v="256"/>
    <x v="16"/>
    <x v="0"/>
    <x v="3"/>
    <s v="Zipper Ring Binder Pockets"/>
    <n v="1.87"/>
    <n v="2"/>
    <n v="-1.31"/>
  </r>
  <r>
    <d v="2015-10-09T00:00:00"/>
    <x v="9"/>
    <x v="1"/>
    <x v="256"/>
    <x v="16"/>
    <x v="0"/>
    <x v="3"/>
    <s v="Clear Mylar Reinforcing Strips"/>
    <n v="11.21"/>
    <n v="2"/>
    <n v="-8.6"/>
  </r>
  <r>
    <d v="2015-10-09T00:00:00"/>
    <x v="9"/>
    <x v="1"/>
    <x v="256"/>
    <x v="16"/>
    <x v="0"/>
    <x v="4"/>
    <s v="Avery Hi-Liter Smear-Safe Highlighters"/>
    <n v="37.380000000000003"/>
    <n v="8"/>
    <n v="7.48"/>
  </r>
  <r>
    <d v="2015-10-09T00:00:00"/>
    <x v="9"/>
    <x v="1"/>
    <x v="667"/>
    <x v="14"/>
    <x v="1"/>
    <x v="5"/>
    <s v="High-Back Leather Manager's Chair"/>
    <n v="389.97"/>
    <n v="3"/>
    <n v="35.1"/>
  </r>
  <r>
    <d v="2015-10-09T00:00:00"/>
    <x v="9"/>
    <x v="1"/>
    <x v="667"/>
    <x v="14"/>
    <x v="0"/>
    <x v="12"/>
    <s v="Belkin 8 Outlet SurgeMaster II Gold Surge Protector"/>
    <n v="269.91000000000003"/>
    <n v="5"/>
    <n v="53.98"/>
  </r>
  <r>
    <d v="2015-10-10T00:00:00"/>
    <x v="9"/>
    <x v="1"/>
    <x v="561"/>
    <x v="3"/>
    <x v="0"/>
    <x v="0"/>
    <s v="Xerox 1894"/>
    <n v="45.36"/>
    <n v="7"/>
    <n v="21.77"/>
  </r>
  <r>
    <d v="2015-10-10T00:00:00"/>
    <x v="9"/>
    <x v="1"/>
    <x v="628"/>
    <x v="16"/>
    <x v="0"/>
    <x v="2"/>
    <s v="Tennsco Single-Tier Lockers"/>
    <n v="1801.63"/>
    <n v="6"/>
    <n v="-337.81"/>
  </r>
  <r>
    <d v="2015-10-10T00:00:00"/>
    <x v="9"/>
    <x v="1"/>
    <x v="547"/>
    <x v="1"/>
    <x v="0"/>
    <x v="4"/>
    <s v="Avery Fluorescent Highlighter Four-Color Set"/>
    <n v="8.02"/>
    <n v="3"/>
    <n v="1"/>
  </r>
  <r>
    <d v="2015-10-10T00:00:00"/>
    <x v="9"/>
    <x v="1"/>
    <x v="549"/>
    <x v="3"/>
    <x v="1"/>
    <x v="5"/>
    <s v="Global Leather &amp; Oak Executive Chair, Burgundy"/>
    <n v="362.14"/>
    <n v="3"/>
    <n v="-54.32"/>
  </r>
  <r>
    <d v="2015-10-10T00:00:00"/>
    <x v="9"/>
    <x v="1"/>
    <x v="549"/>
    <x v="3"/>
    <x v="0"/>
    <x v="1"/>
    <s v="Avery 503"/>
    <n v="31.05"/>
    <n v="3"/>
    <n v="14.9"/>
  </r>
  <r>
    <d v="2015-10-11T00:00:00"/>
    <x v="9"/>
    <x v="1"/>
    <x v="703"/>
    <x v="16"/>
    <x v="1"/>
    <x v="13"/>
    <s v="Bretford CR4500 Series Slim Rectangular Table"/>
    <n v="957.58"/>
    <n v="5"/>
    <n v="-383.03"/>
  </r>
  <r>
    <d v="2015-10-11T00:00:00"/>
    <x v="9"/>
    <x v="1"/>
    <x v="703"/>
    <x v="16"/>
    <x v="0"/>
    <x v="2"/>
    <s v="Eldon Fold 'N Roll Cart System"/>
    <n v="22.37"/>
    <n v="2"/>
    <n v="2.52"/>
  </r>
  <r>
    <d v="2015-10-11T00:00:00"/>
    <x v="9"/>
    <x v="1"/>
    <x v="489"/>
    <x v="20"/>
    <x v="2"/>
    <x v="9"/>
    <s v="Memorex 25GB 6X Branded Blu-Ray Recordable Disc, 30/Pack"/>
    <n v="31.95"/>
    <n v="1"/>
    <n v="2.2400000000000002"/>
  </r>
  <r>
    <d v="2015-10-12T00:00:00"/>
    <x v="9"/>
    <x v="1"/>
    <x v="114"/>
    <x v="20"/>
    <x v="1"/>
    <x v="11"/>
    <s v="Atlantic Metals Mobile 4-Shelf Bookcases, Custom Colors"/>
    <n v="899.14"/>
    <n v="4"/>
    <n v="112.39"/>
  </r>
  <r>
    <d v="2015-10-12T00:00:00"/>
    <x v="9"/>
    <x v="1"/>
    <x v="114"/>
    <x v="20"/>
    <x v="2"/>
    <x v="6"/>
    <s v="I Need's 3d Hello Kitty Hybrid Silicone Case Cover for HTC One X 4g with 3d Hello Kitty Stylus Pen Green/pink"/>
    <n v="71.760000000000005"/>
    <n v="6"/>
    <n v="20.09"/>
  </r>
  <r>
    <d v="2015-10-12T00:00:00"/>
    <x v="9"/>
    <x v="1"/>
    <x v="114"/>
    <x v="20"/>
    <x v="0"/>
    <x v="0"/>
    <s v="Xerox 205"/>
    <n v="51.84"/>
    <n v="8"/>
    <n v="24.88"/>
  </r>
  <r>
    <d v="2015-10-12T00:00:00"/>
    <x v="9"/>
    <x v="1"/>
    <x v="114"/>
    <x v="20"/>
    <x v="1"/>
    <x v="11"/>
    <s v="Atlantic Metals Mobile 3-Shelf Bookcases, Custom Colors"/>
    <n v="626.35"/>
    <n v="3"/>
    <n v="46.98"/>
  </r>
  <r>
    <d v="2015-10-12T00:00:00"/>
    <x v="9"/>
    <x v="1"/>
    <x v="114"/>
    <x v="20"/>
    <x v="0"/>
    <x v="4"/>
    <s v="4009 Highlighters by Sanford"/>
    <n v="19.899999999999999"/>
    <n v="5"/>
    <n v="6.57"/>
  </r>
  <r>
    <d v="2015-10-12T00:00:00"/>
    <x v="9"/>
    <x v="1"/>
    <x v="670"/>
    <x v="20"/>
    <x v="1"/>
    <x v="13"/>
    <s v="SAFCO PlanMaster Heigh-Adjustable Drafting Table Base, 43w x 30d x 30-37h, Black"/>
    <n v="209.67"/>
    <n v="1"/>
    <n v="-13.98"/>
  </r>
  <r>
    <d v="2015-10-12T00:00:00"/>
    <x v="9"/>
    <x v="1"/>
    <x v="392"/>
    <x v="18"/>
    <x v="2"/>
    <x v="6"/>
    <s v="AT&amp;T 17929 Lendline Telephone"/>
    <n v="135.72"/>
    <n v="3"/>
    <n v="35.29"/>
  </r>
  <r>
    <d v="2015-10-12T00:00:00"/>
    <x v="9"/>
    <x v="1"/>
    <x v="392"/>
    <x v="18"/>
    <x v="0"/>
    <x v="3"/>
    <s v="GBC Standard Plastic Binding Systems' Combs"/>
    <n v="12.56"/>
    <n v="2"/>
    <n v="5.65"/>
  </r>
  <r>
    <d v="2015-10-12T00:00:00"/>
    <x v="9"/>
    <x v="1"/>
    <x v="392"/>
    <x v="18"/>
    <x v="2"/>
    <x v="6"/>
    <s v="Samsung Rugby III"/>
    <n v="263.95999999999998"/>
    <n v="4"/>
    <n v="71.27"/>
  </r>
  <r>
    <d v="2015-10-12T00:00:00"/>
    <x v="9"/>
    <x v="1"/>
    <x v="75"/>
    <x v="22"/>
    <x v="2"/>
    <x v="9"/>
    <s v="Kingston Digital DataTraveler 16GB USB 2.0"/>
    <n v="17.899999999999999"/>
    <n v="2"/>
    <n v="3.4"/>
  </r>
  <r>
    <d v="2015-10-12T00:00:00"/>
    <x v="9"/>
    <x v="1"/>
    <x v="75"/>
    <x v="22"/>
    <x v="0"/>
    <x v="2"/>
    <s v="Contico 72&quot;H Heavy-Duty Storage System"/>
    <n v="81.96"/>
    <n v="2"/>
    <n v="0"/>
  </r>
  <r>
    <d v="2015-10-13T00:00:00"/>
    <x v="9"/>
    <x v="1"/>
    <x v="192"/>
    <x v="5"/>
    <x v="2"/>
    <x v="6"/>
    <s v="I Need's 3d Hello Kitty Hybrid Silicone Case Cover for HTC One X 4g with 3d Hello Kitty Stylus Pen Green/pink"/>
    <n v="83.72"/>
    <n v="7"/>
    <n v="23.44"/>
  </r>
  <r>
    <d v="2015-10-13T00:00:00"/>
    <x v="9"/>
    <x v="1"/>
    <x v="192"/>
    <x v="5"/>
    <x v="1"/>
    <x v="5"/>
    <s v="Global Deluxe Office Fabric Chairs"/>
    <n v="287.94"/>
    <n v="3"/>
    <n v="77.739999999999995"/>
  </r>
  <r>
    <d v="2015-10-15T00:00:00"/>
    <x v="9"/>
    <x v="1"/>
    <x v="205"/>
    <x v="1"/>
    <x v="2"/>
    <x v="9"/>
    <s v="LogitechÂ Gaming G510s - Keyboard"/>
    <n v="339.96"/>
    <n v="5"/>
    <n v="67.989999999999995"/>
  </r>
  <r>
    <d v="2015-10-15T00:00:00"/>
    <x v="9"/>
    <x v="1"/>
    <x v="264"/>
    <x v="0"/>
    <x v="2"/>
    <x v="9"/>
    <s v="Plantronics Audio 995 Wireless Stereo Headset"/>
    <n v="263.88"/>
    <n v="3"/>
    <n v="42.88"/>
  </r>
  <r>
    <d v="2015-10-15T00:00:00"/>
    <x v="9"/>
    <x v="1"/>
    <x v="264"/>
    <x v="0"/>
    <x v="1"/>
    <x v="5"/>
    <s v="HON 5400 Series Task Chairs for Big and Tall"/>
    <n v="2453.4299999999998"/>
    <n v="5"/>
    <n v="-350.49"/>
  </r>
  <r>
    <d v="2015-10-15T00:00:00"/>
    <x v="9"/>
    <x v="1"/>
    <x v="41"/>
    <x v="14"/>
    <x v="1"/>
    <x v="8"/>
    <s v="DAX Cubicle Frames, 8-1/2 x 11"/>
    <n v="17.14"/>
    <n v="2"/>
    <n v="6.17"/>
  </r>
  <r>
    <d v="2015-10-15T00:00:00"/>
    <x v="9"/>
    <x v="1"/>
    <x v="704"/>
    <x v="0"/>
    <x v="1"/>
    <x v="8"/>
    <s v="C-Line Cubicle Keepers Polyproplyene Holder w/Velcro Back, 8-1/2x11, 25/Bx"/>
    <n v="131.38"/>
    <n v="6"/>
    <n v="-95.25"/>
  </r>
  <r>
    <d v="2015-10-15T00:00:00"/>
    <x v="9"/>
    <x v="1"/>
    <x v="704"/>
    <x v="0"/>
    <x v="0"/>
    <x v="0"/>
    <s v="Xerox 1986"/>
    <n v="5.34"/>
    <n v="1"/>
    <n v="1.87"/>
  </r>
  <r>
    <d v="2015-10-15T00:00:00"/>
    <x v="9"/>
    <x v="1"/>
    <x v="471"/>
    <x v="0"/>
    <x v="0"/>
    <x v="10"/>
    <s v="Staple envelope"/>
    <n v="4.46"/>
    <n v="1"/>
    <n v="1.67"/>
  </r>
  <r>
    <d v="2015-10-15T00:00:00"/>
    <x v="9"/>
    <x v="1"/>
    <x v="471"/>
    <x v="0"/>
    <x v="0"/>
    <x v="3"/>
    <s v="Avery Reinforcements for Hole-Punch Pages"/>
    <n v="3.96"/>
    <n v="10"/>
    <n v="-6.93"/>
  </r>
  <r>
    <d v="2015-10-16T00:00:00"/>
    <x v="9"/>
    <x v="1"/>
    <x v="634"/>
    <x v="20"/>
    <x v="2"/>
    <x v="6"/>
    <s v="Mitel MiVoice 5330e IP Phone"/>
    <n v="824.97"/>
    <n v="3"/>
    <n v="214.49"/>
  </r>
  <r>
    <d v="2015-10-17T00:00:00"/>
    <x v="9"/>
    <x v="1"/>
    <x v="693"/>
    <x v="3"/>
    <x v="0"/>
    <x v="2"/>
    <s v="Eldon Base for stackable storage shelf, platinum"/>
    <n v="77.88"/>
    <n v="2"/>
    <n v="3.89"/>
  </r>
  <r>
    <d v="2015-10-18T00:00:00"/>
    <x v="9"/>
    <x v="1"/>
    <x v="61"/>
    <x v="0"/>
    <x v="2"/>
    <x v="9"/>
    <s v="Verbatim Slim CD and DVD Storage Cases, 50/Pack"/>
    <n v="27.7"/>
    <n v="3"/>
    <n v="3.46"/>
  </r>
  <r>
    <d v="2015-10-18T00:00:00"/>
    <x v="9"/>
    <x v="1"/>
    <x v="61"/>
    <x v="0"/>
    <x v="0"/>
    <x v="12"/>
    <s v="Tripp Lite Isotel 6 Outlet Surge Protector with Fax/Modem Protection"/>
    <n v="73.16"/>
    <n v="6"/>
    <n v="-186.57"/>
  </r>
  <r>
    <d v="2015-10-18T00:00:00"/>
    <x v="9"/>
    <x v="1"/>
    <x v="405"/>
    <x v="22"/>
    <x v="2"/>
    <x v="6"/>
    <s v="Motorola L703CM"/>
    <n v="249.58"/>
    <n v="2"/>
    <n v="15.6"/>
  </r>
  <r>
    <d v="2015-10-18T00:00:00"/>
    <x v="9"/>
    <x v="1"/>
    <x v="405"/>
    <x v="22"/>
    <x v="0"/>
    <x v="0"/>
    <s v="Xerox 1903"/>
    <n v="17.940000000000001"/>
    <n v="3"/>
    <n v="8.7899999999999991"/>
  </r>
  <r>
    <d v="2015-10-18T00:00:00"/>
    <x v="9"/>
    <x v="1"/>
    <x v="405"/>
    <x v="22"/>
    <x v="1"/>
    <x v="8"/>
    <s v="Eldon 100 Class Desk Accessories"/>
    <n v="10.11"/>
    <n v="3"/>
    <n v="3.24"/>
  </r>
  <r>
    <d v="2015-10-19T00:00:00"/>
    <x v="9"/>
    <x v="1"/>
    <x v="463"/>
    <x v="38"/>
    <x v="0"/>
    <x v="0"/>
    <s v="Southworth 100% Cotton The Best Paper"/>
    <n v="34.44"/>
    <n v="3"/>
    <n v="17.22"/>
  </r>
  <r>
    <d v="2015-10-19T00:00:00"/>
    <x v="9"/>
    <x v="1"/>
    <x v="62"/>
    <x v="14"/>
    <x v="0"/>
    <x v="3"/>
    <s v="Avery Heavy-Duty EZD View Binder with Locking Rings"/>
    <n v="38.28"/>
    <n v="6"/>
    <n v="17.61"/>
  </r>
  <r>
    <d v="2015-10-19T00:00:00"/>
    <x v="9"/>
    <x v="1"/>
    <x v="62"/>
    <x v="14"/>
    <x v="2"/>
    <x v="6"/>
    <s v="OtterBox Defender Series Case - Samsung Galaxy S4"/>
    <n v="149.94999999999999"/>
    <n v="5"/>
    <n v="44.99"/>
  </r>
  <r>
    <d v="2015-10-19T00:00:00"/>
    <x v="9"/>
    <x v="1"/>
    <x v="508"/>
    <x v="3"/>
    <x v="0"/>
    <x v="12"/>
    <s v="Sanyo Counter Height Refrigerator with Crisper, 3.6 Cubic Foot, Stainless Steel/Black"/>
    <n v="1640.7"/>
    <n v="5"/>
    <n v="459.4"/>
  </r>
  <r>
    <d v="2015-10-19T00:00:00"/>
    <x v="9"/>
    <x v="1"/>
    <x v="508"/>
    <x v="3"/>
    <x v="2"/>
    <x v="9"/>
    <s v="NETGEAR N750 Dual Band Wi-Fi Gigabit Router"/>
    <n v="270"/>
    <n v="3"/>
    <n v="97.2"/>
  </r>
  <r>
    <d v="2015-10-19T00:00:00"/>
    <x v="9"/>
    <x v="1"/>
    <x v="178"/>
    <x v="0"/>
    <x v="0"/>
    <x v="3"/>
    <s v="Avery Printable Repositionable Plastic Tabs"/>
    <n v="1.72"/>
    <n v="1"/>
    <n v="-2.84"/>
  </r>
  <r>
    <d v="2015-10-20T00:00:00"/>
    <x v="9"/>
    <x v="1"/>
    <x v="270"/>
    <x v="3"/>
    <x v="2"/>
    <x v="9"/>
    <s v="Logitech G602 Wireless Gaming Mouse"/>
    <n v="239.97"/>
    <n v="3"/>
    <n v="86.39"/>
  </r>
  <r>
    <d v="2015-10-20T00:00:00"/>
    <x v="9"/>
    <x v="1"/>
    <x v="270"/>
    <x v="3"/>
    <x v="1"/>
    <x v="8"/>
    <s v="Acrylic Self-Standing Desk Frames"/>
    <n v="16.02"/>
    <n v="6"/>
    <n v="6.09"/>
  </r>
  <r>
    <d v="2015-10-20T00:00:00"/>
    <x v="9"/>
    <x v="1"/>
    <x v="282"/>
    <x v="20"/>
    <x v="0"/>
    <x v="0"/>
    <s v="Easy-staple paper"/>
    <n v="24.56"/>
    <n v="2"/>
    <n v="11.54"/>
  </r>
  <r>
    <d v="2015-10-20T00:00:00"/>
    <x v="9"/>
    <x v="1"/>
    <x v="149"/>
    <x v="3"/>
    <x v="1"/>
    <x v="8"/>
    <s v="Nu-Dell Oak Frame"/>
    <n v="74.760000000000005"/>
    <n v="7"/>
    <n v="23.92"/>
  </r>
  <r>
    <d v="2015-10-20T00:00:00"/>
    <x v="9"/>
    <x v="1"/>
    <x v="149"/>
    <x v="3"/>
    <x v="1"/>
    <x v="13"/>
    <s v="SAFCO PlanMaster Boards, 60w x 37-1/2d, White Melamine"/>
    <n v="364.78"/>
    <n v="3"/>
    <n v="27.36"/>
  </r>
  <r>
    <d v="2015-10-22T00:00:00"/>
    <x v="9"/>
    <x v="1"/>
    <x v="235"/>
    <x v="1"/>
    <x v="0"/>
    <x v="3"/>
    <s v="GBC Instant Report Kit"/>
    <n v="5.18"/>
    <n v="4"/>
    <n v="-7.76"/>
  </r>
  <r>
    <d v="2015-10-22T00:00:00"/>
    <x v="9"/>
    <x v="1"/>
    <x v="344"/>
    <x v="16"/>
    <x v="0"/>
    <x v="2"/>
    <s v="Eldon Simplefile Box Office"/>
    <n v="9.9499999999999993"/>
    <n v="1"/>
    <n v="1"/>
  </r>
  <r>
    <d v="2015-10-23T00:00:00"/>
    <x v="9"/>
    <x v="1"/>
    <x v="705"/>
    <x v="3"/>
    <x v="2"/>
    <x v="9"/>
    <s v="Maxell DVD-RAM Discs"/>
    <n v="148.32"/>
    <n v="9"/>
    <n v="63.78"/>
  </r>
  <r>
    <d v="2015-10-23T00:00:00"/>
    <x v="9"/>
    <x v="1"/>
    <x v="705"/>
    <x v="3"/>
    <x v="1"/>
    <x v="5"/>
    <s v="Global Leather and Oak Executive Chair, Black"/>
    <n v="240.78"/>
    <n v="1"/>
    <n v="27.09"/>
  </r>
  <r>
    <d v="2015-10-23T00:00:00"/>
    <x v="9"/>
    <x v="1"/>
    <x v="705"/>
    <x v="3"/>
    <x v="1"/>
    <x v="5"/>
    <s v="Global Chrome Stack Chair"/>
    <n v="191.97"/>
    <n v="7"/>
    <n v="16.8"/>
  </r>
  <r>
    <d v="2015-10-23T00:00:00"/>
    <x v="9"/>
    <x v="1"/>
    <x v="705"/>
    <x v="3"/>
    <x v="0"/>
    <x v="0"/>
    <s v="Xerox 196"/>
    <n v="11.56"/>
    <n v="2"/>
    <n v="5.66"/>
  </r>
  <r>
    <d v="2015-10-23T00:00:00"/>
    <x v="9"/>
    <x v="1"/>
    <x v="705"/>
    <x v="3"/>
    <x v="0"/>
    <x v="10"/>
    <s v="Redi-Strip #10 Envelopes, 4 1/8 x 9 1/2"/>
    <n v="11.8"/>
    <n v="4"/>
    <n v="5.66"/>
  </r>
  <r>
    <d v="2015-10-23T00:00:00"/>
    <x v="9"/>
    <x v="1"/>
    <x v="705"/>
    <x v="3"/>
    <x v="1"/>
    <x v="5"/>
    <s v="Office Star - Professional Matrix Back Chair with 2-to-1 Synchro Tilt and Mesh Fabric Seat"/>
    <n v="842.35"/>
    <n v="3"/>
    <n v="42.12"/>
  </r>
  <r>
    <d v="2015-10-23T00:00:00"/>
    <x v="9"/>
    <x v="1"/>
    <x v="565"/>
    <x v="16"/>
    <x v="2"/>
    <x v="6"/>
    <s v="Mediabridge Sport Armband iPhone 5s"/>
    <n v="55.94"/>
    <n v="7"/>
    <n v="-13.29"/>
  </r>
  <r>
    <d v="2015-10-23T00:00:00"/>
    <x v="9"/>
    <x v="1"/>
    <x v="565"/>
    <x v="16"/>
    <x v="0"/>
    <x v="4"/>
    <s v="Sanford Liquid Accent Highlighters"/>
    <n v="10.69"/>
    <n v="2"/>
    <n v="2.27"/>
  </r>
  <r>
    <d v="2015-10-23T00:00:00"/>
    <x v="9"/>
    <x v="1"/>
    <x v="565"/>
    <x v="16"/>
    <x v="2"/>
    <x v="6"/>
    <s v="SKILCRAFT Telephone Shoulder Rest, 2&quot; x 6.5&quot; x 2.5&quot;, Black"/>
    <n v="11.82"/>
    <n v="2"/>
    <n v="1.03"/>
  </r>
  <r>
    <d v="2015-10-23T00:00:00"/>
    <x v="9"/>
    <x v="1"/>
    <x v="597"/>
    <x v="22"/>
    <x v="0"/>
    <x v="3"/>
    <s v="Avery Non-Stick Binders"/>
    <n v="3.59"/>
    <n v="1"/>
    <n v="1.1200000000000001"/>
  </r>
  <r>
    <d v="2015-10-23T00:00:00"/>
    <x v="9"/>
    <x v="1"/>
    <x v="364"/>
    <x v="0"/>
    <x v="0"/>
    <x v="0"/>
    <s v="Xerox 212"/>
    <n v="36.29"/>
    <n v="7"/>
    <n v="12.7"/>
  </r>
  <r>
    <d v="2015-10-23T00:00:00"/>
    <x v="9"/>
    <x v="1"/>
    <x v="364"/>
    <x v="0"/>
    <x v="2"/>
    <x v="6"/>
    <s v="Jabra SPEAK 410"/>
    <n v="150.38"/>
    <n v="2"/>
    <n v="15.04"/>
  </r>
  <r>
    <d v="2015-10-23T00:00:00"/>
    <x v="9"/>
    <x v="1"/>
    <x v="96"/>
    <x v="0"/>
    <x v="0"/>
    <x v="0"/>
    <s v="TOPS 4 x 6 Fluorescent Color Memo Sheets, 500 Sheets per Pack"/>
    <n v="60.74"/>
    <n v="8"/>
    <n v="20.5"/>
  </r>
  <r>
    <d v="2015-10-23T00:00:00"/>
    <x v="9"/>
    <x v="1"/>
    <x v="96"/>
    <x v="0"/>
    <x v="2"/>
    <x v="16"/>
    <s v="Canon PC-428 Personal Copier"/>
    <n v="479.98"/>
    <n v="3"/>
    <n v="161.99"/>
  </r>
  <r>
    <d v="2015-10-23T00:00:00"/>
    <x v="9"/>
    <x v="1"/>
    <x v="96"/>
    <x v="0"/>
    <x v="0"/>
    <x v="3"/>
    <s v="Ibico Plastic Spiral Binding Combs"/>
    <n v="6.08"/>
    <n v="1"/>
    <n v="-10.34"/>
  </r>
  <r>
    <d v="2015-10-24T00:00:00"/>
    <x v="9"/>
    <x v="1"/>
    <x v="597"/>
    <x v="0"/>
    <x v="0"/>
    <x v="0"/>
    <s v="Xerox 1999"/>
    <n v="15.55"/>
    <n v="3"/>
    <n v="5.44"/>
  </r>
  <r>
    <d v="2015-10-24T00:00:00"/>
    <x v="9"/>
    <x v="1"/>
    <x v="597"/>
    <x v="0"/>
    <x v="1"/>
    <x v="13"/>
    <s v="KI Conference Tables"/>
    <n v="347.36"/>
    <n v="7"/>
    <n v="-69.47"/>
  </r>
  <r>
    <d v="2015-10-24T00:00:00"/>
    <x v="9"/>
    <x v="1"/>
    <x v="597"/>
    <x v="0"/>
    <x v="0"/>
    <x v="0"/>
    <s v="Xerox 2"/>
    <n v="10.37"/>
    <n v="2"/>
    <n v="3.63"/>
  </r>
  <r>
    <d v="2015-10-24T00:00:00"/>
    <x v="9"/>
    <x v="1"/>
    <x v="428"/>
    <x v="0"/>
    <x v="0"/>
    <x v="3"/>
    <s v="Avery Non-Stick Binders"/>
    <n v="3.59"/>
    <n v="4"/>
    <n v="-6.29"/>
  </r>
  <r>
    <d v="2015-10-24T00:00:00"/>
    <x v="9"/>
    <x v="1"/>
    <x v="629"/>
    <x v="3"/>
    <x v="1"/>
    <x v="5"/>
    <s v="Novimex High-Tech Fabric Mesh Task Chair"/>
    <n v="454.27"/>
    <n v="8"/>
    <n v="-73.819999999999993"/>
  </r>
  <r>
    <d v="2015-10-25T00:00:00"/>
    <x v="9"/>
    <x v="1"/>
    <x v="335"/>
    <x v="3"/>
    <x v="0"/>
    <x v="4"/>
    <s v="Boston 19500 Mighty Mite Electric Pencil Sharpener"/>
    <n v="60.45"/>
    <n v="3"/>
    <n v="16.32"/>
  </r>
  <r>
    <d v="2015-10-25T00:00:00"/>
    <x v="9"/>
    <x v="1"/>
    <x v="335"/>
    <x v="3"/>
    <x v="1"/>
    <x v="13"/>
    <s v="Balt Solid Wood Rectangular Table"/>
    <n v="253.18"/>
    <n v="3"/>
    <n v="-31.65"/>
  </r>
  <r>
    <d v="2015-10-25T00:00:00"/>
    <x v="9"/>
    <x v="1"/>
    <x v="252"/>
    <x v="7"/>
    <x v="2"/>
    <x v="6"/>
    <s v="ClearOne Communications CHAT 70 OCÂ Speaker Phone"/>
    <n v="158.99"/>
    <n v="1"/>
    <n v="41.34"/>
  </r>
  <r>
    <d v="2015-10-25T00:00:00"/>
    <x v="9"/>
    <x v="1"/>
    <x v="252"/>
    <x v="7"/>
    <x v="1"/>
    <x v="5"/>
    <s v="Iceberg Nesting Folding Chair, 19w x 6d x 43h"/>
    <n v="291.10000000000002"/>
    <n v="5"/>
    <n v="75.69"/>
  </r>
  <r>
    <d v="2015-10-25T00:00:00"/>
    <x v="9"/>
    <x v="1"/>
    <x v="259"/>
    <x v="17"/>
    <x v="0"/>
    <x v="4"/>
    <s v="Newell 319"/>
    <n v="79.36"/>
    <n v="4"/>
    <n v="23.81"/>
  </r>
  <r>
    <d v="2015-10-25T00:00:00"/>
    <x v="9"/>
    <x v="1"/>
    <x v="486"/>
    <x v="26"/>
    <x v="1"/>
    <x v="5"/>
    <s v="Global Highback Leather Tilter in Burgundy"/>
    <n v="582.34"/>
    <n v="8"/>
    <n v="-29.12"/>
  </r>
  <r>
    <d v="2015-10-26T00:00:00"/>
    <x v="9"/>
    <x v="1"/>
    <x v="706"/>
    <x v="3"/>
    <x v="0"/>
    <x v="1"/>
    <s v="Avery 507"/>
    <n v="5.76"/>
    <n v="2"/>
    <n v="2.65"/>
  </r>
  <r>
    <d v="2015-10-26T00:00:00"/>
    <x v="9"/>
    <x v="1"/>
    <x v="597"/>
    <x v="12"/>
    <x v="2"/>
    <x v="6"/>
    <s v="Panasonic KX-TG6844B Expandable Digital Cordless Telephone"/>
    <n v="105.58"/>
    <n v="2"/>
    <n v="9.24"/>
  </r>
  <r>
    <d v="2015-10-26T00:00:00"/>
    <x v="9"/>
    <x v="1"/>
    <x v="597"/>
    <x v="12"/>
    <x v="2"/>
    <x v="6"/>
    <s v="Plantronics MX500i Earset"/>
    <n v="68.72"/>
    <n v="2"/>
    <n v="-14.6"/>
  </r>
  <r>
    <d v="2015-10-26T00:00:00"/>
    <x v="9"/>
    <x v="1"/>
    <x v="94"/>
    <x v="11"/>
    <x v="0"/>
    <x v="1"/>
    <s v="Avery 477"/>
    <n v="146.54"/>
    <n v="6"/>
    <n v="47.63"/>
  </r>
  <r>
    <d v="2015-10-26T00:00:00"/>
    <x v="9"/>
    <x v="1"/>
    <x v="94"/>
    <x v="11"/>
    <x v="0"/>
    <x v="0"/>
    <s v="Xerox 1914"/>
    <n v="131.9"/>
    <n v="3"/>
    <n v="47.82"/>
  </r>
  <r>
    <d v="2015-10-26T00:00:00"/>
    <x v="9"/>
    <x v="1"/>
    <x v="94"/>
    <x v="11"/>
    <x v="0"/>
    <x v="12"/>
    <s v="Tripp Lite TLP810NET Broadband Surge for Modem/Fax"/>
    <n v="203.88"/>
    <n v="5"/>
    <n v="20.39"/>
  </r>
  <r>
    <d v="2015-10-26T00:00:00"/>
    <x v="9"/>
    <x v="1"/>
    <x v="94"/>
    <x v="11"/>
    <x v="0"/>
    <x v="3"/>
    <s v="Avery Self-Adhesive Photo Pockets for Polaroid Photos"/>
    <n v="14.3"/>
    <n v="7"/>
    <n v="-10.49"/>
  </r>
  <r>
    <d v="2015-10-26T00:00:00"/>
    <x v="9"/>
    <x v="1"/>
    <x v="94"/>
    <x v="11"/>
    <x v="0"/>
    <x v="2"/>
    <s v="Fellowes Officeware Wire Shelving"/>
    <n v="718.64"/>
    <n v="10"/>
    <n v="-161.69"/>
  </r>
  <r>
    <d v="2015-10-28T00:00:00"/>
    <x v="9"/>
    <x v="1"/>
    <x v="122"/>
    <x v="5"/>
    <x v="0"/>
    <x v="10"/>
    <s v="Laser &amp; Ink Jet Business Envelopes"/>
    <n v="10.67"/>
    <n v="1"/>
    <n v="4.91"/>
  </r>
  <r>
    <d v="2015-10-28T00:00:00"/>
    <x v="9"/>
    <x v="1"/>
    <x v="122"/>
    <x v="5"/>
    <x v="0"/>
    <x v="2"/>
    <s v="Portable Personal File Box"/>
    <n v="36.630000000000003"/>
    <n v="3"/>
    <n v="9.89"/>
  </r>
  <r>
    <d v="2015-10-28T00:00:00"/>
    <x v="9"/>
    <x v="1"/>
    <x v="122"/>
    <x v="5"/>
    <x v="1"/>
    <x v="8"/>
    <s v="Magna Visual Magnetic Picture Hangers"/>
    <n v="24.1"/>
    <n v="5"/>
    <n v="9.16"/>
  </r>
  <r>
    <d v="2015-10-28T00:00:00"/>
    <x v="9"/>
    <x v="1"/>
    <x v="122"/>
    <x v="5"/>
    <x v="1"/>
    <x v="8"/>
    <s v="C-Line Cubicle Keepers Polyproplyene Holder With Velcro Backings"/>
    <n v="33.11"/>
    <n v="7"/>
    <n v="12.91"/>
  </r>
  <r>
    <d v="2015-10-29T00:00:00"/>
    <x v="9"/>
    <x v="1"/>
    <x v="555"/>
    <x v="3"/>
    <x v="0"/>
    <x v="0"/>
    <s v="Xerox 1898"/>
    <n v="33.4"/>
    <n v="5"/>
    <n v="16.03"/>
  </r>
  <r>
    <d v="2015-10-29T00:00:00"/>
    <x v="9"/>
    <x v="1"/>
    <x v="555"/>
    <x v="3"/>
    <x v="0"/>
    <x v="10"/>
    <s v="Strathmore #10 Envelopes, Ultimate White"/>
    <n v="210.84"/>
    <n v="4"/>
    <n v="103.31"/>
  </r>
  <r>
    <d v="2015-10-30T00:00:00"/>
    <x v="9"/>
    <x v="1"/>
    <x v="662"/>
    <x v="14"/>
    <x v="2"/>
    <x v="6"/>
    <s v="Panasonic KX T7736-B Digital phone"/>
    <n v="299.89999999999998"/>
    <n v="2"/>
    <n v="74.98"/>
  </r>
  <r>
    <d v="2015-10-30T00:00:00"/>
    <x v="9"/>
    <x v="1"/>
    <x v="410"/>
    <x v="26"/>
    <x v="2"/>
    <x v="15"/>
    <s v="Lexmark S315 Color Inkjet Printer"/>
    <n v="59.99"/>
    <n v="2"/>
    <n v="-46"/>
  </r>
  <r>
    <d v="2015-10-30T00:00:00"/>
    <x v="9"/>
    <x v="1"/>
    <x v="410"/>
    <x v="26"/>
    <x v="2"/>
    <x v="16"/>
    <s v="Sharp 1540cs Digital Laser Copier"/>
    <n v="439.99"/>
    <n v="1"/>
    <n v="165"/>
  </r>
  <r>
    <d v="2015-10-30T00:00:00"/>
    <x v="9"/>
    <x v="1"/>
    <x v="410"/>
    <x v="26"/>
    <x v="2"/>
    <x v="6"/>
    <s v="OtterBox Commuter Series Case - iPhone 5 &amp; 5s"/>
    <n v="87.96"/>
    <n v="5"/>
    <n v="30.79"/>
  </r>
  <r>
    <d v="2015-10-30T00:00:00"/>
    <x v="9"/>
    <x v="1"/>
    <x v="410"/>
    <x v="26"/>
    <x v="1"/>
    <x v="8"/>
    <s v="Eldon Regeneration Recycled Desk Accessories, Black"/>
    <n v="15.49"/>
    <n v="4"/>
    <n v="3.68"/>
  </r>
  <r>
    <d v="2015-10-30T00:00:00"/>
    <x v="9"/>
    <x v="1"/>
    <x v="426"/>
    <x v="6"/>
    <x v="0"/>
    <x v="12"/>
    <s v="Tripp Lite Isotel 6 Outlet Surge Protector with Fax/Modem Protection"/>
    <n v="182.91"/>
    <n v="3"/>
    <n v="53.04"/>
  </r>
  <r>
    <d v="2015-10-30T00:00:00"/>
    <x v="9"/>
    <x v="1"/>
    <x v="45"/>
    <x v="20"/>
    <x v="2"/>
    <x v="15"/>
    <s v="Star Micronics TSP100 TSP143LAN Receipt Printer"/>
    <n v="1035.8"/>
    <n v="4"/>
    <n v="269.31"/>
  </r>
  <r>
    <d v="2015-10-31T00:00:00"/>
    <x v="9"/>
    <x v="1"/>
    <x v="126"/>
    <x v="3"/>
    <x v="0"/>
    <x v="10"/>
    <s v="Poly String Tie Envelopes"/>
    <n v="14.28"/>
    <n v="7"/>
    <n v="6.71"/>
  </r>
  <r>
    <d v="2015-10-31T00:00:00"/>
    <x v="9"/>
    <x v="1"/>
    <x v="187"/>
    <x v="14"/>
    <x v="0"/>
    <x v="14"/>
    <s v="Acme 10&quot; Easy Grip Assistive Scissors"/>
    <n v="70.12"/>
    <n v="4"/>
    <n v="21.04"/>
  </r>
  <r>
    <d v="2015-10-31T00:00:00"/>
    <x v="9"/>
    <x v="1"/>
    <x v="73"/>
    <x v="20"/>
    <x v="0"/>
    <x v="4"/>
    <s v="Design Ebony Sketching Pencil"/>
    <n v="2.78"/>
    <n v="2"/>
    <n v="0.72"/>
  </r>
  <r>
    <d v="2015-10-31T00:00:00"/>
    <x v="9"/>
    <x v="1"/>
    <x v="73"/>
    <x v="20"/>
    <x v="0"/>
    <x v="10"/>
    <s v="Blue String-Tie &amp; Button Interoffice Envelopes, 10 x 13"/>
    <n v="79.959999999999994"/>
    <n v="2"/>
    <n v="35.979999999999997"/>
  </r>
  <r>
    <d v="2015-10-31T00:00:00"/>
    <x v="9"/>
    <x v="1"/>
    <x v="105"/>
    <x v="3"/>
    <x v="0"/>
    <x v="3"/>
    <s v="Prestige Round Ring Binders"/>
    <n v="9.73"/>
    <n v="2"/>
    <n v="3.28"/>
  </r>
  <r>
    <d v="2015-10-31T00:00:00"/>
    <x v="9"/>
    <x v="1"/>
    <x v="105"/>
    <x v="3"/>
    <x v="0"/>
    <x v="10"/>
    <s v="Redi-Strip #10 Envelopes, 4 1/8 x 9 1/2"/>
    <n v="14.75"/>
    <n v="5"/>
    <n v="7.08"/>
  </r>
  <r>
    <d v="2015-10-31T00:00:00"/>
    <x v="9"/>
    <x v="1"/>
    <x v="105"/>
    <x v="3"/>
    <x v="0"/>
    <x v="3"/>
    <s v="Acco Four Pocket Poly Ring Binder with Label Holder, Smoke, 1&quot;"/>
    <n v="29.8"/>
    <n v="5"/>
    <n v="9.31"/>
  </r>
  <r>
    <d v="2015-10-31T00:00:00"/>
    <x v="9"/>
    <x v="1"/>
    <x v="105"/>
    <x v="3"/>
    <x v="0"/>
    <x v="1"/>
    <s v="Avery 4027 File Folder Labels for Dot Matrix Printers, 5000 Labels per Box, White"/>
    <n v="427.42"/>
    <n v="14"/>
    <n v="196.61"/>
  </r>
  <r>
    <d v="2015-10-31T00:00:00"/>
    <x v="9"/>
    <x v="1"/>
    <x v="707"/>
    <x v="3"/>
    <x v="0"/>
    <x v="0"/>
    <s v="Xerox 191"/>
    <n v="19.98"/>
    <n v="1"/>
    <n v="9.39"/>
  </r>
  <r>
    <d v="2015-10-31T00:00:00"/>
    <x v="9"/>
    <x v="1"/>
    <x v="707"/>
    <x v="3"/>
    <x v="0"/>
    <x v="3"/>
    <s v="GBC DocuBind P100 Manual Binding Machine"/>
    <n v="398.35"/>
    <n v="3"/>
    <n v="124.49"/>
  </r>
  <r>
    <d v="2015-10-31T00:00:00"/>
    <x v="9"/>
    <x v="1"/>
    <x v="707"/>
    <x v="3"/>
    <x v="0"/>
    <x v="4"/>
    <s v="Newell 308"/>
    <n v="5.04"/>
    <n v="3"/>
    <n v="1.26"/>
  </r>
  <r>
    <d v="2015-10-31T00:00:00"/>
    <x v="9"/>
    <x v="1"/>
    <x v="707"/>
    <x v="3"/>
    <x v="0"/>
    <x v="7"/>
    <s v="OIC Bulk Pack Metal Binder Clips"/>
    <n v="17.45"/>
    <n v="5"/>
    <n v="8.0299999999999994"/>
  </r>
  <r>
    <d v="2015-10-31T00:00:00"/>
    <x v="9"/>
    <x v="1"/>
    <x v="707"/>
    <x v="3"/>
    <x v="1"/>
    <x v="5"/>
    <s v="Global Fabric Manager's Chair, Dark Gray"/>
    <n v="323.14"/>
    <n v="4"/>
    <n v="20.2"/>
  </r>
  <r>
    <d v="2015-10-31T00:00:00"/>
    <x v="9"/>
    <x v="1"/>
    <x v="707"/>
    <x v="3"/>
    <x v="0"/>
    <x v="14"/>
    <s v="Acme Tagit Stainless Steel Antibacterial Scissors"/>
    <n v="29.7"/>
    <n v="3"/>
    <n v="8.02"/>
  </r>
  <r>
    <d v="2015-10-31T00:00:00"/>
    <x v="9"/>
    <x v="1"/>
    <x v="707"/>
    <x v="3"/>
    <x v="2"/>
    <x v="6"/>
    <s v="Polycom SoundStation2 EX ConferenceÂ phone"/>
    <n v="1295.8399999999999"/>
    <n v="4"/>
    <n v="145.78"/>
  </r>
  <r>
    <d v="2015-10-31T00:00:00"/>
    <x v="9"/>
    <x v="1"/>
    <x v="707"/>
    <x v="3"/>
    <x v="0"/>
    <x v="2"/>
    <s v="Mobile Personal File Cube"/>
    <n v="46.84"/>
    <n v="2"/>
    <n v="12.65"/>
  </r>
  <r>
    <d v="2015-10-31T00:00:00"/>
    <x v="9"/>
    <x v="1"/>
    <x v="707"/>
    <x v="3"/>
    <x v="1"/>
    <x v="11"/>
    <s v="DMI Eclipse Executive Suite Bookcases"/>
    <n v="425.83"/>
    <n v="1"/>
    <n v="20.04"/>
  </r>
  <r>
    <d v="2015-11-01T00:00:00"/>
    <x v="10"/>
    <x v="1"/>
    <x v="139"/>
    <x v="2"/>
    <x v="2"/>
    <x v="9"/>
    <s v="SanDisk Ultra 32 GB MicroSDHC Class 10 Memory Card"/>
    <n v="35.36"/>
    <n v="2"/>
    <n v="-3.09"/>
  </r>
  <r>
    <d v="2015-11-01T00:00:00"/>
    <x v="10"/>
    <x v="1"/>
    <x v="139"/>
    <x v="2"/>
    <x v="0"/>
    <x v="7"/>
    <s v="Brites Rubber Bands, 1 1/2 oz. Box"/>
    <n v="3.17"/>
    <n v="2"/>
    <n v="-0.71"/>
  </r>
  <r>
    <d v="2015-11-01T00:00:00"/>
    <x v="10"/>
    <x v="1"/>
    <x v="87"/>
    <x v="20"/>
    <x v="2"/>
    <x v="6"/>
    <s v="Cush Cases Heavy Duty Rugged Cover Case for Samsung Galaxy S5 - Purple"/>
    <n v="4.95"/>
    <n v="1"/>
    <n v="1.34"/>
  </r>
  <r>
    <d v="2015-11-01T00:00:00"/>
    <x v="10"/>
    <x v="1"/>
    <x v="329"/>
    <x v="20"/>
    <x v="0"/>
    <x v="0"/>
    <s v="Avoid Verbal Orders Carbonless Minifold Book"/>
    <n v="13.52"/>
    <n v="4"/>
    <n v="6.22"/>
  </r>
  <r>
    <d v="2015-11-01T00:00:00"/>
    <x v="10"/>
    <x v="1"/>
    <x v="329"/>
    <x v="20"/>
    <x v="1"/>
    <x v="8"/>
    <s v="Howard Miller 11-1/2&quot; Diameter Ridgewood Wall Clock"/>
    <n v="259.7"/>
    <n v="5"/>
    <n v="106.48"/>
  </r>
  <r>
    <d v="2015-11-01T00:00:00"/>
    <x v="10"/>
    <x v="1"/>
    <x v="329"/>
    <x v="20"/>
    <x v="2"/>
    <x v="6"/>
    <s v="Plantronics MX500i Earset"/>
    <n v="42.95"/>
    <n v="1"/>
    <n v="1.29"/>
  </r>
  <r>
    <d v="2015-11-01T00:00:00"/>
    <x v="10"/>
    <x v="1"/>
    <x v="329"/>
    <x v="20"/>
    <x v="2"/>
    <x v="9"/>
    <s v="Razer Tiamat Over Ear 7.1 Surround Sound PC Gaming Headset"/>
    <n v="1399.93"/>
    <n v="7"/>
    <n v="601.97"/>
  </r>
  <r>
    <d v="2015-11-01T00:00:00"/>
    <x v="10"/>
    <x v="1"/>
    <x v="329"/>
    <x v="20"/>
    <x v="2"/>
    <x v="6"/>
    <s v="Xblue XB-1670-86 X16 SmallÂ Office TelephoneÂ - Titanium"/>
    <n v="503.96"/>
    <n v="4"/>
    <n v="125.99"/>
  </r>
  <r>
    <d v="2015-11-01T00:00:00"/>
    <x v="10"/>
    <x v="1"/>
    <x v="41"/>
    <x v="11"/>
    <x v="0"/>
    <x v="4"/>
    <s v="Lumber Crayons"/>
    <n v="7.88"/>
    <n v="1"/>
    <n v="1.77"/>
  </r>
  <r>
    <d v="2015-11-01T00:00:00"/>
    <x v="10"/>
    <x v="1"/>
    <x v="493"/>
    <x v="13"/>
    <x v="1"/>
    <x v="13"/>
    <s v="Iceberg OfficeWorks 42&quot; Round Tables"/>
    <n v="301.95999999999998"/>
    <n v="2"/>
    <n v="45.29"/>
  </r>
  <r>
    <d v="2015-11-01T00:00:00"/>
    <x v="10"/>
    <x v="1"/>
    <x v="645"/>
    <x v="20"/>
    <x v="1"/>
    <x v="5"/>
    <s v="Global Highback Leather Tilter in Burgundy"/>
    <n v="327.56"/>
    <n v="4"/>
    <n v="21.84"/>
  </r>
  <r>
    <d v="2015-11-01T00:00:00"/>
    <x v="10"/>
    <x v="1"/>
    <x v="467"/>
    <x v="20"/>
    <x v="1"/>
    <x v="5"/>
    <s v="Hon Comfortask Task/Swivel Chairs"/>
    <n v="205.16"/>
    <n v="2"/>
    <n v="13.68"/>
  </r>
  <r>
    <d v="2015-11-02T00:00:00"/>
    <x v="10"/>
    <x v="1"/>
    <x v="117"/>
    <x v="3"/>
    <x v="1"/>
    <x v="13"/>
    <s v="Bevis Round Bullnose 29&quot; High Table Top"/>
    <n v="1038.8399999999999"/>
    <n v="5"/>
    <n v="51.94"/>
  </r>
  <r>
    <d v="2015-11-02T00:00:00"/>
    <x v="10"/>
    <x v="1"/>
    <x v="708"/>
    <x v="22"/>
    <x v="2"/>
    <x v="9"/>
    <s v="Logitech K350 2.4Ghz Wireless Keyboard"/>
    <n v="447.93"/>
    <n v="9"/>
    <n v="49.27"/>
  </r>
  <r>
    <d v="2015-11-02T00:00:00"/>
    <x v="10"/>
    <x v="1"/>
    <x v="308"/>
    <x v="20"/>
    <x v="1"/>
    <x v="5"/>
    <s v="Global Armless Task Chair, Royal Blue"/>
    <n v="109.76"/>
    <n v="2"/>
    <n v="8.5399999999999991"/>
  </r>
  <r>
    <d v="2015-11-02T00:00:00"/>
    <x v="10"/>
    <x v="1"/>
    <x v="235"/>
    <x v="3"/>
    <x v="1"/>
    <x v="8"/>
    <s v="Contemporary Wood/Metal Frame"/>
    <n v="96.96"/>
    <n v="6"/>
    <n v="33.94"/>
  </r>
  <r>
    <d v="2015-11-02T00:00:00"/>
    <x v="10"/>
    <x v="1"/>
    <x v="235"/>
    <x v="3"/>
    <x v="0"/>
    <x v="3"/>
    <s v="GBC Premium Transparent Covers with Diagonal Lined Pattern"/>
    <n v="117.49"/>
    <n v="7"/>
    <n v="41.12"/>
  </r>
  <r>
    <d v="2015-11-02T00:00:00"/>
    <x v="10"/>
    <x v="1"/>
    <x v="235"/>
    <x v="3"/>
    <x v="0"/>
    <x v="3"/>
    <s v="Cardinal Holdit Business Card Pockets"/>
    <n v="11.95"/>
    <n v="3"/>
    <n v="4.18"/>
  </r>
  <r>
    <d v="2015-11-02T00:00:00"/>
    <x v="10"/>
    <x v="1"/>
    <x v="235"/>
    <x v="3"/>
    <x v="1"/>
    <x v="11"/>
    <s v="O'Sullivan Living Dimensions 3-Shelf Bookcases"/>
    <n v="512.5"/>
    <n v="3"/>
    <n v="-30.15"/>
  </r>
  <r>
    <d v="2015-11-02T00:00:00"/>
    <x v="10"/>
    <x v="1"/>
    <x v="341"/>
    <x v="20"/>
    <x v="1"/>
    <x v="5"/>
    <s v="Hon Olson Stacker Chairs"/>
    <n v="2621.3200000000002"/>
    <n v="11"/>
    <n v="553.39"/>
  </r>
  <r>
    <d v="2015-11-02T00:00:00"/>
    <x v="10"/>
    <x v="1"/>
    <x v="323"/>
    <x v="0"/>
    <x v="0"/>
    <x v="3"/>
    <s v="GBC Premium Transparent Covers with Diagonal Lined Pattern"/>
    <n v="29.37"/>
    <n v="7"/>
    <n v="-47"/>
  </r>
  <r>
    <d v="2015-11-02T00:00:00"/>
    <x v="10"/>
    <x v="1"/>
    <x v="323"/>
    <x v="0"/>
    <x v="2"/>
    <x v="6"/>
    <s v="Aastra 6757i CT Wireless VoIP phone"/>
    <n v="344.7"/>
    <n v="2"/>
    <n v="38.78"/>
  </r>
  <r>
    <d v="2015-11-02T00:00:00"/>
    <x v="10"/>
    <x v="1"/>
    <x v="709"/>
    <x v="6"/>
    <x v="0"/>
    <x v="12"/>
    <s v="Eureka Hand Vacuum, Bagless"/>
    <n v="197.72"/>
    <n v="4"/>
    <n v="55.36"/>
  </r>
  <r>
    <d v="2015-11-03T00:00:00"/>
    <x v="10"/>
    <x v="1"/>
    <x v="619"/>
    <x v="3"/>
    <x v="2"/>
    <x v="6"/>
    <s v="Cisco IP Phone 7961G-GE VoIP phone"/>
    <n v="1212.8499999999999"/>
    <n v="7"/>
    <n v="106.12"/>
  </r>
  <r>
    <d v="2015-11-03T00:00:00"/>
    <x v="10"/>
    <x v="1"/>
    <x v="619"/>
    <x v="3"/>
    <x v="2"/>
    <x v="9"/>
    <s v="Logitech Trackman Marble Mouse"/>
    <n v="89.97"/>
    <n v="3"/>
    <n v="37.79"/>
  </r>
  <r>
    <d v="2015-11-03T00:00:00"/>
    <x v="10"/>
    <x v="1"/>
    <x v="619"/>
    <x v="3"/>
    <x v="1"/>
    <x v="8"/>
    <s v="Coloredge Poster Frame"/>
    <n v="42.6"/>
    <n v="3"/>
    <n v="16.61"/>
  </r>
  <r>
    <d v="2015-11-03T00:00:00"/>
    <x v="10"/>
    <x v="1"/>
    <x v="10"/>
    <x v="0"/>
    <x v="0"/>
    <x v="10"/>
    <s v="#10 Gummed Flap White Envelopes, 100/Box"/>
    <n v="6.61"/>
    <n v="2"/>
    <n v="2.15"/>
  </r>
  <r>
    <d v="2015-11-03T00:00:00"/>
    <x v="10"/>
    <x v="1"/>
    <x v="470"/>
    <x v="20"/>
    <x v="1"/>
    <x v="5"/>
    <s v="Office Star - Mid Back Dual function Ergonomic High Back Chair with 2-Way Adjustable Arms"/>
    <n v="1448.82"/>
    <n v="10"/>
    <n v="209.27"/>
  </r>
  <r>
    <d v="2015-11-05T00:00:00"/>
    <x v="10"/>
    <x v="1"/>
    <x v="169"/>
    <x v="25"/>
    <x v="1"/>
    <x v="5"/>
    <s v="Harbour Creations Steel Folding Chair"/>
    <n v="207"/>
    <n v="3"/>
    <n v="25.88"/>
  </r>
  <r>
    <d v="2015-11-05T00:00:00"/>
    <x v="10"/>
    <x v="1"/>
    <x v="329"/>
    <x v="16"/>
    <x v="0"/>
    <x v="12"/>
    <s v="Belkin 325VA UPS Surge Protector, 6'"/>
    <n v="387.14"/>
    <n v="4"/>
    <n v="24.2"/>
  </r>
  <r>
    <d v="2015-11-05T00:00:00"/>
    <x v="10"/>
    <x v="1"/>
    <x v="241"/>
    <x v="20"/>
    <x v="0"/>
    <x v="3"/>
    <s v="Wilson Jones 1&quot; Hanging DublLock Ring Binders"/>
    <n v="25.34"/>
    <n v="6"/>
    <n v="8.8699999999999992"/>
  </r>
  <r>
    <d v="2015-11-05T00:00:00"/>
    <x v="10"/>
    <x v="1"/>
    <x v="534"/>
    <x v="1"/>
    <x v="0"/>
    <x v="1"/>
    <s v="Avery 476"/>
    <n v="19.82"/>
    <n v="6"/>
    <n v="6.44"/>
  </r>
  <r>
    <d v="2015-11-05T00:00:00"/>
    <x v="10"/>
    <x v="1"/>
    <x v="176"/>
    <x v="3"/>
    <x v="0"/>
    <x v="2"/>
    <s v="Hanging Personal Folder File"/>
    <n v="62.8"/>
    <n v="4"/>
    <n v="15.7"/>
  </r>
  <r>
    <d v="2015-11-05T00:00:00"/>
    <x v="10"/>
    <x v="1"/>
    <x v="318"/>
    <x v="22"/>
    <x v="0"/>
    <x v="3"/>
    <s v="Avery Trapezoid Ring Binder, 3&quot; Capacity, Black, 1040 sheets"/>
    <n v="98.35"/>
    <n v="3"/>
    <n v="35.65"/>
  </r>
  <r>
    <d v="2015-11-05T00:00:00"/>
    <x v="10"/>
    <x v="1"/>
    <x v="710"/>
    <x v="10"/>
    <x v="0"/>
    <x v="3"/>
    <s v="Insertable Tab Post Binder Dividers"/>
    <n v="7.22"/>
    <n v="3"/>
    <n v="-5.53"/>
  </r>
  <r>
    <d v="2015-11-05T00:00:00"/>
    <x v="10"/>
    <x v="1"/>
    <x v="710"/>
    <x v="10"/>
    <x v="0"/>
    <x v="14"/>
    <s v="Acme Titanium Bonded Scissors"/>
    <n v="27.2"/>
    <n v="4"/>
    <n v="2.04"/>
  </r>
  <r>
    <d v="2015-11-06T00:00:00"/>
    <x v="10"/>
    <x v="1"/>
    <x v="711"/>
    <x v="12"/>
    <x v="0"/>
    <x v="10"/>
    <s v="Redi-Strip #10 Envelopes, 4 1/8 x 9 1/2"/>
    <n v="7.08"/>
    <n v="3"/>
    <n v="2.48"/>
  </r>
  <r>
    <d v="2015-11-06T00:00:00"/>
    <x v="10"/>
    <x v="1"/>
    <x v="711"/>
    <x v="12"/>
    <x v="0"/>
    <x v="3"/>
    <s v="UniKeep View Case Binders"/>
    <n v="4.4000000000000004"/>
    <n v="3"/>
    <n v="-3.52"/>
  </r>
  <r>
    <d v="2015-11-07T00:00:00"/>
    <x v="10"/>
    <x v="1"/>
    <x v="119"/>
    <x v="3"/>
    <x v="1"/>
    <x v="5"/>
    <s v="Safco Contoured Stacking Chairs"/>
    <n v="190.72"/>
    <n v="1"/>
    <n v="11.92"/>
  </r>
  <r>
    <d v="2015-11-07T00:00:00"/>
    <x v="10"/>
    <x v="1"/>
    <x v="411"/>
    <x v="7"/>
    <x v="0"/>
    <x v="7"/>
    <s v="Rubber Band Ball"/>
    <n v="26.18"/>
    <n v="7"/>
    <n v="0.52"/>
  </r>
  <r>
    <d v="2015-11-07T00:00:00"/>
    <x v="10"/>
    <x v="1"/>
    <x v="411"/>
    <x v="7"/>
    <x v="0"/>
    <x v="0"/>
    <s v="Loose Memo Sheets"/>
    <n v="7.3"/>
    <n v="2"/>
    <n v="3.43"/>
  </r>
  <r>
    <d v="2015-11-07T00:00:00"/>
    <x v="10"/>
    <x v="1"/>
    <x v="119"/>
    <x v="2"/>
    <x v="0"/>
    <x v="10"/>
    <s v="White Envelopes, White Envelopes with Clear Poly Window"/>
    <n v="24.4"/>
    <n v="2"/>
    <n v="7.93"/>
  </r>
  <r>
    <d v="2015-11-07T00:00:00"/>
    <x v="10"/>
    <x v="1"/>
    <x v="149"/>
    <x v="45"/>
    <x v="1"/>
    <x v="5"/>
    <s v="Safco Contoured Stacking Chairs"/>
    <n v="715.2"/>
    <n v="3"/>
    <n v="178.8"/>
  </r>
  <r>
    <d v="2015-11-07T00:00:00"/>
    <x v="10"/>
    <x v="1"/>
    <x v="85"/>
    <x v="16"/>
    <x v="0"/>
    <x v="3"/>
    <s v="Avery Hanging File Binders"/>
    <n v="16.149999999999999"/>
    <n v="9"/>
    <n v="-12.92"/>
  </r>
  <r>
    <d v="2015-11-07T00:00:00"/>
    <x v="10"/>
    <x v="1"/>
    <x v="85"/>
    <x v="16"/>
    <x v="0"/>
    <x v="3"/>
    <s v="GBC DocuBind TL300 Electric Binding System"/>
    <n v="1345.49"/>
    <n v="5"/>
    <n v="-1031.54"/>
  </r>
  <r>
    <d v="2015-11-07T00:00:00"/>
    <x v="10"/>
    <x v="1"/>
    <x v="712"/>
    <x v="0"/>
    <x v="0"/>
    <x v="0"/>
    <s v="Xerox 1886"/>
    <n v="76.64"/>
    <n v="2"/>
    <n v="26.82"/>
  </r>
  <r>
    <d v="2015-11-07T00:00:00"/>
    <x v="10"/>
    <x v="1"/>
    <x v="579"/>
    <x v="0"/>
    <x v="0"/>
    <x v="4"/>
    <s v="Lumber Crayons"/>
    <n v="23.64"/>
    <n v="3"/>
    <n v="5.32"/>
  </r>
  <r>
    <d v="2015-11-07T00:00:00"/>
    <x v="10"/>
    <x v="1"/>
    <x v="579"/>
    <x v="0"/>
    <x v="0"/>
    <x v="2"/>
    <s v="Gould Plastics 9-Pocket Panel Bin, 18-3/8w x 5-1/4d x 20-1/2h, Black"/>
    <n v="84.78"/>
    <n v="2"/>
    <n v="-16.96"/>
  </r>
  <r>
    <d v="2015-11-07T00:00:00"/>
    <x v="10"/>
    <x v="1"/>
    <x v="579"/>
    <x v="0"/>
    <x v="1"/>
    <x v="8"/>
    <s v="Tenex Chairmats For Use with Hard Floors"/>
    <n v="64.959999999999994"/>
    <n v="5"/>
    <n v="-84.45"/>
  </r>
  <r>
    <d v="2015-11-07T00:00:00"/>
    <x v="10"/>
    <x v="1"/>
    <x v="579"/>
    <x v="0"/>
    <x v="0"/>
    <x v="3"/>
    <s v="Avery Recycled Flexi-View Covers for Binding Systems"/>
    <n v="32.06"/>
    <n v="10"/>
    <n v="-51.3"/>
  </r>
  <r>
    <d v="2015-11-07T00:00:00"/>
    <x v="10"/>
    <x v="1"/>
    <x v="579"/>
    <x v="0"/>
    <x v="0"/>
    <x v="2"/>
    <s v="Fellowes Recycled Storage Drawers"/>
    <n v="177.65"/>
    <n v="2"/>
    <n v="-28.87"/>
  </r>
  <r>
    <d v="2015-11-07T00:00:00"/>
    <x v="10"/>
    <x v="1"/>
    <x v="579"/>
    <x v="0"/>
    <x v="2"/>
    <x v="15"/>
    <s v="Canon PC170 Desktop Personal Copier"/>
    <n v="287.91000000000003"/>
    <n v="3"/>
    <n v="33.590000000000003"/>
  </r>
  <r>
    <d v="2015-11-08T00:00:00"/>
    <x v="10"/>
    <x v="1"/>
    <x v="276"/>
    <x v="32"/>
    <x v="0"/>
    <x v="4"/>
    <s v="American Pencil"/>
    <n v="11.65"/>
    <n v="5"/>
    <n v="3.38"/>
  </r>
  <r>
    <d v="2015-11-08T00:00:00"/>
    <x v="10"/>
    <x v="1"/>
    <x v="713"/>
    <x v="3"/>
    <x v="0"/>
    <x v="7"/>
    <s v="Advantus Plastic Paper Clips"/>
    <n v="5"/>
    <n v="1"/>
    <n v="2.4"/>
  </r>
  <r>
    <d v="2015-11-08T00:00:00"/>
    <x v="10"/>
    <x v="1"/>
    <x v="713"/>
    <x v="3"/>
    <x v="2"/>
    <x v="9"/>
    <s v="Logitech G19 Programmable Gaming Keyboard"/>
    <n v="371.97"/>
    <n v="3"/>
    <n v="66.95"/>
  </r>
  <r>
    <d v="2015-11-08T00:00:00"/>
    <x v="10"/>
    <x v="1"/>
    <x v="42"/>
    <x v="27"/>
    <x v="0"/>
    <x v="7"/>
    <s v="Alliance Rubber Bands"/>
    <n v="5.04"/>
    <n v="3"/>
    <n v="0.2"/>
  </r>
  <r>
    <d v="2015-11-08T00:00:00"/>
    <x v="10"/>
    <x v="1"/>
    <x v="42"/>
    <x v="27"/>
    <x v="0"/>
    <x v="0"/>
    <s v="Xerox 1988"/>
    <n v="92.94"/>
    <n v="3"/>
    <n v="41.82"/>
  </r>
  <r>
    <d v="2015-11-08T00:00:00"/>
    <x v="10"/>
    <x v="1"/>
    <x v="42"/>
    <x v="27"/>
    <x v="1"/>
    <x v="8"/>
    <s v="Executive Impressions 14&quot; Contract Wall Clock"/>
    <n v="66.69"/>
    <n v="3"/>
    <n v="22.01"/>
  </r>
  <r>
    <d v="2015-11-08T00:00:00"/>
    <x v="10"/>
    <x v="1"/>
    <x v="42"/>
    <x v="27"/>
    <x v="0"/>
    <x v="3"/>
    <s v="Deluxe Heavy-Duty Vinyl Round Ring Binder"/>
    <n v="91.68"/>
    <n v="5"/>
    <n v="28.65"/>
  </r>
  <r>
    <d v="2015-11-08T00:00:00"/>
    <x v="10"/>
    <x v="1"/>
    <x v="482"/>
    <x v="20"/>
    <x v="0"/>
    <x v="3"/>
    <s v="Storex Dura Pro Binders"/>
    <n v="52.27"/>
    <n v="11"/>
    <n v="17.64"/>
  </r>
  <r>
    <d v="2015-11-08T00:00:00"/>
    <x v="10"/>
    <x v="1"/>
    <x v="482"/>
    <x v="20"/>
    <x v="0"/>
    <x v="0"/>
    <s v="Great White Multi-Use Recycled Paper (20Lb. and 84 Bright)"/>
    <n v="17.940000000000001"/>
    <n v="3"/>
    <n v="8.07"/>
  </r>
  <r>
    <d v="2015-11-08T00:00:00"/>
    <x v="10"/>
    <x v="1"/>
    <x v="257"/>
    <x v="0"/>
    <x v="0"/>
    <x v="3"/>
    <s v="Wilson Jones Leather-Like Binders with DublLock Round Rings"/>
    <n v="10.48"/>
    <n v="6"/>
    <n v="-17.29"/>
  </r>
  <r>
    <d v="2015-11-08T00:00:00"/>
    <x v="10"/>
    <x v="1"/>
    <x v="661"/>
    <x v="3"/>
    <x v="2"/>
    <x v="9"/>
    <s v="Microsoft Arc Touch Mouse"/>
    <n v="119.9"/>
    <n v="2"/>
    <n v="43.16"/>
  </r>
  <r>
    <d v="2015-11-08T00:00:00"/>
    <x v="10"/>
    <x v="1"/>
    <x v="663"/>
    <x v="6"/>
    <x v="0"/>
    <x v="12"/>
    <s v="Holmes Replacement Filter for HEPA Air Cleaner, Large Room"/>
    <n v="44.43"/>
    <n v="3"/>
    <n v="18.66"/>
  </r>
  <r>
    <d v="2015-11-08T00:00:00"/>
    <x v="10"/>
    <x v="1"/>
    <x v="663"/>
    <x v="6"/>
    <x v="2"/>
    <x v="6"/>
    <s v="AT&amp;T 17929 Lendline Telephone"/>
    <n v="226.2"/>
    <n v="5"/>
    <n v="58.81"/>
  </r>
  <r>
    <d v="2015-11-08T00:00:00"/>
    <x v="10"/>
    <x v="1"/>
    <x v="663"/>
    <x v="6"/>
    <x v="1"/>
    <x v="8"/>
    <s v="Deflect-o Glass Clear Studded Chair Mats"/>
    <n v="186.54"/>
    <n v="3"/>
    <n v="41.04"/>
  </r>
  <r>
    <d v="2015-11-08T00:00:00"/>
    <x v="10"/>
    <x v="1"/>
    <x v="663"/>
    <x v="6"/>
    <x v="0"/>
    <x v="4"/>
    <s v="Hunt PowerHouse Electric Pencil Sharpener, Blue"/>
    <n v="265.86"/>
    <n v="7"/>
    <n v="79.760000000000005"/>
  </r>
  <r>
    <d v="2015-11-08T00:00:00"/>
    <x v="10"/>
    <x v="1"/>
    <x v="663"/>
    <x v="6"/>
    <x v="0"/>
    <x v="4"/>
    <s v="Newell 314"/>
    <n v="27.9"/>
    <n v="5"/>
    <n v="6.98"/>
  </r>
  <r>
    <d v="2015-11-08T00:00:00"/>
    <x v="10"/>
    <x v="1"/>
    <x v="122"/>
    <x v="30"/>
    <x v="2"/>
    <x v="6"/>
    <s v="Cisco SPA508G"/>
    <n v="263.95999999999998"/>
    <n v="4"/>
    <n v="76.55"/>
  </r>
  <r>
    <d v="2015-11-08T00:00:00"/>
    <x v="10"/>
    <x v="1"/>
    <x v="435"/>
    <x v="20"/>
    <x v="0"/>
    <x v="2"/>
    <s v="Fellowes Desktop Hanging File Manager"/>
    <n v="67.150000000000006"/>
    <n v="5"/>
    <n v="16.79"/>
  </r>
  <r>
    <d v="2015-11-08T00:00:00"/>
    <x v="10"/>
    <x v="1"/>
    <x v="435"/>
    <x v="20"/>
    <x v="2"/>
    <x v="6"/>
    <s v="Mitel MiVoice 5330e IP Phone"/>
    <n v="549.98"/>
    <n v="2"/>
    <n v="142.99"/>
  </r>
  <r>
    <d v="2015-11-08T00:00:00"/>
    <x v="10"/>
    <x v="1"/>
    <x v="435"/>
    <x v="20"/>
    <x v="1"/>
    <x v="8"/>
    <s v="Nu-Dell EZ-Mount Plastic Wall Frames"/>
    <n v="11.82"/>
    <n v="3"/>
    <n v="4.7300000000000004"/>
  </r>
  <r>
    <d v="2015-11-08T00:00:00"/>
    <x v="10"/>
    <x v="1"/>
    <x v="435"/>
    <x v="20"/>
    <x v="2"/>
    <x v="15"/>
    <s v="Zebra ZM400 Thermal Label Printer"/>
    <n v="4643.8"/>
    <n v="4"/>
    <n v="2229.02"/>
  </r>
  <r>
    <d v="2015-11-08T00:00:00"/>
    <x v="10"/>
    <x v="1"/>
    <x v="435"/>
    <x v="20"/>
    <x v="1"/>
    <x v="5"/>
    <s v="Hon 4070 Series Pagoda Round Back Stacking Chairs"/>
    <n v="577.76"/>
    <n v="2"/>
    <n v="115.55"/>
  </r>
  <r>
    <d v="2015-11-08T00:00:00"/>
    <x v="10"/>
    <x v="1"/>
    <x v="270"/>
    <x v="25"/>
    <x v="0"/>
    <x v="7"/>
    <s v="OIC Binder Clips"/>
    <n v="31.5"/>
    <n v="11"/>
    <n v="11.81"/>
  </r>
  <r>
    <d v="2015-11-08T00:00:00"/>
    <x v="10"/>
    <x v="1"/>
    <x v="270"/>
    <x v="25"/>
    <x v="0"/>
    <x v="1"/>
    <s v="Permanent Self-Adhesive File Folder Labels for Typewriters, 1 1/8 x 3 1/2, White"/>
    <n v="5.04"/>
    <n v="1"/>
    <n v="1.64"/>
  </r>
  <r>
    <d v="2015-11-08T00:00:00"/>
    <x v="10"/>
    <x v="1"/>
    <x v="270"/>
    <x v="25"/>
    <x v="0"/>
    <x v="3"/>
    <s v="Poly Designer Cover &amp; Back"/>
    <n v="39.880000000000003"/>
    <n v="7"/>
    <n v="-29.24"/>
  </r>
  <r>
    <d v="2015-11-08T00:00:00"/>
    <x v="10"/>
    <x v="1"/>
    <x v="270"/>
    <x v="25"/>
    <x v="1"/>
    <x v="8"/>
    <s v="Eldon Wave Desk Accessories"/>
    <n v="4.71"/>
    <n v="1"/>
    <n v="1.41"/>
  </r>
  <r>
    <d v="2015-11-08T00:00:00"/>
    <x v="10"/>
    <x v="1"/>
    <x v="87"/>
    <x v="45"/>
    <x v="1"/>
    <x v="11"/>
    <s v="Riverside Palais Royal Lawyers Bookcase, Royale Cherry Finish"/>
    <n v="4404.8999999999996"/>
    <n v="5"/>
    <n v="1013.13"/>
  </r>
  <r>
    <d v="2015-11-09T00:00:00"/>
    <x v="10"/>
    <x v="1"/>
    <x v="693"/>
    <x v="2"/>
    <x v="0"/>
    <x v="0"/>
    <s v="While You Were Out Pads, 50 per Pad, 4 x 5 1/4, Green Cycle"/>
    <n v="11.35"/>
    <n v="3"/>
    <n v="4.12"/>
  </r>
  <r>
    <d v="2015-11-09T00:00:00"/>
    <x v="10"/>
    <x v="1"/>
    <x v="423"/>
    <x v="24"/>
    <x v="0"/>
    <x v="3"/>
    <s v="Binder Posts"/>
    <n v="17.22"/>
    <n v="3"/>
    <n v="7.92"/>
  </r>
  <r>
    <d v="2015-11-09T00:00:00"/>
    <x v="10"/>
    <x v="1"/>
    <x v="423"/>
    <x v="24"/>
    <x v="1"/>
    <x v="13"/>
    <s v="Bevis Round Conference Table Top &amp; Single Column Base"/>
    <n v="1024.3800000000001"/>
    <n v="7"/>
    <n v="215.12"/>
  </r>
  <r>
    <d v="2015-11-09T00:00:00"/>
    <x v="10"/>
    <x v="1"/>
    <x v="423"/>
    <x v="24"/>
    <x v="0"/>
    <x v="10"/>
    <s v="#10- 4 1/8&quot; x 9 1/2&quot; Recycled Envelopes"/>
    <n v="26.22"/>
    <n v="3"/>
    <n v="12.32"/>
  </r>
  <r>
    <d v="2015-11-09T00:00:00"/>
    <x v="10"/>
    <x v="1"/>
    <x v="423"/>
    <x v="24"/>
    <x v="0"/>
    <x v="0"/>
    <s v="Xerox 1978"/>
    <n v="17.34"/>
    <n v="3"/>
    <n v="8.5"/>
  </r>
  <r>
    <d v="2015-11-09T00:00:00"/>
    <x v="10"/>
    <x v="1"/>
    <x v="222"/>
    <x v="20"/>
    <x v="2"/>
    <x v="15"/>
    <s v="Zebra ZM400 Thermal Label Printer"/>
    <n v="2321.9"/>
    <n v="2"/>
    <n v="1114.51"/>
  </r>
  <r>
    <d v="2015-11-09T00:00:00"/>
    <x v="10"/>
    <x v="1"/>
    <x v="222"/>
    <x v="20"/>
    <x v="0"/>
    <x v="2"/>
    <s v="Perma STOR-ALL Hanging File Box, 13 1/8&quot;W x 12 1/4&quot;D x 10 1/2&quot;H"/>
    <n v="17.940000000000001"/>
    <n v="3"/>
    <n v="3.05"/>
  </r>
  <r>
    <d v="2015-11-09T00:00:00"/>
    <x v="10"/>
    <x v="1"/>
    <x v="265"/>
    <x v="20"/>
    <x v="0"/>
    <x v="2"/>
    <s v="Tennsco Industrial Shelving"/>
    <n v="244.55"/>
    <n v="5"/>
    <n v="4.8899999999999997"/>
  </r>
  <r>
    <d v="2015-11-09T00:00:00"/>
    <x v="10"/>
    <x v="1"/>
    <x v="265"/>
    <x v="20"/>
    <x v="0"/>
    <x v="10"/>
    <s v="Poly String Tie Envelopes"/>
    <n v="12.24"/>
    <n v="6"/>
    <n v="5.75"/>
  </r>
  <r>
    <d v="2015-11-09T00:00:00"/>
    <x v="10"/>
    <x v="1"/>
    <x v="265"/>
    <x v="20"/>
    <x v="2"/>
    <x v="9"/>
    <s v="AmazonBasics 3-Button USB Wired Mouse"/>
    <n v="13.98"/>
    <n v="2"/>
    <n v="6.01"/>
  </r>
  <r>
    <d v="2015-11-09T00:00:00"/>
    <x v="10"/>
    <x v="1"/>
    <x v="265"/>
    <x v="20"/>
    <x v="2"/>
    <x v="9"/>
    <s v="LogitechÂ VX Revolution Cordless Laser Mouse for Notebooks (Black)"/>
    <n v="899.95"/>
    <n v="5"/>
    <n v="54"/>
  </r>
  <r>
    <d v="2015-11-09T00:00:00"/>
    <x v="10"/>
    <x v="1"/>
    <x v="618"/>
    <x v="3"/>
    <x v="0"/>
    <x v="7"/>
    <s v="OIC Binder Clips, Mini, 1/4&quot; Capacity, Black"/>
    <n v="2.48"/>
    <n v="2"/>
    <n v="1.17"/>
  </r>
  <r>
    <d v="2015-11-09T00:00:00"/>
    <x v="10"/>
    <x v="1"/>
    <x v="408"/>
    <x v="18"/>
    <x v="0"/>
    <x v="3"/>
    <s v="Avery Poly Binder Pockets"/>
    <n v="10.74"/>
    <n v="3"/>
    <n v="5.16"/>
  </r>
  <r>
    <d v="2015-11-10T00:00:00"/>
    <x v="10"/>
    <x v="1"/>
    <x v="545"/>
    <x v="3"/>
    <x v="2"/>
    <x v="9"/>
    <s v="Microsoft Sculpt Comfort Mouse"/>
    <n v="79.900000000000006"/>
    <n v="2"/>
    <n v="35.159999999999997"/>
  </r>
  <r>
    <d v="2015-11-10T00:00:00"/>
    <x v="10"/>
    <x v="1"/>
    <x v="571"/>
    <x v="18"/>
    <x v="0"/>
    <x v="2"/>
    <s v="Letter Size Cart"/>
    <n v="714.3"/>
    <n v="5"/>
    <n v="207.15"/>
  </r>
  <r>
    <d v="2015-11-10T00:00:00"/>
    <x v="10"/>
    <x v="1"/>
    <x v="675"/>
    <x v="28"/>
    <x v="0"/>
    <x v="12"/>
    <s v="Hoover Shoulder Vac Commercial Portable Vacuum"/>
    <n v="715.64"/>
    <n v="2"/>
    <n v="178.91"/>
  </r>
  <r>
    <d v="2015-11-10T00:00:00"/>
    <x v="10"/>
    <x v="1"/>
    <x v="675"/>
    <x v="28"/>
    <x v="0"/>
    <x v="2"/>
    <s v="Tennsco 6- and 18-Compartment Lockers"/>
    <n v="795.51"/>
    <n v="3"/>
    <n v="143.19"/>
  </r>
  <r>
    <d v="2015-11-10T00:00:00"/>
    <x v="10"/>
    <x v="1"/>
    <x v="675"/>
    <x v="28"/>
    <x v="2"/>
    <x v="16"/>
    <s v="Sharp 1540cs Digital Laser Copier"/>
    <n v="549.99"/>
    <n v="1"/>
    <n v="275"/>
  </r>
  <r>
    <d v="2015-11-10T00:00:00"/>
    <x v="10"/>
    <x v="1"/>
    <x v="675"/>
    <x v="28"/>
    <x v="0"/>
    <x v="3"/>
    <s v="GBC Standard Therm-A-Bind Covers"/>
    <n v="74.760000000000005"/>
    <n v="3"/>
    <n v="34.39"/>
  </r>
  <r>
    <d v="2015-11-10T00:00:00"/>
    <x v="10"/>
    <x v="1"/>
    <x v="675"/>
    <x v="28"/>
    <x v="1"/>
    <x v="8"/>
    <s v="Staple-based wall hangings"/>
    <n v="29.22"/>
    <n v="3"/>
    <n v="12.86"/>
  </r>
  <r>
    <d v="2015-11-10T00:00:00"/>
    <x v="10"/>
    <x v="1"/>
    <x v="66"/>
    <x v="2"/>
    <x v="0"/>
    <x v="2"/>
    <s v="Iceberg Mobile Mega Data/Printer Cart"/>
    <n v="577.58000000000004"/>
    <n v="6"/>
    <n v="43.32"/>
  </r>
  <r>
    <d v="2015-11-11T00:00:00"/>
    <x v="10"/>
    <x v="1"/>
    <x v="597"/>
    <x v="14"/>
    <x v="0"/>
    <x v="2"/>
    <s v="Advantus 10-Drawer Portable Organizer, Chrome Metal Frame, Smoke Drawers"/>
    <n v="418.32"/>
    <n v="7"/>
    <n v="117.13"/>
  </r>
  <r>
    <d v="2015-11-11T00:00:00"/>
    <x v="10"/>
    <x v="1"/>
    <x v="597"/>
    <x v="14"/>
    <x v="0"/>
    <x v="12"/>
    <s v="Holmes Replacement Filter for HEPA Air Cleaner, Very Large Room, HEPA Filter"/>
    <n v="123.86"/>
    <n v="2"/>
    <n v="46.79"/>
  </r>
  <r>
    <d v="2015-11-12T00:00:00"/>
    <x v="10"/>
    <x v="1"/>
    <x v="515"/>
    <x v="3"/>
    <x v="0"/>
    <x v="0"/>
    <s v="Adams &quot;While You Were Out&quot; Message Pads"/>
    <n v="15.7"/>
    <n v="5"/>
    <n v="7.07"/>
  </r>
  <r>
    <d v="2015-11-12T00:00:00"/>
    <x v="10"/>
    <x v="1"/>
    <x v="123"/>
    <x v="16"/>
    <x v="0"/>
    <x v="4"/>
    <s v="Newell 317"/>
    <n v="11.76"/>
    <n v="5"/>
    <n v="1.32"/>
  </r>
  <r>
    <d v="2015-11-12T00:00:00"/>
    <x v="10"/>
    <x v="1"/>
    <x v="123"/>
    <x v="16"/>
    <x v="0"/>
    <x v="3"/>
    <s v="Wilson Jones Leather-Like Binders with DublLock Round Rings"/>
    <n v="5.24"/>
    <n v="2"/>
    <n v="-4.0199999999999996"/>
  </r>
  <r>
    <d v="2015-11-12T00:00:00"/>
    <x v="10"/>
    <x v="1"/>
    <x v="123"/>
    <x v="16"/>
    <x v="0"/>
    <x v="3"/>
    <s v="SlimView Poly Binder, 3/8&quot;"/>
    <n v="4.66"/>
    <n v="3"/>
    <n v="-3.73"/>
  </r>
  <r>
    <d v="2015-11-12T00:00:00"/>
    <x v="10"/>
    <x v="1"/>
    <x v="123"/>
    <x v="16"/>
    <x v="1"/>
    <x v="5"/>
    <s v="Office Star - Contemporary Task Swivel chair with Loop Arms, Charcoal"/>
    <n v="523.91999999999996"/>
    <n v="5"/>
    <n v="-72.040000000000006"/>
  </r>
  <r>
    <d v="2015-11-12T00:00:00"/>
    <x v="10"/>
    <x v="1"/>
    <x v="123"/>
    <x v="16"/>
    <x v="2"/>
    <x v="6"/>
    <s v="VTech DS6151"/>
    <n v="100.79"/>
    <n v="1"/>
    <n v="10.08"/>
  </r>
  <r>
    <d v="2015-11-12T00:00:00"/>
    <x v="10"/>
    <x v="1"/>
    <x v="123"/>
    <x v="16"/>
    <x v="1"/>
    <x v="5"/>
    <s v="Global Push Button Manager's Chair, Indigo"/>
    <n v="146.13999999999999"/>
    <n v="3"/>
    <n v="16.440000000000001"/>
  </r>
  <r>
    <d v="2015-11-12T00:00:00"/>
    <x v="10"/>
    <x v="1"/>
    <x v="407"/>
    <x v="0"/>
    <x v="0"/>
    <x v="2"/>
    <s v="Carina 42&quot;Hx23 3/4&quot;W Media Storage Unit"/>
    <n v="64.78"/>
    <n v="1"/>
    <n v="-14.58"/>
  </r>
  <r>
    <d v="2015-11-12T00:00:00"/>
    <x v="10"/>
    <x v="1"/>
    <x v="407"/>
    <x v="0"/>
    <x v="0"/>
    <x v="0"/>
    <s v="Xerox 1957"/>
    <n v="15.55"/>
    <n v="3"/>
    <n v="5.64"/>
  </r>
  <r>
    <d v="2015-11-12T00:00:00"/>
    <x v="10"/>
    <x v="1"/>
    <x v="407"/>
    <x v="0"/>
    <x v="0"/>
    <x v="10"/>
    <s v="Blue String-Tie &amp; Button Interoffice Envelopes, 10 x 13"/>
    <n v="223.89"/>
    <n v="7"/>
    <n v="69.97"/>
  </r>
  <r>
    <d v="2015-11-12T00:00:00"/>
    <x v="10"/>
    <x v="1"/>
    <x v="632"/>
    <x v="20"/>
    <x v="0"/>
    <x v="10"/>
    <s v="Staple envelope"/>
    <n v="15.56"/>
    <n v="2"/>
    <n v="7.31"/>
  </r>
  <r>
    <d v="2015-11-13T00:00:00"/>
    <x v="10"/>
    <x v="1"/>
    <x v="641"/>
    <x v="26"/>
    <x v="2"/>
    <x v="9"/>
    <s v="Logitech K350 2.4Ghz Wireless Keyboard"/>
    <n v="238.9"/>
    <n v="6"/>
    <n v="-26.88"/>
  </r>
  <r>
    <d v="2015-11-13T00:00:00"/>
    <x v="10"/>
    <x v="1"/>
    <x v="641"/>
    <x v="26"/>
    <x v="1"/>
    <x v="8"/>
    <s v="Deflect-o DuraMat Lighweight, Studded, Beveled Mat for Low Pile Carpeting"/>
    <n v="102.36"/>
    <n v="3"/>
    <n v="-3.84"/>
  </r>
  <r>
    <d v="2015-11-13T00:00:00"/>
    <x v="10"/>
    <x v="1"/>
    <x v="641"/>
    <x v="26"/>
    <x v="0"/>
    <x v="3"/>
    <s v="Avery Trapezoid Ring Binder, 3&quot; Capacity, Black, 1040 sheets"/>
    <n v="36.880000000000003"/>
    <n v="3"/>
    <n v="-25.82"/>
  </r>
  <r>
    <d v="2015-11-13T00:00:00"/>
    <x v="10"/>
    <x v="1"/>
    <x v="519"/>
    <x v="25"/>
    <x v="0"/>
    <x v="0"/>
    <s v="Xerox 1910"/>
    <n v="115.3"/>
    <n v="3"/>
    <n v="40.35"/>
  </r>
  <r>
    <d v="2015-11-13T00:00:00"/>
    <x v="10"/>
    <x v="1"/>
    <x v="318"/>
    <x v="7"/>
    <x v="2"/>
    <x v="6"/>
    <s v="BlackBerry Q10"/>
    <n v="377.97"/>
    <n v="3"/>
    <n v="94.49"/>
  </r>
  <r>
    <d v="2015-11-13T00:00:00"/>
    <x v="10"/>
    <x v="1"/>
    <x v="318"/>
    <x v="7"/>
    <x v="0"/>
    <x v="0"/>
    <s v="Adams Telephone Message Books, 5 1/4Â” x 11Â”"/>
    <n v="42.28"/>
    <n v="7"/>
    <n v="19.87"/>
  </r>
  <r>
    <d v="2015-11-13T00:00:00"/>
    <x v="10"/>
    <x v="1"/>
    <x v="318"/>
    <x v="7"/>
    <x v="1"/>
    <x v="11"/>
    <s v="Bestar Classic Bookcase"/>
    <n v="299.97000000000003"/>
    <n v="3"/>
    <n v="56.99"/>
  </r>
  <r>
    <d v="2015-11-13T00:00:00"/>
    <x v="10"/>
    <x v="1"/>
    <x v="318"/>
    <x v="7"/>
    <x v="2"/>
    <x v="6"/>
    <s v="Innergie mMini Combo Duo USB Travel Charging Kit"/>
    <n v="89.98"/>
    <n v="2"/>
    <n v="43.19"/>
  </r>
  <r>
    <d v="2015-11-13T00:00:00"/>
    <x v="10"/>
    <x v="1"/>
    <x v="276"/>
    <x v="1"/>
    <x v="1"/>
    <x v="8"/>
    <s v="Eldon ImÃ ge Series Desk Accessories, Clear"/>
    <n v="17.5"/>
    <n v="9"/>
    <n v="-7.44"/>
  </r>
  <r>
    <d v="2015-11-13T00:00:00"/>
    <x v="10"/>
    <x v="1"/>
    <x v="277"/>
    <x v="18"/>
    <x v="0"/>
    <x v="0"/>
    <s v="Black Print Carbonless Snap-Off Rapid Letter, 8 1/2&quot; x 7&quot;"/>
    <n v="63.77"/>
    <n v="7"/>
    <n v="28.7"/>
  </r>
  <r>
    <d v="2015-11-13T00:00:00"/>
    <x v="10"/>
    <x v="1"/>
    <x v="277"/>
    <x v="18"/>
    <x v="2"/>
    <x v="6"/>
    <s v="Spigen Samsung Galaxy S5 Case Wallet"/>
    <n v="50.97"/>
    <n v="3"/>
    <n v="13.25"/>
  </r>
  <r>
    <d v="2015-11-13T00:00:00"/>
    <x v="10"/>
    <x v="1"/>
    <x v="277"/>
    <x v="18"/>
    <x v="0"/>
    <x v="0"/>
    <s v="Xerox 1910"/>
    <n v="96.08"/>
    <n v="2"/>
    <n v="46.12"/>
  </r>
  <r>
    <d v="2015-11-13T00:00:00"/>
    <x v="10"/>
    <x v="1"/>
    <x v="158"/>
    <x v="15"/>
    <x v="0"/>
    <x v="2"/>
    <s v="Portfile Personal File Boxes"/>
    <n v="84.96"/>
    <n v="6"/>
    <n v="6.37"/>
  </r>
  <r>
    <d v="2015-11-13T00:00:00"/>
    <x v="10"/>
    <x v="1"/>
    <x v="299"/>
    <x v="35"/>
    <x v="2"/>
    <x v="6"/>
    <s v="Panasonic KX TS3282W Corded phone"/>
    <n v="339.96"/>
    <n v="5"/>
    <n v="42.5"/>
  </r>
  <r>
    <d v="2015-11-13T00:00:00"/>
    <x v="10"/>
    <x v="1"/>
    <x v="299"/>
    <x v="35"/>
    <x v="1"/>
    <x v="8"/>
    <s v="Eldon Stackable Tray, Side-Load, Legal, Smoke"/>
    <n v="63.98"/>
    <n v="7"/>
    <n v="21.75"/>
  </r>
  <r>
    <d v="2015-11-13T00:00:00"/>
    <x v="10"/>
    <x v="1"/>
    <x v="667"/>
    <x v="16"/>
    <x v="0"/>
    <x v="3"/>
    <s v="Catalog Binders with Expanding Posts"/>
    <n v="121.1"/>
    <n v="6"/>
    <n v="-100.92"/>
  </r>
  <r>
    <d v="2015-11-13T00:00:00"/>
    <x v="10"/>
    <x v="1"/>
    <x v="667"/>
    <x v="16"/>
    <x v="2"/>
    <x v="9"/>
    <s v="MaxellÂ LTO Ultrium - 800 GB"/>
    <n v="111.96"/>
    <n v="5"/>
    <n v="-1.4"/>
  </r>
  <r>
    <d v="2015-11-13T00:00:00"/>
    <x v="10"/>
    <x v="1"/>
    <x v="487"/>
    <x v="0"/>
    <x v="1"/>
    <x v="11"/>
    <s v="Atlantic Metals Mobile 5-Shelf Bookcases, Custom Colors"/>
    <n v="614"/>
    <n v="3"/>
    <n v="-18.059999999999999"/>
  </r>
  <r>
    <d v="2015-11-13T00:00:00"/>
    <x v="10"/>
    <x v="1"/>
    <x v="348"/>
    <x v="3"/>
    <x v="0"/>
    <x v="3"/>
    <s v="Universal Recycled Hanging Pressboard Report Binders, Letter Size"/>
    <n v="9.8699999999999992"/>
    <n v="2"/>
    <n v="3.46"/>
  </r>
  <r>
    <d v="2015-11-13T00:00:00"/>
    <x v="10"/>
    <x v="1"/>
    <x v="348"/>
    <x v="3"/>
    <x v="1"/>
    <x v="11"/>
    <s v="O'Sullivan Living Dimensions 3-Shelf Bookcases"/>
    <n v="683.33"/>
    <n v="4"/>
    <n v="-40.200000000000003"/>
  </r>
  <r>
    <d v="2015-11-13T00:00:00"/>
    <x v="10"/>
    <x v="1"/>
    <x v="348"/>
    <x v="3"/>
    <x v="0"/>
    <x v="0"/>
    <s v="Xerox 1900"/>
    <n v="29.96"/>
    <n v="7"/>
    <n v="13.48"/>
  </r>
  <r>
    <d v="2015-11-14T00:00:00"/>
    <x v="10"/>
    <x v="1"/>
    <x v="225"/>
    <x v="20"/>
    <x v="2"/>
    <x v="9"/>
    <s v="ImationÂ Clip USBÂ flash driveÂ - 8 GB"/>
    <n v="37.6"/>
    <n v="2"/>
    <n v="2.2599999999999998"/>
  </r>
  <r>
    <d v="2015-11-14T00:00:00"/>
    <x v="10"/>
    <x v="1"/>
    <x v="225"/>
    <x v="20"/>
    <x v="2"/>
    <x v="9"/>
    <s v="ImationÂ 32GB Pocket Pro USB 3.0Â Flash DriveÂ - 32 GB - Black - 1 P ..."/>
    <n v="59.9"/>
    <n v="2"/>
    <n v="23.96"/>
  </r>
  <r>
    <d v="2015-11-14T00:00:00"/>
    <x v="10"/>
    <x v="1"/>
    <x v="225"/>
    <x v="20"/>
    <x v="0"/>
    <x v="0"/>
    <s v="It's Hot Message Books with Stickers, 2 3/4&quot; x 5&quot;"/>
    <n v="37"/>
    <n v="5"/>
    <n v="16.649999999999999"/>
  </r>
  <r>
    <d v="2015-11-14T00:00:00"/>
    <x v="10"/>
    <x v="1"/>
    <x v="225"/>
    <x v="6"/>
    <x v="0"/>
    <x v="10"/>
    <s v="Brown Kraft Recycled Envelopes"/>
    <n v="33.96"/>
    <n v="2"/>
    <n v="16.98"/>
  </r>
  <r>
    <d v="2015-11-14T00:00:00"/>
    <x v="10"/>
    <x v="1"/>
    <x v="225"/>
    <x v="6"/>
    <x v="0"/>
    <x v="12"/>
    <s v="Honeywell Enviracaire Portable HEPA Air Cleaner for 16' x 20' Room"/>
    <n v="826.11"/>
    <n v="3"/>
    <n v="322.18"/>
  </r>
  <r>
    <d v="2015-11-14T00:00:00"/>
    <x v="10"/>
    <x v="1"/>
    <x v="3"/>
    <x v="7"/>
    <x v="1"/>
    <x v="8"/>
    <s v="Executive Impressions 13&quot; Chairman Wall Clock"/>
    <n v="76.14"/>
    <n v="3"/>
    <n v="26.65"/>
  </r>
  <r>
    <d v="2015-11-14T00:00:00"/>
    <x v="10"/>
    <x v="1"/>
    <x v="3"/>
    <x v="7"/>
    <x v="0"/>
    <x v="3"/>
    <s v="Avery Framed View Binder, EZD Ring (Locking), Navy, 1 1/2&quot;"/>
    <n v="19.96"/>
    <n v="2"/>
    <n v="9.3800000000000008"/>
  </r>
  <r>
    <d v="2015-11-14T00:00:00"/>
    <x v="10"/>
    <x v="1"/>
    <x v="473"/>
    <x v="2"/>
    <x v="2"/>
    <x v="9"/>
    <s v="Micro Innovations Wireless Classic Keyboard with Mouse"/>
    <n v="47.98"/>
    <n v="2"/>
    <n v="-1.2"/>
  </r>
  <r>
    <d v="2015-11-14T00:00:00"/>
    <x v="10"/>
    <x v="1"/>
    <x v="127"/>
    <x v="11"/>
    <x v="0"/>
    <x v="7"/>
    <s v="Advantus Push Pins"/>
    <n v="8.7200000000000006"/>
    <n v="5"/>
    <n v="2.29"/>
  </r>
  <r>
    <d v="2015-11-14T00:00:00"/>
    <x v="10"/>
    <x v="1"/>
    <x v="127"/>
    <x v="11"/>
    <x v="2"/>
    <x v="9"/>
    <s v="ImationÂ SecureÂ DriveÂ + Hardware Encrypted USBÂ flash driveÂ - 16 GB"/>
    <n v="91.18"/>
    <n v="3"/>
    <n v="4.5599999999999996"/>
  </r>
  <r>
    <d v="2015-11-14T00:00:00"/>
    <x v="10"/>
    <x v="1"/>
    <x v="127"/>
    <x v="11"/>
    <x v="2"/>
    <x v="9"/>
    <s v="Plantronics Audio 478 Stereo USB Headset"/>
    <n v="159.97"/>
    <n v="4"/>
    <n v="29.99"/>
  </r>
  <r>
    <d v="2015-11-14T00:00:00"/>
    <x v="10"/>
    <x v="1"/>
    <x v="333"/>
    <x v="31"/>
    <x v="1"/>
    <x v="5"/>
    <s v="SAFCO Arco Folding Chair"/>
    <n v="883.84"/>
    <n v="4"/>
    <n v="99.43"/>
  </r>
  <r>
    <d v="2015-11-14T00:00:00"/>
    <x v="10"/>
    <x v="1"/>
    <x v="333"/>
    <x v="31"/>
    <x v="1"/>
    <x v="5"/>
    <s v="Global Deluxe Office Fabric Chairs"/>
    <n v="230.35"/>
    <n v="3"/>
    <n v="20.16"/>
  </r>
  <r>
    <d v="2015-11-15T00:00:00"/>
    <x v="10"/>
    <x v="1"/>
    <x v="78"/>
    <x v="1"/>
    <x v="0"/>
    <x v="2"/>
    <s v="Home/Office Personal File Carts"/>
    <n v="250.27"/>
    <n v="9"/>
    <n v="15.64"/>
  </r>
  <r>
    <d v="2015-11-15T00:00:00"/>
    <x v="10"/>
    <x v="1"/>
    <x v="78"/>
    <x v="1"/>
    <x v="0"/>
    <x v="3"/>
    <s v="Flexible Leather- Look Classic Collection Ring Binder"/>
    <n v="11.36"/>
    <n v="3"/>
    <n v="-17.05"/>
  </r>
  <r>
    <d v="2015-11-15T00:00:00"/>
    <x v="10"/>
    <x v="1"/>
    <x v="78"/>
    <x v="1"/>
    <x v="0"/>
    <x v="14"/>
    <s v="Staple remover"/>
    <n v="8.7200000000000006"/>
    <n v="5"/>
    <n v="-1.74"/>
  </r>
  <r>
    <d v="2015-11-15T00:00:00"/>
    <x v="10"/>
    <x v="1"/>
    <x v="223"/>
    <x v="20"/>
    <x v="0"/>
    <x v="2"/>
    <s v="Eldon Mobile Mega Data Cart  Mega Stackable  Add-On Trays"/>
    <n v="70.95"/>
    <n v="3"/>
    <n v="20.58"/>
  </r>
  <r>
    <d v="2015-11-15T00:00:00"/>
    <x v="10"/>
    <x v="1"/>
    <x v="223"/>
    <x v="20"/>
    <x v="0"/>
    <x v="3"/>
    <s v="Cardinal Holdit Data Disk Pockets"/>
    <n v="34.94"/>
    <n v="6"/>
    <n v="11.79"/>
  </r>
  <r>
    <d v="2015-11-15T00:00:00"/>
    <x v="10"/>
    <x v="1"/>
    <x v="223"/>
    <x v="20"/>
    <x v="0"/>
    <x v="4"/>
    <s v="Newell 319"/>
    <n v="119.04"/>
    <n v="6"/>
    <n v="35.71"/>
  </r>
  <r>
    <d v="2015-11-15T00:00:00"/>
    <x v="10"/>
    <x v="1"/>
    <x v="347"/>
    <x v="6"/>
    <x v="1"/>
    <x v="8"/>
    <s v="12-1/2 Diameter Round Wall Clock"/>
    <n v="39.96"/>
    <n v="2"/>
    <n v="14.39"/>
  </r>
  <r>
    <d v="2015-11-15T00:00:00"/>
    <x v="10"/>
    <x v="1"/>
    <x v="379"/>
    <x v="10"/>
    <x v="0"/>
    <x v="3"/>
    <s v="Wilson Jones Elliptical Ring 3 1/2&quot; Capacity Binders, 800 sheets"/>
    <n v="166.92"/>
    <n v="13"/>
    <n v="-116.84"/>
  </r>
  <r>
    <d v="2015-11-16T00:00:00"/>
    <x v="10"/>
    <x v="1"/>
    <x v="675"/>
    <x v="20"/>
    <x v="0"/>
    <x v="12"/>
    <s v="Eureka The Boss Plus 12-Amp Hard Box Upright Vacuum, Red"/>
    <n v="523.25"/>
    <n v="5"/>
    <n v="141.28"/>
  </r>
  <r>
    <d v="2015-11-16T00:00:00"/>
    <x v="10"/>
    <x v="1"/>
    <x v="109"/>
    <x v="21"/>
    <x v="0"/>
    <x v="0"/>
    <s v="Xerox 191"/>
    <n v="179.82"/>
    <n v="9"/>
    <n v="84.52"/>
  </r>
  <r>
    <d v="2015-11-16T00:00:00"/>
    <x v="10"/>
    <x v="1"/>
    <x v="109"/>
    <x v="21"/>
    <x v="1"/>
    <x v="8"/>
    <s v="Advantus Employee of the Month Certificate Frame, 11 x 13-1/2"/>
    <n v="185.58"/>
    <n v="6"/>
    <n v="76.09"/>
  </r>
  <r>
    <d v="2015-11-16T00:00:00"/>
    <x v="10"/>
    <x v="1"/>
    <x v="109"/>
    <x v="21"/>
    <x v="1"/>
    <x v="13"/>
    <s v="Lesro Sheffield Collection Coffee Table, End Table, Center Table, Corner Table"/>
    <n v="214.11"/>
    <n v="3"/>
    <n v="36.4"/>
  </r>
  <r>
    <d v="2015-11-16T00:00:00"/>
    <x v="10"/>
    <x v="1"/>
    <x v="109"/>
    <x v="21"/>
    <x v="2"/>
    <x v="9"/>
    <s v="Logitech diNovo Edge Keyboard"/>
    <n v="999.96"/>
    <n v="4"/>
    <n v="229.99"/>
  </r>
  <r>
    <d v="2015-11-16T00:00:00"/>
    <x v="10"/>
    <x v="1"/>
    <x v="109"/>
    <x v="21"/>
    <x v="1"/>
    <x v="13"/>
    <s v="Chromcraft Bull-Nose Wood Round Conference Table Top, Wood Base"/>
    <n v="653.54999999999995"/>
    <n v="3"/>
    <n v="111.1"/>
  </r>
  <r>
    <d v="2015-11-16T00:00:00"/>
    <x v="10"/>
    <x v="1"/>
    <x v="252"/>
    <x v="34"/>
    <x v="1"/>
    <x v="13"/>
    <s v="Bretford CR4500 Series Slim Rectangular Table"/>
    <n v="696.42"/>
    <n v="2"/>
    <n v="160.18"/>
  </r>
  <r>
    <d v="2015-11-16T00:00:00"/>
    <x v="10"/>
    <x v="1"/>
    <x v="252"/>
    <x v="34"/>
    <x v="2"/>
    <x v="6"/>
    <s v="Jabra BIZ 2300 Duo QD Duo CordedÂ Headset"/>
    <n v="304.77999999999997"/>
    <n v="3"/>
    <n v="22.86"/>
  </r>
  <r>
    <d v="2015-11-16T00:00:00"/>
    <x v="10"/>
    <x v="1"/>
    <x v="91"/>
    <x v="1"/>
    <x v="0"/>
    <x v="2"/>
    <s v="Neat Ideas Personal Hanging Folder Files, Black"/>
    <n v="21.49"/>
    <n v="2"/>
    <n v="1.61"/>
  </r>
  <r>
    <d v="2015-11-16T00:00:00"/>
    <x v="10"/>
    <x v="1"/>
    <x v="91"/>
    <x v="1"/>
    <x v="2"/>
    <x v="6"/>
    <s v="HTC One"/>
    <n v="239.98"/>
    <n v="3"/>
    <n v="27"/>
  </r>
  <r>
    <d v="2015-11-16T00:00:00"/>
    <x v="10"/>
    <x v="1"/>
    <x v="91"/>
    <x v="1"/>
    <x v="1"/>
    <x v="8"/>
    <s v="Howard Miller 11-1/2&quot; Diameter Brentwood Wall Clock"/>
    <n v="34.5"/>
    <n v="2"/>
    <n v="-15.53"/>
  </r>
  <r>
    <d v="2015-11-16T00:00:00"/>
    <x v="10"/>
    <x v="1"/>
    <x v="130"/>
    <x v="3"/>
    <x v="0"/>
    <x v="1"/>
    <s v="Avery 51"/>
    <n v="18.899999999999999"/>
    <n v="3"/>
    <n v="8.69"/>
  </r>
  <r>
    <d v="2015-11-17T00:00:00"/>
    <x v="10"/>
    <x v="1"/>
    <x v="714"/>
    <x v="1"/>
    <x v="0"/>
    <x v="14"/>
    <s v="Acme Box Cutter Scissors"/>
    <n v="40.92"/>
    <n v="5"/>
    <n v="3.07"/>
  </r>
  <r>
    <d v="2015-11-17T00:00:00"/>
    <x v="10"/>
    <x v="1"/>
    <x v="267"/>
    <x v="3"/>
    <x v="2"/>
    <x v="6"/>
    <s v="RCA ViSYS 25825 Wireless digital phone"/>
    <n v="415.97"/>
    <n v="4"/>
    <n v="52"/>
  </r>
  <r>
    <d v="2015-11-17T00:00:00"/>
    <x v="10"/>
    <x v="1"/>
    <x v="267"/>
    <x v="3"/>
    <x v="0"/>
    <x v="2"/>
    <s v="Carina Media Storage Towers in Natural &amp; Black"/>
    <n v="304.89999999999998"/>
    <n v="5"/>
    <n v="6.1"/>
  </r>
  <r>
    <d v="2015-11-17T00:00:00"/>
    <x v="10"/>
    <x v="1"/>
    <x v="267"/>
    <x v="3"/>
    <x v="1"/>
    <x v="8"/>
    <s v="DAX Contemporary Wood Frame with Silver Metal Mat, Desktop, 11 x 14 Size"/>
    <n v="80.959999999999994"/>
    <n v="4"/>
    <n v="29.15"/>
  </r>
  <r>
    <d v="2015-11-17T00:00:00"/>
    <x v="10"/>
    <x v="1"/>
    <x v="267"/>
    <x v="3"/>
    <x v="0"/>
    <x v="2"/>
    <s v="Fellowes Recycled Storage Drawers"/>
    <n v="777.21"/>
    <n v="7"/>
    <n v="54.4"/>
  </r>
  <r>
    <d v="2015-11-17T00:00:00"/>
    <x v="10"/>
    <x v="1"/>
    <x v="267"/>
    <x v="3"/>
    <x v="0"/>
    <x v="0"/>
    <s v="Xerox 203"/>
    <n v="32.4"/>
    <n v="5"/>
    <n v="15.55"/>
  </r>
  <r>
    <d v="2015-11-17T00:00:00"/>
    <x v="10"/>
    <x v="1"/>
    <x v="267"/>
    <x v="3"/>
    <x v="1"/>
    <x v="5"/>
    <s v="Office Star - Contemporary Swivel Chair with Padded Adjustable Arms and Flex Back"/>
    <n v="225.57"/>
    <n v="2"/>
    <n v="2.82"/>
  </r>
  <r>
    <d v="2015-11-17T00:00:00"/>
    <x v="10"/>
    <x v="1"/>
    <x v="267"/>
    <x v="3"/>
    <x v="1"/>
    <x v="8"/>
    <s v="Advantus Panel Wall Certificate Holder - 8.5x11"/>
    <n v="36.6"/>
    <n v="3"/>
    <n v="15.37"/>
  </r>
  <r>
    <d v="2015-11-17T00:00:00"/>
    <x v="10"/>
    <x v="1"/>
    <x v="266"/>
    <x v="39"/>
    <x v="0"/>
    <x v="2"/>
    <s v="Tennsco Stur-D-Stor Boltless Shelving, 5 Shelves, 24&quot; Deep, Sand"/>
    <n v="541.24"/>
    <n v="4"/>
    <n v="5.41"/>
  </r>
  <r>
    <d v="2015-11-17T00:00:00"/>
    <x v="10"/>
    <x v="1"/>
    <x v="266"/>
    <x v="39"/>
    <x v="0"/>
    <x v="0"/>
    <s v="Easy-staple paper"/>
    <n v="106.32"/>
    <n v="3"/>
    <n v="49.97"/>
  </r>
  <r>
    <d v="2015-11-17T00:00:00"/>
    <x v="10"/>
    <x v="1"/>
    <x v="266"/>
    <x v="39"/>
    <x v="1"/>
    <x v="5"/>
    <s v="Hon Olson Stacker Chairs"/>
    <n v="1323.9"/>
    <n v="5"/>
    <n v="383.93"/>
  </r>
  <r>
    <d v="2015-11-19T00:00:00"/>
    <x v="10"/>
    <x v="1"/>
    <x v="529"/>
    <x v="22"/>
    <x v="1"/>
    <x v="8"/>
    <s v="Tenex V2T-RE Standard Weight Series Chair Mat, 45&quot; x 53&quot;, Lip 25&quot; x 12&quot;"/>
    <n v="141.96"/>
    <n v="2"/>
    <n v="22.71"/>
  </r>
  <r>
    <d v="2015-11-19T00:00:00"/>
    <x v="10"/>
    <x v="1"/>
    <x v="166"/>
    <x v="17"/>
    <x v="0"/>
    <x v="12"/>
    <s v="Hoover Commercial Soft Guard Upright Vacuum And Disposable Filtration Bags"/>
    <n v="31.08"/>
    <n v="4"/>
    <n v="8.39"/>
  </r>
  <r>
    <d v="2015-11-19T00:00:00"/>
    <x v="10"/>
    <x v="1"/>
    <x v="375"/>
    <x v="20"/>
    <x v="0"/>
    <x v="3"/>
    <s v="Accohide Poly Flexible Ring Binders"/>
    <n v="5.98"/>
    <n v="2"/>
    <n v="2.2400000000000002"/>
  </r>
  <r>
    <d v="2015-11-19T00:00:00"/>
    <x v="10"/>
    <x v="1"/>
    <x v="375"/>
    <x v="20"/>
    <x v="2"/>
    <x v="6"/>
    <s v="Aastra 6757i CT Wireless VoIP phone"/>
    <n v="861.76"/>
    <n v="4"/>
    <n v="249.91"/>
  </r>
  <r>
    <d v="2015-11-20T00:00:00"/>
    <x v="10"/>
    <x v="1"/>
    <x v="291"/>
    <x v="20"/>
    <x v="0"/>
    <x v="4"/>
    <s v="Boston 19500 Mighty Mite Electric Pencil Sharpener"/>
    <n v="60.45"/>
    <n v="3"/>
    <n v="16.32"/>
  </r>
  <r>
    <d v="2015-11-20T00:00:00"/>
    <x v="10"/>
    <x v="1"/>
    <x v="291"/>
    <x v="20"/>
    <x v="0"/>
    <x v="4"/>
    <s v="Newell 335"/>
    <n v="11.52"/>
    <n v="4"/>
    <n v="3.34"/>
  </r>
  <r>
    <d v="2015-11-20T00:00:00"/>
    <x v="10"/>
    <x v="1"/>
    <x v="291"/>
    <x v="20"/>
    <x v="1"/>
    <x v="11"/>
    <s v="O'Sullivan 3-Shelf Heavy-Duty Bookcases"/>
    <n v="186.05"/>
    <n v="4"/>
    <n v="9.3000000000000007"/>
  </r>
  <r>
    <d v="2015-11-20T00:00:00"/>
    <x v="10"/>
    <x v="1"/>
    <x v="659"/>
    <x v="3"/>
    <x v="0"/>
    <x v="4"/>
    <s v="Newell 333"/>
    <n v="19.46"/>
    <n v="7"/>
    <n v="5.0599999999999996"/>
  </r>
  <r>
    <d v="2015-11-20T00:00:00"/>
    <x v="10"/>
    <x v="1"/>
    <x v="275"/>
    <x v="20"/>
    <x v="0"/>
    <x v="0"/>
    <s v="Message Book, Phone, Wirebound Standard Line Memo, 2 3/4&quot; X 5&quot;"/>
    <n v="19.649999999999999"/>
    <n v="3"/>
    <n v="9.0399999999999991"/>
  </r>
  <r>
    <d v="2015-11-20T00:00:00"/>
    <x v="10"/>
    <x v="1"/>
    <x v="164"/>
    <x v="3"/>
    <x v="2"/>
    <x v="6"/>
    <s v="Gear Head AU3700S Headset"/>
    <n v="72.739999999999995"/>
    <n v="7"/>
    <n v="-15.46"/>
  </r>
  <r>
    <d v="2015-11-20T00:00:00"/>
    <x v="10"/>
    <x v="1"/>
    <x v="164"/>
    <x v="3"/>
    <x v="1"/>
    <x v="5"/>
    <s v="Safco Contoured Stacking Chairs"/>
    <n v="572.16"/>
    <n v="3"/>
    <n v="35.76"/>
  </r>
  <r>
    <d v="2015-11-20T00:00:00"/>
    <x v="10"/>
    <x v="1"/>
    <x v="715"/>
    <x v="3"/>
    <x v="0"/>
    <x v="3"/>
    <s v="Cardinal Poly Pocket Divider Pockets for Ring Binders"/>
    <n v="24.19"/>
    <n v="9"/>
    <n v="7.56"/>
  </r>
  <r>
    <d v="2015-11-20T00:00:00"/>
    <x v="10"/>
    <x v="1"/>
    <x v="716"/>
    <x v="22"/>
    <x v="0"/>
    <x v="4"/>
    <s v="Newell 334"/>
    <n v="119.04"/>
    <n v="6"/>
    <n v="30.95"/>
  </r>
  <r>
    <d v="2015-11-20T00:00:00"/>
    <x v="10"/>
    <x v="1"/>
    <x v="716"/>
    <x v="22"/>
    <x v="1"/>
    <x v="8"/>
    <s v="Eldon Expressions Wood Desk Accessories, Oak"/>
    <n v="22.14"/>
    <n v="3"/>
    <n v="6.42"/>
  </r>
  <r>
    <d v="2015-11-20T00:00:00"/>
    <x v="10"/>
    <x v="1"/>
    <x v="716"/>
    <x v="22"/>
    <x v="2"/>
    <x v="9"/>
    <s v="AmazonBasics 3-Button USB Wired Mouse"/>
    <n v="13.98"/>
    <n v="2"/>
    <n v="6.01"/>
  </r>
  <r>
    <d v="2015-11-20T00:00:00"/>
    <x v="10"/>
    <x v="1"/>
    <x v="295"/>
    <x v="10"/>
    <x v="1"/>
    <x v="8"/>
    <s v="Ultra Commercial Grade Dual Valve Door Closer"/>
    <n v="63.82"/>
    <n v="2"/>
    <n v="9.57"/>
  </r>
  <r>
    <d v="2015-11-20T00:00:00"/>
    <x v="10"/>
    <x v="1"/>
    <x v="295"/>
    <x v="10"/>
    <x v="0"/>
    <x v="2"/>
    <s v="Belkin 19&quot; Center-Weighted Shelf, Gray"/>
    <n v="141.55000000000001"/>
    <n v="3"/>
    <n v="-26.54"/>
  </r>
  <r>
    <d v="2015-11-20T00:00:00"/>
    <x v="10"/>
    <x v="1"/>
    <x v="271"/>
    <x v="0"/>
    <x v="2"/>
    <x v="15"/>
    <s v="NeatDesk Desktop Scanner &amp; Digital Filing System"/>
    <n v="479.99"/>
    <n v="2"/>
    <n v="56"/>
  </r>
  <r>
    <d v="2015-11-20T00:00:00"/>
    <x v="10"/>
    <x v="1"/>
    <x v="567"/>
    <x v="16"/>
    <x v="0"/>
    <x v="3"/>
    <s v="Wilson Jones Turn Tabs Binder Tool for Ring Binders"/>
    <n v="7.23"/>
    <n v="5"/>
    <n v="-5.78"/>
  </r>
  <r>
    <d v="2015-11-20T00:00:00"/>
    <x v="10"/>
    <x v="1"/>
    <x v="567"/>
    <x v="16"/>
    <x v="0"/>
    <x v="2"/>
    <s v="Crate-A-Files"/>
    <n v="17.440000000000001"/>
    <n v="2"/>
    <n v="1.31"/>
  </r>
  <r>
    <d v="2015-11-20T00:00:00"/>
    <x v="10"/>
    <x v="1"/>
    <x v="567"/>
    <x v="16"/>
    <x v="0"/>
    <x v="3"/>
    <s v="Ibico Laser Imprintable Binding System Covers"/>
    <n v="62.88"/>
    <n v="4"/>
    <n v="-50.3"/>
  </r>
  <r>
    <d v="2015-11-20T00:00:00"/>
    <x v="10"/>
    <x v="1"/>
    <x v="567"/>
    <x v="16"/>
    <x v="1"/>
    <x v="11"/>
    <s v="O'Sullivan Living Dimensions 2-Shelf Bookcases"/>
    <n v="290.35000000000002"/>
    <n v="3"/>
    <n v="-36.29"/>
  </r>
  <r>
    <d v="2015-11-20T00:00:00"/>
    <x v="10"/>
    <x v="1"/>
    <x v="1"/>
    <x v="2"/>
    <x v="1"/>
    <x v="5"/>
    <s v="Global High-Back Leather Tilter, Burgundy"/>
    <n v="344.37"/>
    <n v="4"/>
    <n v="-93.47"/>
  </r>
  <r>
    <d v="2015-11-20T00:00:00"/>
    <x v="10"/>
    <x v="1"/>
    <x v="147"/>
    <x v="26"/>
    <x v="0"/>
    <x v="3"/>
    <s v="Wilson Jones Custom Binder Spines &amp; Labels"/>
    <n v="4.9000000000000004"/>
    <n v="3"/>
    <n v="-3.43"/>
  </r>
  <r>
    <d v="2015-11-20T00:00:00"/>
    <x v="10"/>
    <x v="1"/>
    <x v="147"/>
    <x v="26"/>
    <x v="1"/>
    <x v="11"/>
    <s v="Sauder Barrister Bookcases"/>
    <n v="145.76"/>
    <n v="6"/>
    <n v="-247.8"/>
  </r>
  <r>
    <d v="2015-11-20T00:00:00"/>
    <x v="10"/>
    <x v="1"/>
    <x v="147"/>
    <x v="26"/>
    <x v="0"/>
    <x v="3"/>
    <s v="Wilson Jones 14 Line Acrylic Coated Pressboard Data Binders"/>
    <n v="9.61"/>
    <n v="6"/>
    <n v="-7.37"/>
  </r>
  <r>
    <d v="2015-11-20T00:00:00"/>
    <x v="10"/>
    <x v="1"/>
    <x v="10"/>
    <x v="3"/>
    <x v="0"/>
    <x v="3"/>
    <s v="Performers Binder/Pad Holder, Black"/>
    <n v="89.7"/>
    <n v="4"/>
    <n v="33.64"/>
  </r>
  <r>
    <d v="2015-11-20T00:00:00"/>
    <x v="10"/>
    <x v="1"/>
    <x v="10"/>
    <x v="3"/>
    <x v="0"/>
    <x v="1"/>
    <s v="Avery 485"/>
    <n v="50.12"/>
    <n v="4"/>
    <n v="23.56"/>
  </r>
  <r>
    <d v="2015-11-20T00:00:00"/>
    <x v="10"/>
    <x v="1"/>
    <x v="439"/>
    <x v="3"/>
    <x v="1"/>
    <x v="8"/>
    <s v="Dana Swing-Arm Lamps"/>
    <n v="32.04"/>
    <n v="3"/>
    <n v="8.01"/>
  </r>
  <r>
    <d v="2015-11-21T00:00:00"/>
    <x v="10"/>
    <x v="1"/>
    <x v="264"/>
    <x v="10"/>
    <x v="1"/>
    <x v="5"/>
    <s v="Padded Folding Chairs, Black, 4/Carton"/>
    <n v="396.8"/>
    <n v="7"/>
    <n v="-11.34"/>
  </r>
  <r>
    <d v="2015-11-21T00:00:00"/>
    <x v="10"/>
    <x v="1"/>
    <x v="264"/>
    <x v="10"/>
    <x v="0"/>
    <x v="14"/>
    <s v="Acme Rosewood Handle Letter Opener"/>
    <n v="15.88"/>
    <n v="5"/>
    <n v="-3.77"/>
  </r>
  <r>
    <d v="2015-11-21T00:00:00"/>
    <x v="10"/>
    <x v="1"/>
    <x v="262"/>
    <x v="17"/>
    <x v="1"/>
    <x v="11"/>
    <s v="Hon Metal Bookcases, Putty"/>
    <n v="141.96"/>
    <n v="2"/>
    <n v="41.17"/>
  </r>
  <r>
    <d v="2015-11-21T00:00:00"/>
    <x v="10"/>
    <x v="1"/>
    <x v="262"/>
    <x v="17"/>
    <x v="0"/>
    <x v="3"/>
    <s v="Square Ring Data Binders, Rigid 75 Pt. Covers, 11&quot; x 14-7/8&quot;"/>
    <n v="66.05"/>
    <n v="4"/>
    <n v="23.12"/>
  </r>
  <r>
    <d v="2015-11-21T00:00:00"/>
    <x v="10"/>
    <x v="1"/>
    <x v="27"/>
    <x v="0"/>
    <x v="1"/>
    <x v="11"/>
    <s v="O'Sullivan Manor Hill 2-Door Library in Brianna Oak"/>
    <n v="246.13"/>
    <n v="2"/>
    <n v="-76.010000000000005"/>
  </r>
  <r>
    <d v="2015-11-21T00:00:00"/>
    <x v="10"/>
    <x v="1"/>
    <x v="27"/>
    <x v="0"/>
    <x v="0"/>
    <x v="1"/>
    <s v="Self-Adhesive Address Labels for Typewriters by Universal"/>
    <n v="11.7"/>
    <n v="2"/>
    <n v="3.95"/>
  </r>
  <r>
    <d v="2015-11-21T00:00:00"/>
    <x v="10"/>
    <x v="1"/>
    <x v="27"/>
    <x v="0"/>
    <x v="2"/>
    <x v="16"/>
    <s v="Sharp 1540cs Digital Laser Copier"/>
    <n v="439.99"/>
    <n v="1"/>
    <n v="165"/>
  </r>
  <r>
    <d v="2015-11-21T00:00:00"/>
    <x v="10"/>
    <x v="1"/>
    <x v="268"/>
    <x v="18"/>
    <x v="0"/>
    <x v="4"/>
    <s v="Crayola Anti Dust Chalk, 12/Pack"/>
    <n v="10.92"/>
    <n v="6"/>
    <n v="4.91"/>
  </r>
  <r>
    <d v="2015-11-21T00:00:00"/>
    <x v="10"/>
    <x v="1"/>
    <x v="268"/>
    <x v="18"/>
    <x v="2"/>
    <x v="15"/>
    <s v="Ricoh - Ink Collector Unit for GX3000 Series Printers"/>
    <n v="83.9"/>
    <n v="2"/>
    <n v="22.65"/>
  </r>
  <r>
    <d v="2015-11-21T00:00:00"/>
    <x v="10"/>
    <x v="1"/>
    <x v="268"/>
    <x v="18"/>
    <x v="0"/>
    <x v="12"/>
    <s v="Hoover Replacement Belts For Soft Guard &amp; Commercial Ltweight Upright Vacs, 2/Pk"/>
    <n v="19.75"/>
    <n v="5"/>
    <n v="5.14"/>
  </r>
  <r>
    <d v="2015-11-21T00:00:00"/>
    <x v="10"/>
    <x v="1"/>
    <x v="268"/>
    <x v="18"/>
    <x v="2"/>
    <x v="9"/>
    <s v="Imation Bio 2GB USBÂ Flash Drive ImationÂ Corp"/>
    <n v="393.54"/>
    <n v="3"/>
    <n v="165.29"/>
  </r>
  <r>
    <d v="2015-11-21T00:00:00"/>
    <x v="10"/>
    <x v="1"/>
    <x v="673"/>
    <x v="12"/>
    <x v="0"/>
    <x v="12"/>
    <s v="Fellowes Command Center 5-outlet power strip"/>
    <n v="325.63"/>
    <n v="6"/>
    <n v="28.49"/>
  </r>
  <r>
    <d v="2015-11-21T00:00:00"/>
    <x v="10"/>
    <x v="1"/>
    <x v="673"/>
    <x v="12"/>
    <x v="2"/>
    <x v="9"/>
    <s v="Belkin Standard 104 key USB Keyboard"/>
    <n v="23.34"/>
    <n v="2"/>
    <n v="-1.46"/>
  </r>
  <r>
    <d v="2015-11-21T00:00:00"/>
    <x v="10"/>
    <x v="1"/>
    <x v="673"/>
    <x v="12"/>
    <x v="0"/>
    <x v="1"/>
    <s v="Avery 506"/>
    <n v="16.52"/>
    <n v="5"/>
    <n v="5.37"/>
  </r>
  <r>
    <d v="2015-11-21T00:00:00"/>
    <x v="10"/>
    <x v="1"/>
    <x v="228"/>
    <x v="2"/>
    <x v="1"/>
    <x v="13"/>
    <s v="Bevis Oval Conference Table, Walnut"/>
    <n v="1252.7"/>
    <n v="8"/>
    <n v="-480.2"/>
  </r>
  <r>
    <d v="2015-11-21T00:00:00"/>
    <x v="10"/>
    <x v="1"/>
    <x v="228"/>
    <x v="2"/>
    <x v="2"/>
    <x v="6"/>
    <s v="Logitech B530 USBÂ HeadsetÂ -Â headsetÂ - Full size, Binaural"/>
    <n v="110.97"/>
    <n v="5"/>
    <n v="-24.04"/>
  </r>
  <r>
    <d v="2015-11-21T00:00:00"/>
    <x v="10"/>
    <x v="1"/>
    <x v="653"/>
    <x v="0"/>
    <x v="0"/>
    <x v="4"/>
    <s v="Eldon Spacemaker Box, Quick-Snap Lid, Clear"/>
    <n v="5.34"/>
    <n v="2"/>
    <n v="0.73"/>
  </r>
  <r>
    <d v="2015-11-21T00:00:00"/>
    <x v="10"/>
    <x v="1"/>
    <x v="653"/>
    <x v="0"/>
    <x v="0"/>
    <x v="3"/>
    <s v="Storex DuraTech Recycled Plastic Frosted Binders"/>
    <n v="1.7"/>
    <n v="2"/>
    <n v="-2.54"/>
  </r>
  <r>
    <d v="2015-11-21T00:00:00"/>
    <x v="10"/>
    <x v="1"/>
    <x v="653"/>
    <x v="0"/>
    <x v="0"/>
    <x v="12"/>
    <s v="Kensington 6 Outlet SmartSocket Surge Protector"/>
    <n v="24.59"/>
    <n v="3"/>
    <n v="-67.62"/>
  </r>
  <r>
    <d v="2015-11-21T00:00:00"/>
    <x v="10"/>
    <x v="1"/>
    <x v="653"/>
    <x v="0"/>
    <x v="0"/>
    <x v="3"/>
    <s v="Cardinal Hold-It CD Pocket"/>
    <n v="7.98"/>
    <n v="5"/>
    <n v="-13.17"/>
  </r>
  <r>
    <d v="2015-11-21T00:00:00"/>
    <x v="10"/>
    <x v="1"/>
    <x v="209"/>
    <x v="25"/>
    <x v="1"/>
    <x v="8"/>
    <s v="Executive Impressions 14&quot; Two-Color Numerals Wall Clock"/>
    <n v="18.18"/>
    <n v="1"/>
    <n v="4.7699999999999996"/>
  </r>
  <r>
    <d v="2015-11-22T00:00:00"/>
    <x v="10"/>
    <x v="1"/>
    <x v="187"/>
    <x v="0"/>
    <x v="0"/>
    <x v="12"/>
    <s v="Holmes Replacement Filter for HEPA Air Cleaner, Very Large Room, HEPA Filter"/>
    <n v="68.81"/>
    <n v="5"/>
    <n v="-123.86"/>
  </r>
  <r>
    <d v="2015-11-22T00:00:00"/>
    <x v="10"/>
    <x v="1"/>
    <x v="187"/>
    <x v="0"/>
    <x v="0"/>
    <x v="3"/>
    <s v="Storex DuraTech Recycled Plastic Frosted Binders"/>
    <n v="2.54"/>
    <n v="3"/>
    <n v="-3.82"/>
  </r>
  <r>
    <d v="2015-11-22T00:00:00"/>
    <x v="10"/>
    <x v="1"/>
    <x v="576"/>
    <x v="2"/>
    <x v="0"/>
    <x v="3"/>
    <s v="GBC Durable Plastic Covers"/>
    <n v="11.61"/>
    <n v="2"/>
    <n v="-9.2899999999999991"/>
  </r>
  <r>
    <d v="2015-11-22T00:00:00"/>
    <x v="10"/>
    <x v="1"/>
    <x v="690"/>
    <x v="0"/>
    <x v="1"/>
    <x v="13"/>
    <s v="Hon 2111 Invitation Series Straight Table"/>
    <n v="206.96"/>
    <n v="2"/>
    <n v="-32.520000000000003"/>
  </r>
  <r>
    <d v="2015-11-22T00:00:00"/>
    <x v="10"/>
    <x v="1"/>
    <x v="539"/>
    <x v="32"/>
    <x v="0"/>
    <x v="0"/>
    <s v="Xerox 1970"/>
    <n v="14.94"/>
    <n v="3"/>
    <n v="7.02"/>
  </r>
  <r>
    <d v="2015-11-22T00:00:00"/>
    <x v="10"/>
    <x v="1"/>
    <x v="64"/>
    <x v="0"/>
    <x v="2"/>
    <x v="9"/>
    <s v="SanDisk Cruzer 8 GB USB Flash Drive"/>
    <n v="27.17"/>
    <n v="4"/>
    <n v="-1.36"/>
  </r>
  <r>
    <d v="2015-11-22T00:00:00"/>
    <x v="10"/>
    <x v="1"/>
    <x v="387"/>
    <x v="15"/>
    <x v="0"/>
    <x v="3"/>
    <s v="Acco Pressboard Covers with Storage Hooks, 14 7/8&quot; x 11&quot;, Light Blue"/>
    <n v="2.95"/>
    <n v="2"/>
    <n v="-2.06"/>
  </r>
  <r>
    <d v="2015-11-22T00:00:00"/>
    <x v="10"/>
    <x v="1"/>
    <x v="387"/>
    <x v="15"/>
    <x v="0"/>
    <x v="7"/>
    <s v="Vinyl Coated Wire Paper Clips in Organizer Box, 800/Box"/>
    <n v="55.1"/>
    <n v="6"/>
    <n v="18.600000000000001"/>
  </r>
  <r>
    <d v="2015-11-22T00:00:00"/>
    <x v="10"/>
    <x v="1"/>
    <x v="534"/>
    <x v="3"/>
    <x v="0"/>
    <x v="0"/>
    <s v="Xerox 1887"/>
    <n v="37.94"/>
    <n v="2"/>
    <n v="18.21"/>
  </r>
  <r>
    <d v="2015-11-22T00:00:00"/>
    <x v="10"/>
    <x v="1"/>
    <x v="534"/>
    <x v="3"/>
    <x v="0"/>
    <x v="0"/>
    <s v="Xerox 1971"/>
    <n v="42.8"/>
    <n v="10"/>
    <n v="19.260000000000002"/>
  </r>
  <r>
    <d v="2015-11-22T00:00:00"/>
    <x v="10"/>
    <x v="1"/>
    <x v="534"/>
    <x v="3"/>
    <x v="0"/>
    <x v="2"/>
    <s v="Personal Folder Holder, Ebony"/>
    <n v="33.630000000000003"/>
    <n v="3"/>
    <n v="10.09"/>
  </r>
  <r>
    <d v="2015-11-22T00:00:00"/>
    <x v="10"/>
    <x v="1"/>
    <x v="248"/>
    <x v="16"/>
    <x v="2"/>
    <x v="15"/>
    <s v="Texas Instruments TI-34 Scientific Calculator"/>
    <n v="32.99"/>
    <n v="3"/>
    <n v="-1.98"/>
  </r>
  <r>
    <d v="2015-11-22T00:00:00"/>
    <x v="10"/>
    <x v="1"/>
    <x v="198"/>
    <x v="32"/>
    <x v="0"/>
    <x v="4"/>
    <s v="Newell 341"/>
    <n v="17.12"/>
    <n v="4"/>
    <n v="4.96"/>
  </r>
  <r>
    <d v="2015-11-22T00:00:00"/>
    <x v="10"/>
    <x v="1"/>
    <x v="198"/>
    <x v="32"/>
    <x v="0"/>
    <x v="0"/>
    <s v="Xerox 1936"/>
    <n v="59.94"/>
    <n v="3"/>
    <n v="28.17"/>
  </r>
  <r>
    <d v="2015-11-23T00:00:00"/>
    <x v="10"/>
    <x v="1"/>
    <x v="668"/>
    <x v="0"/>
    <x v="0"/>
    <x v="0"/>
    <s v="Xerox 1915"/>
    <n v="335.52"/>
    <n v="4"/>
    <n v="117.43"/>
  </r>
  <r>
    <d v="2015-11-23T00:00:00"/>
    <x v="10"/>
    <x v="1"/>
    <x v="668"/>
    <x v="0"/>
    <x v="0"/>
    <x v="3"/>
    <s v="GBC Recycled Regency Composition Covers"/>
    <n v="23.91"/>
    <n v="2"/>
    <n v="-40.65"/>
  </r>
  <r>
    <d v="2015-11-23T00:00:00"/>
    <x v="10"/>
    <x v="1"/>
    <x v="668"/>
    <x v="0"/>
    <x v="0"/>
    <x v="2"/>
    <s v="Tenex Personal Self-Stacking Standard File Box, Black/Gray"/>
    <n v="27.06"/>
    <n v="2"/>
    <n v="2.37"/>
  </r>
  <r>
    <d v="2015-11-23T00:00:00"/>
    <x v="10"/>
    <x v="1"/>
    <x v="372"/>
    <x v="23"/>
    <x v="0"/>
    <x v="12"/>
    <s v="Sanyo Counter Height Refrigerator with Crisper, 3.6 Cubic Foot, Stainless Steel/Black"/>
    <n v="2625.12"/>
    <n v="8"/>
    <n v="735.03"/>
  </r>
  <r>
    <d v="2015-11-23T00:00:00"/>
    <x v="10"/>
    <x v="1"/>
    <x v="372"/>
    <x v="23"/>
    <x v="0"/>
    <x v="4"/>
    <s v="Newell 315"/>
    <n v="17.940000000000001"/>
    <n v="3"/>
    <n v="4.49"/>
  </r>
  <r>
    <d v="2015-11-23T00:00:00"/>
    <x v="10"/>
    <x v="1"/>
    <x v="517"/>
    <x v="7"/>
    <x v="2"/>
    <x v="6"/>
    <s v="Nortel Meridian M3904 Professional Digital phone"/>
    <n v="307.98"/>
    <n v="2"/>
    <n v="89.31"/>
  </r>
  <r>
    <d v="2015-11-23T00:00:00"/>
    <x v="10"/>
    <x v="1"/>
    <x v="517"/>
    <x v="7"/>
    <x v="0"/>
    <x v="0"/>
    <s v="1/4 Fold Party Design Invitations &amp; White Envelopes, 24 8-1/2&quot; X 11&quot; Cards, 25 Env./Pack"/>
    <n v="44.1"/>
    <n v="6"/>
    <n v="20.73"/>
  </r>
  <r>
    <d v="2015-11-23T00:00:00"/>
    <x v="10"/>
    <x v="1"/>
    <x v="517"/>
    <x v="7"/>
    <x v="0"/>
    <x v="4"/>
    <s v="Sanford Colorific Eraseable Coloring Pencils, 12 Count"/>
    <n v="13.12"/>
    <n v="4"/>
    <n v="5.64"/>
  </r>
  <r>
    <d v="2015-11-23T00:00:00"/>
    <x v="10"/>
    <x v="1"/>
    <x v="517"/>
    <x v="7"/>
    <x v="0"/>
    <x v="10"/>
    <s v="Staple envelope"/>
    <n v="16.559999999999999"/>
    <n v="2"/>
    <n v="7.78"/>
  </r>
  <r>
    <d v="2015-11-23T00:00:00"/>
    <x v="10"/>
    <x v="1"/>
    <x v="517"/>
    <x v="7"/>
    <x v="0"/>
    <x v="0"/>
    <s v="Xerox 226"/>
    <n v="38.880000000000003"/>
    <n v="6"/>
    <n v="18.66"/>
  </r>
  <r>
    <d v="2015-11-24T00:00:00"/>
    <x v="10"/>
    <x v="1"/>
    <x v="111"/>
    <x v="3"/>
    <x v="2"/>
    <x v="9"/>
    <s v="Verbatim 25 GB 6x Blu-ray Single Layer Recordable Disc, 3/Pack"/>
    <n v="13.98"/>
    <n v="2"/>
    <n v="6.15"/>
  </r>
  <r>
    <d v="2015-11-24T00:00:00"/>
    <x v="10"/>
    <x v="1"/>
    <x v="111"/>
    <x v="3"/>
    <x v="0"/>
    <x v="3"/>
    <s v="Acco PRESSTEX Data Binder with Storage Hooks, Dark Blue, 14 7/8&quot; X 11&quot;"/>
    <n v="25.82"/>
    <n v="6"/>
    <n v="9.36"/>
  </r>
  <r>
    <d v="2015-11-24T00:00:00"/>
    <x v="10"/>
    <x v="1"/>
    <x v="111"/>
    <x v="3"/>
    <x v="0"/>
    <x v="0"/>
    <s v="Xerox 1943"/>
    <n v="146.72999999999999"/>
    <n v="3"/>
    <n v="68.959999999999994"/>
  </r>
  <r>
    <d v="2015-11-24T00:00:00"/>
    <x v="10"/>
    <x v="1"/>
    <x v="111"/>
    <x v="3"/>
    <x v="1"/>
    <x v="8"/>
    <s v="Luxo Economy Swing Arm Lamp"/>
    <n v="79.760000000000005"/>
    <n v="4"/>
    <n v="22.33"/>
  </r>
  <r>
    <d v="2015-11-24T00:00:00"/>
    <x v="10"/>
    <x v="1"/>
    <x v="0"/>
    <x v="3"/>
    <x v="0"/>
    <x v="0"/>
    <s v="Xerox 1919"/>
    <n v="368.91"/>
    <n v="9"/>
    <n v="180.77"/>
  </r>
  <r>
    <d v="2015-11-24T00:00:00"/>
    <x v="10"/>
    <x v="1"/>
    <x v="0"/>
    <x v="3"/>
    <x v="0"/>
    <x v="4"/>
    <s v="Prang Colored Pencils"/>
    <n v="14.7"/>
    <n v="5"/>
    <n v="6.62"/>
  </r>
  <r>
    <d v="2015-11-24T00:00:00"/>
    <x v="10"/>
    <x v="1"/>
    <x v="18"/>
    <x v="3"/>
    <x v="0"/>
    <x v="3"/>
    <s v="Avery Reinforcements for Hole-Punch Pages"/>
    <n v="3.17"/>
    <n v="2"/>
    <n v="0.99"/>
  </r>
  <r>
    <d v="2015-11-24T00:00:00"/>
    <x v="10"/>
    <x v="1"/>
    <x v="18"/>
    <x v="3"/>
    <x v="0"/>
    <x v="0"/>
    <s v="Xerox 225"/>
    <n v="19.440000000000001"/>
    <n v="3"/>
    <n v="9.33"/>
  </r>
  <r>
    <d v="2015-11-24T00:00:00"/>
    <x v="10"/>
    <x v="1"/>
    <x v="18"/>
    <x v="3"/>
    <x v="0"/>
    <x v="2"/>
    <s v="Fellowes Bankers Box Staxonsteel Drawer File/Stacking System"/>
    <n v="454.86"/>
    <n v="7"/>
    <n v="54.58"/>
  </r>
  <r>
    <d v="2015-11-24T00:00:00"/>
    <x v="10"/>
    <x v="1"/>
    <x v="18"/>
    <x v="3"/>
    <x v="0"/>
    <x v="3"/>
    <s v="Avery Premier Heavy-Duty Binder with Round Locking Rings"/>
    <n v="91.39"/>
    <n v="8"/>
    <n v="29.7"/>
  </r>
  <r>
    <d v="2015-11-25T00:00:00"/>
    <x v="10"/>
    <x v="1"/>
    <x v="394"/>
    <x v="25"/>
    <x v="0"/>
    <x v="4"/>
    <s v="Newell 349"/>
    <n v="13.12"/>
    <n v="5"/>
    <n v="1.48"/>
  </r>
  <r>
    <d v="2015-11-26T00:00:00"/>
    <x v="10"/>
    <x v="1"/>
    <x v="133"/>
    <x v="32"/>
    <x v="0"/>
    <x v="3"/>
    <s v="Pressboard Covers with Storage Hooks, 9 1/2&quot; x 11&quot;, Light Blue"/>
    <n v="14.73"/>
    <n v="3"/>
    <n v="6.92"/>
  </r>
  <r>
    <d v="2015-11-26T00:00:00"/>
    <x v="10"/>
    <x v="1"/>
    <x v="133"/>
    <x v="32"/>
    <x v="0"/>
    <x v="2"/>
    <s v="Tennsco Lockers, Sand"/>
    <n v="104.9"/>
    <n v="5"/>
    <n v="25.18"/>
  </r>
  <r>
    <d v="2015-11-26T00:00:00"/>
    <x v="10"/>
    <x v="1"/>
    <x v="133"/>
    <x v="32"/>
    <x v="0"/>
    <x v="3"/>
    <s v="Aluminum Screw Posts"/>
    <n v="61.04"/>
    <n v="4"/>
    <n v="30.52"/>
  </r>
  <r>
    <d v="2015-11-26T00:00:00"/>
    <x v="10"/>
    <x v="1"/>
    <x v="133"/>
    <x v="32"/>
    <x v="0"/>
    <x v="0"/>
    <s v="Loose Memo Sheets"/>
    <n v="10.95"/>
    <n v="3"/>
    <n v="5.15"/>
  </r>
  <r>
    <d v="2015-11-26T00:00:00"/>
    <x v="10"/>
    <x v="1"/>
    <x v="572"/>
    <x v="15"/>
    <x v="1"/>
    <x v="8"/>
    <s v="Howard Miller 12-3/4 Diameter Accuwave DS  Wall Clock"/>
    <n v="692.47"/>
    <n v="11"/>
    <n v="190.43"/>
  </r>
  <r>
    <d v="2015-11-26T00:00:00"/>
    <x v="10"/>
    <x v="1"/>
    <x v="400"/>
    <x v="24"/>
    <x v="2"/>
    <x v="16"/>
    <s v="Canon PC1080F Personal Copier"/>
    <n v="599.99"/>
    <n v="1"/>
    <n v="234"/>
  </r>
  <r>
    <d v="2015-11-27T00:00:00"/>
    <x v="10"/>
    <x v="1"/>
    <x v="445"/>
    <x v="16"/>
    <x v="1"/>
    <x v="13"/>
    <s v="Hon Practical Foundations 30 x 60 Training Table, Light Gray/Charcoal"/>
    <n v="375.46"/>
    <n v="3"/>
    <n v="-157.01"/>
  </r>
  <r>
    <d v="2015-11-27T00:00:00"/>
    <x v="10"/>
    <x v="1"/>
    <x v="445"/>
    <x v="16"/>
    <x v="2"/>
    <x v="9"/>
    <s v="Logitech Media Keyboard K200"/>
    <n v="83.98"/>
    <n v="3"/>
    <n v="-1.05"/>
  </r>
  <r>
    <d v="2015-11-27T00:00:00"/>
    <x v="10"/>
    <x v="1"/>
    <x v="101"/>
    <x v="3"/>
    <x v="1"/>
    <x v="5"/>
    <s v="Situations Contoured Folding Chairs, 4/Set"/>
    <n v="283.92"/>
    <n v="5"/>
    <n v="17.75"/>
  </r>
  <r>
    <d v="2015-11-27T00:00:00"/>
    <x v="10"/>
    <x v="1"/>
    <x v="586"/>
    <x v="13"/>
    <x v="0"/>
    <x v="3"/>
    <s v="Zipper Ring Binder Pockets"/>
    <n v="6.24"/>
    <n v="2"/>
    <n v="3.06"/>
  </r>
  <r>
    <d v="2015-11-27T00:00:00"/>
    <x v="10"/>
    <x v="1"/>
    <x v="514"/>
    <x v="7"/>
    <x v="2"/>
    <x v="6"/>
    <s v="Apple EarPods with Remote and Mic"/>
    <n v="83.97"/>
    <n v="3"/>
    <n v="23.51"/>
  </r>
  <r>
    <d v="2015-11-27T00:00:00"/>
    <x v="10"/>
    <x v="1"/>
    <x v="514"/>
    <x v="7"/>
    <x v="2"/>
    <x v="9"/>
    <s v="Perixx PERIBOARD-512B, Ergonomic Split Keyboard"/>
    <n v="104.97"/>
    <n v="3"/>
    <n v="7.35"/>
  </r>
  <r>
    <d v="2015-11-27T00:00:00"/>
    <x v="10"/>
    <x v="1"/>
    <x v="617"/>
    <x v="20"/>
    <x v="0"/>
    <x v="4"/>
    <s v="Peel-Off China Markers"/>
    <n v="29.79"/>
    <n v="3"/>
    <n v="12.51"/>
  </r>
  <r>
    <d v="2015-11-27T00:00:00"/>
    <x v="10"/>
    <x v="1"/>
    <x v="188"/>
    <x v="3"/>
    <x v="2"/>
    <x v="9"/>
    <s v="Sony 64GB Class 10 Micro SDHC R40 Memory Card"/>
    <n v="107.97"/>
    <n v="3"/>
    <n v="22.67"/>
  </r>
  <r>
    <d v="2015-11-27T00:00:00"/>
    <x v="10"/>
    <x v="1"/>
    <x v="188"/>
    <x v="3"/>
    <x v="0"/>
    <x v="0"/>
    <s v="Snap-A-Way Black Print Carbonless Ruled Speed Letter, Triplicate"/>
    <n v="113.82"/>
    <n v="3"/>
    <n v="53.5"/>
  </r>
  <r>
    <d v="2015-11-27T00:00:00"/>
    <x v="10"/>
    <x v="1"/>
    <x v="469"/>
    <x v="2"/>
    <x v="2"/>
    <x v="6"/>
    <s v="LG Exalt"/>
    <n v="748.75"/>
    <n v="8"/>
    <n v="-162.22999999999999"/>
  </r>
  <r>
    <d v="2015-11-27T00:00:00"/>
    <x v="10"/>
    <x v="1"/>
    <x v="338"/>
    <x v="32"/>
    <x v="0"/>
    <x v="0"/>
    <s v="Xerox 1977"/>
    <n v="40.08"/>
    <n v="6"/>
    <n v="19.239999999999998"/>
  </r>
  <r>
    <d v="2015-11-27T00:00:00"/>
    <x v="10"/>
    <x v="1"/>
    <x v="338"/>
    <x v="32"/>
    <x v="0"/>
    <x v="0"/>
    <s v="Xerox 1884"/>
    <n v="59.94"/>
    <n v="3"/>
    <n v="28.17"/>
  </r>
  <r>
    <d v="2015-11-27T00:00:00"/>
    <x v="10"/>
    <x v="1"/>
    <x v="338"/>
    <x v="32"/>
    <x v="2"/>
    <x v="9"/>
    <s v="Logitech G35 7.1-Channel Surround Sound Headset"/>
    <n v="259.98"/>
    <n v="2"/>
    <n v="88.39"/>
  </r>
  <r>
    <d v="2015-11-27T00:00:00"/>
    <x v="10"/>
    <x v="1"/>
    <x v="338"/>
    <x v="32"/>
    <x v="1"/>
    <x v="11"/>
    <s v="Rush Hierlooms Collection 1&quot; Thick Stackable Bookcases"/>
    <n v="170.98"/>
    <n v="1"/>
    <n v="32.49"/>
  </r>
  <r>
    <d v="2015-11-27T00:00:00"/>
    <x v="10"/>
    <x v="1"/>
    <x v="338"/>
    <x v="32"/>
    <x v="1"/>
    <x v="8"/>
    <s v="Tensor &quot;Hersey Kiss&quot; Styled Floor Lamp"/>
    <n v="38.97"/>
    <n v="3"/>
    <n v="4.68"/>
  </r>
  <r>
    <d v="2015-11-27T00:00:00"/>
    <x v="10"/>
    <x v="1"/>
    <x v="338"/>
    <x v="32"/>
    <x v="0"/>
    <x v="0"/>
    <s v="Xerox 197"/>
    <n v="154.9"/>
    <n v="5"/>
    <n v="69.709999999999994"/>
  </r>
  <r>
    <d v="2015-11-27T00:00:00"/>
    <x v="10"/>
    <x v="1"/>
    <x v="338"/>
    <x v="32"/>
    <x v="1"/>
    <x v="13"/>
    <s v="Hon Non-Folding Utility Tables"/>
    <n v="446.07"/>
    <n v="4"/>
    <n v="0"/>
  </r>
  <r>
    <d v="2015-11-28T00:00:00"/>
    <x v="10"/>
    <x v="1"/>
    <x v="696"/>
    <x v="1"/>
    <x v="1"/>
    <x v="8"/>
    <s v="Eldon 100 Class Desk Accessories"/>
    <n v="12.13"/>
    <n v="9"/>
    <n v="-8.49"/>
  </r>
  <r>
    <d v="2015-11-28T00:00:00"/>
    <x v="10"/>
    <x v="1"/>
    <x v="696"/>
    <x v="1"/>
    <x v="0"/>
    <x v="2"/>
    <s v="Belkin 19&quot; Vented Equipment Shelf, Black"/>
    <n v="82.37"/>
    <n v="2"/>
    <n v="-19.559999999999999"/>
  </r>
  <r>
    <d v="2015-11-28T00:00:00"/>
    <x v="10"/>
    <x v="1"/>
    <x v="696"/>
    <x v="1"/>
    <x v="0"/>
    <x v="2"/>
    <s v="Tenex Personal Project File with Scoop Front Design, Black"/>
    <n v="53.92"/>
    <n v="5"/>
    <n v="4.04"/>
  </r>
  <r>
    <d v="2015-11-28T00:00:00"/>
    <x v="10"/>
    <x v="1"/>
    <x v="696"/>
    <x v="1"/>
    <x v="2"/>
    <x v="6"/>
    <s v="Logitech Mobile Speakerphone P710e -Â speaker phone"/>
    <n v="647.9"/>
    <n v="6"/>
    <n v="56.69"/>
  </r>
  <r>
    <d v="2015-11-28T00:00:00"/>
    <x v="10"/>
    <x v="1"/>
    <x v="164"/>
    <x v="1"/>
    <x v="1"/>
    <x v="8"/>
    <s v="Eldon &quot;L&quot; Workstation Diamond Chairmat"/>
    <n v="151.96"/>
    <n v="5"/>
    <n v="-182.35"/>
  </r>
  <r>
    <d v="2015-11-28T00:00:00"/>
    <x v="10"/>
    <x v="1"/>
    <x v="717"/>
    <x v="20"/>
    <x v="1"/>
    <x v="8"/>
    <s v="Tenex Contemporary Contur Chairmats for Low and Medium Pile Carpet, Computer, 39&quot; x 49&quot;"/>
    <n v="322.58999999999997"/>
    <n v="3"/>
    <n v="64.52"/>
  </r>
  <r>
    <d v="2015-11-28T00:00:00"/>
    <x v="10"/>
    <x v="1"/>
    <x v="231"/>
    <x v="20"/>
    <x v="1"/>
    <x v="8"/>
    <s v="Executive Impressions 14&quot; Two-Color Numerals Wall Clock"/>
    <n v="68.16"/>
    <n v="3"/>
    <n v="27.95"/>
  </r>
  <r>
    <d v="2015-11-28T00:00:00"/>
    <x v="10"/>
    <x v="1"/>
    <x v="231"/>
    <x v="20"/>
    <x v="0"/>
    <x v="10"/>
    <s v="Staple envelope"/>
    <n v="62.24"/>
    <n v="8"/>
    <n v="29.25"/>
  </r>
  <r>
    <d v="2015-11-28T00:00:00"/>
    <x v="10"/>
    <x v="1"/>
    <x v="438"/>
    <x v="0"/>
    <x v="0"/>
    <x v="0"/>
    <s v="Xerox 1941"/>
    <n v="335.52"/>
    <n v="4"/>
    <n v="117.43"/>
  </r>
  <r>
    <d v="2015-11-28T00:00:00"/>
    <x v="10"/>
    <x v="1"/>
    <x v="415"/>
    <x v="31"/>
    <x v="0"/>
    <x v="4"/>
    <s v="BIC Brite Liner Highlighters"/>
    <n v="8.2799999999999994"/>
    <n v="2"/>
    <n v="3.48"/>
  </r>
  <r>
    <d v="2015-11-28T00:00:00"/>
    <x v="10"/>
    <x v="1"/>
    <x v="63"/>
    <x v="3"/>
    <x v="0"/>
    <x v="12"/>
    <s v="Holmes Visible Mist Ultrasonic Humidifier with 2.3-Gallon Output per Day, Replacement Filter"/>
    <n v="45.28"/>
    <n v="4"/>
    <n v="15.4"/>
  </r>
  <r>
    <d v="2015-11-28T00:00:00"/>
    <x v="10"/>
    <x v="1"/>
    <x v="632"/>
    <x v="10"/>
    <x v="1"/>
    <x v="8"/>
    <s v="Seth Thomas 13 1/2&quot; Wall Clock"/>
    <n v="71.12"/>
    <n v="5"/>
    <n v="9.7799999999999994"/>
  </r>
  <r>
    <d v="2015-11-28T00:00:00"/>
    <x v="10"/>
    <x v="1"/>
    <x v="632"/>
    <x v="10"/>
    <x v="0"/>
    <x v="7"/>
    <s v="Staples"/>
    <n v="3.01"/>
    <n v="2"/>
    <n v="0.56000000000000005"/>
  </r>
  <r>
    <d v="2015-11-29T00:00:00"/>
    <x v="10"/>
    <x v="1"/>
    <x v="472"/>
    <x v="14"/>
    <x v="1"/>
    <x v="5"/>
    <s v="Global Manager's Adjustable Task Chair, Storm"/>
    <n v="301.95999999999998"/>
    <n v="2"/>
    <n v="87.57"/>
  </r>
  <r>
    <d v="2015-11-29T00:00:00"/>
    <x v="10"/>
    <x v="1"/>
    <x v="472"/>
    <x v="14"/>
    <x v="0"/>
    <x v="12"/>
    <s v="Honeywell Enviracaire Portable HEPA Air Cleaner for up to 10 x 16 Room"/>
    <n v="555.21"/>
    <n v="5"/>
    <n v="178.9"/>
  </r>
  <r>
    <d v="2015-11-29T00:00:00"/>
    <x v="10"/>
    <x v="1"/>
    <x v="472"/>
    <x v="14"/>
    <x v="0"/>
    <x v="2"/>
    <s v="Mini 13-1/2 Capacity Data Binder Rack, Pearl"/>
    <n v="523.48"/>
    <n v="4"/>
    <n v="130.87"/>
  </r>
  <r>
    <d v="2015-11-29T00:00:00"/>
    <x v="10"/>
    <x v="1"/>
    <x v="472"/>
    <x v="14"/>
    <x v="0"/>
    <x v="4"/>
    <s v="BOSTON Model 1800 Electric Pencil Sharpeners, Putty/Woodgrain"/>
    <n v="161.82"/>
    <n v="9"/>
    <n v="46.93"/>
  </r>
  <r>
    <d v="2015-11-29T00:00:00"/>
    <x v="10"/>
    <x v="1"/>
    <x v="478"/>
    <x v="14"/>
    <x v="0"/>
    <x v="0"/>
    <s v="Easy-staple paper"/>
    <n v="19.920000000000002"/>
    <n v="4"/>
    <n v="9.36"/>
  </r>
  <r>
    <d v="2015-11-29T00:00:00"/>
    <x v="10"/>
    <x v="1"/>
    <x v="478"/>
    <x v="14"/>
    <x v="1"/>
    <x v="5"/>
    <s v="Global High-Back Leather Tilter, Burgundy"/>
    <n v="1106.9100000000001"/>
    <n v="9"/>
    <n v="121.76"/>
  </r>
  <r>
    <d v="2015-11-29T00:00:00"/>
    <x v="10"/>
    <x v="1"/>
    <x v="630"/>
    <x v="0"/>
    <x v="2"/>
    <x v="9"/>
    <s v="Kingston Digital DataTraveler 16GB USB 2.0"/>
    <n v="21.48"/>
    <n v="3"/>
    <n v="-0.27"/>
  </r>
  <r>
    <d v="2015-11-29T00:00:00"/>
    <x v="10"/>
    <x v="1"/>
    <x v="630"/>
    <x v="0"/>
    <x v="0"/>
    <x v="3"/>
    <s v="GBC Imprintable Covers"/>
    <n v="8.7799999999999994"/>
    <n v="4"/>
    <n v="-13.62"/>
  </r>
  <r>
    <d v="2015-11-29T00:00:00"/>
    <x v="10"/>
    <x v="1"/>
    <x v="1"/>
    <x v="3"/>
    <x v="0"/>
    <x v="3"/>
    <s v="Acco PRESSTEX Data Binder with Storage Hooks, Dark Blue, 14 7/8&quot; X 11&quot;"/>
    <n v="4.3"/>
    <n v="1"/>
    <n v="1.56"/>
  </r>
  <r>
    <d v="2015-11-29T00:00:00"/>
    <x v="10"/>
    <x v="1"/>
    <x v="89"/>
    <x v="3"/>
    <x v="0"/>
    <x v="4"/>
    <s v="Boston Electric Pencil Sharpener, Model 1818, Charcoal Black"/>
    <n v="56.3"/>
    <n v="2"/>
    <n v="15.76"/>
  </r>
  <r>
    <d v="2015-11-30T00:00:00"/>
    <x v="10"/>
    <x v="1"/>
    <x v="494"/>
    <x v="2"/>
    <x v="0"/>
    <x v="3"/>
    <s v="Fellowes PB200 Plastic Comb Binding Machine"/>
    <n v="152.99"/>
    <n v="3"/>
    <n v="-122.39"/>
  </r>
  <r>
    <d v="2015-11-30T00:00:00"/>
    <x v="10"/>
    <x v="1"/>
    <x v="494"/>
    <x v="2"/>
    <x v="0"/>
    <x v="7"/>
    <s v="Revere Boxed Rubber Bands by Revere"/>
    <n v="10.58"/>
    <n v="7"/>
    <n v="-2.38"/>
  </r>
  <r>
    <d v="2015-11-30T00:00:00"/>
    <x v="10"/>
    <x v="1"/>
    <x v="494"/>
    <x v="2"/>
    <x v="2"/>
    <x v="6"/>
    <s v="Motorla HX550 Universal Bluetooth Headset"/>
    <n v="94.92"/>
    <n v="4"/>
    <n v="15.82"/>
  </r>
  <r>
    <d v="2015-11-30T00:00:00"/>
    <x v="10"/>
    <x v="1"/>
    <x v="35"/>
    <x v="0"/>
    <x v="0"/>
    <x v="3"/>
    <s v="GBC Instant Report Kit"/>
    <n v="3.88"/>
    <n v="3"/>
    <n v="-5.82"/>
  </r>
  <r>
    <d v="2015-11-30T00:00:00"/>
    <x v="10"/>
    <x v="1"/>
    <x v="152"/>
    <x v="5"/>
    <x v="0"/>
    <x v="10"/>
    <s v="#10- 4 1/8&quot; x 9 1/2&quot; Recycled Envelopes"/>
    <n v="17.48"/>
    <n v="2"/>
    <n v="8.2200000000000006"/>
  </r>
  <r>
    <d v="2015-11-30T00:00:00"/>
    <x v="10"/>
    <x v="1"/>
    <x v="152"/>
    <x v="5"/>
    <x v="0"/>
    <x v="10"/>
    <s v="Tyvek  Top-Opening Peel &amp; Seel  Envelopes, Gray"/>
    <n v="71.88"/>
    <n v="2"/>
    <n v="32.35"/>
  </r>
  <r>
    <d v="2015-11-30T00:00:00"/>
    <x v="10"/>
    <x v="1"/>
    <x v="195"/>
    <x v="25"/>
    <x v="2"/>
    <x v="6"/>
    <s v="Avaya 4621SW VoIP phone"/>
    <n v="177.48"/>
    <n v="3"/>
    <n v="19.97"/>
  </r>
  <r>
    <d v="2015-11-30T00:00:00"/>
    <x v="10"/>
    <x v="1"/>
    <x v="219"/>
    <x v="20"/>
    <x v="0"/>
    <x v="0"/>
    <s v="Avoid Verbal Orders Carbonless Minifold Book"/>
    <n v="23.66"/>
    <n v="7"/>
    <n v="10.88"/>
  </r>
  <r>
    <d v="2015-11-30T00:00:00"/>
    <x v="10"/>
    <x v="1"/>
    <x v="219"/>
    <x v="20"/>
    <x v="1"/>
    <x v="11"/>
    <s v="Hon Metal Bookcases, Black"/>
    <n v="681.41"/>
    <n v="12"/>
    <n v="42.59"/>
  </r>
  <r>
    <d v="2015-11-30T00:00:00"/>
    <x v="10"/>
    <x v="1"/>
    <x v="522"/>
    <x v="17"/>
    <x v="1"/>
    <x v="8"/>
    <s v="DAX Contemporary Wood Frame with Silver Metal Mat, Desktop, 11 x 14 Size"/>
    <n v="80.959999999999994"/>
    <n v="4"/>
    <n v="29.15"/>
  </r>
  <r>
    <d v="2015-11-30T00:00:00"/>
    <x v="10"/>
    <x v="1"/>
    <x v="522"/>
    <x v="17"/>
    <x v="0"/>
    <x v="0"/>
    <s v="Xerox 1997"/>
    <n v="25.92"/>
    <n v="4"/>
    <n v="12.44"/>
  </r>
  <r>
    <d v="2015-11-30T00:00:00"/>
    <x v="10"/>
    <x v="1"/>
    <x v="518"/>
    <x v="25"/>
    <x v="1"/>
    <x v="8"/>
    <s v="Dana Swing-Arm Lamps"/>
    <n v="17.09"/>
    <n v="2"/>
    <n v="1.07"/>
  </r>
  <r>
    <d v="2015-11-30T00:00:00"/>
    <x v="10"/>
    <x v="1"/>
    <x v="336"/>
    <x v="25"/>
    <x v="0"/>
    <x v="3"/>
    <s v="Avery Durable Binders"/>
    <n v="6.05"/>
    <n v="7"/>
    <n v="-4.2300000000000004"/>
  </r>
  <r>
    <d v="2015-11-30T00:00:00"/>
    <x v="10"/>
    <x v="1"/>
    <x v="336"/>
    <x v="25"/>
    <x v="0"/>
    <x v="12"/>
    <s v="Belkin 8 Outlet Surge Protector"/>
    <n v="98.35"/>
    <n v="3"/>
    <n v="9.84"/>
  </r>
  <r>
    <d v="2015-11-30T00:00:00"/>
    <x v="10"/>
    <x v="1"/>
    <x v="336"/>
    <x v="25"/>
    <x v="1"/>
    <x v="8"/>
    <s v="Luxo Professional Fluorescent Magnifier Lamp with Clamp-Mount Base"/>
    <n v="335.74"/>
    <n v="2"/>
    <n v="25.18"/>
  </r>
  <r>
    <d v="2015-12-01T00:00:00"/>
    <x v="11"/>
    <x v="1"/>
    <x v="391"/>
    <x v="22"/>
    <x v="0"/>
    <x v="3"/>
    <s v="Wilson Jones Heavy-Duty Casebound Ring Binders with Metal Hinges"/>
    <n v="55.42"/>
    <n v="2"/>
    <n v="19.399999999999999"/>
  </r>
  <r>
    <d v="2015-12-01T00:00:00"/>
    <x v="11"/>
    <x v="1"/>
    <x v="685"/>
    <x v="0"/>
    <x v="1"/>
    <x v="8"/>
    <s v="Eldon Image Series Desk Accessories, Burgundy"/>
    <n v="6.69"/>
    <n v="4"/>
    <n v="-4.01"/>
  </r>
  <r>
    <d v="2015-12-01T00:00:00"/>
    <x v="11"/>
    <x v="1"/>
    <x v="165"/>
    <x v="22"/>
    <x v="0"/>
    <x v="4"/>
    <s v="Prang Drawing Pencil Set"/>
    <n v="13.9"/>
    <n v="5"/>
    <n v="5.56"/>
  </r>
  <r>
    <d v="2015-12-01T00:00:00"/>
    <x v="11"/>
    <x v="1"/>
    <x v="435"/>
    <x v="6"/>
    <x v="0"/>
    <x v="2"/>
    <s v="Decoflex Hanging Personal Folder File, Blue"/>
    <n v="61.68"/>
    <n v="4"/>
    <n v="16.649999999999999"/>
  </r>
  <r>
    <d v="2015-12-01T00:00:00"/>
    <x v="11"/>
    <x v="1"/>
    <x v="435"/>
    <x v="6"/>
    <x v="0"/>
    <x v="3"/>
    <s v="GBC Pre-Punched Binding Paper, Plastic, White, 8-1/2&quot; x 11&quot;"/>
    <n v="63.96"/>
    <n v="4"/>
    <n v="30.7"/>
  </r>
  <r>
    <d v="2015-12-01T00:00:00"/>
    <x v="11"/>
    <x v="1"/>
    <x v="581"/>
    <x v="22"/>
    <x v="1"/>
    <x v="5"/>
    <s v="Global Troy Executive Leather Low-Back Tilter"/>
    <n v="2003.92"/>
    <n v="5"/>
    <n v="125.25"/>
  </r>
  <r>
    <d v="2015-12-01T00:00:00"/>
    <x v="11"/>
    <x v="1"/>
    <x v="581"/>
    <x v="22"/>
    <x v="0"/>
    <x v="0"/>
    <s v="Xerox 219"/>
    <n v="32.4"/>
    <n v="5"/>
    <n v="15.55"/>
  </r>
  <r>
    <d v="2015-12-01T00:00:00"/>
    <x v="11"/>
    <x v="1"/>
    <x v="581"/>
    <x v="22"/>
    <x v="1"/>
    <x v="13"/>
    <s v="Bush Advantage Collection Round Conference Table"/>
    <n v="1913.4"/>
    <n v="9"/>
    <n v="401.81"/>
  </r>
  <r>
    <d v="2015-12-01T00:00:00"/>
    <x v="11"/>
    <x v="1"/>
    <x v="581"/>
    <x v="22"/>
    <x v="0"/>
    <x v="2"/>
    <s v="Tennsco Industrial Shelving"/>
    <n v="146.72999999999999"/>
    <n v="3"/>
    <n v="2.93"/>
  </r>
  <r>
    <d v="2015-12-01T00:00:00"/>
    <x v="11"/>
    <x v="1"/>
    <x v="581"/>
    <x v="22"/>
    <x v="0"/>
    <x v="0"/>
    <s v="Xerox Color Copier Paper, 11&quot; x 17&quot;, Ream"/>
    <n v="114.2"/>
    <n v="5"/>
    <n v="52.53"/>
  </r>
  <r>
    <d v="2015-12-01T00:00:00"/>
    <x v="11"/>
    <x v="1"/>
    <x v="607"/>
    <x v="3"/>
    <x v="1"/>
    <x v="5"/>
    <s v="GuestStacker Chair with Chrome Finish Legs"/>
    <n v="2676.67"/>
    <n v="9"/>
    <n v="267.67"/>
  </r>
  <r>
    <d v="2015-12-01T00:00:00"/>
    <x v="11"/>
    <x v="1"/>
    <x v="338"/>
    <x v="14"/>
    <x v="0"/>
    <x v="0"/>
    <s v="Xerox 207"/>
    <n v="19.440000000000001"/>
    <n v="3"/>
    <n v="9.33"/>
  </r>
  <r>
    <d v="2015-12-01T00:00:00"/>
    <x v="11"/>
    <x v="1"/>
    <x v="338"/>
    <x v="14"/>
    <x v="0"/>
    <x v="4"/>
    <s v="Newell 307"/>
    <n v="3.64"/>
    <n v="2"/>
    <n v="1.02"/>
  </r>
  <r>
    <d v="2015-12-01T00:00:00"/>
    <x v="11"/>
    <x v="1"/>
    <x v="338"/>
    <x v="14"/>
    <x v="0"/>
    <x v="0"/>
    <s v="Wirebound Message Books, Four 2 3/4&quot; x 5&quot; Forms per Page, 600 Sets per Book"/>
    <n v="18.54"/>
    <n v="2"/>
    <n v="8.7100000000000009"/>
  </r>
  <r>
    <d v="2015-12-03T00:00:00"/>
    <x v="11"/>
    <x v="1"/>
    <x v="78"/>
    <x v="2"/>
    <x v="2"/>
    <x v="15"/>
    <s v="Lexmark MarkNet N8150 Wireless Print Server"/>
    <n v="482.34"/>
    <n v="4"/>
    <n v="-337.64"/>
  </r>
  <r>
    <d v="2015-12-03T00:00:00"/>
    <x v="11"/>
    <x v="1"/>
    <x v="78"/>
    <x v="2"/>
    <x v="1"/>
    <x v="8"/>
    <s v="3M Hangers With Command Adhesive"/>
    <n v="2.96"/>
    <n v="1"/>
    <n v="0.78"/>
  </r>
  <r>
    <d v="2015-12-03T00:00:00"/>
    <x v="11"/>
    <x v="1"/>
    <x v="114"/>
    <x v="20"/>
    <x v="0"/>
    <x v="3"/>
    <s v="Cardinal Poly Pocket Divider Pockets for Ring Binders"/>
    <n v="10.75"/>
    <n v="4"/>
    <n v="3.36"/>
  </r>
  <r>
    <d v="2015-12-03T00:00:00"/>
    <x v="11"/>
    <x v="1"/>
    <x v="314"/>
    <x v="2"/>
    <x v="0"/>
    <x v="0"/>
    <s v="Message Book, Wirebound, Four 5 1/2&quot; X 4&quot; Forms/Pg., 200 Dupl. Sets/Book"/>
    <n v="16.45"/>
    <n v="2"/>
    <n v="5.55"/>
  </r>
  <r>
    <d v="2015-12-03T00:00:00"/>
    <x v="11"/>
    <x v="1"/>
    <x v="314"/>
    <x v="2"/>
    <x v="2"/>
    <x v="9"/>
    <s v="Verbatim 25 GB 6x Blu-ray Single Layer Recordable Disc, 25/Pack"/>
    <n v="36.78"/>
    <n v="2"/>
    <n v="10.58"/>
  </r>
  <r>
    <d v="2015-12-03T00:00:00"/>
    <x v="11"/>
    <x v="1"/>
    <x v="544"/>
    <x v="20"/>
    <x v="0"/>
    <x v="3"/>
    <s v="GBC Therma-A-Bind 250T Electric Binding System"/>
    <n v="590.35"/>
    <n v="6"/>
    <n v="206.62"/>
  </r>
  <r>
    <d v="2015-12-03T00:00:00"/>
    <x v="11"/>
    <x v="1"/>
    <x v="517"/>
    <x v="3"/>
    <x v="1"/>
    <x v="11"/>
    <s v="Sauder Forest Hills Library, Woodland Oak Finish"/>
    <n v="359.5"/>
    <n v="3"/>
    <n v="-29.61"/>
  </r>
  <r>
    <d v="2015-12-03T00:00:00"/>
    <x v="11"/>
    <x v="1"/>
    <x v="419"/>
    <x v="25"/>
    <x v="1"/>
    <x v="8"/>
    <s v="Seth Thomas 16&quot; Steel Case Clock"/>
    <n v="77.95"/>
    <n v="3"/>
    <n v="12.67"/>
  </r>
  <r>
    <d v="2015-12-03T00:00:00"/>
    <x v="11"/>
    <x v="1"/>
    <x v="419"/>
    <x v="25"/>
    <x v="0"/>
    <x v="3"/>
    <s v="GBC DocuBind P50 Personal Binding Machine"/>
    <n v="95.97"/>
    <n v="5"/>
    <n v="-73.58"/>
  </r>
  <r>
    <d v="2015-12-03T00:00:00"/>
    <x v="11"/>
    <x v="1"/>
    <x v="419"/>
    <x v="25"/>
    <x v="2"/>
    <x v="6"/>
    <s v="Panasonic KX-TG6844B Expandable Digital Cordless Telephone"/>
    <n v="105.58"/>
    <n v="2"/>
    <n v="9.24"/>
  </r>
  <r>
    <d v="2015-12-03T00:00:00"/>
    <x v="11"/>
    <x v="1"/>
    <x v="419"/>
    <x v="25"/>
    <x v="0"/>
    <x v="4"/>
    <s v="Newell 312"/>
    <n v="9.34"/>
    <n v="2"/>
    <n v="1.17"/>
  </r>
  <r>
    <d v="2015-12-03T00:00:00"/>
    <x v="11"/>
    <x v="1"/>
    <x v="187"/>
    <x v="38"/>
    <x v="0"/>
    <x v="0"/>
    <s v="Xerox 1935"/>
    <n v="184.66"/>
    <n v="7"/>
    <n v="84.94"/>
  </r>
  <r>
    <d v="2015-12-04T00:00:00"/>
    <x v="11"/>
    <x v="1"/>
    <x v="718"/>
    <x v="16"/>
    <x v="0"/>
    <x v="3"/>
    <s v="SpineVue Locking Slant-D Ring Binders by Cardinal"/>
    <n v="8.23"/>
    <n v="3"/>
    <n v="-6.03"/>
  </r>
  <r>
    <d v="2015-12-04T00:00:00"/>
    <x v="11"/>
    <x v="1"/>
    <x v="703"/>
    <x v="20"/>
    <x v="1"/>
    <x v="8"/>
    <s v="DAX Two-Tone Rosewood/Black Document Frame, Desktop, 5 x 7"/>
    <n v="28.44"/>
    <n v="3"/>
    <n v="11.38"/>
  </r>
  <r>
    <d v="2015-12-04T00:00:00"/>
    <x v="11"/>
    <x v="1"/>
    <x v="703"/>
    <x v="20"/>
    <x v="1"/>
    <x v="5"/>
    <s v="Office Star - Ergonomically Designed Knee Chair"/>
    <n v="364.41"/>
    <n v="5"/>
    <n v="8.1"/>
  </r>
  <r>
    <d v="2015-12-04T00:00:00"/>
    <x v="11"/>
    <x v="1"/>
    <x v="703"/>
    <x v="20"/>
    <x v="2"/>
    <x v="6"/>
    <s v="Square Credit Card Reader"/>
    <n v="39.96"/>
    <n v="4"/>
    <n v="10.39"/>
  </r>
  <r>
    <d v="2015-12-04T00:00:00"/>
    <x v="11"/>
    <x v="1"/>
    <x v="703"/>
    <x v="20"/>
    <x v="1"/>
    <x v="5"/>
    <s v="Global Leather Highback Executive Chair with Pneumatic Height Adjustment, Black"/>
    <n v="361.76"/>
    <n v="2"/>
    <n v="68.33"/>
  </r>
  <r>
    <d v="2015-12-04T00:00:00"/>
    <x v="11"/>
    <x v="1"/>
    <x v="389"/>
    <x v="20"/>
    <x v="0"/>
    <x v="10"/>
    <s v="Wausau Papers Astrobrights Colored Envelopes"/>
    <n v="17.940000000000001"/>
    <n v="3"/>
    <n v="8.7899999999999991"/>
  </r>
  <r>
    <d v="2015-12-04T00:00:00"/>
    <x v="11"/>
    <x v="1"/>
    <x v="389"/>
    <x v="20"/>
    <x v="1"/>
    <x v="5"/>
    <s v="Global Armless Task Chair, Royal Blue"/>
    <n v="384.17"/>
    <n v="7"/>
    <n v="29.88"/>
  </r>
  <r>
    <d v="2015-12-04T00:00:00"/>
    <x v="11"/>
    <x v="1"/>
    <x v="389"/>
    <x v="20"/>
    <x v="2"/>
    <x v="6"/>
    <s v="Wilson SignalBoost 841262 DB PRO Amplifier Kit"/>
    <n v="1799.75"/>
    <n v="5"/>
    <n v="539.92999999999995"/>
  </r>
  <r>
    <d v="2015-12-04T00:00:00"/>
    <x v="11"/>
    <x v="1"/>
    <x v="279"/>
    <x v="24"/>
    <x v="0"/>
    <x v="0"/>
    <s v="Xerox 1881"/>
    <n v="85.96"/>
    <n v="7"/>
    <n v="40.4"/>
  </r>
  <r>
    <d v="2015-12-04T00:00:00"/>
    <x v="11"/>
    <x v="1"/>
    <x v="644"/>
    <x v="15"/>
    <x v="0"/>
    <x v="3"/>
    <s v="GBC Ibimaster 500 Manual ProClick Binding System"/>
    <n v="1598.06"/>
    <n v="7"/>
    <n v="-1065.3699999999999"/>
  </r>
  <r>
    <d v="2015-12-04T00:00:00"/>
    <x v="11"/>
    <x v="1"/>
    <x v="644"/>
    <x v="15"/>
    <x v="0"/>
    <x v="4"/>
    <s v="Deluxe Chalkboard Eraser Cleaner"/>
    <n v="36.96"/>
    <n v="4"/>
    <n v="12.01"/>
  </r>
  <r>
    <d v="2015-12-04T00:00:00"/>
    <x v="11"/>
    <x v="1"/>
    <x v="312"/>
    <x v="3"/>
    <x v="0"/>
    <x v="10"/>
    <s v="Tyvek Side-Opening Peel &amp; Seel Expanding Envelopes"/>
    <n v="271.44"/>
    <n v="3"/>
    <n v="122.15"/>
  </r>
  <r>
    <d v="2015-12-04T00:00:00"/>
    <x v="11"/>
    <x v="1"/>
    <x v="312"/>
    <x v="3"/>
    <x v="2"/>
    <x v="6"/>
    <s v="Jensen SMPS-640 -Â speaker phone"/>
    <n v="110.35"/>
    <n v="3"/>
    <n v="8.2799999999999994"/>
  </r>
  <r>
    <d v="2015-12-04T00:00:00"/>
    <x v="11"/>
    <x v="1"/>
    <x v="312"/>
    <x v="3"/>
    <x v="1"/>
    <x v="8"/>
    <s v="Master Caster Door Stop, Large Brown"/>
    <n v="36.4"/>
    <n v="5"/>
    <n v="13.83"/>
  </r>
  <r>
    <d v="2015-12-04T00:00:00"/>
    <x v="11"/>
    <x v="1"/>
    <x v="501"/>
    <x v="3"/>
    <x v="0"/>
    <x v="4"/>
    <s v="Avery Hi-Liter Fluorescent Desk Style Markers"/>
    <n v="16.899999999999999"/>
    <n v="5"/>
    <n v="6.25"/>
  </r>
  <r>
    <d v="2015-12-04T00:00:00"/>
    <x v="11"/>
    <x v="1"/>
    <x v="501"/>
    <x v="3"/>
    <x v="1"/>
    <x v="8"/>
    <s v="Eldon Image Series Desk Accessories, Burgundy"/>
    <n v="25.08"/>
    <n v="6"/>
    <n v="9.0299999999999994"/>
  </r>
  <r>
    <d v="2015-12-05T00:00:00"/>
    <x v="11"/>
    <x v="1"/>
    <x v="719"/>
    <x v="3"/>
    <x v="1"/>
    <x v="8"/>
    <s v="Executive Impressions 14&quot; Contract Wall Clock"/>
    <n v="44.46"/>
    <n v="2"/>
    <n v="14.67"/>
  </r>
  <r>
    <d v="2015-12-05T00:00:00"/>
    <x v="11"/>
    <x v="1"/>
    <x v="308"/>
    <x v="2"/>
    <x v="2"/>
    <x v="9"/>
    <s v="Belkin F8E887 USB Wired Ergonomic Keyboard"/>
    <n v="47.98"/>
    <n v="2"/>
    <n v="0.6"/>
  </r>
  <r>
    <d v="2015-12-05T00:00:00"/>
    <x v="11"/>
    <x v="1"/>
    <x v="308"/>
    <x v="2"/>
    <x v="0"/>
    <x v="3"/>
    <s v="GBC White Gloss Covers, Plain Front"/>
    <n v="26.06"/>
    <n v="6"/>
    <n v="-19.98"/>
  </r>
  <r>
    <d v="2015-12-05T00:00:00"/>
    <x v="11"/>
    <x v="1"/>
    <x v="720"/>
    <x v="14"/>
    <x v="0"/>
    <x v="3"/>
    <s v="Surelock Post Binders"/>
    <n v="152.80000000000001"/>
    <n v="5"/>
    <n v="76.400000000000006"/>
  </r>
  <r>
    <d v="2015-12-05T00:00:00"/>
    <x v="11"/>
    <x v="1"/>
    <x v="394"/>
    <x v="0"/>
    <x v="0"/>
    <x v="4"/>
    <s v="Boston Electric Pencil Sharpener, Model 1818, Charcoal Black"/>
    <n v="45.04"/>
    <n v="2"/>
    <n v="4.5"/>
  </r>
  <r>
    <d v="2015-12-05T00:00:00"/>
    <x v="11"/>
    <x v="1"/>
    <x v="449"/>
    <x v="20"/>
    <x v="0"/>
    <x v="3"/>
    <s v="Avery Arch Ring Binders"/>
    <n v="232.4"/>
    <n v="5"/>
    <n v="78.44"/>
  </r>
  <r>
    <d v="2015-12-05T00:00:00"/>
    <x v="11"/>
    <x v="1"/>
    <x v="449"/>
    <x v="20"/>
    <x v="1"/>
    <x v="5"/>
    <s v="Global Armless Task Chair, Royal Blue"/>
    <n v="164.65"/>
    <n v="3"/>
    <n v="12.81"/>
  </r>
  <r>
    <d v="2015-12-05T00:00:00"/>
    <x v="11"/>
    <x v="1"/>
    <x v="449"/>
    <x v="20"/>
    <x v="0"/>
    <x v="0"/>
    <s v="Xerox 188"/>
    <n v="22.68"/>
    <n v="2"/>
    <n v="11.11"/>
  </r>
  <r>
    <d v="2015-12-05T00:00:00"/>
    <x v="11"/>
    <x v="1"/>
    <x v="169"/>
    <x v="3"/>
    <x v="2"/>
    <x v="9"/>
    <s v="Memorex Micro Travel Drive 8 GB"/>
    <n v="39"/>
    <n v="3"/>
    <n v="17.55"/>
  </r>
  <r>
    <d v="2015-12-05T00:00:00"/>
    <x v="11"/>
    <x v="1"/>
    <x v="169"/>
    <x v="3"/>
    <x v="0"/>
    <x v="1"/>
    <s v="Avery 488"/>
    <n v="12.6"/>
    <n v="4"/>
    <n v="6.05"/>
  </r>
  <r>
    <d v="2015-12-05T00:00:00"/>
    <x v="11"/>
    <x v="1"/>
    <x v="390"/>
    <x v="15"/>
    <x v="1"/>
    <x v="5"/>
    <s v="Global Push Button Manager's Chair, Indigo"/>
    <n v="97.42"/>
    <n v="2"/>
    <n v="10.96"/>
  </r>
  <r>
    <d v="2015-12-05T00:00:00"/>
    <x v="11"/>
    <x v="1"/>
    <x v="560"/>
    <x v="1"/>
    <x v="0"/>
    <x v="10"/>
    <s v="Security-Tint Envelopes"/>
    <n v="12.22"/>
    <n v="2"/>
    <n v="4.43"/>
  </r>
  <r>
    <d v="2015-12-06T00:00:00"/>
    <x v="11"/>
    <x v="1"/>
    <x v="201"/>
    <x v="3"/>
    <x v="0"/>
    <x v="4"/>
    <s v="Stanley Contemporary Battery Pencil Sharpeners"/>
    <n v="120.15"/>
    <n v="9"/>
    <n v="33.64"/>
  </r>
  <r>
    <d v="2015-12-06T00:00:00"/>
    <x v="11"/>
    <x v="1"/>
    <x v="201"/>
    <x v="3"/>
    <x v="2"/>
    <x v="6"/>
    <s v="AT&amp;T 1080 Corded phone"/>
    <n v="219.18"/>
    <n v="2"/>
    <n v="19.18"/>
  </r>
  <r>
    <d v="2015-12-06T00:00:00"/>
    <x v="11"/>
    <x v="1"/>
    <x v="682"/>
    <x v="0"/>
    <x v="0"/>
    <x v="3"/>
    <s v="Avery Reinforcements for Hole-Punch Pages"/>
    <n v="2.77"/>
    <n v="7"/>
    <n v="-4.8499999999999996"/>
  </r>
  <r>
    <d v="2015-12-06T00:00:00"/>
    <x v="11"/>
    <x v="1"/>
    <x v="258"/>
    <x v="12"/>
    <x v="1"/>
    <x v="8"/>
    <s v="Howard Miller 13&quot; Diameter Pewter Finish Round Wall Clock"/>
    <n v="206.11"/>
    <n v="6"/>
    <n v="48.95"/>
  </r>
  <r>
    <d v="2015-12-06T00:00:00"/>
    <x v="11"/>
    <x v="1"/>
    <x v="258"/>
    <x v="12"/>
    <x v="0"/>
    <x v="0"/>
    <s v="Xerox 1970"/>
    <n v="19.920000000000002"/>
    <n v="5"/>
    <n v="6.72"/>
  </r>
  <r>
    <d v="2015-12-06T00:00:00"/>
    <x v="11"/>
    <x v="1"/>
    <x v="258"/>
    <x v="12"/>
    <x v="0"/>
    <x v="0"/>
    <s v="Xerox 1960"/>
    <n v="198.27"/>
    <n v="8"/>
    <n v="61.96"/>
  </r>
  <r>
    <d v="2015-12-06T00:00:00"/>
    <x v="11"/>
    <x v="1"/>
    <x v="258"/>
    <x v="12"/>
    <x v="0"/>
    <x v="2"/>
    <s v="Belkin 19&quot; Vented Equipment Shelf, Black"/>
    <n v="247.1"/>
    <n v="6"/>
    <n v="-58.69"/>
  </r>
  <r>
    <d v="2015-12-06T00:00:00"/>
    <x v="11"/>
    <x v="1"/>
    <x v="258"/>
    <x v="12"/>
    <x v="0"/>
    <x v="4"/>
    <s v="BOSTON Model 1800 Electric Pencil Sharpeners, Putty/Woodgrain"/>
    <n v="86.3"/>
    <n v="6"/>
    <n v="9.7100000000000009"/>
  </r>
  <r>
    <d v="2015-12-06T00:00:00"/>
    <x v="11"/>
    <x v="1"/>
    <x v="380"/>
    <x v="10"/>
    <x v="2"/>
    <x v="6"/>
    <s v="Polycom SoundStation2 EX ConferenceÂ phone"/>
    <n v="485.94"/>
    <n v="2"/>
    <n v="-89.09"/>
  </r>
  <r>
    <d v="2015-12-06T00:00:00"/>
    <x v="11"/>
    <x v="1"/>
    <x v="380"/>
    <x v="10"/>
    <x v="0"/>
    <x v="4"/>
    <s v="Newell 312"/>
    <n v="37.380000000000003"/>
    <n v="8"/>
    <n v="4.67"/>
  </r>
  <r>
    <d v="2015-12-06T00:00:00"/>
    <x v="11"/>
    <x v="1"/>
    <x v="380"/>
    <x v="10"/>
    <x v="1"/>
    <x v="5"/>
    <s v="Global Low Back Tilter Chair"/>
    <n v="70.69"/>
    <n v="1"/>
    <n v="-24.24"/>
  </r>
  <r>
    <d v="2015-12-06T00:00:00"/>
    <x v="11"/>
    <x v="1"/>
    <x v="307"/>
    <x v="3"/>
    <x v="0"/>
    <x v="0"/>
    <s v="Message Book, Phone, Wirebound Standard Line Memo, 2 3/4&quot; X 5&quot;"/>
    <n v="32.75"/>
    <n v="5"/>
    <n v="15.07"/>
  </r>
  <r>
    <d v="2015-12-06T00:00:00"/>
    <x v="11"/>
    <x v="1"/>
    <x v="25"/>
    <x v="20"/>
    <x v="0"/>
    <x v="0"/>
    <s v="Xerox 219"/>
    <n v="6.48"/>
    <n v="1"/>
    <n v="3.11"/>
  </r>
  <r>
    <d v="2015-12-06T00:00:00"/>
    <x v="11"/>
    <x v="1"/>
    <x v="25"/>
    <x v="20"/>
    <x v="0"/>
    <x v="0"/>
    <s v="Xerox 1903"/>
    <n v="41.86"/>
    <n v="7"/>
    <n v="20.51"/>
  </r>
  <r>
    <d v="2015-12-06T00:00:00"/>
    <x v="11"/>
    <x v="1"/>
    <x v="25"/>
    <x v="20"/>
    <x v="2"/>
    <x v="9"/>
    <s v="LogitechÂ VX Revolution Cordless Laser Mouse for Notebooks (Black)"/>
    <n v="1619.91"/>
    <n v="9"/>
    <n v="97.19"/>
  </r>
  <r>
    <d v="2015-12-06T00:00:00"/>
    <x v="11"/>
    <x v="1"/>
    <x v="25"/>
    <x v="20"/>
    <x v="1"/>
    <x v="8"/>
    <s v="Seth Thomas 14&quot; Day/Date Wall Clock"/>
    <n v="113.92"/>
    <n v="4"/>
    <n v="42.15"/>
  </r>
  <r>
    <d v="2015-12-06T00:00:00"/>
    <x v="11"/>
    <x v="1"/>
    <x v="70"/>
    <x v="18"/>
    <x v="2"/>
    <x v="16"/>
    <s v="Hewlett Packard 610 Color Digital Copier / Printer"/>
    <n v="999.98"/>
    <n v="2"/>
    <n v="449.99"/>
  </r>
  <r>
    <d v="2015-12-06T00:00:00"/>
    <x v="11"/>
    <x v="1"/>
    <x v="325"/>
    <x v="17"/>
    <x v="0"/>
    <x v="0"/>
    <s v="Xerox 20"/>
    <n v="6.48"/>
    <n v="1"/>
    <n v="3.11"/>
  </r>
  <r>
    <d v="2015-12-06T00:00:00"/>
    <x v="11"/>
    <x v="1"/>
    <x v="325"/>
    <x v="17"/>
    <x v="0"/>
    <x v="2"/>
    <s v="Tennsco 6- and 18-Compartment Lockers"/>
    <n v="1325.85"/>
    <n v="5"/>
    <n v="238.65"/>
  </r>
  <r>
    <d v="2015-12-06T00:00:00"/>
    <x v="11"/>
    <x v="1"/>
    <x v="325"/>
    <x v="17"/>
    <x v="0"/>
    <x v="1"/>
    <s v="Avery 483"/>
    <n v="14.94"/>
    <n v="3"/>
    <n v="6.87"/>
  </r>
  <r>
    <d v="2015-12-06T00:00:00"/>
    <x v="11"/>
    <x v="1"/>
    <x v="721"/>
    <x v="3"/>
    <x v="0"/>
    <x v="12"/>
    <s v="Commercial WindTunnel Clean Air Upright Vacuum, Replacement Belts, Filtration Bags"/>
    <n v="7.78"/>
    <n v="2"/>
    <n v="2.02"/>
  </r>
  <r>
    <d v="2015-12-06T00:00:00"/>
    <x v="11"/>
    <x v="1"/>
    <x v="644"/>
    <x v="6"/>
    <x v="2"/>
    <x v="6"/>
    <s v="AT&amp;T CL82213"/>
    <n v="173.94"/>
    <n v="6"/>
    <n v="50.44"/>
  </r>
  <r>
    <d v="2015-12-06T00:00:00"/>
    <x v="11"/>
    <x v="1"/>
    <x v="109"/>
    <x v="10"/>
    <x v="0"/>
    <x v="3"/>
    <s v="Ibico Standard Transparent Covers"/>
    <n v="14.83"/>
    <n v="3"/>
    <n v="-10.38"/>
  </r>
  <r>
    <d v="2015-12-06T00:00:00"/>
    <x v="11"/>
    <x v="1"/>
    <x v="639"/>
    <x v="3"/>
    <x v="0"/>
    <x v="0"/>
    <s v="Spiral Phone Message Books with Labels by Adams"/>
    <n v="8.9600000000000009"/>
    <n v="2"/>
    <n v="4.3899999999999997"/>
  </r>
  <r>
    <d v="2015-12-07T00:00:00"/>
    <x v="11"/>
    <x v="1"/>
    <x v="536"/>
    <x v="5"/>
    <x v="0"/>
    <x v="12"/>
    <s v="Eureka The Boss Cordless Rechargeable Stick Vac"/>
    <n v="152.94"/>
    <n v="3"/>
    <n v="41.29"/>
  </r>
  <r>
    <d v="2015-12-07T00:00:00"/>
    <x v="11"/>
    <x v="1"/>
    <x v="536"/>
    <x v="5"/>
    <x v="1"/>
    <x v="5"/>
    <s v="Situations Contoured Folding Chairs, 4/Set"/>
    <n v="283.92"/>
    <n v="4"/>
    <n v="70.98"/>
  </r>
  <r>
    <d v="2015-12-07T00:00:00"/>
    <x v="11"/>
    <x v="1"/>
    <x v="467"/>
    <x v="22"/>
    <x v="0"/>
    <x v="7"/>
    <s v="Alliance Big Bands Rubber Bands, 12/Pack"/>
    <n v="3.96"/>
    <n v="2"/>
    <n v="0"/>
  </r>
  <r>
    <d v="2015-12-07T00:00:00"/>
    <x v="11"/>
    <x v="1"/>
    <x v="467"/>
    <x v="22"/>
    <x v="0"/>
    <x v="1"/>
    <s v="Avery 509"/>
    <n v="2.61"/>
    <n v="1"/>
    <n v="1.2"/>
  </r>
  <r>
    <d v="2015-12-07T00:00:00"/>
    <x v="11"/>
    <x v="1"/>
    <x v="7"/>
    <x v="3"/>
    <x v="1"/>
    <x v="8"/>
    <s v="12-1/2 Diameter Round Wall Clock"/>
    <n v="79.92"/>
    <n v="4"/>
    <n v="28.77"/>
  </r>
  <r>
    <d v="2015-12-07T00:00:00"/>
    <x v="11"/>
    <x v="1"/>
    <x v="545"/>
    <x v="20"/>
    <x v="0"/>
    <x v="3"/>
    <s v="Pressboard Data Binders by Wilson Jones"/>
    <n v="21.36"/>
    <n v="5"/>
    <n v="7.21"/>
  </r>
  <r>
    <d v="2015-12-07T00:00:00"/>
    <x v="11"/>
    <x v="1"/>
    <x v="545"/>
    <x v="20"/>
    <x v="0"/>
    <x v="3"/>
    <s v="Avery Durable Slant Ring Binders With Label Holder"/>
    <n v="6.69"/>
    <n v="2"/>
    <n v="2.34"/>
  </r>
  <r>
    <d v="2015-12-07T00:00:00"/>
    <x v="11"/>
    <x v="1"/>
    <x v="545"/>
    <x v="20"/>
    <x v="2"/>
    <x v="6"/>
    <s v="Digium D40 VoIP phone"/>
    <n v="773.94"/>
    <n v="6"/>
    <n v="224.44"/>
  </r>
  <r>
    <d v="2015-12-07T00:00:00"/>
    <x v="11"/>
    <x v="1"/>
    <x v="94"/>
    <x v="3"/>
    <x v="0"/>
    <x v="0"/>
    <s v="Xerox 218"/>
    <n v="12.96"/>
    <n v="2"/>
    <n v="6.22"/>
  </r>
  <r>
    <d v="2015-12-08T00:00:00"/>
    <x v="11"/>
    <x v="1"/>
    <x v="722"/>
    <x v="0"/>
    <x v="0"/>
    <x v="0"/>
    <s v="Xerox 1945"/>
    <n v="360.71"/>
    <n v="11"/>
    <n v="130.76"/>
  </r>
  <r>
    <d v="2015-12-08T00:00:00"/>
    <x v="11"/>
    <x v="1"/>
    <x v="722"/>
    <x v="0"/>
    <x v="2"/>
    <x v="6"/>
    <s v="Wilson Electronics DB Pro Signal Booster"/>
    <n v="1718.4"/>
    <n v="6"/>
    <n v="150.36000000000001"/>
  </r>
  <r>
    <d v="2015-12-08T00:00:00"/>
    <x v="11"/>
    <x v="1"/>
    <x v="701"/>
    <x v="0"/>
    <x v="2"/>
    <x v="6"/>
    <s v="Nokia Lumia 521 (T-Mobile)"/>
    <n v="119.96"/>
    <n v="5"/>
    <n v="12"/>
  </r>
  <r>
    <d v="2015-12-08T00:00:00"/>
    <x v="11"/>
    <x v="1"/>
    <x v="598"/>
    <x v="3"/>
    <x v="0"/>
    <x v="2"/>
    <s v="Stur-D-Stor Shelving, Vertical 5-Shelf: 72&quot;H x 36&quot;W x 18 1/2&quot;D"/>
    <n v="221.96"/>
    <n v="2"/>
    <n v="4.4400000000000004"/>
  </r>
  <r>
    <d v="2015-12-08T00:00:00"/>
    <x v="11"/>
    <x v="1"/>
    <x v="598"/>
    <x v="3"/>
    <x v="2"/>
    <x v="9"/>
    <s v="WD My Passport Ultra 500GB Portable External Hard Drive"/>
    <n v="236"/>
    <n v="4"/>
    <n v="40.119999999999997"/>
  </r>
  <r>
    <d v="2015-12-08T00:00:00"/>
    <x v="11"/>
    <x v="1"/>
    <x v="418"/>
    <x v="26"/>
    <x v="0"/>
    <x v="0"/>
    <s v="Southworth Parchment Paper &amp; Envelopes"/>
    <n v="15.7"/>
    <n v="3"/>
    <n v="5.0999999999999996"/>
  </r>
  <r>
    <d v="2015-12-09T00:00:00"/>
    <x v="11"/>
    <x v="1"/>
    <x v="590"/>
    <x v="18"/>
    <x v="0"/>
    <x v="0"/>
    <s v="Xerox 188"/>
    <n v="34.020000000000003"/>
    <n v="3"/>
    <n v="16.670000000000002"/>
  </r>
  <r>
    <d v="2015-12-10T00:00:00"/>
    <x v="11"/>
    <x v="1"/>
    <x v="435"/>
    <x v="14"/>
    <x v="0"/>
    <x v="4"/>
    <s v="Avery Hi-Liter Comfort Grip Fluorescent Highlighter, Yellow Ink"/>
    <n v="3.9"/>
    <n v="2"/>
    <n v="1.52"/>
  </r>
  <r>
    <d v="2015-12-10T00:00:00"/>
    <x v="11"/>
    <x v="1"/>
    <x v="435"/>
    <x v="14"/>
    <x v="1"/>
    <x v="13"/>
    <s v="Bretford CR8500 Series Meeting Room Furniture"/>
    <n v="801.96"/>
    <n v="2"/>
    <n v="200.49"/>
  </r>
  <r>
    <d v="2015-12-10T00:00:00"/>
    <x v="11"/>
    <x v="1"/>
    <x v="435"/>
    <x v="14"/>
    <x v="1"/>
    <x v="5"/>
    <s v="Global Super Steno Chair"/>
    <n v="191.96"/>
    <n v="2"/>
    <n v="32.630000000000003"/>
  </r>
  <r>
    <d v="2015-12-10T00:00:00"/>
    <x v="11"/>
    <x v="1"/>
    <x v="435"/>
    <x v="14"/>
    <x v="0"/>
    <x v="1"/>
    <s v="Permanent Self-Adhesive File Folder Labels for Typewriters by Universal"/>
    <n v="2.61"/>
    <n v="1"/>
    <n v="1.2"/>
  </r>
  <r>
    <d v="2015-12-10T00:00:00"/>
    <x v="11"/>
    <x v="1"/>
    <x v="580"/>
    <x v="4"/>
    <x v="0"/>
    <x v="4"/>
    <s v="Staples in misc. colors"/>
    <n v="1.78"/>
    <n v="1"/>
    <n v="0.5"/>
  </r>
  <r>
    <d v="2015-12-10T00:00:00"/>
    <x v="11"/>
    <x v="1"/>
    <x v="580"/>
    <x v="4"/>
    <x v="0"/>
    <x v="0"/>
    <s v="Xerox 201"/>
    <n v="25.92"/>
    <n v="4"/>
    <n v="12.44"/>
  </r>
  <r>
    <d v="2015-12-10T00:00:00"/>
    <x v="11"/>
    <x v="1"/>
    <x v="580"/>
    <x v="4"/>
    <x v="2"/>
    <x v="9"/>
    <s v="Memorex 25GB 6X Branded Blu-Ray Recordable Disc, 15/Pack"/>
    <n v="101.94"/>
    <n v="6"/>
    <n v="21.41"/>
  </r>
  <r>
    <d v="2015-12-10T00:00:00"/>
    <x v="11"/>
    <x v="1"/>
    <x v="338"/>
    <x v="20"/>
    <x v="0"/>
    <x v="1"/>
    <s v="Avery 486"/>
    <n v="7.31"/>
    <n v="1"/>
    <n v="3.44"/>
  </r>
  <r>
    <d v="2015-12-10T00:00:00"/>
    <x v="11"/>
    <x v="1"/>
    <x v="338"/>
    <x v="20"/>
    <x v="2"/>
    <x v="16"/>
    <s v="Hewlett Packard 610 Color Digital Copier / Printer"/>
    <n v="799.98"/>
    <n v="2"/>
    <n v="250"/>
  </r>
  <r>
    <d v="2015-12-10T00:00:00"/>
    <x v="11"/>
    <x v="1"/>
    <x v="338"/>
    <x v="20"/>
    <x v="0"/>
    <x v="0"/>
    <s v="Adams Phone Message Book, 200 Message Capacity, 8 1/16Â” x 11Â”"/>
    <n v="41.28"/>
    <n v="6"/>
    <n v="18.989999999999998"/>
  </r>
  <r>
    <d v="2015-12-10T00:00:00"/>
    <x v="11"/>
    <x v="1"/>
    <x v="338"/>
    <x v="20"/>
    <x v="0"/>
    <x v="0"/>
    <s v="Xerox 1883"/>
    <n v="184.66"/>
    <n v="7"/>
    <n v="84.94"/>
  </r>
  <r>
    <d v="2015-12-10T00:00:00"/>
    <x v="11"/>
    <x v="1"/>
    <x v="666"/>
    <x v="36"/>
    <x v="0"/>
    <x v="4"/>
    <s v="Manco Dry-Lighter Erasable Highlighter"/>
    <n v="27.36"/>
    <n v="9"/>
    <n v="9.3000000000000007"/>
  </r>
  <r>
    <d v="2015-12-10T00:00:00"/>
    <x v="11"/>
    <x v="1"/>
    <x v="666"/>
    <x v="36"/>
    <x v="0"/>
    <x v="0"/>
    <s v="Recycled Desk Saver Line &quot;While You Were Out&quot; Book, 5 1/2&quot; X 4&quot;"/>
    <n v="44.75"/>
    <n v="5"/>
    <n v="20.59"/>
  </r>
  <r>
    <d v="2015-12-10T00:00:00"/>
    <x v="11"/>
    <x v="1"/>
    <x v="666"/>
    <x v="36"/>
    <x v="2"/>
    <x v="6"/>
    <s v="Cisco 8x8 Inc. 6753i IP Business Phone System"/>
    <n v="134.99"/>
    <n v="1"/>
    <n v="36.450000000000003"/>
  </r>
  <r>
    <d v="2015-12-10T00:00:00"/>
    <x v="11"/>
    <x v="1"/>
    <x v="666"/>
    <x v="36"/>
    <x v="0"/>
    <x v="0"/>
    <s v="Astroparche Fine Business Paper"/>
    <n v="26.4"/>
    <n v="5"/>
    <n v="12.67"/>
  </r>
  <r>
    <d v="2015-12-10T00:00:00"/>
    <x v="11"/>
    <x v="1"/>
    <x v="666"/>
    <x v="36"/>
    <x v="1"/>
    <x v="5"/>
    <s v="Global Ergonomic Managers Chair"/>
    <n v="542.94000000000005"/>
    <n v="3"/>
    <n v="141.16"/>
  </r>
  <r>
    <d v="2015-12-10T00:00:00"/>
    <x v="11"/>
    <x v="1"/>
    <x v="658"/>
    <x v="3"/>
    <x v="0"/>
    <x v="4"/>
    <s v="Boston Electric Pencil Sharpener, Model 1818, Charcoal Black"/>
    <n v="56.3"/>
    <n v="2"/>
    <n v="15.76"/>
  </r>
  <r>
    <d v="2015-12-10T00:00:00"/>
    <x v="11"/>
    <x v="1"/>
    <x v="621"/>
    <x v="1"/>
    <x v="0"/>
    <x v="12"/>
    <s v="3M Replacement Filter for Office Air Cleaner for 20' x 33' Room"/>
    <n v="53.09"/>
    <n v="7"/>
    <n v="-108.83"/>
  </r>
  <r>
    <d v="2015-12-10T00:00:00"/>
    <x v="11"/>
    <x v="1"/>
    <x v="711"/>
    <x v="3"/>
    <x v="0"/>
    <x v="1"/>
    <s v="Avery File Folder Labels"/>
    <n v="5.76"/>
    <n v="2"/>
    <n v="2.82"/>
  </r>
  <r>
    <d v="2015-12-10T00:00:00"/>
    <x v="11"/>
    <x v="1"/>
    <x v="371"/>
    <x v="10"/>
    <x v="2"/>
    <x v="9"/>
    <s v="Maxell 4.7GB DVD-RW 3/Pack"/>
    <n v="25.49"/>
    <n v="2"/>
    <n v="4.46"/>
  </r>
  <r>
    <d v="2015-12-11T00:00:00"/>
    <x v="11"/>
    <x v="1"/>
    <x v="661"/>
    <x v="6"/>
    <x v="0"/>
    <x v="1"/>
    <s v="Dot Matrix Printer Tape Reel Labels, White, 5000/Box"/>
    <n v="196.62"/>
    <n v="2"/>
    <n v="96.34"/>
  </r>
  <r>
    <d v="2015-12-11T00:00:00"/>
    <x v="11"/>
    <x v="1"/>
    <x v="723"/>
    <x v="0"/>
    <x v="2"/>
    <x v="9"/>
    <s v="Logitech Wireless Performance Mouse MX for PC and Mac"/>
    <n v="159.97999999999999"/>
    <n v="2"/>
    <n v="36"/>
  </r>
  <r>
    <d v="2015-12-11T00:00:00"/>
    <x v="11"/>
    <x v="1"/>
    <x v="723"/>
    <x v="0"/>
    <x v="0"/>
    <x v="2"/>
    <s v="Eldon ProFile File 'N Store Portable File Tub Letter/Legal Size Black"/>
    <n v="46.34"/>
    <n v="3"/>
    <n v="4.63"/>
  </r>
  <r>
    <d v="2015-12-11T00:00:00"/>
    <x v="11"/>
    <x v="1"/>
    <x v="258"/>
    <x v="16"/>
    <x v="0"/>
    <x v="3"/>
    <s v="Acco D-Ring Binder w/DublLock"/>
    <n v="12.83"/>
    <n v="2"/>
    <n v="-8.98"/>
  </r>
  <r>
    <d v="2015-12-11T00:00:00"/>
    <x v="11"/>
    <x v="1"/>
    <x v="576"/>
    <x v="26"/>
    <x v="0"/>
    <x v="4"/>
    <s v="Newell 313"/>
    <n v="13.12"/>
    <n v="5"/>
    <n v="1.1499999999999999"/>
  </r>
  <r>
    <d v="2015-12-11T00:00:00"/>
    <x v="11"/>
    <x v="1"/>
    <x v="576"/>
    <x v="26"/>
    <x v="1"/>
    <x v="11"/>
    <s v="Bush Westfield Collection Bookcases, Dark Cherry Finish"/>
    <n v="69.58"/>
    <n v="4"/>
    <n v="-143.79"/>
  </r>
  <r>
    <d v="2015-12-11T00:00:00"/>
    <x v="11"/>
    <x v="1"/>
    <x v="576"/>
    <x v="26"/>
    <x v="0"/>
    <x v="4"/>
    <s v="Newell 326"/>
    <n v="4.22"/>
    <n v="3"/>
    <n v="0.48"/>
  </r>
  <r>
    <d v="2015-12-11T00:00:00"/>
    <x v="11"/>
    <x v="1"/>
    <x v="576"/>
    <x v="26"/>
    <x v="2"/>
    <x v="9"/>
    <s v="Logitech Keyboard K120"/>
    <n v="58.08"/>
    <n v="4"/>
    <n v="-6.53"/>
  </r>
  <r>
    <d v="2015-12-11T00:00:00"/>
    <x v="11"/>
    <x v="1"/>
    <x v="576"/>
    <x v="26"/>
    <x v="1"/>
    <x v="8"/>
    <s v="Master Caster Door Stop, Large Neon Orange"/>
    <n v="52.42"/>
    <n v="9"/>
    <n v="15.07"/>
  </r>
  <r>
    <d v="2015-12-11T00:00:00"/>
    <x v="11"/>
    <x v="1"/>
    <x v="576"/>
    <x v="26"/>
    <x v="1"/>
    <x v="8"/>
    <s v="DAX Wood Document Frame"/>
    <n v="54.92"/>
    <n v="5"/>
    <n v="10.98"/>
  </r>
  <r>
    <d v="2015-12-11T00:00:00"/>
    <x v="11"/>
    <x v="1"/>
    <x v="576"/>
    <x v="26"/>
    <x v="1"/>
    <x v="13"/>
    <s v="Bevis Rectangular Conference Tables"/>
    <n v="364.95"/>
    <n v="5"/>
    <n v="-248.17"/>
  </r>
  <r>
    <d v="2015-12-11T00:00:00"/>
    <x v="11"/>
    <x v="1"/>
    <x v="576"/>
    <x v="26"/>
    <x v="0"/>
    <x v="0"/>
    <s v="Xerox 1932"/>
    <n v="85.06"/>
    <n v="3"/>
    <n v="28.71"/>
  </r>
  <r>
    <d v="2015-12-11T00:00:00"/>
    <x v="11"/>
    <x v="1"/>
    <x v="576"/>
    <x v="26"/>
    <x v="0"/>
    <x v="0"/>
    <s v="Avery Personal Creations Heavyweight Cards"/>
    <n v="27.7"/>
    <n v="3"/>
    <n v="9.69"/>
  </r>
  <r>
    <d v="2015-12-11T00:00:00"/>
    <x v="11"/>
    <x v="1"/>
    <x v="164"/>
    <x v="10"/>
    <x v="0"/>
    <x v="3"/>
    <s v="GBC Plasticlear Binding Covers"/>
    <n v="10.33"/>
    <n v="3"/>
    <n v="-7.58"/>
  </r>
  <r>
    <d v="2015-12-11T00:00:00"/>
    <x v="11"/>
    <x v="1"/>
    <x v="412"/>
    <x v="3"/>
    <x v="0"/>
    <x v="3"/>
    <s v="GBC Recycled Grain Textured Covers"/>
    <n v="110.53"/>
    <n v="4"/>
    <n v="38.68"/>
  </r>
  <r>
    <d v="2015-12-11T00:00:00"/>
    <x v="11"/>
    <x v="1"/>
    <x v="273"/>
    <x v="14"/>
    <x v="2"/>
    <x v="9"/>
    <s v="Maxell 4.7GB DVD+RW 3/Pack"/>
    <n v="175.23"/>
    <n v="11"/>
    <n v="61.33"/>
  </r>
  <r>
    <d v="2015-12-11T00:00:00"/>
    <x v="11"/>
    <x v="1"/>
    <x v="273"/>
    <x v="14"/>
    <x v="2"/>
    <x v="6"/>
    <s v="BlackBerry Q10"/>
    <n v="125.99"/>
    <n v="1"/>
    <n v="31.5"/>
  </r>
  <r>
    <d v="2015-12-11T00:00:00"/>
    <x v="11"/>
    <x v="1"/>
    <x v="273"/>
    <x v="14"/>
    <x v="0"/>
    <x v="3"/>
    <s v="Ibico Covers for Plastic or Wire Binding Elements"/>
    <n v="23"/>
    <n v="2"/>
    <n v="10.35"/>
  </r>
  <r>
    <d v="2015-12-12T00:00:00"/>
    <x v="11"/>
    <x v="1"/>
    <x v="235"/>
    <x v="3"/>
    <x v="1"/>
    <x v="5"/>
    <s v="Lifetime Advantage Folding Chairs, 4/Carton"/>
    <n v="348.93"/>
    <n v="2"/>
    <n v="34.89"/>
  </r>
  <r>
    <d v="2015-12-12T00:00:00"/>
    <x v="11"/>
    <x v="1"/>
    <x v="380"/>
    <x v="3"/>
    <x v="0"/>
    <x v="7"/>
    <s v="Staples"/>
    <n v="7.86"/>
    <n v="2"/>
    <n v="3.62"/>
  </r>
  <r>
    <d v="2015-12-12T00:00:00"/>
    <x v="11"/>
    <x v="1"/>
    <x v="380"/>
    <x v="3"/>
    <x v="0"/>
    <x v="3"/>
    <s v="Recycled Premium Regency Composition Covers"/>
    <n v="24.45"/>
    <n v="2"/>
    <n v="8.86"/>
  </r>
  <r>
    <d v="2015-12-12T00:00:00"/>
    <x v="11"/>
    <x v="1"/>
    <x v="699"/>
    <x v="36"/>
    <x v="0"/>
    <x v="4"/>
    <s v="Rogers Handheld Barrel Pencil Sharpener"/>
    <n v="8.2200000000000006"/>
    <n v="3"/>
    <n v="2.2200000000000002"/>
  </r>
  <r>
    <d v="2015-12-12T00:00:00"/>
    <x v="11"/>
    <x v="1"/>
    <x v="557"/>
    <x v="0"/>
    <x v="2"/>
    <x v="9"/>
    <s v="AmazonBasics 3-Button USB Wired Mouse"/>
    <n v="22.37"/>
    <n v="4"/>
    <n v="6.43"/>
  </r>
  <r>
    <d v="2015-12-12T00:00:00"/>
    <x v="11"/>
    <x v="1"/>
    <x v="21"/>
    <x v="3"/>
    <x v="0"/>
    <x v="4"/>
    <s v="Newell 311"/>
    <n v="2.21"/>
    <n v="1"/>
    <n v="0.6"/>
  </r>
  <r>
    <d v="2015-12-12T00:00:00"/>
    <x v="11"/>
    <x v="1"/>
    <x v="21"/>
    <x v="3"/>
    <x v="0"/>
    <x v="10"/>
    <s v="Peel &amp; Seel Envelopes"/>
    <n v="15.52"/>
    <n v="4"/>
    <n v="7.45"/>
  </r>
  <r>
    <d v="2015-12-12T00:00:00"/>
    <x v="11"/>
    <x v="1"/>
    <x v="21"/>
    <x v="3"/>
    <x v="0"/>
    <x v="0"/>
    <s v="Black Print Carbonless Snap-Off Rapid Letter, 8 1/2&quot; x 7&quot;"/>
    <n v="36.44"/>
    <n v="4"/>
    <n v="16.399999999999999"/>
  </r>
  <r>
    <d v="2015-12-12T00:00:00"/>
    <x v="11"/>
    <x v="1"/>
    <x v="276"/>
    <x v="3"/>
    <x v="1"/>
    <x v="8"/>
    <s v="Eldon Cleatmat Chair Mats for Medium Pile Carpets"/>
    <n v="166.5"/>
    <n v="3"/>
    <n v="21.65"/>
  </r>
  <r>
    <d v="2015-12-12T00:00:00"/>
    <x v="11"/>
    <x v="1"/>
    <x v="276"/>
    <x v="3"/>
    <x v="0"/>
    <x v="2"/>
    <s v="Standard Rollaway File with Lock"/>
    <n v="360.38"/>
    <n v="2"/>
    <n v="93.7"/>
  </r>
  <r>
    <d v="2015-12-12T00:00:00"/>
    <x v="11"/>
    <x v="1"/>
    <x v="104"/>
    <x v="17"/>
    <x v="0"/>
    <x v="0"/>
    <s v="Xerox 1930"/>
    <n v="32.4"/>
    <n v="5"/>
    <n v="15.88"/>
  </r>
  <r>
    <d v="2015-12-12T00:00:00"/>
    <x v="11"/>
    <x v="1"/>
    <x v="104"/>
    <x v="17"/>
    <x v="0"/>
    <x v="0"/>
    <s v="Xerox 1916"/>
    <n v="97.88"/>
    <n v="2"/>
    <n v="48.94"/>
  </r>
  <r>
    <d v="2015-12-12T00:00:00"/>
    <x v="11"/>
    <x v="1"/>
    <x v="502"/>
    <x v="3"/>
    <x v="2"/>
    <x v="9"/>
    <s v="Logitech Wireless Marathon Mouse M705"/>
    <n v="299.94"/>
    <n v="6"/>
    <n v="128.97"/>
  </r>
  <r>
    <d v="2015-12-12T00:00:00"/>
    <x v="11"/>
    <x v="1"/>
    <x v="502"/>
    <x v="3"/>
    <x v="0"/>
    <x v="14"/>
    <s v="Staple remover"/>
    <n v="25.76"/>
    <n v="7"/>
    <n v="0.52"/>
  </r>
  <r>
    <d v="2015-12-13T00:00:00"/>
    <x v="11"/>
    <x v="1"/>
    <x v="468"/>
    <x v="3"/>
    <x v="0"/>
    <x v="0"/>
    <s v="Xerox 213"/>
    <n v="12.96"/>
    <n v="2"/>
    <n v="6.22"/>
  </r>
  <r>
    <d v="2015-12-13T00:00:00"/>
    <x v="11"/>
    <x v="1"/>
    <x v="468"/>
    <x v="3"/>
    <x v="0"/>
    <x v="12"/>
    <s v="Fellowes 8 Outlet Superior Workstation Surge Protector w/o Phone/Fax/Modem Protection"/>
    <n v="134.47999999999999"/>
    <n v="4"/>
    <n v="34.96"/>
  </r>
  <r>
    <d v="2015-12-13T00:00:00"/>
    <x v="11"/>
    <x v="1"/>
    <x v="550"/>
    <x v="3"/>
    <x v="0"/>
    <x v="1"/>
    <s v="Avery 513"/>
    <n v="9.9600000000000009"/>
    <n v="2"/>
    <n v="4.58"/>
  </r>
  <r>
    <d v="2015-12-13T00:00:00"/>
    <x v="11"/>
    <x v="1"/>
    <x v="122"/>
    <x v="3"/>
    <x v="2"/>
    <x v="6"/>
    <s v="Plantronics Voyager Pro Legend"/>
    <n v="494.38"/>
    <n v="3"/>
    <n v="49.44"/>
  </r>
  <r>
    <d v="2015-12-13T00:00:00"/>
    <x v="11"/>
    <x v="1"/>
    <x v="122"/>
    <x v="3"/>
    <x v="0"/>
    <x v="3"/>
    <s v="Angle-D Binders with Locking Rings, Label Holders"/>
    <n v="29.2"/>
    <n v="5"/>
    <n v="9.86"/>
  </r>
  <r>
    <d v="2015-12-13T00:00:00"/>
    <x v="11"/>
    <x v="1"/>
    <x v="122"/>
    <x v="3"/>
    <x v="2"/>
    <x v="9"/>
    <s v="Logitech K350 2.4Ghz Wireless Keyboard"/>
    <n v="248.85"/>
    <n v="5"/>
    <n v="27.37"/>
  </r>
  <r>
    <d v="2015-12-13T00:00:00"/>
    <x v="11"/>
    <x v="1"/>
    <x v="122"/>
    <x v="3"/>
    <x v="2"/>
    <x v="9"/>
    <s v="Memorex Mini Travel Drive 64 GB USB 2.0 Flash Drive"/>
    <n v="36.24"/>
    <n v="1"/>
    <n v="15.22"/>
  </r>
  <r>
    <d v="2015-12-13T00:00:00"/>
    <x v="11"/>
    <x v="1"/>
    <x v="222"/>
    <x v="32"/>
    <x v="0"/>
    <x v="0"/>
    <s v="Xerox 222"/>
    <n v="19.440000000000001"/>
    <n v="3"/>
    <n v="9.33"/>
  </r>
  <r>
    <d v="2015-12-13T00:00:00"/>
    <x v="11"/>
    <x v="1"/>
    <x v="222"/>
    <x v="32"/>
    <x v="0"/>
    <x v="3"/>
    <s v="Flexible Leather- Look Classic Collection Ring Binder"/>
    <n v="37.880000000000003"/>
    <n v="2"/>
    <n v="18.940000000000001"/>
  </r>
  <r>
    <d v="2015-12-14T00:00:00"/>
    <x v="11"/>
    <x v="1"/>
    <x v="22"/>
    <x v="4"/>
    <x v="0"/>
    <x v="3"/>
    <s v="3-ring staple pack"/>
    <n v="3.76"/>
    <n v="2"/>
    <n v="1.8"/>
  </r>
  <r>
    <d v="2015-12-14T00:00:00"/>
    <x v="11"/>
    <x v="1"/>
    <x v="724"/>
    <x v="11"/>
    <x v="2"/>
    <x v="6"/>
    <s v="HTC One"/>
    <n v="319.97000000000003"/>
    <n v="4"/>
    <n v="36"/>
  </r>
  <r>
    <d v="2015-12-14T00:00:00"/>
    <x v="11"/>
    <x v="1"/>
    <x v="247"/>
    <x v="3"/>
    <x v="0"/>
    <x v="3"/>
    <s v="Wilson Jones Standard D-Ring Binders"/>
    <n v="8.1"/>
    <n v="2"/>
    <n v="2.73"/>
  </r>
  <r>
    <d v="2015-12-14T00:00:00"/>
    <x v="11"/>
    <x v="1"/>
    <x v="435"/>
    <x v="29"/>
    <x v="1"/>
    <x v="8"/>
    <s v="Stackable Trays"/>
    <n v="6.16"/>
    <n v="2"/>
    <n v="1.97"/>
  </r>
  <r>
    <d v="2015-12-14T00:00:00"/>
    <x v="11"/>
    <x v="1"/>
    <x v="435"/>
    <x v="29"/>
    <x v="0"/>
    <x v="4"/>
    <s v="Boston Electric Pencil Sharpener, Model 1818, Charcoal Black"/>
    <n v="56.3"/>
    <n v="2"/>
    <n v="15.76"/>
  </r>
  <r>
    <d v="2015-12-14T00:00:00"/>
    <x v="11"/>
    <x v="1"/>
    <x v="367"/>
    <x v="3"/>
    <x v="1"/>
    <x v="8"/>
    <s v="Master Caster Door Stop, Gray"/>
    <n v="15.24"/>
    <n v="3"/>
    <n v="5.18"/>
  </r>
  <r>
    <d v="2015-12-14T00:00:00"/>
    <x v="11"/>
    <x v="1"/>
    <x v="281"/>
    <x v="3"/>
    <x v="1"/>
    <x v="8"/>
    <s v="Staple-based wall hangings"/>
    <n v="29.22"/>
    <n v="3"/>
    <n v="12.86"/>
  </r>
  <r>
    <d v="2015-12-14T00:00:00"/>
    <x v="11"/>
    <x v="1"/>
    <x v="63"/>
    <x v="3"/>
    <x v="2"/>
    <x v="9"/>
    <s v="Micro Innovations USB RF Wireless Keyboard with Mouse"/>
    <n v="50"/>
    <n v="2"/>
    <n v="10.5"/>
  </r>
  <r>
    <d v="2015-12-14T00:00:00"/>
    <x v="11"/>
    <x v="1"/>
    <x v="504"/>
    <x v="3"/>
    <x v="0"/>
    <x v="3"/>
    <s v="Ibico Recycled Grain-Textured Covers"/>
    <n v="55.26"/>
    <n v="2"/>
    <n v="20.72"/>
  </r>
  <r>
    <d v="2015-12-14T00:00:00"/>
    <x v="11"/>
    <x v="1"/>
    <x v="504"/>
    <x v="3"/>
    <x v="0"/>
    <x v="0"/>
    <s v="Xerox 23"/>
    <n v="6.48"/>
    <n v="1"/>
    <n v="3.11"/>
  </r>
  <r>
    <d v="2015-12-14T00:00:00"/>
    <x v="11"/>
    <x v="1"/>
    <x v="504"/>
    <x v="3"/>
    <x v="0"/>
    <x v="3"/>
    <s v="GBC Laser Imprintable Binding System Covers, Desert Sand"/>
    <n v="34.25"/>
    <n v="3"/>
    <n v="11.56"/>
  </r>
  <r>
    <d v="2015-12-14T00:00:00"/>
    <x v="11"/>
    <x v="1"/>
    <x v="504"/>
    <x v="3"/>
    <x v="1"/>
    <x v="13"/>
    <s v="Bush Andora Conference Table, Maple/Graphite Gray Finish"/>
    <n v="273.57"/>
    <n v="2"/>
    <n v="10.26"/>
  </r>
  <r>
    <d v="2015-12-15T00:00:00"/>
    <x v="11"/>
    <x v="1"/>
    <x v="412"/>
    <x v="20"/>
    <x v="0"/>
    <x v="4"/>
    <s v="Sanford Colorific Eraseable Coloring Pencils, 12 Count"/>
    <n v="3.28"/>
    <n v="1"/>
    <n v="1.41"/>
  </r>
  <r>
    <d v="2015-12-15T00:00:00"/>
    <x v="11"/>
    <x v="1"/>
    <x v="343"/>
    <x v="22"/>
    <x v="0"/>
    <x v="12"/>
    <s v="3M Office Air Cleaner"/>
    <n v="103.92"/>
    <n v="4"/>
    <n v="36.369999999999997"/>
  </r>
  <r>
    <d v="2015-12-15T00:00:00"/>
    <x v="11"/>
    <x v="1"/>
    <x v="343"/>
    <x v="22"/>
    <x v="2"/>
    <x v="9"/>
    <s v="Logitech G700s Rechargeable Gaming Mouse"/>
    <n v="899.91"/>
    <n v="9"/>
    <n v="377.96"/>
  </r>
  <r>
    <d v="2015-12-15T00:00:00"/>
    <x v="11"/>
    <x v="1"/>
    <x v="343"/>
    <x v="22"/>
    <x v="0"/>
    <x v="3"/>
    <s v="Acco D-Ring Binder w/DublLock"/>
    <n v="51.31"/>
    <n v="3"/>
    <n v="18.600000000000001"/>
  </r>
  <r>
    <d v="2015-12-15T00:00:00"/>
    <x v="11"/>
    <x v="1"/>
    <x v="40"/>
    <x v="10"/>
    <x v="2"/>
    <x v="9"/>
    <s v="Plantronics Savi W720 Multi-Device Wireless Headset System"/>
    <n v="2025.36"/>
    <n v="6"/>
    <n v="607.61"/>
  </r>
  <r>
    <d v="2015-12-15T00:00:00"/>
    <x v="11"/>
    <x v="1"/>
    <x v="40"/>
    <x v="10"/>
    <x v="2"/>
    <x v="15"/>
    <s v="Cubify CubeX 3D Printer Double Head Print"/>
    <n v="1799.99"/>
    <n v="2"/>
    <n v="-2639.99"/>
  </r>
  <r>
    <d v="2015-12-15T00:00:00"/>
    <x v="11"/>
    <x v="1"/>
    <x v="40"/>
    <x v="10"/>
    <x v="2"/>
    <x v="6"/>
    <s v="Panasonic KX TS3282W Corded phone"/>
    <n v="101.99"/>
    <n v="2"/>
    <n v="-17"/>
  </r>
  <r>
    <d v="2015-12-15T00:00:00"/>
    <x v="11"/>
    <x v="1"/>
    <x v="40"/>
    <x v="10"/>
    <x v="1"/>
    <x v="8"/>
    <s v="Howard Miller 13&quot; Diameter Goldtone Round Wall Clock"/>
    <n v="262.86"/>
    <n v="7"/>
    <n v="69"/>
  </r>
  <r>
    <d v="2015-12-15T00:00:00"/>
    <x v="11"/>
    <x v="1"/>
    <x v="390"/>
    <x v="25"/>
    <x v="2"/>
    <x v="6"/>
    <s v="Cisco Small Business SPA 502G VoIP phone"/>
    <n v="246.17"/>
    <n v="3"/>
    <n v="21.54"/>
  </r>
  <r>
    <d v="2015-12-16T00:00:00"/>
    <x v="11"/>
    <x v="1"/>
    <x v="707"/>
    <x v="22"/>
    <x v="0"/>
    <x v="0"/>
    <s v="Xerox 190"/>
    <n v="4.9800000000000004"/>
    <n v="1"/>
    <n v="2.34"/>
  </r>
  <r>
    <d v="2015-12-17T00:00:00"/>
    <x v="11"/>
    <x v="1"/>
    <x v="154"/>
    <x v="14"/>
    <x v="0"/>
    <x v="3"/>
    <s v="GBC Plastic Binding Combs"/>
    <n v="29.52"/>
    <n v="4"/>
    <n v="14.46"/>
  </r>
  <r>
    <d v="2015-12-17T00:00:00"/>
    <x v="11"/>
    <x v="1"/>
    <x v="154"/>
    <x v="14"/>
    <x v="1"/>
    <x v="5"/>
    <s v="Hon Valutask Swivel Chairs"/>
    <n v="302.94"/>
    <n v="3"/>
    <n v="48.47"/>
  </r>
  <r>
    <d v="2015-12-17T00:00:00"/>
    <x v="11"/>
    <x v="1"/>
    <x v="154"/>
    <x v="14"/>
    <x v="1"/>
    <x v="5"/>
    <s v="Harbour Creations 67200 Series Stacking Chairs"/>
    <n v="142.36000000000001"/>
    <n v="2"/>
    <n v="38.44"/>
  </r>
  <r>
    <d v="2015-12-17T00:00:00"/>
    <x v="11"/>
    <x v="1"/>
    <x v="154"/>
    <x v="14"/>
    <x v="1"/>
    <x v="5"/>
    <s v="Global Value Steno Chair, Gray"/>
    <n v="546.66"/>
    <n v="9"/>
    <n v="136.66999999999999"/>
  </r>
  <r>
    <d v="2015-12-17T00:00:00"/>
    <x v="11"/>
    <x v="1"/>
    <x v="154"/>
    <x v="14"/>
    <x v="1"/>
    <x v="8"/>
    <s v="Tenex Carpeted, Granite-Look or Clear Contemporary Contour Shape Chair Mats"/>
    <n v="212.13"/>
    <n v="3"/>
    <n v="14.85"/>
  </r>
  <r>
    <d v="2015-12-17T00:00:00"/>
    <x v="11"/>
    <x v="1"/>
    <x v="260"/>
    <x v="1"/>
    <x v="0"/>
    <x v="2"/>
    <s v="Tennsco Double-Tier Lockers"/>
    <n v="180.02"/>
    <n v="1"/>
    <n v="-15.75"/>
  </r>
  <r>
    <d v="2015-12-17T00:00:00"/>
    <x v="11"/>
    <x v="1"/>
    <x v="260"/>
    <x v="1"/>
    <x v="1"/>
    <x v="8"/>
    <s v="Howard Miller 11-1/2&quot; Diameter Ridgewood Wall Clock"/>
    <n v="41.55"/>
    <n v="2"/>
    <n v="-19.739999999999998"/>
  </r>
  <r>
    <d v="2015-12-17T00:00:00"/>
    <x v="11"/>
    <x v="1"/>
    <x v="260"/>
    <x v="1"/>
    <x v="0"/>
    <x v="4"/>
    <s v="Newell 35"/>
    <n v="13.12"/>
    <n v="5"/>
    <n v="1.48"/>
  </r>
  <r>
    <d v="2015-12-17T00:00:00"/>
    <x v="11"/>
    <x v="1"/>
    <x v="194"/>
    <x v="3"/>
    <x v="0"/>
    <x v="4"/>
    <s v="Sanford 52201 APSCO Electric Pencil Sharpener"/>
    <n v="204.85"/>
    <n v="5"/>
    <n v="53.26"/>
  </r>
  <r>
    <d v="2015-12-17T00:00:00"/>
    <x v="11"/>
    <x v="1"/>
    <x v="194"/>
    <x v="3"/>
    <x v="2"/>
    <x v="6"/>
    <s v="Panasonic KX TS3282W Corded phone"/>
    <n v="135.97999999999999"/>
    <n v="2"/>
    <n v="17"/>
  </r>
  <r>
    <d v="2015-12-17T00:00:00"/>
    <x v="11"/>
    <x v="1"/>
    <x v="194"/>
    <x v="3"/>
    <x v="0"/>
    <x v="4"/>
    <s v="Sanford Colorific Eraseable Coloring Pencils, 12 Count"/>
    <n v="16.399999999999999"/>
    <n v="5"/>
    <n v="7.05"/>
  </r>
  <r>
    <d v="2015-12-17T00:00:00"/>
    <x v="11"/>
    <x v="1"/>
    <x v="194"/>
    <x v="3"/>
    <x v="0"/>
    <x v="3"/>
    <s v="Avery Arch Ring Binders"/>
    <n v="92.96"/>
    <n v="2"/>
    <n v="31.37"/>
  </r>
  <r>
    <d v="2015-12-18T00:00:00"/>
    <x v="11"/>
    <x v="1"/>
    <x v="272"/>
    <x v="10"/>
    <x v="0"/>
    <x v="2"/>
    <s v="Fellowes Officeware Wire Shelving"/>
    <n v="646.78"/>
    <n v="9"/>
    <n v="-145.52000000000001"/>
  </r>
  <r>
    <d v="2015-12-18T00:00:00"/>
    <x v="11"/>
    <x v="1"/>
    <x v="363"/>
    <x v="20"/>
    <x v="2"/>
    <x v="9"/>
    <s v="Imation Bio 8GB USBÂ Flash Drive ImationÂ Corp"/>
    <n v="166.24"/>
    <n v="1"/>
    <n v="24.94"/>
  </r>
  <r>
    <d v="2015-12-18T00:00:00"/>
    <x v="11"/>
    <x v="1"/>
    <x v="521"/>
    <x v="26"/>
    <x v="0"/>
    <x v="4"/>
    <s v="Newell 320"/>
    <n v="6.85"/>
    <n v="2"/>
    <n v="0.6"/>
  </r>
  <r>
    <d v="2015-12-18T00:00:00"/>
    <x v="11"/>
    <x v="1"/>
    <x v="357"/>
    <x v="15"/>
    <x v="0"/>
    <x v="10"/>
    <s v="#10- 4 1/8&quot; x 9 1/2&quot; Recycled Envelopes"/>
    <n v="55.94"/>
    <n v="8"/>
    <n v="18.88"/>
  </r>
  <r>
    <d v="2015-12-18T00:00:00"/>
    <x v="11"/>
    <x v="1"/>
    <x v="357"/>
    <x v="15"/>
    <x v="0"/>
    <x v="1"/>
    <s v="Avery 507"/>
    <n v="18.43"/>
    <n v="8"/>
    <n v="5.99"/>
  </r>
  <r>
    <d v="2015-12-18T00:00:00"/>
    <x v="11"/>
    <x v="1"/>
    <x v="357"/>
    <x v="15"/>
    <x v="1"/>
    <x v="8"/>
    <s v="Master Caster Door Stop, Brown"/>
    <n v="20.32"/>
    <n v="5"/>
    <n v="3.56"/>
  </r>
  <r>
    <d v="2015-12-18T00:00:00"/>
    <x v="11"/>
    <x v="1"/>
    <x v="412"/>
    <x v="10"/>
    <x v="0"/>
    <x v="0"/>
    <s v="Xerox 226"/>
    <n v="20.74"/>
    <n v="4"/>
    <n v="7.26"/>
  </r>
  <r>
    <d v="2015-12-19T00:00:00"/>
    <x v="11"/>
    <x v="1"/>
    <x v="229"/>
    <x v="3"/>
    <x v="2"/>
    <x v="6"/>
    <s v="ShoreTel ShorePhone IP 230 VoIP phone"/>
    <n v="675.96"/>
    <n v="5"/>
    <n v="84.5"/>
  </r>
  <r>
    <d v="2015-12-19T00:00:00"/>
    <x v="11"/>
    <x v="1"/>
    <x v="229"/>
    <x v="3"/>
    <x v="2"/>
    <x v="9"/>
    <s v="Plantronics Savi W720 Multi-Device Wireless Headset System"/>
    <n v="1265.8499999999999"/>
    <n v="3"/>
    <n v="556.97"/>
  </r>
  <r>
    <d v="2015-12-19T00:00:00"/>
    <x v="11"/>
    <x v="1"/>
    <x v="144"/>
    <x v="2"/>
    <x v="0"/>
    <x v="12"/>
    <s v="Avanti 4.4 Cu. Ft. Refrigerator"/>
    <n v="434.35"/>
    <n v="3"/>
    <n v="43.44"/>
  </r>
  <r>
    <d v="2015-12-19T00:00:00"/>
    <x v="11"/>
    <x v="1"/>
    <x v="144"/>
    <x v="2"/>
    <x v="0"/>
    <x v="12"/>
    <s v="Hoover Replacement Belt for Commercial Guardsman Heavy-Duty Upright Vacuum"/>
    <n v="3.55"/>
    <n v="2"/>
    <n v="0.44"/>
  </r>
  <r>
    <d v="2015-12-19T00:00:00"/>
    <x v="11"/>
    <x v="1"/>
    <x v="144"/>
    <x v="2"/>
    <x v="0"/>
    <x v="12"/>
    <s v="Fellowes Advanced 8 Outlet Surge Suppressor with Phone/Fax Protection"/>
    <n v="88.83"/>
    <n v="4"/>
    <n v="7.77"/>
  </r>
  <r>
    <d v="2015-12-19T00:00:00"/>
    <x v="11"/>
    <x v="1"/>
    <x v="436"/>
    <x v="40"/>
    <x v="0"/>
    <x v="3"/>
    <s v="Self-Adhesive Ring Binder Labels"/>
    <n v="7.04"/>
    <n v="2"/>
    <n v="3.31"/>
  </r>
  <r>
    <d v="2015-12-19T00:00:00"/>
    <x v="11"/>
    <x v="1"/>
    <x v="436"/>
    <x v="40"/>
    <x v="0"/>
    <x v="7"/>
    <s v="Bagged Rubber Bands"/>
    <n v="5.04"/>
    <n v="4"/>
    <n v="0.2"/>
  </r>
  <r>
    <d v="2015-12-19T00:00:00"/>
    <x v="11"/>
    <x v="1"/>
    <x v="436"/>
    <x v="40"/>
    <x v="0"/>
    <x v="0"/>
    <s v="White Computer Printout Paper by Universal"/>
    <n v="116.28"/>
    <n v="3"/>
    <n v="56.98"/>
  </r>
  <r>
    <d v="2015-12-19T00:00:00"/>
    <x v="11"/>
    <x v="1"/>
    <x v="378"/>
    <x v="1"/>
    <x v="2"/>
    <x v="6"/>
    <s v="Samsung Rugby III"/>
    <n v="158.38"/>
    <n v="3"/>
    <n v="13.86"/>
  </r>
  <r>
    <d v="2015-12-19T00:00:00"/>
    <x v="11"/>
    <x v="1"/>
    <x v="725"/>
    <x v="38"/>
    <x v="0"/>
    <x v="0"/>
    <s v="Xerox 1903"/>
    <n v="29.9"/>
    <n v="5"/>
    <n v="14.65"/>
  </r>
  <r>
    <d v="2015-12-19T00:00:00"/>
    <x v="11"/>
    <x v="1"/>
    <x v="725"/>
    <x v="38"/>
    <x v="2"/>
    <x v="9"/>
    <s v="Logitech diNovo Edge Keyboard"/>
    <n v="2249.91"/>
    <n v="9"/>
    <n v="517.48"/>
  </r>
  <r>
    <d v="2015-12-19T00:00:00"/>
    <x v="11"/>
    <x v="1"/>
    <x v="725"/>
    <x v="38"/>
    <x v="1"/>
    <x v="13"/>
    <s v="Bretford Rectangular Conference Table Tops"/>
    <n v="1053.1600000000001"/>
    <n v="4"/>
    <n v="-105.32"/>
  </r>
  <r>
    <d v="2015-12-19T00:00:00"/>
    <x v="11"/>
    <x v="1"/>
    <x v="89"/>
    <x v="1"/>
    <x v="2"/>
    <x v="9"/>
    <s v="Maxell 4.7GB DVD+RW 3/Pack"/>
    <n v="25.49"/>
    <n v="2"/>
    <n v="4.78"/>
  </r>
  <r>
    <d v="2015-12-19T00:00:00"/>
    <x v="11"/>
    <x v="1"/>
    <x v="316"/>
    <x v="2"/>
    <x v="0"/>
    <x v="1"/>
    <s v="Avery 474"/>
    <n v="6.91"/>
    <n v="3"/>
    <n v="2.5099999999999998"/>
  </r>
  <r>
    <d v="2015-12-20T00:00:00"/>
    <x v="11"/>
    <x v="1"/>
    <x v="330"/>
    <x v="0"/>
    <x v="0"/>
    <x v="2"/>
    <s v="Fellowes Super Stor/Drawer"/>
    <n v="88.8"/>
    <n v="4"/>
    <n v="-2.2200000000000002"/>
  </r>
  <r>
    <d v="2015-12-20T00:00:00"/>
    <x v="11"/>
    <x v="1"/>
    <x v="223"/>
    <x v="20"/>
    <x v="0"/>
    <x v="0"/>
    <s v="Eaton Premium Continuous-Feed Paper, 25% Cotton, Letter Size, White, 1000 Shts/Box"/>
    <n v="55.48"/>
    <n v="1"/>
    <n v="26.63"/>
  </r>
  <r>
    <d v="2015-12-20T00:00:00"/>
    <x v="11"/>
    <x v="1"/>
    <x v="375"/>
    <x v="1"/>
    <x v="2"/>
    <x v="6"/>
    <s v="Apple iPhone 5C"/>
    <n v="159.97999999999999"/>
    <n v="2"/>
    <n v="12"/>
  </r>
  <r>
    <d v="2015-12-20T00:00:00"/>
    <x v="11"/>
    <x v="1"/>
    <x v="375"/>
    <x v="1"/>
    <x v="2"/>
    <x v="9"/>
    <s v="Logitech G600 MMO Gaming Mouse"/>
    <n v="255.97"/>
    <n v="4"/>
    <n v="51.19"/>
  </r>
  <r>
    <d v="2015-12-20T00:00:00"/>
    <x v="11"/>
    <x v="1"/>
    <x v="375"/>
    <x v="1"/>
    <x v="1"/>
    <x v="11"/>
    <s v="Sauder Facets Collection Library, Sky Alder Finish"/>
    <n v="359.06"/>
    <n v="3"/>
    <n v="-71.81"/>
  </r>
  <r>
    <d v="2015-12-20T00:00:00"/>
    <x v="11"/>
    <x v="1"/>
    <x v="333"/>
    <x v="12"/>
    <x v="0"/>
    <x v="10"/>
    <s v="#6 3/4 Gummed Flap White Envelopes"/>
    <n v="7.92"/>
    <n v="1"/>
    <n v="2.77"/>
  </r>
  <r>
    <d v="2015-12-20T00:00:00"/>
    <x v="11"/>
    <x v="1"/>
    <x v="333"/>
    <x v="12"/>
    <x v="1"/>
    <x v="8"/>
    <s v="Nu-Dell Float Frame 11 x 14 1/2"/>
    <n v="14.37"/>
    <n v="2"/>
    <n v="3.95"/>
  </r>
  <r>
    <d v="2015-12-20T00:00:00"/>
    <x v="11"/>
    <x v="1"/>
    <x v="726"/>
    <x v="16"/>
    <x v="0"/>
    <x v="1"/>
    <s v="Avery 486"/>
    <n v="11.7"/>
    <n v="2"/>
    <n v="3.95"/>
  </r>
  <r>
    <d v="2015-12-20T00:00:00"/>
    <x v="11"/>
    <x v="1"/>
    <x v="170"/>
    <x v="3"/>
    <x v="0"/>
    <x v="0"/>
    <s v="Easy-staple paper"/>
    <n v="17.12"/>
    <n v="4"/>
    <n v="7.7"/>
  </r>
  <r>
    <d v="2015-12-20T00:00:00"/>
    <x v="11"/>
    <x v="1"/>
    <x v="522"/>
    <x v="6"/>
    <x v="0"/>
    <x v="12"/>
    <s v="Acco 6 Outlet Guardian Standard Surge Suppressor"/>
    <n v="36.270000000000003"/>
    <n v="3"/>
    <n v="10.88"/>
  </r>
  <r>
    <d v="2015-12-20T00:00:00"/>
    <x v="11"/>
    <x v="1"/>
    <x v="341"/>
    <x v="0"/>
    <x v="2"/>
    <x v="9"/>
    <s v="Hypercom P1300 Pinpad"/>
    <n v="100.8"/>
    <n v="2"/>
    <n v="21.42"/>
  </r>
  <r>
    <d v="2015-12-21T00:00:00"/>
    <x v="11"/>
    <x v="1"/>
    <x v="143"/>
    <x v="22"/>
    <x v="1"/>
    <x v="13"/>
    <s v="Bevis 36 x 72 Conference Tables"/>
    <n v="1618.37"/>
    <n v="13"/>
    <n v="356.04"/>
  </r>
  <r>
    <d v="2015-12-21T00:00:00"/>
    <x v="11"/>
    <x v="1"/>
    <x v="143"/>
    <x v="22"/>
    <x v="2"/>
    <x v="9"/>
    <s v="Enermax Acrylux Wireless Keyboard"/>
    <n v="99.6"/>
    <n v="1"/>
    <n v="36.85"/>
  </r>
  <r>
    <d v="2015-12-21T00:00:00"/>
    <x v="11"/>
    <x v="1"/>
    <x v="727"/>
    <x v="26"/>
    <x v="0"/>
    <x v="12"/>
    <s v="Belkin 6 Outlet Metallic Surge Strip"/>
    <n v="60.98"/>
    <n v="7"/>
    <n v="4.57"/>
  </r>
  <r>
    <d v="2015-12-21T00:00:00"/>
    <x v="11"/>
    <x v="1"/>
    <x v="462"/>
    <x v="25"/>
    <x v="2"/>
    <x v="6"/>
    <s v="Anker 36W 4-Port USB Wall Charger Travel Power Adapter for iPhone 5s 5c 5"/>
    <n v="47.98"/>
    <n v="3"/>
    <n v="4.8"/>
  </r>
  <r>
    <d v="2015-12-21T00:00:00"/>
    <x v="11"/>
    <x v="1"/>
    <x v="310"/>
    <x v="16"/>
    <x v="2"/>
    <x v="9"/>
    <s v="Memorex Micro Travel Drive 4 GB"/>
    <n v="50.88"/>
    <n v="6"/>
    <n v="14.63"/>
  </r>
  <r>
    <d v="2015-12-21T00:00:00"/>
    <x v="11"/>
    <x v="1"/>
    <x v="310"/>
    <x v="16"/>
    <x v="0"/>
    <x v="10"/>
    <s v="Recycled Interoffice Envelopes with Re-Use-A-Seal Closure, 10 x 13"/>
    <n v="27.31"/>
    <n v="2"/>
    <n v="9.2200000000000006"/>
  </r>
  <r>
    <d v="2015-12-21T00:00:00"/>
    <x v="11"/>
    <x v="1"/>
    <x v="512"/>
    <x v="10"/>
    <x v="0"/>
    <x v="4"/>
    <s v="OIC #2 Pencils, Medium Soft"/>
    <n v="3.01"/>
    <n v="2"/>
    <n v="0.34"/>
  </r>
  <r>
    <d v="2015-12-21T00:00:00"/>
    <x v="11"/>
    <x v="1"/>
    <x v="381"/>
    <x v="1"/>
    <x v="2"/>
    <x v="15"/>
    <s v="Star Micronics TSP800 TSP847IIU Receipt Printer"/>
    <n v="600.53"/>
    <n v="2"/>
    <n v="137.26"/>
  </r>
  <r>
    <d v="2015-12-21T00:00:00"/>
    <x v="11"/>
    <x v="1"/>
    <x v="381"/>
    <x v="1"/>
    <x v="0"/>
    <x v="4"/>
    <s v="Sanford Prismacolor Professional Thick Lead Art Pencils, 36-Color Set"/>
    <n v="59.9"/>
    <n v="2"/>
    <n v="14.23"/>
  </r>
  <r>
    <d v="2015-12-21T00:00:00"/>
    <x v="11"/>
    <x v="1"/>
    <x v="381"/>
    <x v="1"/>
    <x v="2"/>
    <x v="9"/>
    <s v="Enermax Acrylux Wireless Keyboard"/>
    <n v="637.44000000000005"/>
    <n v="8"/>
    <n v="135.46"/>
  </r>
  <r>
    <d v="2015-12-21T00:00:00"/>
    <x v="11"/>
    <x v="1"/>
    <x v="381"/>
    <x v="1"/>
    <x v="1"/>
    <x v="8"/>
    <s v="Howard Miller 11-1/2&quot; Diameter Grantwood Wall Clock"/>
    <n v="51.76"/>
    <n v="3"/>
    <n v="-33.64"/>
  </r>
  <r>
    <d v="2015-12-22T00:00:00"/>
    <x v="11"/>
    <x v="1"/>
    <x v="165"/>
    <x v="21"/>
    <x v="0"/>
    <x v="4"/>
    <s v="Newell 336"/>
    <n v="17.12"/>
    <n v="4"/>
    <n v="4.96"/>
  </r>
  <r>
    <d v="2015-12-22T00:00:00"/>
    <x v="11"/>
    <x v="1"/>
    <x v="535"/>
    <x v="2"/>
    <x v="0"/>
    <x v="2"/>
    <s v="Tennsco Lockers, Sand"/>
    <n v="33.57"/>
    <n v="2"/>
    <n v="1.68"/>
  </r>
  <r>
    <d v="2015-12-22T00:00:00"/>
    <x v="11"/>
    <x v="1"/>
    <x v="535"/>
    <x v="2"/>
    <x v="1"/>
    <x v="5"/>
    <s v="Harbour Creations Steel Folding Chair"/>
    <n v="422.63"/>
    <n v="7"/>
    <n v="0"/>
  </r>
  <r>
    <d v="2015-12-23T00:00:00"/>
    <x v="11"/>
    <x v="1"/>
    <x v="32"/>
    <x v="6"/>
    <x v="0"/>
    <x v="12"/>
    <s v="Belkin Premiere Surge Master II 8-outlet surge protector"/>
    <n v="194.32"/>
    <n v="4"/>
    <n v="56.35"/>
  </r>
  <r>
    <d v="2015-12-24T00:00:00"/>
    <x v="11"/>
    <x v="1"/>
    <x v="557"/>
    <x v="10"/>
    <x v="0"/>
    <x v="7"/>
    <s v="OIC Bulk Pack Metal Binder Clips"/>
    <n v="5.58"/>
    <n v="2"/>
    <n v="1.81"/>
  </r>
  <r>
    <d v="2015-12-24T00:00:00"/>
    <x v="11"/>
    <x v="1"/>
    <x v="557"/>
    <x v="10"/>
    <x v="0"/>
    <x v="0"/>
    <s v="While You Were Out Pads, 50 per Pad, 4 x 5 1/4, Green Cycle"/>
    <n v="22.7"/>
    <n v="6"/>
    <n v="8.23"/>
  </r>
  <r>
    <d v="2015-12-24T00:00:00"/>
    <x v="11"/>
    <x v="1"/>
    <x v="557"/>
    <x v="10"/>
    <x v="0"/>
    <x v="3"/>
    <s v="Ibico Standard Transparent Covers"/>
    <n v="19.78"/>
    <n v="4"/>
    <n v="-13.84"/>
  </r>
  <r>
    <d v="2015-12-24T00:00:00"/>
    <x v="11"/>
    <x v="1"/>
    <x v="557"/>
    <x v="10"/>
    <x v="1"/>
    <x v="8"/>
    <s v="Executive Impressions 14&quot; Two-Color Numerals Wall Clock"/>
    <n v="72.7"/>
    <n v="4"/>
    <n v="19.079999999999998"/>
  </r>
  <r>
    <d v="2015-12-24T00:00:00"/>
    <x v="11"/>
    <x v="1"/>
    <x v="557"/>
    <x v="10"/>
    <x v="2"/>
    <x v="15"/>
    <s v="Swingline SM12-08 MicroCut Jam Free Shredder"/>
    <n v="479.99"/>
    <n v="4"/>
    <n v="-383.99"/>
  </r>
  <r>
    <d v="2015-12-24T00:00:00"/>
    <x v="11"/>
    <x v="1"/>
    <x v="557"/>
    <x v="10"/>
    <x v="0"/>
    <x v="4"/>
    <s v="Stanley Bostitch Contemporary Electric Pencil Sharpeners"/>
    <n v="27.17"/>
    <n v="2"/>
    <n v="2.72"/>
  </r>
  <r>
    <d v="2015-12-24T00:00:00"/>
    <x v="11"/>
    <x v="1"/>
    <x v="639"/>
    <x v="20"/>
    <x v="0"/>
    <x v="0"/>
    <s v="Xerox 1887"/>
    <n v="132.79"/>
    <n v="7"/>
    <n v="63.74"/>
  </r>
  <r>
    <d v="2015-12-24T00:00:00"/>
    <x v="11"/>
    <x v="1"/>
    <x v="639"/>
    <x v="20"/>
    <x v="0"/>
    <x v="0"/>
    <s v="Xerox 1967"/>
    <n v="12.96"/>
    <n v="2"/>
    <n v="6.22"/>
  </r>
  <r>
    <d v="2015-12-24T00:00:00"/>
    <x v="11"/>
    <x v="1"/>
    <x v="639"/>
    <x v="20"/>
    <x v="0"/>
    <x v="1"/>
    <s v="Smead Alpha-Z Color-Coded Second Alphabetical Labels and Starter Set"/>
    <n v="21.56"/>
    <n v="7"/>
    <n v="10.35"/>
  </r>
  <r>
    <d v="2015-12-24T00:00:00"/>
    <x v="11"/>
    <x v="1"/>
    <x v="728"/>
    <x v="26"/>
    <x v="1"/>
    <x v="11"/>
    <s v="Atlantic Metals Mobile 4-Shelf Bookcases, Custom Colors"/>
    <n v="590.05999999999995"/>
    <n v="7"/>
    <n v="-786.74"/>
  </r>
  <r>
    <d v="2015-12-24T00:00:00"/>
    <x v="11"/>
    <x v="1"/>
    <x v="728"/>
    <x v="26"/>
    <x v="0"/>
    <x v="4"/>
    <s v="Dixon My First Ticonderoga Pencil, #2"/>
    <n v="14.04"/>
    <n v="3"/>
    <n v="1.58"/>
  </r>
  <r>
    <d v="2015-12-24T00:00:00"/>
    <x v="11"/>
    <x v="1"/>
    <x v="389"/>
    <x v="12"/>
    <x v="0"/>
    <x v="0"/>
    <s v="Computer Printout Paper with Letter-Trim Perforations"/>
    <n v="106.23"/>
    <n v="7"/>
    <n v="37.18"/>
  </r>
  <r>
    <d v="2015-12-24T00:00:00"/>
    <x v="11"/>
    <x v="1"/>
    <x v="389"/>
    <x v="12"/>
    <x v="2"/>
    <x v="6"/>
    <s v="ClearSounds CSC500 Amplified Spirit Phone Corded phone"/>
    <n v="111.98"/>
    <n v="2"/>
    <n v="11.2"/>
  </r>
  <r>
    <d v="2015-12-24T00:00:00"/>
    <x v="11"/>
    <x v="1"/>
    <x v="389"/>
    <x v="12"/>
    <x v="1"/>
    <x v="8"/>
    <s v="Magna Visual Magnetic Picture Hangers"/>
    <n v="7.71"/>
    <n v="2"/>
    <n v="1.74"/>
  </r>
  <r>
    <d v="2015-12-24T00:00:00"/>
    <x v="11"/>
    <x v="1"/>
    <x v="535"/>
    <x v="12"/>
    <x v="1"/>
    <x v="5"/>
    <s v="SAFCO Arco Folding Chair"/>
    <n v="883.84"/>
    <n v="4"/>
    <n v="99.43"/>
  </r>
  <r>
    <d v="2015-12-24T00:00:00"/>
    <x v="11"/>
    <x v="1"/>
    <x v="388"/>
    <x v="3"/>
    <x v="0"/>
    <x v="3"/>
    <s v="Avery Hole Reinforcements"/>
    <n v="19.940000000000001"/>
    <n v="4"/>
    <n v="7.23"/>
  </r>
  <r>
    <d v="2015-12-24T00:00:00"/>
    <x v="11"/>
    <x v="1"/>
    <x v="388"/>
    <x v="3"/>
    <x v="0"/>
    <x v="7"/>
    <s v="Vinyl Coated Wire Paper Clips in Organizer Box, 800/Box"/>
    <n v="45.92"/>
    <n v="4"/>
    <n v="21.58"/>
  </r>
  <r>
    <d v="2015-12-24T00:00:00"/>
    <x v="11"/>
    <x v="1"/>
    <x v="312"/>
    <x v="24"/>
    <x v="1"/>
    <x v="8"/>
    <s v="Eldon Regeneration Recycled Desk Accessories, Black"/>
    <n v="9.68"/>
    <n v="2"/>
    <n v="3.78"/>
  </r>
  <r>
    <d v="2015-12-24T00:00:00"/>
    <x v="11"/>
    <x v="1"/>
    <x v="312"/>
    <x v="24"/>
    <x v="2"/>
    <x v="16"/>
    <s v="Canon PC1060 Personal Laser Copier"/>
    <n v="4899.93"/>
    <n v="7"/>
    <n v="2302.9699999999998"/>
  </r>
  <r>
    <d v="2015-12-25T00:00:00"/>
    <x v="11"/>
    <x v="1"/>
    <x v="514"/>
    <x v="2"/>
    <x v="1"/>
    <x v="8"/>
    <s v="Tenex Antistatic Computer Chair Mats"/>
    <n v="547.14"/>
    <n v="4"/>
    <n v="-68.39"/>
  </r>
  <r>
    <d v="2015-12-25T00:00:00"/>
    <x v="11"/>
    <x v="1"/>
    <x v="337"/>
    <x v="15"/>
    <x v="0"/>
    <x v="1"/>
    <s v="Avery 474"/>
    <n v="9.2200000000000006"/>
    <n v="4"/>
    <n v="3.34"/>
  </r>
  <r>
    <d v="2015-12-25T00:00:00"/>
    <x v="11"/>
    <x v="1"/>
    <x v="337"/>
    <x v="15"/>
    <x v="0"/>
    <x v="0"/>
    <s v="Xerox 227"/>
    <n v="10.37"/>
    <n v="2"/>
    <n v="3.63"/>
  </r>
  <r>
    <d v="2015-12-25T00:00:00"/>
    <x v="11"/>
    <x v="1"/>
    <x v="729"/>
    <x v="14"/>
    <x v="2"/>
    <x v="6"/>
    <s v="Logitech B530 USBÂ HeadsetÂ -Â headsetÂ - Full size, Binaural"/>
    <n v="73.98"/>
    <n v="2"/>
    <n v="19.97"/>
  </r>
  <r>
    <d v="2015-12-25T00:00:00"/>
    <x v="11"/>
    <x v="1"/>
    <x v="729"/>
    <x v="14"/>
    <x v="1"/>
    <x v="11"/>
    <s v="Rush Hierlooms Collection Rich Wood Bookcases"/>
    <n v="160.97999999999999"/>
    <n v="1"/>
    <n v="20.93"/>
  </r>
  <r>
    <d v="2015-12-25T00:00:00"/>
    <x v="11"/>
    <x v="1"/>
    <x v="729"/>
    <x v="14"/>
    <x v="0"/>
    <x v="0"/>
    <s v="Xerox 1978"/>
    <n v="17.34"/>
    <n v="3"/>
    <n v="8.5"/>
  </r>
  <r>
    <d v="2015-12-25T00:00:00"/>
    <x v="11"/>
    <x v="1"/>
    <x v="729"/>
    <x v="14"/>
    <x v="0"/>
    <x v="4"/>
    <s v="Newell 351"/>
    <n v="3.28"/>
    <n v="1"/>
    <n v="0.95"/>
  </r>
  <r>
    <d v="2015-12-25T00:00:00"/>
    <x v="11"/>
    <x v="1"/>
    <x v="412"/>
    <x v="20"/>
    <x v="0"/>
    <x v="12"/>
    <s v="Kensington 7 Outlet MasterPiece Power Center with Fax/Phone Line Protection"/>
    <n v="414.96"/>
    <n v="2"/>
    <n v="124.49"/>
  </r>
  <r>
    <d v="2015-12-25T00:00:00"/>
    <x v="11"/>
    <x v="1"/>
    <x v="565"/>
    <x v="3"/>
    <x v="2"/>
    <x v="16"/>
    <s v="Brother DCP1000 Digital 3 in 1 Multifunction Machine"/>
    <n v="1199.96"/>
    <n v="5"/>
    <n v="224.99"/>
  </r>
  <r>
    <d v="2015-12-25T00:00:00"/>
    <x v="11"/>
    <x v="1"/>
    <x v="565"/>
    <x v="3"/>
    <x v="0"/>
    <x v="0"/>
    <s v="Important Message Pads, 50 4-1/4 x 5-1/2 Forms per Pad"/>
    <n v="12.6"/>
    <n v="3"/>
    <n v="6.17"/>
  </r>
  <r>
    <d v="2015-12-25T00:00:00"/>
    <x v="11"/>
    <x v="1"/>
    <x v="565"/>
    <x v="3"/>
    <x v="0"/>
    <x v="0"/>
    <s v="Great White Multi-Use Recycled Paper (20Lb. and 84 Bright)"/>
    <n v="17.940000000000001"/>
    <n v="3"/>
    <n v="8.07"/>
  </r>
  <r>
    <d v="2015-12-25T00:00:00"/>
    <x v="11"/>
    <x v="1"/>
    <x v="352"/>
    <x v="4"/>
    <x v="1"/>
    <x v="8"/>
    <s v="Tenex B1-RE Series Chair Mats for Low Pile Carpets"/>
    <n v="275.88"/>
    <n v="6"/>
    <n v="46.9"/>
  </r>
  <r>
    <d v="2015-12-25T00:00:00"/>
    <x v="11"/>
    <x v="1"/>
    <x v="352"/>
    <x v="4"/>
    <x v="0"/>
    <x v="3"/>
    <s v="Tuf-Vin Binders"/>
    <n v="157.9"/>
    <n v="5"/>
    <n v="74.209999999999994"/>
  </r>
  <r>
    <d v="2015-12-25T00:00:00"/>
    <x v="11"/>
    <x v="1"/>
    <x v="232"/>
    <x v="20"/>
    <x v="2"/>
    <x v="9"/>
    <s v="Plantronics Savi W720 Multi-Device Wireless Headset System"/>
    <n v="843.9"/>
    <n v="2"/>
    <n v="371.32"/>
  </r>
  <r>
    <d v="2015-12-25T00:00:00"/>
    <x v="11"/>
    <x v="1"/>
    <x v="232"/>
    <x v="20"/>
    <x v="1"/>
    <x v="11"/>
    <s v="Atlantic Metals Mobile 4-Shelf Bookcases, Custom Colors"/>
    <n v="449.57"/>
    <n v="2"/>
    <n v="56.2"/>
  </r>
  <r>
    <d v="2015-12-25T00:00:00"/>
    <x v="11"/>
    <x v="1"/>
    <x v="88"/>
    <x v="3"/>
    <x v="0"/>
    <x v="0"/>
    <s v="Xerox 1949"/>
    <n v="9.9600000000000009"/>
    <n v="2"/>
    <n v="4.88"/>
  </r>
  <r>
    <d v="2015-12-26T00:00:00"/>
    <x v="11"/>
    <x v="1"/>
    <x v="12"/>
    <x v="32"/>
    <x v="0"/>
    <x v="7"/>
    <s v="Staples"/>
    <n v="22.2"/>
    <n v="5"/>
    <n v="10.43"/>
  </r>
  <r>
    <d v="2015-12-26T00:00:00"/>
    <x v="11"/>
    <x v="1"/>
    <x v="260"/>
    <x v="10"/>
    <x v="1"/>
    <x v="13"/>
    <s v="KI Adjustable-Height Table"/>
    <n v="51.59"/>
    <n v="1"/>
    <n v="-15.48"/>
  </r>
  <r>
    <d v="2015-12-26T00:00:00"/>
    <x v="11"/>
    <x v="1"/>
    <x v="680"/>
    <x v="0"/>
    <x v="1"/>
    <x v="5"/>
    <s v="Office Star - Contemporary Task Swivel chair with 2-way adjustable arms, Plum"/>
    <n v="275.06"/>
    <n v="3"/>
    <n v="-90.38"/>
  </r>
  <r>
    <d v="2015-12-26T00:00:00"/>
    <x v="11"/>
    <x v="1"/>
    <x v="447"/>
    <x v="20"/>
    <x v="0"/>
    <x v="0"/>
    <s v="Xerox 1906"/>
    <n v="212.64"/>
    <n v="6"/>
    <n v="99.94"/>
  </r>
  <r>
    <d v="2015-12-27T00:00:00"/>
    <x v="11"/>
    <x v="1"/>
    <x v="188"/>
    <x v="0"/>
    <x v="0"/>
    <x v="10"/>
    <s v="#10-4 1/8&quot; x 9 1/2&quot; Premium Diagonal Seam Envelopes"/>
    <n v="113.33"/>
    <n v="9"/>
    <n v="35.42"/>
  </r>
  <r>
    <d v="2015-12-27T00:00:00"/>
    <x v="11"/>
    <x v="1"/>
    <x v="188"/>
    <x v="0"/>
    <x v="1"/>
    <x v="11"/>
    <s v="Atlantic Metals Mobile 3-Shelf Bookcases, Custom Colors"/>
    <n v="532.4"/>
    <n v="3"/>
    <n v="-46.98"/>
  </r>
  <r>
    <d v="2015-12-27T00:00:00"/>
    <x v="11"/>
    <x v="1"/>
    <x v="188"/>
    <x v="0"/>
    <x v="1"/>
    <x v="5"/>
    <s v="Global Fabric Manager's Chair, Dark Gray"/>
    <n v="212.06"/>
    <n v="3"/>
    <n v="-15.15"/>
  </r>
  <r>
    <d v="2015-12-27T00:00:00"/>
    <x v="11"/>
    <x v="1"/>
    <x v="188"/>
    <x v="0"/>
    <x v="2"/>
    <x v="6"/>
    <s v="Plantronics HL10 Handset Lifter"/>
    <n v="371.17"/>
    <n v="4"/>
    <n v="41.76"/>
  </r>
  <r>
    <d v="2015-12-27T00:00:00"/>
    <x v="11"/>
    <x v="1"/>
    <x v="496"/>
    <x v="13"/>
    <x v="0"/>
    <x v="10"/>
    <s v="Strathmore #10 Envelopes, Ultimate White"/>
    <n v="105.42"/>
    <n v="2"/>
    <n v="51.66"/>
  </r>
  <r>
    <d v="2015-12-27T00:00:00"/>
    <x v="11"/>
    <x v="1"/>
    <x v="730"/>
    <x v="36"/>
    <x v="0"/>
    <x v="0"/>
    <s v="Xerox 1950"/>
    <n v="28.9"/>
    <n v="5"/>
    <n v="14.16"/>
  </r>
  <r>
    <d v="2015-12-27T00:00:00"/>
    <x v="11"/>
    <x v="1"/>
    <x v="730"/>
    <x v="36"/>
    <x v="0"/>
    <x v="12"/>
    <s v="Kensington 7 Outlet MasterPiece Power Center"/>
    <n v="355.96"/>
    <n v="2"/>
    <n v="103.23"/>
  </r>
  <r>
    <d v="2015-12-27T00:00:00"/>
    <x v="11"/>
    <x v="1"/>
    <x v="316"/>
    <x v="3"/>
    <x v="0"/>
    <x v="12"/>
    <s v="Belkin F9G930V10-GRY 9 Outlet Surge"/>
    <n v="106.96"/>
    <n v="2"/>
    <n v="31.02"/>
  </r>
  <r>
    <d v="2015-12-27T00:00:00"/>
    <x v="11"/>
    <x v="1"/>
    <x v="316"/>
    <x v="3"/>
    <x v="0"/>
    <x v="1"/>
    <s v="Avery 497"/>
    <n v="21.56"/>
    <n v="7"/>
    <n v="10.35"/>
  </r>
  <r>
    <d v="2015-12-27T00:00:00"/>
    <x v="11"/>
    <x v="1"/>
    <x v="108"/>
    <x v="1"/>
    <x v="0"/>
    <x v="2"/>
    <s v="Sterilite Show Offs Storage Containers"/>
    <n v="12.67"/>
    <n v="3"/>
    <n v="-3.17"/>
  </r>
  <r>
    <d v="2015-12-27T00:00:00"/>
    <x v="11"/>
    <x v="1"/>
    <x v="148"/>
    <x v="3"/>
    <x v="2"/>
    <x v="9"/>
    <s v="Maxell 4.7GB DVD-R 5/Pack"/>
    <n v="7.92"/>
    <n v="8"/>
    <n v="3.48"/>
  </r>
  <r>
    <d v="2015-12-27T00:00:00"/>
    <x v="11"/>
    <x v="1"/>
    <x v="238"/>
    <x v="21"/>
    <x v="0"/>
    <x v="0"/>
    <s v="Xerox 1917"/>
    <n v="195.64"/>
    <n v="4"/>
    <n v="91.95"/>
  </r>
  <r>
    <d v="2015-12-27T00:00:00"/>
    <x v="11"/>
    <x v="1"/>
    <x v="238"/>
    <x v="21"/>
    <x v="2"/>
    <x v="6"/>
    <s v="Cisco SPA 502G IP Phone"/>
    <n v="239.9"/>
    <n v="2"/>
    <n v="71.97"/>
  </r>
  <r>
    <d v="2015-12-27T00:00:00"/>
    <x v="11"/>
    <x v="1"/>
    <x v="639"/>
    <x v="10"/>
    <x v="1"/>
    <x v="13"/>
    <s v="Riverside Furniture Oval Coffee Table, Oval End Table, End Table with Drawer"/>
    <n v="1548.99"/>
    <n v="9"/>
    <n v="-464.7"/>
  </r>
  <r>
    <d v="2015-12-27T00:00:00"/>
    <x v="11"/>
    <x v="1"/>
    <x v="639"/>
    <x v="10"/>
    <x v="0"/>
    <x v="10"/>
    <s v="Staple envelope"/>
    <n v="19.87"/>
    <n v="3"/>
    <n v="6.71"/>
  </r>
  <r>
    <d v="2015-12-27T00:00:00"/>
    <x v="11"/>
    <x v="1"/>
    <x v="569"/>
    <x v="15"/>
    <x v="2"/>
    <x v="9"/>
    <s v="Maxell CD-R Discs"/>
    <n v="4.7300000000000004"/>
    <n v="3"/>
    <n v="0.71"/>
  </r>
  <r>
    <d v="2015-12-27T00:00:00"/>
    <x v="11"/>
    <x v="1"/>
    <x v="569"/>
    <x v="15"/>
    <x v="1"/>
    <x v="8"/>
    <s v="Executive Impressions 14&quot; Contract Wall Clock with Quartz Movement"/>
    <n v="53.35"/>
    <n v="3"/>
    <n v="16.010000000000002"/>
  </r>
  <r>
    <d v="2015-12-27T00:00:00"/>
    <x v="11"/>
    <x v="1"/>
    <x v="569"/>
    <x v="15"/>
    <x v="1"/>
    <x v="11"/>
    <s v="O'Sullivan 5-Shelf Heavy-Duty Bookcases"/>
    <n v="131.1"/>
    <n v="2"/>
    <n v="8.19"/>
  </r>
  <r>
    <d v="2015-12-27T00:00:00"/>
    <x v="11"/>
    <x v="1"/>
    <x v="569"/>
    <x v="15"/>
    <x v="0"/>
    <x v="2"/>
    <s v="Staple magnet"/>
    <n v="22.51"/>
    <n v="3"/>
    <n v="2.25"/>
  </r>
  <r>
    <d v="2015-12-27T00:00:00"/>
    <x v="11"/>
    <x v="1"/>
    <x v="569"/>
    <x v="15"/>
    <x v="2"/>
    <x v="9"/>
    <s v="SanDisk Ultra 16 GB MicroSDHC Class 10 Memory Card"/>
    <n v="72.739999999999995"/>
    <n v="7"/>
    <n v="-12.73"/>
  </r>
  <r>
    <d v="2015-12-27T00:00:00"/>
    <x v="11"/>
    <x v="1"/>
    <x v="160"/>
    <x v="3"/>
    <x v="0"/>
    <x v="2"/>
    <s v="Fellowes Super Stor/Drawer Files"/>
    <n v="323.10000000000002"/>
    <n v="2"/>
    <n v="61.39"/>
  </r>
  <r>
    <d v="2015-12-27T00:00:00"/>
    <x v="11"/>
    <x v="1"/>
    <x v="160"/>
    <x v="3"/>
    <x v="2"/>
    <x v="6"/>
    <s v="Geemarc AmpliPOWER60"/>
    <n v="668.16"/>
    <n v="9"/>
    <n v="75.17"/>
  </r>
  <r>
    <d v="2015-12-28T00:00:00"/>
    <x v="11"/>
    <x v="1"/>
    <x v="699"/>
    <x v="2"/>
    <x v="2"/>
    <x v="9"/>
    <s v="Lenovo 17-Key USB Numeric Keypad"/>
    <n v="54.38"/>
    <n v="2"/>
    <n v="1.36"/>
  </r>
  <r>
    <d v="2015-12-28T00:00:00"/>
    <x v="11"/>
    <x v="1"/>
    <x v="681"/>
    <x v="1"/>
    <x v="0"/>
    <x v="2"/>
    <s v="Tenex Personal Filing Tote With Secure Closure Lid, Black/Frost"/>
    <n v="24.82"/>
    <n v="2"/>
    <n v="1.55"/>
  </r>
  <r>
    <d v="2015-12-29T00:00:00"/>
    <x v="11"/>
    <x v="1"/>
    <x v="503"/>
    <x v="20"/>
    <x v="0"/>
    <x v="14"/>
    <s v="Acme Serrated Blade Letter Opener"/>
    <n v="6.36"/>
    <n v="2"/>
    <n v="0.06"/>
  </r>
  <r>
    <d v="2015-12-30T00:00:00"/>
    <x v="11"/>
    <x v="1"/>
    <x v="68"/>
    <x v="3"/>
    <x v="0"/>
    <x v="0"/>
    <s v="Xerox 1929"/>
    <n v="68.52"/>
    <n v="3"/>
    <n v="31.52"/>
  </r>
  <r>
    <d v="2015-12-30T00:00:00"/>
    <x v="11"/>
    <x v="1"/>
    <x v="68"/>
    <x v="3"/>
    <x v="0"/>
    <x v="2"/>
    <s v="2300 Heavy-Duty Transfer File Systems by Perma"/>
    <n v="74.94"/>
    <n v="3"/>
    <n v="14.24"/>
  </r>
  <r>
    <d v="2015-12-30T00:00:00"/>
    <x v="11"/>
    <x v="1"/>
    <x v="68"/>
    <x v="3"/>
    <x v="2"/>
    <x v="15"/>
    <s v="Zebra GX420t Direct Thermal/Thermal Transfer Printer"/>
    <n v="2548.56"/>
    <n v="6"/>
    <n v="286.70999999999998"/>
  </r>
  <r>
    <d v="2015-12-30T00:00:00"/>
    <x v="11"/>
    <x v="1"/>
    <x v="68"/>
    <x v="3"/>
    <x v="0"/>
    <x v="10"/>
    <s v="Tyvek Side-Opening Peel &amp; Seel Expanding Envelopes"/>
    <n v="271.44"/>
    <n v="3"/>
    <n v="122.15"/>
  </r>
  <r>
    <d v="2015-12-30T00:00:00"/>
    <x v="11"/>
    <x v="1"/>
    <x v="68"/>
    <x v="3"/>
    <x v="2"/>
    <x v="6"/>
    <s v="Cisco SPA 502G IP Phone"/>
    <n v="287.88"/>
    <n v="3"/>
    <n v="35.99"/>
  </r>
  <r>
    <d v="2015-12-31T00:00:00"/>
    <x v="11"/>
    <x v="1"/>
    <x v="117"/>
    <x v="35"/>
    <x v="0"/>
    <x v="3"/>
    <s v="Ibico Hi-Tech Manual Binding System"/>
    <n v="487.98"/>
    <n v="2"/>
    <n v="152.5"/>
  </r>
  <r>
    <d v="2015-12-31T00:00:00"/>
    <x v="11"/>
    <x v="1"/>
    <x v="335"/>
    <x v="0"/>
    <x v="1"/>
    <x v="8"/>
    <s v="Eldon Expressions Wood Desk Accessories, Oak"/>
    <n v="14.76"/>
    <n v="5"/>
    <n v="-11.44"/>
  </r>
  <r>
    <d v="2015-12-31T00:00:00"/>
    <x v="11"/>
    <x v="1"/>
    <x v="335"/>
    <x v="0"/>
    <x v="0"/>
    <x v="3"/>
    <s v="Newell 3-Hole Punched Plastic Slotted Magazine Holders for Binders"/>
    <n v="3.66"/>
    <n v="4"/>
    <n v="-5.85"/>
  </r>
  <r>
    <d v="2015-12-31T00:00:00"/>
    <x v="11"/>
    <x v="1"/>
    <x v="385"/>
    <x v="5"/>
    <x v="0"/>
    <x v="3"/>
    <s v="Tuf-Vin Binders"/>
    <n v="94.74"/>
    <n v="3"/>
    <n v="44.53"/>
  </r>
  <r>
    <d v="2015-12-31T00:00:00"/>
    <x v="11"/>
    <x v="1"/>
    <x v="385"/>
    <x v="5"/>
    <x v="0"/>
    <x v="3"/>
    <s v="GBC Clear Cover, 8-1/2 x 11, unpunched, 25 covers per pack"/>
    <n v="60.64"/>
    <n v="4"/>
    <n v="27.89"/>
  </r>
  <r>
    <d v="2015-12-31T00:00:00"/>
    <x v="11"/>
    <x v="1"/>
    <x v="385"/>
    <x v="5"/>
    <x v="0"/>
    <x v="3"/>
    <s v="Aluminum Screw Posts"/>
    <n v="76.3"/>
    <n v="5"/>
    <n v="38.15"/>
  </r>
  <r>
    <d v="2015-12-31T00:00:00"/>
    <x v="11"/>
    <x v="1"/>
    <x v="385"/>
    <x v="5"/>
    <x v="0"/>
    <x v="3"/>
    <s v="Ibico Plastic Spiral Binding Combs"/>
    <n v="364.8"/>
    <n v="12"/>
    <n v="167.81"/>
  </r>
  <r>
    <d v="2015-12-31T00:00:00"/>
    <x v="11"/>
    <x v="1"/>
    <x v="497"/>
    <x v="0"/>
    <x v="0"/>
    <x v="2"/>
    <s v="Fellowes Stor/Drawer Steel Plus Storage Drawers"/>
    <n v="152.69"/>
    <n v="2"/>
    <n v="-26.72"/>
  </r>
  <r>
    <d v="2015-12-31T00:00:00"/>
    <x v="11"/>
    <x v="1"/>
    <x v="497"/>
    <x v="0"/>
    <x v="0"/>
    <x v="7"/>
    <s v="Stockwell Push Pins"/>
    <n v="3.49"/>
    <n v="2"/>
    <n v="0.56999999999999995"/>
  </r>
  <r>
    <d v="2015-12-31T00:00:00"/>
    <x v="11"/>
    <x v="1"/>
    <x v="497"/>
    <x v="0"/>
    <x v="0"/>
    <x v="14"/>
    <s v="Staple remover"/>
    <n v="5.89"/>
    <n v="2"/>
    <n v="-1.32"/>
  </r>
  <r>
    <d v="2015-12-31T00:00:00"/>
    <x v="11"/>
    <x v="1"/>
    <x v="123"/>
    <x v="14"/>
    <x v="0"/>
    <x v="3"/>
    <s v="Fellowes Presentation Covers for Comb Binding Machines"/>
    <n v="116.4"/>
    <n v="8"/>
    <n v="52.38"/>
  </r>
  <r>
    <d v="2016-01-02T00:00:00"/>
    <x v="0"/>
    <x v="2"/>
    <x v="688"/>
    <x v="36"/>
    <x v="1"/>
    <x v="11"/>
    <s v="Bush Westfield Collection Bookcases, Medium Cherry Finish"/>
    <n v="173.94"/>
    <n v="3"/>
    <n v="38.270000000000003"/>
  </r>
  <r>
    <d v="2016-01-02T00:00:00"/>
    <x v="0"/>
    <x v="2"/>
    <x v="688"/>
    <x v="36"/>
    <x v="2"/>
    <x v="6"/>
    <s v="GE 30522EE2"/>
    <n v="231.98"/>
    <n v="2"/>
    <n v="67.27"/>
  </r>
  <r>
    <d v="2016-01-03T00:00:00"/>
    <x v="0"/>
    <x v="2"/>
    <x v="336"/>
    <x v="3"/>
    <x v="0"/>
    <x v="2"/>
    <s v="Recycled Steel Personal File for Hanging File Folders"/>
    <n v="114.46"/>
    <n v="2"/>
    <n v="28.62"/>
  </r>
  <r>
    <d v="2016-01-03T00:00:00"/>
    <x v="0"/>
    <x v="2"/>
    <x v="305"/>
    <x v="0"/>
    <x v="2"/>
    <x v="9"/>
    <s v="ImationÂ Clip USBÂ flash driveÂ - 8 GB"/>
    <n v="30.08"/>
    <n v="2"/>
    <n v="-5.26"/>
  </r>
  <r>
    <d v="2016-01-03T00:00:00"/>
    <x v="0"/>
    <x v="2"/>
    <x v="305"/>
    <x v="0"/>
    <x v="2"/>
    <x v="9"/>
    <s v="WD My Passport Ultra 1TB Portable External Hard Drive"/>
    <n v="165.6"/>
    <n v="3"/>
    <n v="-6.21"/>
  </r>
  <r>
    <d v="2016-01-03T00:00:00"/>
    <x v="0"/>
    <x v="2"/>
    <x v="305"/>
    <x v="0"/>
    <x v="2"/>
    <x v="6"/>
    <s v="AT&amp;T 17929 Lendline Telephone"/>
    <n v="180.96"/>
    <n v="5"/>
    <n v="13.57"/>
  </r>
  <r>
    <d v="2016-01-03T00:00:00"/>
    <x v="0"/>
    <x v="2"/>
    <x v="731"/>
    <x v="39"/>
    <x v="1"/>
    <x v="13"/>
    <s v="Hon Practical Foundations 30 x 60 Training Table, Light Gray/Charcoal"/>
    <n v="1592.85"/>
    <n v="7"/>
    <n v="350.43"/>
  </r>
  <r>
    <d v="2016-01-03T00:00:00"/>
    <x v="0"/>
    <x v="2"/>
    <x v="731"/>
    <x v="39"/>
    <x v="0"/>
    <x v="3"/>
    <s v="Storex Dura Pro Binders"/>
    <n v="11.88"/>
    <n v="2"/>
    <n v="5.35"/>
  </r>
  <r>
    <d v="2016-01-04T00:00:00"/>
    <x v="0"/>
    <x v="2"/>
    <x v="732"/>
    <x v="25"/>
    <x v="2"/>
    <x v="16"/>
    <s v="Hewlett Packard 310 Color Digital Copier"/>
    <n v="959.97"/>
    <n v="4"/>
    <n v="120"/>
  </r>
  <r>
    <d v="2016-01-04T00:00:00"/>
    <x v="0"/>
    <x v="2"/>
    <x v="624"/>
    <x v="2"/>
    <x v="0"/>
    <x v="4"/>
    <s v="Newell 312"/>
    <n v="4.67"/>
    <n v="1"/>
    <n v="0.57999999999999996"/>
  </r>
  <r>
    <d v="2016-01-04T00:00:00"/>
    <x v="0"/>
    <x v="2"/>
    <x v="624"/>
    <x v="2"/>
    <x v="0"/>
    <x v="3"/>
    <s v="Avery Arch Ring Binders"/>
    <n v="104.58"/>
    <n v="6"/>
    <n v="-80.180000000000007"/>
  </r>
  <r>
    <d v="2016-01-05T00:00:00"/>
    <x v="0"/>
    <x v="2"/>
    <x v="202"/>
    <x v="16"/>
    <x v="2"/>
    <x v="9"/>
    <s v="LogitechÂ MX Performance Wireless Mouse"/>
    <n v="191.47"/>
    <n v="6"/>
    <n v="40.69"/>
  </r>
  <r>
    <d v="2016-01-05T00:00:00"/>
    <x v="0"/>
    <x v="2"/>
    <x v="202"/>
    <x v="16"/>
    <x v="0"/>
    <x v="4"/>
    <s v="Newell 337"/>
    <n v="5.25"/>
    <n v="2"/>
    <n v="0.59"/>
  </r>
  <r>
    <d v="2016-01-05T00:00:00"/>
    <x v="0"/>
    <x v="2"/>
    <x v="202"/>
    <x v="16"/>
    <x v="2"/>
    <x v="6"/>
    <s v="Logitech B530 USBÂ HeadsetÂ -Â headsetÂ - Full size, Binaural"/>
    <n v="59.18"/>
    <n v="2"/>
    <n v="5.18"/>
  </r>
  <r>
    <d v="2016-01-07T00:00:00"/>
    <x v="0"/>
    <x v="2"/>
    <x v="233"/>
    <x v="3"/>
    <x v="0"/>
    <x v="4"/>
    <s v="Panasonic KP-350BK Electric Pencil Sharpener with Auto Stop"/>
    <n v="34.58"/>
    <n v="1"/>
    <n v="10.029999999999999"/>
  </r>
  <r>
    <d v="2016-01-07T00:00:00"/>
    <x v="0"/>
    <x v="2"/>
    <x v="685"/>
    <x v="0"/>
    <x v="1"/>
    <x v="8"/>
    <s v="Executive Impressions 13&quot; Clairmont Wall Clock"/>
    <n v="23.08"/>
    <n v="3"/>
    <n v="-10.96"/>
  </r>
  <r>
    <d v="2016-01-07T00:00:00"/>
    <x v="0"/>
    <x v="2"/>
    <x v="685"/>
    <x v="0"/>
    <x v="0"/>
    <x v="0"/>
    <s v="Xerox 212"/>
    <n v="25.92"/>
    <n v="5"/>
    <n v="9.07"/>
  </r>
  <r>
    <d v="2016-01-08T00:00:00"/>
    <x v="0"/>
    <x v="2"/>
    <x v="4"/>
    <x v="21"/>
    <x v="1"/>
    <x v="11"/>
    <s v="Atlantic Metals Mobile 3-Shelf Bookcases, Custom Colors"/>
    <n v="1565.88"/>
    <n v="6"/>
    <n v="407.13"/>
  </r>
  <r>
    <d v="2016-01-08T00:00:00"/>
    <x v="0"/>
    <x v="2"/>
    <x v="4"/>
    <x v="21"/>
    <x v="0"/>
    <x v="3"/>
    <s v="Plastic Binding Combs"/>
    <n v="106.05"/>
    <n v="7"/>
    <n v="49.84"/>
  </r>
  <r>
    <d v="2016-01-08T00:00:00"/>
    <x v="0"/>
    <x v="2"/>
    <x v="6"/>
    <x v="25"/>
    <x v="0"/>
    <x v="3"/>
    <s v="XtraLife ClearVue Slant-D Ring Binder, White, 3&quot;"/>
    <n v="30.83"/>
    <n v="7"/>
    <n v="-24.66"/>
  </r>
  <r>
    <d v="2016-01-08T00:00:00"/>
    <x v="0"/>
    <x v="2"/>
    <x v="6"/>
    <x v="25"/>
    <x v="0"/>
    <x v="4"/>
    <s v="Newell 319"/>
    <n v="47.62"/>
    <n v="3"/>
    <n v="5.95"/>
  </r>
  <r>
    <d v="2016-01-08T00:00:00"/>
    <x v="0"/>
    <x v="2"/>
    <x v="6"/>
    <x v="25"/>
    <x v="2"/>
    <x v="6"/>
    <s v="Avaya 5410 Digital phone"/>
    <n v="108.78"/>
    <n v="2"/>
    <n v="10.88"/>
  </r>
  <r>
    <d v="2016-01-09T00:00:00"/>
    <x v="0"/>
    <x v="2"/>
    <x v="174"/>
    <x v="3"/>
    <x v="2"/>
    <x v="9"/>
    <s v="Logitech G500s Laser Gaming Mouse with Adjustable Weight Tuning"/>
    <n v="349.95"/>
    <n v="5"/>
    <n v="118.98"/>
  </r>
  <r>
    <d v="2016-01-09T00:00:00"/>
    <x v="0"/>
    <x v="2"/>
    <x v="174"/>
    <x v="3"/>
    <x v="2"/>
    <x v="6"/>
    <s v="netTALK DUO VoIP Telephone Service"/>
    <n v="377.93"/>
    <n v="9"/>
    <n v="141.72"/>
  </r>
  <r>
    <d v="2016-01-09T00:00:00"/>
    <x v="0"/>
    <x v="2"/>
    <x v="591"/>
    <x v="10"/>
    <x v="1"/>
    <x v="8"/>
    <s v="DAX Two-Tone Rosewood/Black Document Frame, Desktop, 5 x 7"/>
    <n v="15.17"/>
    <n v="2"/>
    <n v="3.79"/>
  </r>
  <r>
    <d v="2016-01-10T00:00:00"/>
    <x v="0"/>
    <x v="2"/>
    <x v="127"/>
    <x v="22"/>
    <x v="1"/>
    <x v="8"/>
    <s v="24-Hour Round Wall Clock"/>
    <n v="79.92"/>
    <n v="4"/>
    <n v="34.369999999999997"/>
  </r>
  <r>
    <d v="2016-01-10T00:00:00"/>
    <x v="0"/>
    <x v="2"/>
    <x v="127"/>
    <x v="22"/>
    <x v="2"/>
    <x v="9"/>
    <s v="Logitech Media Keyboard K200"/>
    <n v="69.98"/>
    <n v="2"/>
    <n v="13.3"/>
  </r>
  <r>
    <d v="2016-01-10T00:00:00"/>
    <x v="0"/>
    <x v="2"/>
    <x v="733"/>
    <x v="22"/>
    <x v="1"/>
    <x v="8"/>
    <s v="DAX Value U-Channel Document Frames, Easel Back"/>
    <n v="24.85"/>
    <n v="5"/>
    <n v="7.7"/>
  </r>
  <r>
    <d v="2016-01-11T00:00:00"/>
    <x v="0"/>
    <x v="2"/>
    <x v="354"/>
    <x v="10"/>
    <x v="0"/>
    <x v="0"/>
    <s v="Xerox 2"/>
    <n v="15.55"/>
    <n v="3"/>
    <n v="5.44"/>
  </r>
  <r>
    <d v="2016-01-11T00:00:00"/>
    <x v="0"/>
    <x v="2"/>
    <x v="354"/>
    <x v="10"/>
    <x v="0"/>
    <x v="0"/>
    <s v="Xerox 1935"/>
    <n v="63.31"/>
    <n v="3"/>
    <n v="20.58"/>
  </r>
  <r>
    <d v="2016-01-11T00:00:00"/>
    <x v="0"/>
    <x v="2"/>
    <x v="354"/>
    <x v="10"/>
    <x v="2"/>
    <x v="6"/>
    <s v="Cyber Acoustics AC-202b Speech Recognition Stereo Headset"/>
    <n v="15.59"/>
    <n v="2"/>
    <n v="-9.8699999999999992"/>
  </r>
  <r>
    <d v="2016-01-11T00:00:00"/>
    <x v="0"/>
    <x v="2"/>
    <x v="114"/>
    <x v="10"/>
    <x v="1"/>
    <x v="8"/>
    <s v="Ultra Door Push Plate"/>
    <n v="54.99"/>
    <n v="14"/>
    <n v="8.94"/>
  </r>
  <r>
    <d v="2016-01-14T00:00:00"/>
    <x v="0"/>
    <x v="2"/>
    <x v="643"/>
    <x v="25"/>
    <x v="0"/>
    <x v="0"/>
    <s v="Xerox 1882"/>
    <n v="89.57"/>
    <n v="2"/>
    <n v="32.47"/>
  </r>
  <r>
    <d v="2016-01-14T00:00:00"/>
    <x v="0"/>
    <x v="2"/>
    <x v="643"/>
    <x v="25"/>
    <x v="1"/>
    <x v="8"/>
    <s v="Electrix Fluorescent Magnifier Lamps &amp; Weighted Base"/>
    <n v="315.77999999999997"/>
    <n v="8"/>
    <n v="31.58"/>
  </r>
  <r>
    <d v="2016-01-15T00:00:00"/>
    <x v="0"/>
    <x v="2"/>
    <x v="222"/>
    <x v="23"/>
    <x v="0"/>
    <x v="10"/>
    <s v="Quality Park Security Envelopes"/>
    <n v="52.34"/>
    <n v="2"/>
    <n v="24.6"/>
  </r>
  <r>
    <d v="2016-01-15T00:00:00"/>
    <x v="0"/>
    <x v="2"/>
    <x v="222"/>
    <x v="23"/>
    <x v="0"/>
    <x v="4"/>
    <s v="American Pencil"/>
    <n v="4.66"/>
    <n v="2"/>
    <n v="1.35"/>
  </r>
  <r>
    <d v="2016-01-15T00:00:00"/>
    <x v="0"/>
    <x v="2"/>
    <x v="222"/>
    <x v="23"/>
    <x v="2"/>
    <x v="9"/>
    <s v="LogitechÂ Gaming G510s - Keyboard"/>
    <n v="254.97"/>
    <n v="3"/>
    <n v="91.79"/>
  </r>
  <r>
    <d v="2016-01-15T00:00:00"/>
    <x v="0"/>
    <x v="2"/>
    <x v="554"/>
    <x v="37"/>
    <x v="1"/>
    <x v="13"/>
    <s v="Bevis Round Bullnose 29&quot; High Table Top"/>
    <n v="181.8"/>
    <n v="1"/>
    <n v="-15.58"/>
  </r>
  <r>
    <d v="2016-01-15T00:00:00"/>
    <x v="0"/>
    <x v="2"/>
    <x v="494"/>
    <x v="20"/>
    <x v="0"/>
    <x v="10"/>
    <s v="#10 Gummed Flap White Envelopes, 100/Box"/>
    <n v="16.52"/>
    <n v="4"/>
    <n v="7.6"/>
  </r>
  <r>
    <d v="2016-01-15T00:00:00"/>
    <x v="0"/>
    <x v="2"/>
    <x v="494"/>
    <x v="20"/>
    <x v="0"/>
    <x v="0"/>
    <s v="Xerox 1959"/>
    <n v="60.12"/>
    <n v="9"/>
    <n v="28.86"/>
  </r>
  <r>
    <d v="2016-01-15T00:00:00"/>
    <x v="0"/>
    <x v="2"/>
    <x v="494"/>
    <x v="20"/>
    <x v="0"/>
    <x v="3"/>
    <s v="Square Ring Data Binders, Rigid 75 Pt. Covers, 11&quot; x 14-7/8&quot;"/>
    <n v="49.54"/>
    <n v="3"/>
    <n v="17.34"/>
  </r>
  <r>
    <d v="2016-01-15T00:00:00"/>
    <x v="0"/>
    <x v="2"/>
    <x v="734"/>
    <x v="20"/>
    <x v="0"/>
    <x v="0"/>
    <s v="Xerox 1893"/>
    <n v="81.98"/>
    <n v="2"/>
    <n v="40.17"/>
  </r>
  <r>
    <d v="2016-01-16T00:00:00"/>
    <x v="0"/>
    <x v="2"/>
    <x v="281"/>
    <x v="3"/>
    <x v="0"/>
    <x v="3"/>
    <s v="Wilson Jones Active Use Binders"/>
    <n v="11.65"/>
    <n v="2"/>
    <n v="4.22"/>
  </r>
  <r>
    <d v="2016-01-16T00:00:00"/>
    <x v="0"/>
    <x v="2"/>
    <x v="281"/>
    <x v="3"/>
    <x v="2"/>
    <x v="9"/>
    <s v="ImationÂ 8GB Mini TravelDrive USB 2.0Â Flash Drive"/>
    <n v="90.57"/>
    <n v="3"/>
    <n v="11.77"/>
  </r>
  <r>
    <d v="2016-01-17T00:00:00"/>
    <x v="0"/>
    <x v="2"/>
    <x v="684"/>
    <x v="38"/>
    <x v="1"/>
    <x v="8"/>
    <s v="Tenex Contemporary Contur Chairmats for Low and Medium Pile Carpet, Computer, 39&quot; x 49&quot;"/>
    <n v="322.58999999999997"/>
    <n v="3"/>
    <n v="64.52"/>
  </r>
  <r>
    <d v="2016-01-17T00:00:00"/>
    <x v="0"/>
    <x v="2"/>
    <x v="684"/>
    <x v="38"/>
    <x v="2"/>
    <x v="9"/>
    <s v="Logitech 910-002974 M325 Wireless Mouse for Web Scrolling"/>
    <n v="29.99"/>
    <n v="1"/>
    <n v="13.2"/>
  </r>
  <r>
    <d v="2016-01-17T00:00:00"/>
    <x v="0"/>
    <x v="2"/>
    <x v="684"/>
    <x v="38"/>
    <x v="2"/>
    <x v="9"/>
    <s v="Logitech G19 Programmable Gaming Keyboard"/>
    <n v="371.97"/>
    <n v="3"/>
    <n v="66.95"/>
  </r>
  <r>
    <d v="2016-01-17T00:00:00"/>
    <x v="0"/>
    <x v="2"/>
    <x v="729"/>
    <x v="4"/>
    <x v="2"/>
    <x v="9"/>
    <s v="First Data FD10 PIN Pad"/>
    <n v="316"/>
    <n v="4"/>
    <n v="31.6"/>
  </r>
  <r>
    <d v="2016-01-21T00:00:00"/>
    <x v="0"/>
    <x v="2"/>
    <x v="210"/>
    <x v="3"/>
    <x v="1"/>
    <x v="5"/>
    <s v="Global Super Steno Chair"/>
    <n v="153.57"/>
    <n v="2"/>
    <n v="-5.76"/>
  </r>
  <r>
    <d v="2016-01-21T00:00:00"/>
    <x v="0"/>
    <x v="2"/>
    <x v="210"/>
    <x v="3"/>
    <x v="1"/>
    <x v="5"/>
    <s v="Global Ergonomic Managers Chair"/>
    <n v="1013.49"/>
    <n v="7"/>
    <n v="76.010000000000005"/>
  </r>
  <r>
    <d v="2016-01-22T00:00:00"/>
    <x v="0"/>
    <x v="2"/>
    <x v="194"/>
    <x v="23"/>
    <x v="0"/>
    <x v="7"/>
    <s v="Bagged Rubber Bands"/>
    <n v="7.56"/>
    <n v="6"/>
    <n v="0.3"/>
  </r>
  <r>
    <d v="2016-01-22T00:00:00"/>
    <x v="0"/>
    <x v="2"/>
    <x v="695"/>
    <x v="25"/>
    <x v="1"/>
    <x v="8"/>
    <s v="Eldon Pizzaz Desk Accessories"/>
    <n v="14.27"/>
    <n v="8"/>
    <n v="4.28"/>
  </r>
  <r>
    <d v="2016-01-22T00:00:00"/>
    <x v="0"/>
    <x v="2"/>
    <x v="695"/>
    <x v="25"/>
    <x v="1"/>
    <x v="11"/>
    <s v="Sauder Forest Hills Library, Woodland Oak Finish"/>
    <n v="451.14"/>
    <n v="4"/>
    <n v="-67.67"/>
  </r>
  <r>
    <d v="2016-01-22T00:00:00"/>
    <x v="0"/>
    <x v="2"/>
    <x v="695"/>
    <x v="25"/>
    <x v="0"/>
    <x v="12"/>
    <s v="Fellowes Mighty 8 Compact Surge Protector"/>
    <n v="64.86"/>
    <n v="4"/>
    <n v="6.49"/>
  </r>
  <r>
    <d v="2016-01-22T00:00:00"/>
    <x v="0"/>
    <x v="2"/>
    <x v="202"/>
    <x v="22"/>
    <x v="1"/>
    <x v="8"/>
    <s v="Contract Clock, 14&quot;, Brown"/>
    <n v="109.9"/>
    <n v="5"/>
    <n v="37.369999999999997"/>
  </r>
  <r>
    <d v="2016-01-22T00:00:00"/>
    <x v="0"/>
    <x v="2"/>
    <x v="387"/>
    <x v="22"/>
    <x v="0"/>
    <x v="0"/>
    <s v="Xerox 218"/>
    <n v="12.96"/>
    <n v="2"/>
    <n v="6.22"/>
  </r>
  <r>
    <d v="2016-01-22T00:00:00"/>
    <x v="0"/>
    <x v="2"/>
    <x v="558"/>
    <x v="3"/>
    <x v="0"/>
    <x v="1"/>
    <s v="Avery 475"/>
    <n v="44.4"/>
    <n v="3"/>
    <n v="22.2"/>
  </r>
  <r>
    <d v="2016-01-22T00:00:00"/>
    <x v="0"/>
    <x v="2"/>
    <x v="558"/>
    <x v="3"/>
    <x v="0"/>
    <x v="1"/>
    <s v="Avery 476"/>
    <n v="20.65"/>
    <n v="5"/>
    <n v="9.5"/>
  </r>
  <r>
    <d v="2016-01-22T00:00:00"/>
    <x v="0"/>
    <x v="2"/>
    <x v="214"/>
    <x v="10"/>
    <x v="2"/>
    <x v="6"/>
    <s v="Panasonic Kx-TS550"/>
    <n v="110.38"/>
    <n v="4"/>
    <n v="-20.239999999999998"/>
  </r>
  <r>
    <d v="2016-01-22T00:00:00"/>
    <x v="0"/>
    <x v="2"/>
    <x v="214"/>
    <x v="10"/>
    <x v="2"/>
    <x v="9"/>
    <s v="Verbatim 25 GB 6x Blu-ray Single Layer Recordable Disc, 25/Pack"/>
    <n v="55.18"/>
    <n v="3"/>
    <n v="15.86"/>
  </r>
  <r>
    <d v="2016-01-22T00:00:00"/>
    <x v="0"/>
    <x v="2"/>
    <x v="263"/>
    <x v="20"/>
    <x v="0"/>
    <x v="3"/>
    <s v="Wilson Jones data.warehouse D-Ring Binders with DublLock"/>
    <n v="26.34"/>
    <n v="4"/>
    <n v="9.2200000000000006"/>
  </r>
  <r>
    <d v="2016-01-23T00:00:00"/>
    <x v="0"/>
    <x v="2"/>
    <x v="710"/>
    <x v="3"/>
    <x v="1"/>
    <x v="8"/>
    <s v="DAX Cubicle Frames, 8-1/2 x 11"/>
    <n v="59.99"/>
    <n v="7"/>
    <n v="21.6"/>
  </r>
  <r>
    <d v="2016-01-23T00:00:00"/>
    <x v="0"/>
    <x v="2"/>
    <x v="595"/>
    <x v="45"/>
    <x v="2"/>
    <x v="9"/>
    <s v="Logitech Wireless Marathon Mouse M705"/>
    <n v="99.98"/>
    <n v="2"/>
    <n v="42.99"/>
  </r>
  <r>
    <d v="2016-01-23T00:00:00"/>
    <x v="0"/>
    <x v="2"/>
    <x v="595"/>
    <x v="45"/>
    <x v="0"/>
    <x v="4"/>
    <s v="4009 Highlighters"/>
    <n v="8.0399999999999991"/>
    <n v="6"/>
    <n v="2.73"/>
  </r>
  <r>
    <d v="2016-01-23T00:00:00"/>
    <x v="0"/>
    <x v="2"/>
    <x v="595"/>
    <x v="45"/>
    <x v="0"/>
    <x v="2"/>
    <s v="Iceberg Mobile Mega Data/Printer Cart"/>
    <n v="1564.29"/>
    <n v="13"/>
    <n v="406.72"/>
  </r>
  <r>
    <d v="2016-01-24T00:00:00"/>
    <x v="0"/>
    <x v="2"/>
    <x v="418"/>
    <x v="29"/>
    <x v="0"/>
    <x v="3"/>
    <s v="XtraLife ClearVue Slant-D Ring Binders by Cardinal"/>
    <n v="31.36"/>
    <n v="4"/>
    <n v="15.68"/>
  </r>
  <r>
    <d v="2016-01-25T00:00:00"/>
    <x v="0"/>
    <x v="2"/>
    <x v="735"/>
    <x v="23"/>
    <x v="0"/>
    <x v="4"/>
    <s v="Dixon Ticonderoga Maple Cedar Pencil, #2"/>
    <n v="9.2100000000000009"/>
    <n v="3"/>
    <n v="2.2999999999999998"/>
  </r>
  <r>
    <d v="2016-01-25T00:00:00"/>
    <x v="0"/>
    <x v="2"/>
    <x v="735"/>
    <x v="23"/>
    <x v="0"/>
    <x v="0"/>
    <s v="Telephone Message Books with Fax/Mobile Section, 4 1/4&quot; x 6&quot;"/>
    <n v="18"/>
    <n v="5"/>
    <n v="8.2799999999999994"/>
  </r>
  <r>
    <d v="2016-01-25T00:00:00"/>
    <x v="0"/>
    <x v="2"/>
    <x v="104"/>
    <x v="20"/>
    <x v="0"/>
    <x v="3"/>
    <s v="GBC Standard Recycled Report Covers, Clear Plastic Sheets"/>
    <n v="43.12"/>
    <n v="5"/>
    <n v="15.09"/>
  </r>
  <r>
    <d v="2016-01-25T00:00:00"/>
    <x v="0"/>
    <x v="2"/>
    <x v="104"/>
    <x v="20"/>
    <x v="1"/>
    <x v="13"/>
    <s v="Chromcraft Round Conference Tables"/>
    <n v="313.72000000000003"/>
    <n v="3"/>
    <n v="-99.35"/>
  </r>
  <r>
    <d v="2016-01-25T00:00:00"/>
    <x v="0"/>
    <x v="2"/>
    <x v="104"/>
    <x v="20"/>
    <x v="1"/>
    <x v="8"/>
    <s v="Tenex B1-RE Series Chair Mats for Low Pile Carpets"/>
    <n v="45.98"/>
    <n v="1"/>
    <n v="7.82"/>
  </r>
  <r>
    <d v="2016-01-25T00:00:00"/>
    <x v="0"/>
    <x v="2"/>
    <x v="104"/>
    <x v="20"/>
    <x v="0"/>
    <x v="2"/>
    <s v="SAFCO Commercial Wire Shelving, 72h"/>
    <n v="428.68"/>
    <n v="7"/>
    <n v="0"/>
  </r>
  <r>
    <d v="2016-01-28T00:00:00"/>
    <x v="0"/>
    <x v="2"/>
    <x v="418"/>
    <x v="3"/>
    <x v="0"/>
    <x v="4"/>
    <s v="Newell 345"/>
    <n v="39.68"/>
    <n v="2"/>
    <n v="10.32"/>
  </r>
  <r>
    <d v="2016-01-30T00:00:00"/>
    <x v="0"/>
    <x v="2"/>
    <x v="467"/>
    <x v="3"/>
    <x v="0"/>
    <x v="3"/>
    <s v="Heavy-Duty E-Z-D Binders"/>
    <n v="17.46"/>
    <n v="2"/>
    <n v="5.89"/>
  </r>
  <r>
    <d v="2016-01-30T00:00:00"/>
    <x v="0"/>
    <x v="2"/>
    <x v="236"/>
    <x v="3"/>
    <x v="0"/>
    <x v="2"/>
    <s v="File Shuttle II and Handi-File, Black"/>
    <n v="305.01"/>
    <n v="9"/>
    <n v="76.25"/>
  </r>
  <r>
    <d v="2016-01-30T00:00:00"/>
    <x v="0"/>
    <x v="2"/>
    <x v="236"/>
    <x v="3"/>
    <x v="0"/>
    <x v="3"/>
    <s v="GBC Wire Binding Strips"/>
    <n v="50.78"/>
    <n v="2"/>
    <n v="17.77"/>
  </r>
  <r>
    <d v="2016-01-30T00:00:00"/>
    <x v="0"/>
    <x v="2"/>
    <x v="236"/>
    <x v="3"/>
    <x v="0"/>
    <x v="1"/>
    <s v="Avery 512"/>
    <n v="26.01"/>
    <n v="9"/>
    <n v="12.22"/>
  </r>
  <r>
    <d v="2016-01-30T00:00:00"/>
    <x v="0"/>
    <x v="2"/>
    <x v="560"/>
    <x v="22"/>
    <x v="1"/>
    <x v="5"/>
    <s v="Global Deluxe High-Back Office Chair in Storm"/>
    <n v="435.17"/>
    <n v="4"/>
    <n v="-59.84"/>
  </r>
  <r>
    <d v="2016-01-30T00:00:00"/>
    <x v="0"/>
    <x v="2"/>
    <x v="560"/>
    <x v="22"/>
    <x v="1"/>
    <x v="11"/>
    <s v="O'Sullivan 2-Shelf Heavy-Duty Bookcases"/>
    <n v="48.58"/>
    <n v="1"/>
    <n v="7.77"/>
  </r>
  <r>
    <d v="2016-01-30T00:00:00"/>
    <x v="0"/>
    <x v="2"/>
    <x v="736"/>
    <x v="1"/>
    <x v="0"/>
    <x v="0"/>
    <s v="Xerox 1943"/>
    <n v="156.51"/>
    <n v="4"/>
    <n v="52.82"/>
  </r>
  <r>
    <d v="2016-01-30T00:00:00"/>
    <x v="0"/>
    <x v="2"/>
    <x v="447"/>
    <x v="1"/>
    <x v="2"/>
    <x v="6"/>
    <s v="Nokia Lumia 1020"/>
    <n v="1439.97"/>
    <n v="4"/>
    <n v="144"/>
  </r>
  <r>
    <d v="2016-01-30T00:00:00"/>
    <x v="0"/>
    <x v="2"/>
    <x v="447"/>
    <x v="1"/>
    <x v="0"/>
    <x v="3"/>
    <s v="Avery Durable Binders"/>
    <n v="1.73"/>
    <n v="3"/>
    <n v="-2.68"/>
  </r>
  <r>
    <d v="2016-01-30T00:00:00"/>
    <x v="0"/>
    <x v="2"/>
    <x v="447"/>
    <x v="1"/>
    <x v="1"/>
    <x v="13"/>
    <s v="Bretford Â“Just In TimeÂ” Height-Adjustable Multi-Task Work Tables"/>
    <n v="626.1"/>
    <n v="3"/>
    <n v="-538.45000000000005"/>
  </r>
  <r>
    <d v="2016-01-31T00:00:00"/>
    <x v="0"/>
    <x v="2"/>
    <x v="90"/>
    <x v="3"/>
    <x v="2"/>
    <x v="6"/>
    <s v="AT&amp;T 1080 Phone"/>
    <n v="109.59"/>
    <n v="1"/>
    <n v="8.2200000000000006"/>
  </r>
  <r>
    <d v="2016-01-31T00:00:00"/>
    <x v="0"/>
    <x v="2"/>
    <x v="90"/>
    <x v="3"/>
    <x v="0"/>
    <x v="0"/>
    <s v="Easy-staple paper"/>
    <n v="56.7"/>
    <n v="5"/>
    <n v="27.78"/>
  </r>
  <r>
    <d v="2016-01-31T00:00:00"/>
    <x v="0"/>
    <x v="2"/>
    <x v="69"/>
    <x v="0"/>
    <x v="0"/>
    <x v="0"/>
    <s v="Xerox 1994"/>
    <n v="15.55"/>
    <n v="3"/>
    <n v="5.44"/>
  </r>
  <r>
    <d v="2016-01-31T00:00:00"/>
    <x v="0"/>
    <x v="2"/>
    <x v="527"/>
    <x v="23"/>
    <x v="0"/>
    <x v="10"/>
    <s v="Staple envelope"/>
    <n v="23.36"/>
    <n v="2"/>
    <n v="11.68"/>
  </r>
  <r>
    <d v="2016-01-31T00:00:00"/>
    <x v="0"/>
    <x v="2"/>
    <x v="151"/>
    <x v="4"/>
    <x v="0"/>
    <x v="3"/>
    <s v="Fellowes PB500 Electric Punch Plastic Comb Binding Machine with Manual Bind"/>
    <n v="1270.99"/>
    <n v="1"/>
    <n v="635.5"/>
  </r>
  <r>
    <d v="2016-01-31T00:00:00"/>
    <x v="0"/>
    <x v="2"/>
    <x v="151"/>
    <x v="4"/>
    <x v="0"/>
    <x v="10"/>
    <s v="#10 White Business Envelopes,4 1/8 x 9 1/2"/>
    <n v="125.36"/>
    <n v="8"/>
    <n v="58.92"/>
  </r>
  <r>
    <d v="2016-02-01T00:00:00"/>
    <x v="1"/>
    <x v="2"/>
    <x v="38"/>
    <x v="6"/>
    <x v="0"/>
    <x v="2"/>
    <s v="X-Rack File for Hanging Folders"/>
    <n v="56.45"/>
    <n v="5"/>
    <n v="14.68"/>
  </r>
  <r>
    <d v="2016-02-01T00:00:00"/>
    <x v="1"/>
    <x v="2"/>
    <x v="436"/>
    <x v="3"/>
    <x v="0"/>
    <x v="0"/>
    <s v="Xerox 1883"/>
    <n v="105.52"/>
    <n v="4"/>
    <n v="48.54"/>
  </r>
  <r>
    <d v="2016-02-02T00:00:00"/>
    <x v="1"/>
    <x v="2"/>
    <x v="579"/>
    <x v="20"/>
    <x v="0"/>
    <x v="2"/>
    <s v="Belkin 19&quot; Center-Weighted Shelf, Gray"/>
    <n v="117.96"/>
    <n v="2"/>
    <n v="5.9"/>
  </r>
  <r>
    <d v="2016-02-02T00:00:00"/>
    <x v="1"/>
    <x v="2"/>
    <x v="145"/>
    <x v="6"/>
    <x v="2"/>
    <x v="15"/>
    <s v="HP Designjet T520 Inkjet Large Format Printer - 24&quot; Color"/>
    <n v="8749.9500000000007"/>
    <n v="5"/>
    <n v="2799.98"/>
  </r>
  <r>
    <d v="2016-02-02T00:00:00"/>
    <x v="1"/>
    <x v="2"/>
    <x v="145"/>
    <x v="6"/>
    <x v="0"/>
    <x v="3"/>
    <s v="Presstex Flexible Ring Binders"/>
    <n v="36.4"/>
    <n v="8"/>
    <n v="18.2"/>
  </r>
  <r>
    <d v="2016-02-02T00:00:00"/>
    <x v="1"/>
    <x v="2"/>
    <x v="145"/>
    <x v="6"/>
    <x v="1"/>
    <x v="8"/>
    <s v="Acrylic Self-Standing Desk Frames"/>
    <n v="18.690000000000001"/>
    <n v="7"/>
    <n v="7.1"/>
  </r>
  <r>
    <d v="2016-02-02T00:00:00"/>
    <x v="1"/>
    <x v="2"/>
    <x v="270"/>
    <x v="0"/>
    <x v="1"/>
    <x v="8"/>
    <s v="Deflect-o RollaMat Studded, Beveled Mat for Medium Pile Carpeting"/>
    <n v="73.78"/>
    <n v="2"/>
    <n v="-77.47"/>
  </r>
  <r>
    <d v="2016-02-03T00:00:00"/>
    <x v="1"/>
    <x v="2"/>
    <x v="31"/>
    <x v="5"/>
    <x v="1"/>
    <x v="5"/>
    <s v="Hon Multipurpose Stacking Arm Chairs"/>
    <n v="866.4"/>
    <n v="4"/>
    <n v="225.26"/>
  </r>
  <r>
    <d v="2016-02-04T00:00:00"/>
    <x v="1"/>
    <x v="2"/>
    <x v="463"/>
    <x v="12"/>
    <x v="1"/>
    <x v="8"/>
    <s v="Nu-Dell Float Frame 11 x 14 1/2"/>
    <n v="14.37"/>
    <n v="2"/>
    <n v="3.95"/>
  </r>
  <r>
    <d v="2016-02-04T00:00:00"/>
    <x v="1"/>
    <x v="2"/>
    <x v="389"/>
    <x v="36"/>
    <x v="2"/>
    <x v="6"/>
    <s v="AT&amp;T 17929 Lendline Telephone"/>
    <n v="90.48"/>
    <n v="2"/>
    <n v="23.52"/>
  </r>
  <r>
    <d v="2016-02-04T00:00:00"/>
    <x v="1"/>
    <x v="2"/>
    <x v="403"/>
    <x v="3"/>
    <x v="0"/>
    <x v="2"/>
    <s v="Safco Commercial Shelving"/>
    <n v="93.02"/>
    <n v="2"/>
    <n v="3.72"/>
  </r>
  <r>
    <d v="2016-02-05T00:00:00"/>
    <x v="1"/>
    <x v="2"/>
    <x v="367"/>
    <x v="4"/>
    <x v="0"/>
    <x v="2"/>
    <s v="Carina 42&quot;Hx23 3/4&quot;W Media Storage Unit"/>
    <n v="80.98"/>
    <n v="1"/>
    <n v="1.62"/>
  </r>
  <r>
    <d v="2016-02-05T00:00:00"/>
    <x v="1"/>
    <x v="2"/>
    <x v="367"/>
    <x v="4"/>
    <x v="0"/>
    <x v="0"/>
    <s v="White Computer Printout Paper by Universal"/>
    <n v="348.84"/>
    <n v="9"/>
    <n v="170.93"/>
  </r>
  <r>
    <d v="2016-02-05T00:00:00"/>
    <x v="1"/>
    <x v="2"/>
    <x v="367"/>
    <x v="4"/>
    <x v="0"/>
    <x v="7"/>
    <s v="Revere Boxed Rubber Bands by Revere"/>
    <n v="9.4499999999999993"/>
    <n v="5"/>
    <n v="0.19"/>
  </r>
  <r>
    <d v="2016-02-05T00:00:00"/>
    <x v="1"/>
    <x v="2"/>
    <x v="367"/>
    <x v="4"/>
    <x v="1"/>
    <x v="8"/>
    <s v="Eldon 200 Class Desk Accessories, Black"/>
    <n v="18.84"/>
    <n v="3"/>
    <n v="7.16"/>
  </r>
  <r>
    <d v="2016-02-05T00:00:00"/>
    <x v="1"/>
    <x v="2"/>
    <x v="367"/>
    <x v="4"/>
    <x v="1"/>
    <x v="11"/>
    <s v="Bush Andora Bookcase, Maple/Graphite Gray Finish"/>
    <n v="239.98"/>
    <n v="2"/>
    <n v="52.8"/>
  </r>
  <r>
    <d v="2016-02-05T00:00:00"/>
    <x v="1"/>
    <x v="2"/>
    <x v="367"/>
    <x v="4"/>
    <x v="0"/>
    <x v="10"/>
    <s v="Ames Color-File Green Diamond Border X-ray Mailers"/>
    <n v="167.96"/>
    <n v="2"/>
    <n v="78.94"/>
  </r>
  <r>
    <d v="2016-02-05T00:00:00"/>
    <x v="1"/>
    <x v="2"/>
    <x v="367"/>
    <x v="4"/>
    <x v="2"/>
    <x v="6"/>
    <s v="Plantronics CordlessÂ Phone HeadsetÂ with In-line Volume - M214C"/>
    <n v="104.85"/>
    <n v="3"/>
    <n v="28.31"/>
  </r>
  <r>
    <d v="2016-02-05T00:00:00"/>
    <x v="1"/>
    <x v="2"/>
    <x v="367"/>
    <x v="4"/>
    <x v="2"/>
    <x v="6"/>
    <s v="Aastra 57i VoIP phone"/>
    <n v="484.83"/>
    <n v="3"/>
    <n v="126.06"/>
  </r>
  <r>
    <d v="2016-02-05T00:00:00"/>
    <x v="1"/>
    <x v="2"/>
    <x v="367"/>
    <x v="4"/>
    <x v="0"/>
    <x v="0"/>
    <s v="White Dual Perf Computer Printout Paper, 2700 Sheets, 1 Part, Heavyweight, 20 lbs., 14 7/8 x 11"/>
    <n v="122.97"/>
    <n v="3"/>
    <n v="60.26"/>
  </r>
  <r>
    <d v="2016-02-05T00:00:00"/>
    <x v="1"/>
    <x v="2"/>
    <x v="367"/>
    <x v="4"/>
    <x v="0"/>
    <x v="2"/>
    <s v="Belkin 19&quot; Vented Equipment Shelf, Black"/>
    <n v="154.44"/>
    <n v="3"/>
    <n v="1.54"/>
  </r>
  <r>
    <d v="2016-02-05T00:00:00"/>
    <x v="1"/>
    <x v="2"/>
    <x v="367"/>
    <x v="4"/>
    <x v="0"/>
    <x v="0"/>
    <s v="Xerox 1943"/>
    <n v="342.37"/>
    <n v="7"/>
    <n v="160.91"/>
  </r>
  <r>
    <d v="2016-02-05T00:00:00"/>
    <x v="1"/>
    <x v="2"/>
    <x v="86"/>
    <x v="3"/>
    <x v="0"/>
    <x v="1"/>
    <s v="Avery 508"/>
    <n v="14.73"/>
    <n v="3"/>
    <n v="7.22"/>
  </r>
  <r>
    <d v="2016-02-05T00:00:00"/>
    <x v="1"/>
    <x v="2"/>
    <x v="86"/>
    <x v="3"/>
    <x v="0"/>
    <x v="2"/>
    <s v="Fellowes Mobile File Cart, Black"/>
    <n v="186.54"/>
    <n v="3"/>
    <n v="50.37"/>
  </r>
  <r>
    <d v="2016-02-05T00:00:00"/>
    <x v="1"/>
    <x v="2"/>
    <x v="86"/>
    <x v="3"/>
    <x v="1"/>
    <x v="13"/>
    <s v="Chromcraft Round Conference Tables"/>
    <n v="557.73"/>
    <n v="4"/>
    <n v="6.97"/>
  </r>
  <r>
    <d v="2016-02-05T00:00:00"/>
    <x v="1"/>
    <x v="2"/>
    <x v="86"/>
    <x v="3"/>
    <x v="2"/>
    <x v="6"/>
    <s v="Anker Astro 15000mAh USB Portable Charger"/>
    <n v="159.97"/>
    <n v="4"/>
    <n v="-31.99"/>
  </r>
  <r>
    <d v="2016-02-06T00:00:00"/>
    <x v="1"/>
    <x v="2"/>
    <x v="119"/>
    <x v="15"/>
    <x v="1"/>
    <x v="8"/>
    <s v="Deflect-o EconoMat Studded, No Bevel Mat for Low Pile Carpeting"/>
    <n v="132.22"/>
    <n v="4"/>
    <n v="-18.18"/>
  </r>
  <r>
    <d v="2016-02-07T00:00:00"/>
    <x v="1"/>
    <x v="2"/>
    <x v="103"/>
    <x v="6"/>
    <x v="2"/>
    <x v="9"/>
    <s v="Micro Innovations USB RF Wireless Keyboard with Mouse"/>
    <n v="100"/>
    <n v="4"/>
    <n v="21"/>
  </r>
  <r>
    <d v="2016-02-07T00:00:00"/>
    <x v="1"/>
    <x v="2"/>
    <x v="103"/>
    <x v="6"/>
    <x v="0"/>
    <x v="1"/>
    <s v="Permanent Self-Adhesive File Folder Labels for Typewriters by Universal"/>
    <n v="7.83"/>
    <n v="3"/>
    <n v="3.6"/>
  </r>
  <r>
    <d v="2016-02-07T00:00:00"/>
    <x v="1"/>
    <x v="2"/>
    <x v="737"/>
    <x v="10"/>
    <x v="0"/>
    <x v="0"/>
    <s v="Xerox 1912"/>
    <n v="30.35"/>
    <n v="2"/>
    <n v="10.62"/>
  </r>
  <r>
    <d v="2016-02-07T00:00:00"/>
    <x v="1"/>
    <x v="2"/>
    <x v="732"/>
    <x v="3"/>
    <x v="2"/>
    <x v="6"/>
    <s v="Motorola L703CM"/>
    <n v="623.96"/>
    <n v="5"/>
    <n v="39"/>
  </r>
  <r>
    <d v="2016-02-08T00:00:00"/>
    <x v="1"/>
    <x v="2"/>
    <x v="662"/>
    <x v="25"/>
    <x v="2"/>
    <x v="6"/>
    <s v="Samsung Galaxy S4 Mini"/>
    <n v="1127.98"/>
    <n v="3"/>
    <n v="126.9"/>
  </r>
  <r>
    <d v="2016-02-08T00:00:00"/>
    <x v="1"/>
    <x v="2"/>
    <x v="36"/>
    <x v="0"/>
    <x v="1"/>
    <x v="5"/>
    <s v="Harbour Creations Steel Folding Chair"/>
    <n v="241.5"/>
    <n v="4"/>
    <n v="0"/>
  </r>
  <r>
    <d v="2016-02-09T00:00:00"/>
    <x v="1"/>
    <x v="2"/>
    <x v="691"/>
    <x v="3"/>
    <x v="2"/>
    <x v="9"/>
    <s v="Logitech 910-002974 M325 Wireless Mouse for Web Scrolling"/>
    <n v="89.97"/>
    <n v="3"/>
    <n v="39.590000000000003"/>
  </r>
  <r>
    <d v="2016-02-09T00:00:00"/>
    <x v="1"/>
    <x v="2"/>
    <x v="691"/>
    <x v="3"/>
    <x v="2"/>
    <x v="9"/>
    <s v="Maxell 4.7GB DVD+RW 3/Pack"/>
    <n v="31.86"/>
    <n v="2"/>
    <n v="11.15"/>
  </r>
  <r>
    <d v="2016-02-11T00:00:00"/>
    <x v="1"/>
    <x v="2"/>
    <x v="532"/>
    <x v="39"/>
    <x v="2"/>
    <x v="6"/>
    <s v="Mediabridge Sport Armband iPhone 5s"/>
    <n v="69.930000000000007"/>
    <n v="7"/>
    <n v="0.7"/>
  </r>
  <r>
    <d v="2016-02-12T00:00:00"/>
    <x v="1"/>
    <x v="2"/>
    <x v="143"/>
    <x v="4"/>
    <x v="0"/>
    <x v="2"/>
    <s v="Tennsco Double-Tier Lockers"/>
    <n v="1350.12"/>
    <n v="6"/>
    <n v="175.52"/>
  </r>
  <r>
    <d v="2016-02-12T00:00:00"/>
    <x v="1"/>
    <x v="2"/>
    <x v="143"/>
    <x v="4"/>
    <x v="0"/>
    <x v="3"/>
    <s v="Avery Durable Slant Ring Binders, No Labels"/>
    <n v="15.92"/>
    <n v="4"/>
    <n v="7.48"/>
  </r>
  <r>
    <d v="2016-02-13T00:00:00"/>
    <x v="1"/>
    <x v="2"/>
    <x v="476"/>
    <x v="3"/>
    <x v="0"/>
    <x v="0"/>
    <s v="Tops Green Bar Computer Printout Paper"/>
    <n v="146.82"/>
    <n v="3"/>
    <n v="73.41"/>
  </r>
  <r>
    <d v="2016-02-14T00:00:00"/>
    <x v="1"/>
    <x v="2"/>
    <x v="610"/>
    <x v="36"/>
    <x v="0"/>
    <x v="0"/>
    <s v="Wirebound Message Books, Four 2 3/4 x 5 Forms per Page, 200 Sets per Book"/>
    <n v="4.7699999999999996"/>
    <n v="1"/>
    <n v="2.15"/>
  </r>
  <r>
    <d v="2016-02-14T00:00:00"/>
    <x v="1"/>
    <x v="2"/>
    <x v="610"/>
    <x v="36"/>
    <x v="0"/>
    <x v="4"/>
    <s v="Economy #2 Pencils"/>
    <n v="7.98"/>
    <n v="3"/>
    <n v="2.0699999999999998"/>
  </r>
  <r>
    <d v="2016-02-14T00:00:00"/>
    <x v="1"/>
    <x v="2"/>
    <x v="610"/>
    <x v="36"/>
    <x v="1"/>
    <x v="13"/>
    <s v="Bevis Boat-Shaped Conference Table"/>
    <n v="550.42999999999995"/>
    <n v="3"/>
    <n v="-47.18"/>
  </r>
  <r>
    <d v="2016-02-14T00:00:00"/>
    <x v="1"/>
    <x v="2"/>
    <x v="610"/>
    <x v="36"/>
    <x v="1"/>
    <x v="8"/>
    <s v="Regeneration Desk Collection"/>
    <n v="10.56"/>
    <n v="6"/>
    <n v="4.6500000000000004"/>
  </r>
  <r>
    <d v="2016-02-14T00:00:00"/>
    <x v="1"/>
    <x v="2"/>
    <x v="667"/>
    <x v="29"/>
    <x v="0"/>
    <x v="4"/>
    <s v="Panasonic KP-150 Electric Pencil Sharpener"/>
    <n v="264.18"/>
    <n v="7"/>
    <n v="68.69"/>
  </r>
  <r>
    <d v="2016-02-15T00:00:00"/>
    <x v="1"/>
    <x v="2"/>
    <x v="190"/>
    <x v="20"/>
    <x v="0"/>
    <x v="3"/>
    <s v="GBC DocuBind P100 Manual Binding Machine"/>
    <n v="398.35"/>
    <n v="3"/>
    <n v="124.49"/>
  </r>
  <r>
    <d v="2016-02-15T00:00:00"/>
    <x v="1"/>
    <x v="2"/>
    <x v="190"/>
    <x v="20"/>
    <x v="0"/>
    <x v="7"/>
    <s v="Advantus Push Pins"/>
    <n v="8.7200000000000006"/>
    <n v="4"/>
    <n v="3.58"/>
  </r>
  <r>
    <d v="2016-02-16T00:00:00"/>
    <x v="1"/>
    <x v="2"/>
    <x v="400"/>
    <x v="1"/>
    <x v="0"/>
    <x v="12"/>
    <s v="Honeywell Enviracaire Portable Air Cleaner for up to 8 x 10 Room"/>
    <n v="92.06"/>
    <n v="6"/>
    <n v="-225.56"/>
  </r>
  <r>
    <d v="2016-02-16T00:00:00"/>
    <x v="1"/>
    <x v="2"/>
    <x v="400"/>
    <x v="1"/>
    <x v="0"/>
    <x v="7"/>
    <s v="Advantus Push Pins"/>
    <n v="6.98"/>
    <n v="4"/>
    <n v="1.83"/>
  </r>
  <r>
    <d v="2016-02-16T00:00:00"/>
    <x v="1"/>
    <x v="2"/>
    <x v="400"/>
    <x v="1"/>
    <x v="1"/>
    <x v="5"/>
    <s v="Global Stack Chair with Arms, Black"/>
    <n v="62.96"/>
    <n v="3"/>
    <n v="-2.7"/>
  </r>
  <r>
    <d v="2016-02-16T00:00:00"/>
    <x v="1"/>
    <x v="2"/>
    <x v="400"/>
    <x v="1"/>
    <x v="0"/>
    <x v="0"/>
    <s v="Xerox 206"/>
    <n v="5.18"/>
    <n v="1"/>
    <n v="1.81"/>
  </r>
  <r>
    <d v="2016-02-16T00:00:00"/>
    <x v="1"/>
    <x v="2"/>
    <x v="628"/>
    <x v="23"/>
    <x v="1"/>
    <x v="5"/>
    <s v="Hon Comfortask Task/Swivel Chairs"/>
    <n v="227.96"/>
    <n v="2"/>
    <n v="36.47"/>
  </r>
  <r>
    <d v="2016-02-16T00:00:00"/>
    <x v="1"/>
    <x v="2"/>
    <x v="60"/>
    <x v="5"/>
    <x v="1"/>
    <x v="8"/>
    <s v="Eldon Cleatmat Plus Chair Mats for High Pile Carpets"/>
    <n v="318.08"/>
    <n v="4"/>
    <n v="34.99"/>
  </r>
  <r>
    <d v="2016-02-16T00:00:00"/>
    <x v="1"/>
    <x v="2"/>
    <x v="60"/>
    <x v="5"/>
    <x v="0"/>
    <x v="3"/>
    <s v="Wilson Jones Â“SnapÂ” Scratch Pad Binder Tool for Ring Binders"/>
    <n v="5.8"/>
    <n v="1"/>
    <n v="2.61"/>
  </r>
  <r>
    <d v="2016-02-16T00:00:00"/>
    <x v="1"/>
    <x v="2"/>
    <x v="453"/>
    <x v="20"/>
    <x v="1"/>
    <x v="5"/>
    <s v="Hon Every-Day Chair Series Swivel Task Chairs"/>
    <n v="326.64999999999998"/>
    <n v="3"/>
    <n v="39.92"/>
  </r>
  <r>
    <d v="2016-02-16T00:00:00"/>
    <x v="1"/>
    <x v="2"/>
    <x v="453"/>
    <x v="20"/>
    <x v="2"/>
    <x v="9"/>
    <s v="Logitech 910-002974 M325 Wireless Mouse for Web Scrolling"/>
    <n v="89.97"/>
    <n v="3"/>
    <n v="39.590000000000003"/>
  </r>
  <r>
    <d v="2016-02-19T00:00:00"/>
    <x v="1"/>
    <x v="2"/>
    <x v="217"/>
    <x v="20"/>
    <x v="1"/>
    <x v="8"/>
    <s v="Executive Impressions 14&quot; Contract Wall Clock"/>
    <n v="44.46"/>
    <n v="2"/>
    <n v="14.67"/>
  </r>
  <r>
    <d v="2016-02-19T00:00:00"/>
    <x v="1"/>
    <x v="2"/>
    <x v="217"/>
    <x v="20"/>
    <x v="0"/>
    <x v="2"/>
    <s v="Carina Double Wide Media Storage Towers in Natural &amp; Black"/>
    <n v="242.94"/>
    <n v="3"/>
    <n v="9.7200000000000006"/>
  </r>
  <r>
    <d v="2016-02-19T00:00:00"/>
    <x v="1"/>
    <x v="2"/>
    <x v="38"/>
    <x v="20"/>
    <x v="0"/>
    <x v="1"/>
    <s v="Staple-on labels"/>
    <n v="8.67"/>
    <n v="3"/>
    <n v="4.07"/>
  </r>
  <r>
    <d v="2016-02-19T00:00:00"/>
    <x v="1"/>
    <x v="2"/>
    <x v="38"/>
    <x v="20"/>
    <x v="0"/>
    <x v="14"/>
    <s v="Acme Office Executive Series Stainless Steel Trimmers"/>
    <n v="25.71"/>
    <n v="3"/>
    <n v="6.68"/>
  </r>
  <r>
    <d v="2016-02-19T00:00:00"/>
    <x v="1"/>
    <x v="2"/>
    <x v="217"/>
    <x v="3"/>
    <x v="0"/>
    <x v="0"/>
    <s v="Xerox 1880"/>
    <n v="70.88"/>
    <n v="2"/>
    <n v="33.31"/>
  </r>
  <r>
    <d v="2016-02-20T00:00:00"/>
    <x v="1"/>
    <x v="2"/>
    <x v="545"/>
    <x v="15"/>
    <x v="0"/>
    <x v="0"/>
    <s v="Speediset Carbonless Redi-Letter 7&quot; x 8 1/2&quot;"/>
    <n v="16.5"/>
    <n v="2"/>
    <n v="5.57"/>
  </r>
  <r>
    <d v="2016-02-21T00:00:00"/>
    <x v="1"/>
    <x v="2"/>
    <x v="543"/>
    <x v="3"/>
    <x v="2"/>
    <x v="9"/>
    <s v="SanDisk Ultra 16 GB MicroSDHC Class 10 Memory Card"/>
    <n v="12.99"/>
    <n v="1"/>
    <n v="0.78"/>
  </r>
  <r>
    <d v="2016-02-21T00:00:00"/>
    <x v="1"/>
    <x v="2"/>
    <x v="543"/>
    <x v="3"/>
    <x v="0"/>
    <x v="3"/>
    <s v="Wilson Jones Clip &amp; Carry Folder Binder Tool for Ring Binders, Clear"/>
    <n v="18.559999999999999"/>
    <n v="4"/>
    <n v="6.5"/>
  </r>
  <r>
    <d v="2016-02-21T00:00:00"/>
    <x v="1"/>
    <x v="2"/>
    <x v="543"/>
    <x v="3"/>
    <x v="0"/>
    <x v="2"/>
    <s v="Fellowes Officeware Wire Shelving"/>
    <n v="449.15"/>
    <n v="5"/>
    <n v="8.98"/>
  </r>
  <r>
    <d v="2016-02-21T00:00:00"/>
    <x v="1"/>
    <x v="2"/>
    <x v="543"/>
    <x v="3"/>
    <x v="0"/>
    <x v="3"/>
    <s v="Avery Heavy-Duty EZD  Binder With Locking Rings"/>
    <n v="31.25"/>
    <n v="7"/>
    <n v="10.94"/>
  </r>
  <r>
    <d v="2016-02-21T00:00:00"/>
    <x v="1"/>
    <x v="2"/>
    <x v="625"/>
    <x v="20"/>
    <x v="1"/>
    <x v="8"/>
    <s v="9-3/4 Diameter Round Wall Clock"/>
    <n v="68.95"/>
    <n v="5"/>
    <n v="28.96"/>
  </r>
  <r>
    <d v="2016-02-21T00:00:00"/>
    <x v="1"/>
    <x v="2"/>
    <x v="625"/>
    <x v="20"/>
    <x v="0"/>
    <x v="2"/>
    <s v="Recycled Data-Pak for Archival Bound Computer Printouts, 12-1/2 x 12-1/2 x 16"/>
    <n v="296.37"/>
    <n v="3"/>
    <n v="80.02"/>
  </r>
  <r>
    <d v="2016-02-21T00:00:00"/>
    <x v="1"/>
    <x v="2"/>
    <x v="625"/>
    <x v="20"/>
    <x v="2"/>
    <x v="6"/>
    <s v="iOttie HLCRIO102 Car Mount"/>
    <n v="39.979999999999997"/>
    <n v="2"/>
    <n v="2"/>
  </r>
  <r>
    <d v="2016-02-21T00:00:00"/>
    <x v="1"/>
    <x v="2"/>
    <x v="607"/>
    <x v="16"/>
    <x v="0"/>
    <x v="3"/>
    <s v="Avery Durable Slant Ring Binders With Label Holder"/>
    <n v="3.76"/>
    <n v="3"/>
    <n v="-2.76"/>
  </r>
  <r>
    <d v="2016-02-21T00:00:00"/>
    <x v="1"/>
    <x v="2"/>
    <x v="607"/>
    <x v="16"/>
    <x v="0"/>
    <x v="3"/>
    <s v="Avery Arch Ring Binders"/>
    <n v="34.86"/>
    <n v="2"/>
    <n v="-26.73"/>
  </r>
  <r>
    <d v="2016-02-21T00:00:00"/>
    <x v="1"/>
    <x v="2"/>
    <x v="607"/>
    <x v="16"/>
    <x v="0"/>
    <x v="2"/>
    <s v="Standard Rollaway File with Lock"/>
    <n v="432.46"/>
    <n v="3"/>
    <n v="32.43"/>
  </r>
  <r>
    <d v="2016-02-21T00:00:00"/>
    <x v="1"/>
    <x v="2"/>
    <x v="400"/>
    <x v="20"/>
    <x v="1"/>
    <x v="8"/>
    <s v="Floodlight Indoor Halogen Bulbs, 1 Bulb per Pack, 60 Watts"/>
    <n v="135.80000000000001"/>
    <n v="7"/>
    <n v="66.540000000000006"/>
  </r>
  <r>
    <d v="2016-02-22T00:00:00"/>
    <x v="1"/>
    <x v="2"/>
    <x v="298"/>
    <x v="21"/>
    <x v="0"/>
    <x v="12"/>
    <s v="Belkin 5 Outlet SurgeMaster Power Centers"/>
    <n v="490.32"/>
    <n v="9"/>
    <n v="137.29"/>
  </r>
  <r>
    <d v="2016-02-22T00:00:00"/>
    <x v="1"/>
    <x v="2"/>
    <x v="501"/>
    <x v="3"/>
    <x v="2"/>
    <x v="6"/>
    <s v="AT&amp;T 1070 Corded Phone"/>
    <n v="445.96"/>
    <n v="5"/>
    <n v="55.75"/>
  </r>
  <r>
    <d v="2016-02-22T00:00:00"/>
    <x v="1"/>
    <x v="2"/>
    <x v="501"/>
    <x v="3"/>
    <x v="2"/>
    <x v="9"/>
    <s v="Memorex Mini Travel Drive 64 GB USB 2.0 Flash Drive"/>
    <n v="36.24"/>
    <n v="1"/>
    <n v="15.22"/>
  </r>
  <r>
    <d v="2016-02-22T00:00:00"/>
    <x v="1"/>
    <x v="2"/>
    <x v="501"/>
    <x v="3"/>
    <x v="0"/>
    <x v="7"/>
    <s v="Acco Clips to Go Binder Clips, 24 Clips in Two Sizes"/>
    <n v="10.65"/>
    <n v="3"/>
    <n v="5.01"/>
  </r>
  <r>
    <d v="2016-02-23T00:00:00"/>
    <x v="1"/>
    <x v="2"/>
    <x v="296"/>
    <x v="2"/>
    <x v="0"/>
    <x v="10"/>
    <s v="Recycled Interoffice Envelopes with String and Button Closure, 10 x 13"/>
    <n v="57.58"/>
    <n v="3"/>
    <n v="21.59"/>
  </r>
  <r>
    <d v="2016-02-25T00:00:00"/>
    <x v="1"/>
    <x v="2"/>
    <x v="664"/>
    <x v="10"/>
    <x v="0"/>
    <x v="10"/>
    <s v="Staple envelope"/>
    <n v="46.72"/>
    <n v="5"/>
    <n v="17.52"/>
  </r>
  <r>
    <d v="2016-02-27T00:00:00"/>
    <x v="1"/>
    <x v="2"/>
    <x v="275"/>
    <x v="20"/>
    <x v="0"/>
    <x v="12"/>
    <s v="Conquest 14 Commercial Heavy-Duty Upright Vacuum, Collection System, Accessory Kit"/>
    <n v="170.88"/>
    <n v="3"/>
    <n v="49.56"/>
  </r>
  <r>
    <d v="2016-02-27T00:00:00"/>
    <x v="1"/>
    <x v="2"/>
    <x v="34"/>
    <x v="21"/>
    <x v="0"/>
    <x v="3"/>
    <s v="Flexible Leather- Look Classic Collection Ring Binder"/>
    <n v="56.82"/>
    <n v="3"/>
    <n v="28.41"/>
  </r>
  <r>
    <d v="2016-02-27T00:00:00"/>
    <x v="1"/>
    <x v="2"/>
    <x v="738"/>
    <x v="0"/>
    <x v="1"/>
    <x v="8"/>
    <s v="DAX Two-Tone Silver Metal Document Frame"/>
    <n v="16.190000000000001"/>
    <n v="2"/>
    <n v="-6.88"/>
  </r>
  <r>
    <d v="2016-02-28T00:00:00"/>
    <x v="1"/>
    <x v="2"/>
    <x v="390"/>
    <x v="20"/>
    <x v="0"/>
    <x v="7"/>
    <s v="Staples"/>
    <n v="36.479999999999997"/>
    <n v="6"/>
    <n v="18.239999999999998"/>
  </r>
  <r>
    <d v="2016-02-29T00:00:00"/>
    <x v="1"/>
    <x v="2"/>
    <x v="641"/>
    <x v="10"/>
    <x v="0"/>
    <x v="4"/>
    <s v="Newell 34"/>
    <n v="111.1"/>
    <n v="7"/>
    <n v="8.33"/>
  </r>
  <r>
    <d v="2016-03-01T00:00:00"/>
    <x v="2"/>
    <x v="2"/>
    <x v="502"/>
    <x v="20"/>
    <x v="1"/>
    <x v="13"/>
    <s v="Chromcraft Round Conference Tables"/>
    <n v="836.59"/>
    <n v="8"/>
    <n v="-264.92"/>
  </r>
  <r>
    <d v="2016-03-01T00:00:00"/>
    <x v="2"/>
    <x v="2"/>
    <x v="502"/>
    <x v="20"/>
    <x v="0"/>
    <x v="0"/>
    <s v="Easy-staple paper"/>
    <n v="26.38"/>
    <n v="1"/>
    <n v="12.13"/>
  </r>
  <r>
    <d v="2016-03-01T00:00:00"/>
    <x v="2"/>
    <x v="2"/>
    <x v="502"/>
    <x v="20"/>
    <x v="0"/>
    <x v="2"/>
    <s v="Adjustable Depth Letter/Legal Cart"/>
    <n v="362.92"/>
    <n v="2"/>
    <n v="105.25"/>
  </r>
  <r>
    <d v="2016-03-01T00:00:00"/>
    <x v="2"/>
    <x v="2"/>
    <x v="502"/>
    <x v="20"/>
    <x v="2"/>
    <x v="15"/>
    <s v="Ativa V4110MDD Micro-Cut Shredder"/>
    <n v="4899.93"/>
    <n v="7"/>
    <n v="2400.9699999999998"/>
  </r>
  <r>
    <d v="2016-03-01T00:00:00"/>
    <x v="2"/>
    <x v="2"/>
    <x v="402"/>
    <x v="26"/>
    <x v="2"/>
    <x v="6"/>
    <s v="RCA ViSYS 25423RE1 Corded phone"/>
    <n v="159.97999999999999"/>
    <n v="2"/>
    <n v="14"/>
  </r>
  <r>
    <d v="2016-03-03T00:00:00"/>
    <x v="2"/>
    <x v="2"/>
    <x v="248"/>
    <x v="7"/>
    <x v="0"/>
    <x v="3"/>
    <s v="GBC ProClick Punch Binding System"/>
    <n v="447.86"/>
    <n v="7"/>
    <n v="219.45"/>
  </r>
  <r>
    <d v="2016-03-03T00:00:00"/>
    <x v="2"/>
    <x v="2"/>
    <x v="248"/>
    <x v="7"/>
    <x v="2"/>
    <x v="6"/>
    <s v="Pyle PMP37LED"/>
    <n v="479.95"/>
    <n v="5"/>
    <n v="129.59"/>
  </r>
  <r>
    <d v="2016-03-03T00:00:00"/>
    <x v="2"/>
    <x v="2"/>
    <x v="248"/>
    <x v="7"/>
    <x v="0"/>
    <x v="0"/>
    <s v="Xerox 194"/>
    <n v="166.44"/>
    <n v="3"/>
    <n v="79.89"/>
  </r>
  <r>
    <d v="2016-03-03T00:00:00"/>
    <x v="2"/>
    <x v="2"/>
    <x v="739"/>
    <x v="0"/>
    <x v="0"/>
    <x v="0"/>
    <s v="Rediform Wirebound &quot;Phone Memo&quot; Message Book, 11 x 5-3/4"/>
    <n v="42.78"/>
    <n v="7"/>
    <n v="15.51"/>
  </r>
  <r>
    <d v="2016-03-03T00:00:00"/>
    <x v="2"/>
    <x v="2"/>
    <x v="739"/>
    <x v="0"/>
    <x v="1"/>
    <x v="5"/>
    <s v="Office Star - Mid Back Dual function Ergonomic High Back Chair with 2-Way Adjustable Arms"/>
    <n v="563.42999999999995"/>
    <n v="5"/>
    <n v="-56.34"/>
  </r>
  <r>
    <d v="2016-03-03T00:00:00"/>
    <x v="2"/>
    <x v="2"/>
    <x v="583"/>
    <x v="18"/>
    <x v="2"/>
    <x v="6"/>
    <s v="Plantronics Encore H101 Dual EarpiecesÂ Headset"/>
    <n v="134.85"/>
    <n v="3"/>
    <n v="37.76"/>
  </r>
  <r>
    <d v="2016-03-03T00:00:00"/>
    <x v="2"/>
    <x v="2"/>
    <x v="393"/>
    <x v="0"/>
    <x v="1"/>
    <x v="13"/>
    <s v="Office Impressions End Table, 20-1/2&quot;H x 24&quot;W x 20&quot;D"/>
    <n v="637.9"/>
    <n v="3"/>
    <n v="-127.58"/>
  </r>
  <r>
    <d v="2016-03-03T00:00:00"/>
    <x v="2"/>
    <x v="2"/>
    <x v="393"/>
    <x v="0"/>
    <x v="2"/>
    <x v="15"/>
    <s v="Canon PC170 Desktop Personal Copier"/>
    <n v="287.91000000000003"/>
    <n v="3"/>
    <n v="33.590000000000003"/>
  </r>
  <r>
    <d v="2016-03-03T00:00:00"/>
    <x v="2"/>
    <x v="2"/>
    <x v="393"/>
    <x v="0"/>
    <x v="0"/>
    <x v="10"/>
    <s v="White Envelopes, White Envelopes with Clear Poly Window"/>
    <n v="36.6"/>
    <n v="3"/>
    <n v="11.9"/>
  </r>
  <r>
    <d v="2016-03-03T00:00:00"/>
    <x v="2"/>
    <x v="2"/>
    <x v="161"/>
    <x v="3"/>
    <x v="0"/>
    <x v="14"/>
    <s v="Elite 5&quot; Scissors"/>
    <n v="25.35"/>
    <n v="3"/>
    <n v="7.61"/>
  </r>
  <r>
    <d v="2016-03-03T00:00:00"/>
    <x v="2"/>
    <x v="2"/>
    <x v="161"/>
    <x v="3"/>
    <x v="1"/>
    <x v="8"/>
    <s v="Executive Impressions 10&quot; Spectator Wall Clock"/>
    <n v="35.28"/>
    <n v="3"/>
    <n v="12"/>
  </r>
  <r>
    <d v="2016-03-03T00:00:00"/>
    <x v="2"/>
    <x v="2"/>
    <x v="116"/>
    <x v="0"/>
    <x v="0"/>
    <x v="14"/>
    <s v="High Speed Automatic Electric Letter Opener"/>
    <n v="3930.07"/>
    <n v="3"/>
    <n v="-786.01"/>
  </r>
  <r>
    <d v="2016-03-03T00:00:00"/>
    <x v="2"/>
    <x v="2"/>
    <x v="116"/>
    <x v="0"/>
    <x v="0"/>
    <x v="7"/>
    <s v="Acco Banker's Clasps, 5 3/4&quot;-Long"/>
    <n v="2.2999999999999998"/>
    <n v="1"/>
    <n v="0.78"/>
  </r>
  <r>
    <d v="2016-03-03T00:00:00"/>
    <x v="2"/>
    <x v="2"/>
    <x v="116"/>
    <x v="0"/>
    <x v="2"/>
    <x v="6"/>
    <s v="Polycom VVX 310 VoIP phone"/>
    <n v="431.98"/>
    <n v="3"/>
    <n v="32.4"/>
  </r>
  <r>
    <d v="2016-03-03T00:00:00"/>
    <x v="2"/>
    <x v="2"/>
    <x v="116"/>
    <x v="0"/>
    <x v="2"/>
    <x v="9"/>
    <s v="Verbatim 25 GB 6x Blu-ray Single Layer Recordable Disc, 1/Pack"/>
    <n v="41.72"/>
    <n v="7"/>
    <n v="5.74"/>
  </r>
  <r>
    <d v="2016-03-04T00:00:00"/>
    <x v="2"/>
    <x v="2"/>
    <x v="588"/>
    <x v="3"/>
    <x v="0"/>
    <x v="4"/>
    <s v="Berol Giant Pencil Sharpener"/>
    <n v="16.989999999999998"/>
    <n v="1"/>
    <n v="4.93"/>
  </r>
  <r>
    <d v="2016-03-04T00:00:00"/>
    <x v="2"/>
    <x v="2"/>
    <x v="211"/>
    <x v="16"/>
    <x v="0"/>
    <x v="1"/>
    <s v="Avery 518"/>
    <n v="10.08"/>
    <n v="4"/>
    <n v="3.53"/>
  </r>
  <r>
    <d v="2016-03-04T00:00:00"/>
    <x v="2"/>
    <x v="2"/>
    <x v="247"/>
    <x v="18"/>
    <x v="0"/>
    <x v="3"/>
    <s v="Green Canvas Binder for 8-1/2&quot; x 14&quot; Sheets"/>
    <n v="128.4"/>
    <n v="3"/>
    <n v="64.2"/>
  </r>
  <r>
    <d v="2016-03-04T00:00:00"/>
    <x v="2"/>
    <x v="2"/>
    <x v="654"/>
    <x v="38"/>
    <x v="2"/>
    <x v="9"/>
    <s v="Logitech G602 Wireless Gaming Mouse"/>
    <n v="159.97999999999999"/>
    <n v="2"/>
    <n v="57.59"/>
  </r>
  <r>
    <d v="2016-03-05T00:00:00"/>
    <x v="2"/>
    <x v="2"/>
    <x v="274"/>
    <x v="0"/>
    <x v="0"/>
    <x v="10"/>
    <s v="Cameo Buff Policy Envelopes"/>
    <n v="149.35"/>
    <n v="3"/>
    <n v="50.41"/>
  </r>
  <r>
    <d v="2016-03-05T00:00:00"/>
    <x v="2"/>
    <x v="2"/>
    <x v="274"/>
    <x v="0"/>
    <x v="0"/>
    <x v="2"/>
    <s v="Acco Perma 4000 Stacking Storage Drawers"/>
    <n v="12.99"/>
    <n v="1"/>
    <n v="-0.81"/>
  </r>
  <r>
    <d v="2016-03-06T00:00:00"/>
    <x v="2"/>
    <x v="2"/>
    <x v="640"/>
    <x v="2"/>
    <x v="2"/>
    <x v="6"/>
    <s v="Wilson SignalBoost 841262 DB PRO Amplifier Kit"/>
    <n v="431.94"/>
    <n v="2"/>
    <n v="-71.989999999999995"/>
  </r>
  <r>
    <d v="2016-03-06T00:00:00"/>
    <x v="2"/>
    <x v="2"/>
    <x v="640"/>
    <x v="2"/>
    <x v="0"/>
    <x v="3"/>
    <s v="Avery Self-Adhesive Photo Pockets for Polaroid Photos"/>
    <n v="2.04"/>
    <n v="1"/>
    <n v="-1.5"/>
  </r>
  <r>
    <d v="2016-03-06T00:00:00"/>
    <x v="2"/>
    <x v="2"/>
    <x v="640"/>
    <x v="2"/>
    <x v="2"/>
    <x v="6"/>
    <s v="Grandstream GXP1160 VoIP phone"/>
    <n v="68.239999999999995"/>
    <n v="3"/>
    <n v="-12.51"/>
  </r>
  <r>
    <d v="2016-03-06T00:00:00"/>
    <x v="2"/>
    <x v="2"/>
    <x v="641"/>
    <x v="1"/>
    <x v="0"/>
    <x v="12"/>
    <s v="Commercial WindTunnel Clean Air Upright Vacuum, Replacement Belts, Filtration Bags"/>
    <n v="2.33"/>
    <n v="3"/>
    <n v="-6.3"/>
  </r>
  <r>
    <d v="2016-03-06T00:00:00"/>
    <x v="2"/>
    <x v="2"/>
    <x v="641"/>
    <x v="1"/>
    <x v="0"/>
    <x v="3"/>
    <s v="Peel &amp; Stick Add-On Corner Pockets"/>
    <n v="1.73"/>
    <n v="4"/>
    <n v="-2.76"/>
  </r>
  <r>
    <d v="2016-03-06T00:00:00"/>
    <x v="2"/>
    <x v="2"/>
    <x v="641"/>
    <x v="1"/>
    <x v="1"/>
    <x v="8"/>
    <s v="Eldon Cleatmat Plus Chair Mats for High Pile Carpets"/>
    <n v="159.04"/>
    <n v="5"/>
    <n v="-194.82"/>
  </r>
  <r>
    <d v="2016-03-06T00:00:00"/>
    <x v="2"/>
    <x v="2"/>
    <x v="641"/>
    <x v="1"/>
    <x v="1"/>
    <x v="13"/>
    <s v="Bevis Rectangular Conference Tables"/>
    <n v="145.97999999999999"/>
    <n v="2"/>
    <n v="-99.27"/>
  </r>
  <r>
    <d v="2016-03-07T00:00:00"/>
    <x v="2"/>
    <x v="2"/>
    <x v="290"/>
    <x v="0"/>
    <x v="2"/>
    <x v="6"/>
    <s v="Belkin Grip Candy Sheer Case / Cover for iPhone 5 and 5S"/>
    <n v="21.07"/>
    <n v="3"/>
    <n v="1.58"/>
  </r>
  <r>
    <d v="2016-03-08T00:00:00"/>
    <x v="2"/>
    <x v="2"/>
    <x v="456"/>
    <x v="16"/>
    <x v="2"/>
    <x v="6"/>
    <s v="Cisco Unified IP Phone 7945G VoIP phone"/>
    <n v="1363.96"/>
    <n v="5"/>
    <n v="85.25"/>
  </r>
  <r>
    <d v="2016-03-08T00:00:00"/>
    <x v="2"/>
    <x v="2"/>
    <x v="456"/>
    <x v="16"/>
    <x v="1"/>
    <x v="8"/>
    <s v="Deflect-o DuraMat Lighweight, Studded, Beveled Mat for Low Pile Carpeting"/>
    <n v="102.36"/>
    <n v="3"/>
    <n v="-3.84"/>
  </r>
  <r>
    <d v="2016-03-08T00:00:00"/>
    <x v="2"/>
    <x v="2"/>
    <x v="190"/>
    <x v="12"/>
    <x v="0"/>
    <x v="3"/>
    <s v="GBC Standard Recycled Report Covers, Clear Plastic Sheets"/>
    <n v="9.6999999999999993"/>
    <n v="3"/>
    <n v="-7.11"/>
  </r>
  <r>
    <d v="2016-03-08T00:00:00"/>
    <x v="2"/>
    <x v="2"/>
    <x v="280"/>
    <x v="2"/>
    <x v="2"/>
    <x v="6"/>
    <s v="AT&amp;T 17929 Lendline Telephone"/>
    <n v="108.58"/>
    <n v="4"/>
    <n v="-25.33"/>
  </r>
  <r>
    <d v="2016-03-08T00:00:00"/>
    <x v="2"/>
    <x v="2"/>
    <x v="280"/>
    <x v="2"/>
    <x v="0"/>
    <x v="7"/>
    <s v="Rubber Band Ball"/>
    <n v="5.98"/>
    <n v="2"/>
    <n v="-1.35"/>
  </r>
  <r>
    <d v="2016-03-08T00:00:00"/>
    <x v="2"/>
    <x v="2"/>
    <x v="656"/>
    <x v="20"/>
    <x v="1"/>
    <x v="8"/>
    <s v="Coloredge Poster Frame"/>
    <n v="113.6"/>
    <n v="8"/>
    <n v="44.3"/>
  </r>
  <r>
    <d v="2016-03-08T00:00:00"/>
    <x v="2"/>
    <x v="2"/>
    <x v="656"/>
    <x v="20"/>
    <x v="0"/>
    <x v="0"/>
    <s v="Xerox 1993"/>
    <n v="12.96"/>
    <n v="2"/>
    <n v="6.35"/>
  </r>
  <r>
    <d v="2016-03-08T00:00:00"/>
    <x v="2"/>
    <x v="2"/>
    <x v="656"/>
    <x v="20"/>
    <x v="0"/>
    <x v="3"/>
    <s v="Satellite Sectional Post Binders"/>
    <n v="69.459999999999994"/>
    <n v="2"/>
    <n v="22.57"/>
  </r>
  <r>
    <d v="2016-03-08T00:00:00"/>
    <x v="2"/>
    <x v="2"/>
    <x v="694"/>
    <x v="0"/>
    <x v="0"/>
    <x v="3"/>
    <s v="Pressboard Hanging Data Binders for Unburst Sheets"/>
    <n v="8.86"/>
    <n v="9"/>
    <n v="-14.17"/>
  </r>
  <r>
    <d v="2016-03-08T00:00:00"/>
    <x v="2"/>
    <x v="2"/>
    <x v="694"/>
    <x v="0"/>
    <x v="2"/>
    <x v="9"/>
    <s v="Verbatim 25 GB 6x Blu-ray Single Layer Recordable Disc, 3/Pack"/>
    <n v="27.96"/>
    <n v="5"/>
    <n v="8.39"/>
  </r>
  <r>
    <d v="2016-03-08T00:00:00"/>
    <x v="2"/>
    <x v="2"/>
    <x v="694"/>
    <x v="0"/>
    <x v="0"/>
    <x v="10"/>
    <s v="Tyvek Interoffice Envelopes, 9 1/2&quot; x 12 1/2&quot;, 100/Box"/>
    <n v="146.35"/>
    <n v="3"/>
    <n v="49.39"/>
  </r>
  <r>
    <d v="2016-03-08T00:00:00"/>
    <x v="2"/>
    <x v="2"/>
    <x v="153"/>
    <x v="14"/>
    <x v="0"/>
    <x v="12"/>
    <s v="Honeywell Enviracaire Portable Air Cleaner for up to 8 x 10 Room"/>
    <n v="207.14"/>
    <n v="3"/>
    <n v="48.33"/>
  </r>
  <r>
    <d v="2016-03-08T00:00:00"/>
    <x v="2"/>
    <x v="2"/>
    <x v="153"/>
    <x v="14"/>
    <x v="0"/>
    <x v="4"/>
    <s v="Prang Drawing Pencil Set"/>
    <n v="13.9"/>
    <n v="5"/>
    <n v="3.75"/>
  </r>
  <r>
    <d v="2016-03-09T00:00:00"/>
    <x v="2"/>
    <x v="2"/>
    <x v="81"/>
    <x v="37"/>
    <x v="2"/>
    <x v="9"/>
    <s v="Microsoft Sculpt Comfort Mouse"/>
    <n v="199.75"/>
    <n v="5"/>
    <n v="87.89"/>
  </r>
  <r>
    <d v="2016-03-09T00:00:00"/>
    <x v="2"/>
    <x v="2"/>
    <x v="255"/>
    <x v="32"/>
    <x v="0"/>
    <x v="2"/>
    <s v="Personal Folder Holder, Ebony"/>
    <n v="11.21"/>
    <n v="1"/>
    <n v="3.36"/>
  </r>
  <r>
    <d v="2016-03-09T00:00:00"/>
    <x v="2"/>
    <x v="2"/>
    <x v="255"/>
    <x v="32"/>
    <x v="1"/>
    <x v="5"/>
    <s v="Situations Contoured Folding Chairs, 4/Set"/>
    <n v="354.9"/>
    <n v="5"/>
    <n v="88.73"/>
  </r>
  <r>
    <d v="2016-03-09T00:00:00"/>
    <x v="2"/>
    <x v="2"/>
    <x v="255"/>
    <x v="32"/>
    <x v="0"/>
    <x v="0"/>
    <s v="Xerox 193"/>
    <n v="17.940000000000001"/>
    <n v="3"/>
    <n v="8.7899999999999991"/>
  </r>
  <r>
    <d v="2016-03-09T00:00:00"/>
    <x v="2"/>
    <x v="2"/>
    <x v="255"/>
    <x v="32"/>
    <x v="0"/>
    <x v="3"/>
    <s v="GBC Binding covers"/>
    <n v="51.8"/>
    <n v="4"/>
    <n v="23.31"/>
  </r>
  <r>
    <d v="2016-03-10T00:00:00"/>
    <x v="2"/>
    <x v="2"/>
    <x v="740"/>
    <x v="20"/>
    <x v="1"/>
    <x v="11"/>
    <s v="O'Sullivan Living Dimensions 5-Shelf Bookcases"/>
    <n v="176.78"/>
    <n v="1"/>
    <n v="-22.1"/>
  </r>
  <r>
    <d v="2016-03-10T00:00:00"/>
    <x v="2"/>
    <x v="2"/>
    <x v="741"/>
    <x v="2"/>
    <x v="2"/>
    <x v="9"/>
    <s v="Plantronics Audio 478 Stereo USB Headset"/>
    <n v="39.99"/>
    <n v="1"/>
    <n v="7.5"/>
  </r>
  <r>
    <d v="2016-03-10T00:00:00"/>
    <x v="2"/>
    <x v="2"/>
    <x v="432"/>
    <x v="3"/>
    <x v="0"/>
    <x v="0"/>
    <s v="Rediform Voice Mail Log Books"/>
    <n v="14.9"/>
    <n v="5"/>
    <n v="7.15"/>
  </r>
  <r>
    <d v="2016-03-10T00:00:00"/>
    <x v="2"/>
    <x v="2"/>
    <x v="432"/>
    <x v="3"/>
    <x v="2"/>
    <x v="6"/>
    <s v="Apple iPhone 5"/>
    <n v="4158.91"/>
    <n v="8"/>
    <n v="363.9"/>
  </r>
  <r>
    <d v="2016-03-10T00:00:00"/>
    <x v="2"/>
    <x v="2"/>
    <x v="511"/>
    <x v="3"/>
    <x v="2"/>
    <x v="9"/>
    <s v="Kingston Digital DataTraveler 16GB USB 2.0"/>
    <n v="26.85"/>
    <n v="3"/>
    <n v="5.0999999999999996"/>
  </r>
  <r>
    <d v="2016-03-10T00:00:00"/>
    <x v="2"/>
    <x v="2"/>
    <x v="511"/>
    <x v="3"/>
    <x v="2"/>
    <x v="15"/>
    <s v="Okidata MB760 Printer"/>
    <n v="3357.6"/>
    <n v="3"/>
    <n v="377.73"/>
  </r>
  <r>
    <d v="2016-03-10T00:00:00"/>
    <x v="2"/>
    <x v="2"/>
    <x v="223"/>
    <x v="12"/>
    <x v="0"/>
    <x v="2"/>
    <s v="Mini 13-1/2 Capacity Data Binder Rack, Pearl"/>
    <n v="104.7"/>
    <n v="1"/>
    <n v="6.54"/>
  </r>
  <r>
    <d v="2016-03-11T00:00:00"/>
    <x v="2"/>
    <x v="2"/>
    <x v="402"/>
    <x v="28"/>
    <x v="2"/>
    <x v="9"/>
    <s v="Verbatim 25 GB 6x Blu-ray Single Layer Recordable Disc, 25/Pack"/>
    <n v="45.98"/>
    <n v="2"/>
    <n v="19.77"/>
  </r>
  <r>
    <d v="2016-03-11T00:00:00"/>
    <x v="2"/>
    <x v="2"/>
    <x v="402"/>
    <x v="28"/>
    <x v="0"/>
    <x v="3"/>
    <s v="Wilson Jones Leather-Like Binders with DublLock Round Rings"/>
    <n v="17.46"/>
    <n v="2"/>
    <n v="8.2100000000000009"/>
  </r>
  <r>
    <d v="2016-03-11T00:00:00"/>
    <x v="2"/>
    <x v="2"/>
    <x v="2"/>
    <x v="23"/>
    <x v="1"/>
    <x v="13"/>
    <s v="Chromcraft Round Conference Tables"/>
    <n v="244.01"/>
    <n v="2"/>
    <n v="-31.37"/>
  </r>
  <r>
    <d v="2016-03-11T00:00:00"/>
    <x v="2"/>
    <x v="2"/>
    <x v="425"/>
    <x v="4"/>
    <x v="1"/>
    <x v="8"/>
    <s v="Executive Impressions 13&quot; Clairmont Wall Clock"/>
    <n v="76.92"/>
    <n v="4"/>
    <n v="31.54"/>
  </r>
  <r>
    <d v="2016-03-11T00:00:00"/>
    <x v="2"/>
    <x v="2"/>
    <x v="425"/>
    <x v="4"/>
    <x v="0"/>
    <x v="2"/>
    <s v="Iceberg Mobile Mega Data/Printer Cart"/>
    <n v="481.32"/>
    <n v="4"/>
    <n v="125.14"/>
  </r>
  <r>
    <d v="2016-03-11T00:00:00"/>
    <x v="2"/>
    <x v="2"/>
    <x v="730"/>
    <x v="2"/>
    <x v="1"/>
    <x v="8"/>
    <s v="DAX Charcoal/Nickel-Tone Document Frame, 5 x 7"/>
    <n v="30.34"/>
    <n v="4"/>
    <n v="9.48"/>
  </r>
  <r>
    <d v="2016-03-12T00:00:00"/>
    <x v="2"/>
    <x v="2"/>
    <x v="411"/>
    <x v="8"/>
    <x v="0"/>
    <x v="0"/>
    <s v="Xerox 218"/>
    <n v="12.96"/>
    <n v="2"/>
    <n v="6.22"/>
  </r>
  <r>
    <d v="2016-03-12T00:00:00"/>
    <x v="2"/>
    <x v="2"/>
    <x v="584"/>
    <x v="20"/>
    <x v="0"/>
    <x v="10"/>
    <s v="Staple envelope"/>
    <n v="29.34"/>
    <n v="3"/>
    <n v="13.5"/>
  </r>
  <r>
    <d v="2016-03-12T00:00:00"/>
    <x v="2"/>
    <x v="2"/>
    <x v="78"/>
    <x v="3"/>
    <x v="0"/>
    <x v="2"/>
    <s v="Tennsco Stur-D-Stor Boltless Shelving, 5 Shelves, 24&quot; Deep, Sand"/>
    <n v="676.55"/>
    <n v="5"/>
    <n v="6.77"/>
  </r>
  <r>
    <d v="2016-03-12T00:00:00"/>
    <x v="2"/>
    <x v="2"/>
    <x v="78"/>
    <x v="3"/>
    <x v="0"/>
    <x v="12"/>
    <s v="Euro-Pro Shark Turbo Vacuum"/>
    <n v="154.9"/>
    <n v="5"/>
    <n v="40.270000000000003"/>
  </r>
  <r>
    <d v="2016-03-12T00:00:00"/>
    <x v="2"/>
    <x v="2"/>
    <x v="78"/>
    <x v="3"/>
    <x v="0"/>
    <x v="10"/>
    <s v="Security-Tint Envelopes"/>
    <n v="30.56"/>
    <n v="4"/>
    <n v="14.97"/>
  </r>
  <r>
    <d v="2016-03-12T00:00:00"/>
    <x v="2"/>
    <x v="2"/>
    <x v="78"/>
    <x v="3"/>
    <x v="1"/>
    <x v="5"/>
    <s v="Hon 4070 Series Pagoda Round Back Stacking Chairs"/>
    <n v="770.35"/>
    <n v="3"/>
    <n v="77.040000000000006"/>
  </r>
  <r>
    <d v="2016-03-12T00:00:00"/>
    <x v="2"/>
    <x v="2"/>
    <x v="308"/>
    <x v="3"/>
    <x v="0"/>
    <x v="0"/>
    <s v="Hammermill Color Copier Paper (28Lb. and 96 Bright)"/>
    <n v="19.98"/>
    <n v="2"/>
    <n v="8.99"/>
  </r>
  <r>
    <d v="2016-03-13T00:00:00"/>
    <x v="2"/>
    <x v="2"/>
    <x v="581"/>
    <x v="12"/>
    <x v="0"/>
    <x v="12"/>
    <s v="Belkin 7 Outlet SurgeMaster Surge Protector with Phone Protection"/>
    <n v="157.91999999999999"/>
    <n v="5"/>
    <n v="17.77"/>
  </r>
  <r>
    <d v="2016-03-13T00:00:00"/>
    <x v="2"/>
    <x v="2"/>
    <x v="581"/>
    <x v="12"/>
    <x v="2"/>
    <x v="6"/>
    <s v="Jabra BIZ 2300 Duo QD Duo CordedÂ Headset"/>
    <n v="203.18"/>
    <n v="2"/>
    <n v="15.24"/>
  </r>
  <r>
    <d v="2016-03-13T00:00:00"/>
    <x v="2"/>
    <x v="2"/>
    <x v="235"/>
    <x v="0"/>
    <x v="0"/>
    <x v="0"/>
    <s v="TOPS Carbonless Receipt Book, Four 2-3/4 x 7-1/4 Money Receipts per Page"/>
    <n v="70.08"/>
    <n v="5"/>
    <n v="24.53"/>
  </r>
  <r>
    <d v="2016-03-13T00:00:00"/>
    <x v="2"/>
    <x v="2"/>
    <x v="235"/>
    <x v="0"/>
    <x v="0"/>
    <x v="3"/>
    <s v="Insertable Tab Indexes For Data Binders"/>
    <n v="1.27"/>
    <n v="2"/>
    <n v="-2.16"/>
  </r>
  <r>
    <d v="2016-03-13T00:00:00"/>
    <x v="2"/>
    <x v="2"/>
    <x v="235"/>
    <x v="0"/>
    <x v="1"/>
    <x v="13"/>
    <s v="Hon Non-Folding Utility Tables"/>
    <n v="557.59"/>
    <n v="5"/>
    <n v="0"/>
  </r>
  <r>
    <d v="2016-03-13T00:00:00"/>
    <x v="2"/>
    <x v="2"/>
    <x v="692"/>
    <x v="6"/>
    <x v="1"/>
    <x v="8"/>
    <s v="Howard Miller 14-1/2&quot; Diameter Chrome Round Wall Clock"/>
    <n v="127.88"/>
    <n v="2"/>
    <n v="40.92"/>
  </r>
  <r>
    <d v="2016-03-13T00:00:00"/>
    <x v="2"/>
    <x v="2"/>
    <x v="692"/>
    <x v="6"/>
    <x v="0"/>
    <x v="12"/>
    <s v="Eureka The Boss Lite 10-Amp Upright Vacuum, Blue"/>
    <n v="160.32"/>
    <n v="2"/>
    <n v="44.89"/>
  </r>
  <r>
    <d v="2016-03-13T00:00:00"/>
    <x v="2"/>
    <x v="2"/>
    <x v="692"/>
    <x v="6"/>
    <x v="0"/>
    <x v="3"/>
    <s v="Ibico Covers for Plastic or Wire Binding Elements"/>
    <n v="46"/>
    <n v="4"/>
    <n v="20.7"/>
  </r>
  <r>
    <d v="2016-03-13T00:00:00"/>
    <x v="2"/>
    <x v="2"/>
    <x v="150"/>
    <x v="3"/>
    <x v="1"/>
    <x v="8"/>
    <s v="Westinghouse Mesh Shade Clip-On Gooseneck Lamp, Black"/>
    <n v="28.28"/>
    <n v="2"/>
    <n v="7.35"/>
  </r>
  <r>
    <d v="2016-03-13T00:00:00"/>
    <x v="2"/>
    <x v="2"/>
    <x v="150"/>
    <x v="3"/>
    <x v="0"/>
    <x v="14"/>
    <s v="High Speed Automatic Electric Letter Opener"/>
    <n v="4912.59"/>
    <n v="3"/>
    <n v="196.5"/>
  </r>
  <r>
    <d v="2016-03-13T00:00:00"/>
    <x v="2"/>
    <x v="2"/>
    <x v="660"/>
    <x v="2"/>
    <x v="1"/>
    <x v="5"/>
    <s v="SAFCO Arco Folding Chair"/>
    <n v="386.68"/>
    <n v="2"/>
    <n v="-5.52"/>
  </r>
  <r>
    <d v="2016-03-13T00:00:00"/>
    <x v="2"/>
    <x v="2"/>
    <x v="660"/>
    <x v="2"/>
    <x v="2"/>
    <x v="9"/>
    <s v="Kensington Expert Mouse Optical USB Trackball for PC or Mac"/>
    <n v="379.96"/>
    <n v="5"/>
    <n v="47.5"/>
  </r>
  <r>
    <d v="2016-03-13T00:00:00"/>
    <x v="2"/>
    <x v="2"/>
    <x v="660"/>
    <x v="2"/>
    <x v="2"/>
    <x v="6"/>
    <s v="Polycom CX600 IP Phone VoIP phone"/>
    <n v="539.91"/>
    <n v="3"/>
    <n v="-116.98"/>
  </r>
  <r>
    <d v="2016-03-13T00:00:00"/>
    <x v="2"/>
    <x v="2"/>
    <x v="660"/>
    <x v="2"/>
    <x v="0"/>
    <x v="0"/>
    <s v="Speediset Carbonless Redi-Letter 7&quot; x 8 1/2&quot;"/>
    <n v="41.24"/>
    <n v="5"/>
    <n v="13.92"/>
  </r>
  <r>
    <d v="2016-03-13T00:00:00"/>
    <x v="2"/>
    <x v="2"/>
    <x v="660"/>
    <x v="2"/>
    <x v="0"/>
    <x v="3"/>
    <s v="Ibico EB-19 Dual Function Manual Binding System"/>
    <n v="51.9"/>
    <n v="1"/>
    <n v="-41.52"/>
  </r>
  <r>
    <d v="2016-03-13T00:00:00"/>
    <x v="2"/>
    <x v="2"/>
    <x v="660"/>
    <x v="2"/>
    <x v="0"/>
    <x v="2"/>
    <s v="SAFCO Commercial Wire Shelving, Black"/>
    <n v="552.55999999999995"/>
    <n v="5"/>
    <n v="-138.13999999999999"/>
  </r>
  <r>
    <d v="2016-03-13T00:00:00"/>
    <x v="2"/>
    <x v="2"/>
    <x v="660"/>
    <x v="2"/>
    <x v="0"/>
    <x v="3"/>
    <s v="GBC VeloBind Cover Sets"/>
    <n v="23.16"/>
    <n v="5"/>
    <n v="-15.44"/>
  </r>
  <r>
    <d v="2016-03-13T00:00:00"/>
    <x v="2"/>
    <x v="2"/>
    <x v="660"/>
    <x v="2"/>
    <x v="0"/>
    <x v="2"/>
    <s v="Space Solutions Industrial Galvanized Steel Shelving."/>
    <n v="126.08"/>
    <n v="2"/>
    <n v="-28.37"/>
  </r>
  <r>
    <d v="2016-03-13T00:00:00"/>
    <x v="2"/>
    <x v="2"/>
    <x v="660"/>
    <x v="2"/>
    <x v="2"/>
    <x v="15"/>
    <s v="Okidata MB491 Multifunction Printer"/>
    <n v="449.1"/>
    <n v="3"/>
    <n v="-643.71"/>
  </r>
  <r>
    <d v="2016-03-13T00:00:00"/>
    <x v="2"/>
    <x v="2"/>
    <x v="524"/>
    <x v="3"/>
    <x v="0"/>
    <x v="3"/>
    <s v="Cardinal EasyOpen D-Ring Binders"/>
    <n v="51.18"/>
    <n v="7"/>
    <n v="19.190000000000001"/>
  </r>
  <r>
    <d v="2016-03-14T00:00:00"/>
    <x v="2"/>
    <x v="2"/>
    <x v="742"/>
    <x v="10"/>
    <x v="1"/>
    <x v="8"/>
    <s v="Advantus Panel Wall Acrylic Frame"/>
    <n v="21.88"/>
    <n v="5"/>
    <n v="6.29"/>
  </r>
  <r>
    <d v="2016-03-14T00:00:00"/>
    <x v="2"/>
    <x v="2"/>
    <x v="143"/>
    <x v="0"/>
    <x v="1"/>
    <x v="11"/>
    <s v="Safco Value Mate Series Steel Bookcases, Baked Enamel Finish on Steel, Gray"/>
    <n v="241.33"/>
    <n v="5"/>
    <n v="-14.2"/>
  </r>
  <r>
    <d v="2016-03-14T00:00:00"/>
    <x v="2"/>
    <x v="2"/>
    <x v="143"/>
    <x v="0"/>
    <x v="0"/>
    <x v="0"/>
    <s v="Xerox 1993"/>
    <n v="5.18"/>
    <n v="1"/>
    <n v="1.88"/>
  </r>
  <r>
    <d v="2016-03-14T00:00:00"/>
    <x v="2"/>
    <x v="2"/>
    <x v="143"/>
    <x v="0"/>
    <x v="0"/>
    <x v="4"/>
    <s v="BOSTON Ranger #55 Pencil Sharpener, Black"/>
    <n v="145.54"/>
    <n v="7"/>
    <n v="16.37"/>
  </r>
  <r>
    <d v="2016-03-14T00:00:00"/>
    <x v="2"/>
    <x v="2"/>
    <x v="22"/>
    <x v="22"/>
    <x v="1"/>
    <x v="5"/>
    <s v="Global High-Back Leather Tilter, Burgundy"/>
    <n v="196.78"/>
    <n v="2"/>
    <n v="-22.14"/>
  </r>
  <r>
    <d v="2016-03-14T00:00:00"/>
    <x v="2"/>
    <x v="2"/>
    <x v="153"/>
    <x v="3"/>
    <x v="0"/>
    <x v="3"/>
    <s v="Wilson Jones Leather-Like Binders with DublLock Round Rings"/>
    <n v="41.9"/>
    <n v="6"/>
    <n v="14.14"/>
  </r>
  <r>
    <d v="2016-03-14T00:00:00"/>
    <x v="2"/>
    <x v="2"/>
    <x v="457"/>
    <x v="21"/>
    <x v="1"/>
    <x v="8"/>
    <s v="Westinghouse Clip-On Gooseneck Lamps"/>
    <n v="16.739999999999998"/>
    <n v="2"/>
    <n v="4.3499999999999996"/>
  </r>
  <r>
    <d v="2016-03-15T00:00:00"/>
    <x v="2"/>
    <x v="2"/>
    <x v="485"/>
    <x v="2"/>
    <x v="2"/>
    <x v="9"/>
    <s v="V7 USB Numeric Keypad"/>
    <n v="83.98"/>
    <n v="3"/>
    <n v="-13.65"/>
  </r>
  <r>
    <d v="2016-03-15T00:00:00"/>
    <x v="2"/>
    <x v="2"/>
    <x v="452"/>
    <x v="3"/>
    <x v="0"/>
    <x v="3"/>
    <s v="Avery Round Ring Poly Binders"/>
    <n v="4.54"/>
    <n v="2"/>
    <n v="1.65"/>
  </r>
  <r>
    <d v="2016-03-15T00:00:00"/>
    <x v="2"/>
    <x v="2"/>
    <x v="452"/>
    <x v="3"/>
    <x v="1"/>
    <x v="5"/>
    <s v="Global Comet Stacking Arm Chair"/>
    <n v="1352.03"/>
    <n v="4"/>
    <n v="84.5"/>
  </r>
  <r>
    <d v="2016-03-15T00:00:00"/>
    <x v="2"/>
    <x v="2"/>
    <x v="694"/>
    <x v="29"/>
    <x v="0"/>
    <x v="0"/>
    <s v="Xerox 1964"/>
    <n v="319.76"/>
    <n v="14"/>
    <n v="147.09"/>
  </r>
  <r>
    <d v="2016-03-15T00:00:00"/>
    <x v="2"/>
    <x v="2"/>
    <x v="694"/>
    <x v="29"/>
    <x v="0"/>
    <x v="0"/>
    <s v="Xerox 1964"/>
    <n v="45.68"/>
    <n v="2"/>
    <n v="21.01"/>
  </r>
  <r>
    <d v="2016-03-15T00:00:00"/>
    <x v="2"/>
    <x v="2"/>
    <x v="168"/>
    <x v="0"/>
    <x v="1"/>
    <x v="5"/>
    <s v="Novimex Swivel Fabric Task Chair"/>
    <n v="528.42999999999995"/>
    <n v="5"/>
    <n v="-143.43"/>
  </r>
  <r>
    <d v="2016-03-15T00:00:00"/>
    <x v="2"/>
    <x v="2"/>
    <x v="168"/>
    <x v="0"/>
    <x v="0"/>
    <x v="3"/>
    <s v="GBC Pre-Punched Binding Paper, Plastic, White, 8-1/2&quot; x 11&quot;"/>
    <n v="22.39"/>
    <n v="7"/>
    <n v="-35.82"/>
  </r>
  <r>
    <d v="2016-03-17T00:00:00"/>
    <x v="2"/>
    <x v="2"/>
    <x v="349"/>
    <x v="32"/>
    <x v="0"/>
    <x v="4"/>
    <s v="Newell 345"/>
    <n v="39.68"/>
    <n v="2"/>
    <n v="10.32"/>
  </r>
  <r>
    <d v="2016-03-17T00:00:00"/>
    <x v="2"/>
    <x v="2"/>
    <x v="98"/>
    <x v="7"/>
    <x v="2"/>
    <x v="6"/>
    <s v="Plantronics Voyager Pro HD - Bluetooth Headset"/>
    <n v="129.97999999999999"/>
    <n v="2"/>
    <n v="62.39"/>
  </r>
  <r>
    <d v="2016-03-17T00:00:00"/>
    <x v="2"/>
    <x v="2"/>
    <x v="98"/>
    <x v="7"/>
    <x v="0"/>
    <x v="3"/>
    <s v="Acco Flexible ACCOHIDE Square Ring Data Binder, Dark Blue, 11 1/2&quot; X 14&quot; 7/8&quot;"/>
    <n v="32.54"/>
    <n v="2"/>
    <n v="15.94"/>
  </r>
  <r>
    <d v="2016-03-17T00:00:00"/>
    <x v="2"/>
    <x v="2"/>
    <x v="333"/>
    <x v="36"/>
    <x v="0"/>
    <x v="10"/>
    <s v="Blue String-Tie &amp; Button Interoffice Envelopes, 10 x 13"/>
    <n v="199.9"/>
    <n v="5"/>
    <n v="89.96"/>
  </r>
  <r>
    <d v="2016-03-17T00:00:00"/>
    <x v="2"/>
    <x v="2"/>
    <x v="333"/>
    <x v="36"/>
    <x v="0"/>
    <x v="12"/>
    <s v="Honeywell Enviracaire Portable HEPA Air Cleaner for 17' x 22' Room"/>
    <n v="901.95"/>
    <n v="3"/>
    <n v="297.64"/>
  </r>
  <r>
    <d v="2016-03-17T00:00:00"/>
    <x v="2"/>
    <x v="2"/>
    <x v="333"/>
    <x v="36"/>
    <x v="1"/>
    <x v="8"/>
    <s v="Electrix Halogen Magnifier Lamp"/>
    <n v="971.5"/>
    <n v="5"/>
    <n v="252.59"/>
  </r>
  <r>
    <d v="2016-03-17T00:00:00"/>
    <x v="2"/>
    <x v="2"/>
    <x v="461"/>
    <x v="3"/>
    <x v="2"/>
    <x v="6"/>
    <s v="i.Sound Portable Power - 8000 mAh"/>
    <n v="84.78"/>
    <n v="2"/>
    <n v="-20.14"/>
  </r>
  <r>
    <d v="2016-03-18T00:00:00"/>
    <x v="2"/>
    <x v="2"/>
    <x v="644"/>
    <x v="15"/>
    <x v="1"/>
    <x v="13"/>
    <s v="Balt Solid Wood Rectangular Table"/>
    <n v="189.88"/>
    <n v="3"/>
    <n v="-94.94"/>
  </r>
  <r>
    <d v="2016-03-18T00:00:00"/>
    <x v="2"/>
    <x v="2"/>
    <x v="56"/>
    <x v="15"/>
    <x v="0"/>
    <x v="12"/>
    <s v="Hoover WindTunnel Plus Canister Vacuum"/>
    <n v="871.8"/>
    <n v="3"/>
    <n v="87.18"/>
  </r>
  <r>
    <d v="2016-03-19T00:00:00"/>
    <x v="2"/>
    <x v="2"/>
    <x v="239"/>
    <x v="26"/>
    <x v="1"/>
    <x v="11"/>
    <s v="Atlantic Metals Mobile 2-Shelf Bookcases, Custom Colors"/>
    <n v="72.290000000000006"/>
    <n v="1"/>
    <n v="-98.8"/>
  </r>
  <r>
    <d v="2016-03-19T00:00:00"/>
    <x v="2"/>
    <x v="2"/>
    <x v="743"/>
    <x v="20"/>
    <x v="1"/>
    <x v="8"/>
    <s v="GE 4 Foot Flourescent Tube, 40 Watt"/>
    <n v="14.98"/>
    <n v="1"/>
    <n v="6.89"/>
  </r>
  <r>
    <d v="2016-03-19T00:00:00"/>
    <x v="2"/>
    <x v="2"/>
    <x v="743"/>
    <x v="20"/>
    <x v="1"/>
    <x v="8"/>
    <s v="Master Caster Door Stop, Brown"/>
    <n v="20.32"/>
    <n v="4"/>
    <n v="6.91"/>
  </r>
  <r>
    <d v="2016-03-19T00:00:00"/>
    <x v="2"/>
    <x v="2"/>
    <x v="369"/>
    <x v="15"/>
    <x v="0"/>
    <x v="3"/>
    <s v="Ibico Recycled Grain-Textured Covers"/>
    <n v="31.09"/>
    <n v="3"/>
    <n v="-20.72"/>
  </r>
  <r>
    <d v="2016-03-20T00:00:00"/>
    <x v="2"/>
    <x v="2"/>
    <x v="456"/>
    <x v="11"/>
    <x v="2"/>
    <x v="6"/>
    <s v="i.Sound Portable Power - 8000 mAh"/>
    <n v="84.78"/>
    <n v="2"/>
    <n v="-20.14"/>
  </r>
  <r>
    <d v="2016-03-20T00:00:00"/>
    <x v="2"/>
    <x v="2"/>
    <x v="456"/>
    <x v="11"/>
    <x v="0"/>
    <x v="0"/>
    <s v="Xerox 225"/>
    <n v="20.74"/>
    <n v="4"/>
    <n v="7.26"/>
  </r>
  <r>
    <d v="2016-03-20T00:00:00"/>
    <x v="2"/>
    <x v="2"/>
    <x v="456"/>
    <x v="11"/>
    <x v="0"/>
    <x v="3"/>
    <s v="Clear Mylar Reinforcing Strips"/>
    <n v="16.82"/>
    <n v="3"/>
    <n v="-12.9"/>
  </r>
  <r>
    <d v="2016-03-20T00:00:00"/>
    <x v="2"/>
    <x v="2"/>
    <x v="456"/>
    <x v="11"/>
    <x v="0"/>
    <x v="0"/>
    <s v="Xerox 1894"/>
    <n v="10.37"/>
    <n v="2"/>
    <n v="3.63"/>
  </r>
  <r>
    <d v="2016-03-20T00:00:00"/>
    <x v="2"/>
    <x v="2"/>
    <x v="510"/>
    <x v="1"/>
    <x v="2"/>
    <x v="6"/>
    <s v="Belkin iPhone and iPad Lightning Cable"/>
    <n v="11.99"/>
    <n v="1"/>
    <n v="0.9"/>
  </r>
  <r>
    <d v="2016-03-20T00:00:00"/>
    <x v="2"/>
    <x v="2"/>
    <x v="629"/>
    <x v="24"/>
    <x v="1"/>
    <x v="13"/>
    <s v="Chromcraft Round Conference Tables"/>
    <n v="697.16"/>
    <n v="4"/>
    <n v="146.4"/>
  </r>
  <r>
    <d v="2016-03-20T00:00:00"/>
    <x v="2"/>
    <x v="2"/>
    <x v="160"/>
    <x v="29"/>
    <x v="1"/>
    <x v="8"/>
    <s v="Eldon Image Series Desk Accessories, Ebony"/>
    <n v="86.45"/>
    <n v="7"/>
    <n v="38.04"/>
  </r>
  <r>
    <d v="2016-03-21T00:00:00"/>
    <x v="2"/>
    <x v="2"/>
    <x v="388"/>
    <x v="1"/>
    <x v="0"/>
    <x v="3"/>
    <s v="Avery Durable Slant Ring Binders"/>
    <n v="3.17"/>
    <n v="2"/>
    <n v="-4.75"/>
  </r>
  <r>
    <d v="2016-03-21T00:00:00"/>
    <x v="2"/>
    <x v="2"/>
    <x v="388"/>
    <x v="1"/>
    <x v="1"/>
    <x v="5"/>
    <s v="Global Airflow Leather Mesh Back Chair, Black"/>
    <n v="528.42999999999995"/>
    <n v="5"/>
    <n v="0"/>
  </r>
  <r>
    <d v="2016-03-21T00:00:00"/>
    <x v="2"/>
    <x v="2"/>
    <x v="388"/>
    <x v="1"/>
    <x v="0"/>
    <x v="4"/>
    <s v="Newell 33"/>
    <n v="13.39"/>
    <n v="3"/>
    <n v="1.51"/>
  </r>
  <r>
    <d v="2016-03-21T00:00:00"/>
    <x v="2"/>
    <x v="2"/>
    <x v="441"/>
    <x v="0"/>
    <x v="1"/>
    <x v="13"/>
    <s v="Safco Drafting Table"/>
    <n v="99.37"/>
    <n v="2"/>
    <n v="-1.42"/>
  </r>
  <r>
    <d v="2016-03-21T00:00:00"/>
    <x v="2"/>
    <x v="2"/>
    <x v="441"/>
    <x v="0"/>
    <x v="0"/>
    <x v="4"/>
    <s v="Prang Dustless Chalk Sticks"/>
    <n v="1.34"/>
    <n v="1"/>
    <n v="0.5"/>
  </r>
  <r>
    <d v="2016-03-22T00:00:00"/>
    <x v="2"/>
    <x v="2"/>
    <x v="357"/>
    <x v="17"/>
    <x v="2"/>
    <x v="9"/>
    <s v="Logitech ClearChat Comfort/USB Headset H390"/>
    <n v="58.58"/>
    <n v="2"/>
    <n v="19.329999999999998"/>
  </r>
  <r>
    <d v="2016-03-22T00:00:00"/>
    <x v="2"/>
    <x v="2"/>
    <x v="387"/>
    <x v="22"/>
    <x v="1"/>
    <x v="5"/>
    <s v="Global Stack Chair with Arms, Black"/>
    <n v="167.89"/>
    <n v="7"/>
    <n v="14.69"/>
  </r>
  <r>
    <d v="2016-03-24T00:00:00"/>
    <x v="2"/>
    <x v="2"/>
    <x v="696"/>
    <x v="11"/>
    <x v="2"/>
    <x v="6"/>
    <s v="BlackBerry Q10"/>
    <n v="403.17"/>
    <n v="4"/>
    <n v="25.2"/>
  </r>
  <r>
    <d v="2016-03-24T00:00:00"/>
    <x v="2"/>
    <x v="2"/>
    <x v="422"/>
    <x v="18"/>
    <x v="0"/>
    <x v="0"/>
    <s v="Ink Jet Note and Greeting Cards, 8-1/2&quot; x 5-1/2&quot; Card Size"/>
    <n v="22.48"/>
    <n v="1"/>
    <n v="10.34"/>
  </r>
  <r>
    <d v="2016-03-24T00:00:00"/>
    <x v="2"/>
    <x v="2"/>
    <x v="284"/>
    <x v="10"/>
    <x v="1"/>
    <x v="11"/>
    <s v="O'Sullivan Living Dimensions 3-Shelf Bookcases"/>
    <n v="301.47000000000003"/>
    <n v="3"/>
    <n v="-241.18"/>
  </r>
  <r>
    <d v="2016-03-24T00:00:00"/>
    <x v="2"/>
    <x v="2"/>
    <x v="284"/>
    <x v="10"/>
    <x v="0"/>
    <x v="4"/>
    <s v="Hunt BOSTON Vista Battery-Operated Pencil Sharpener, Black"/>
    <n v="18.66"/>
    <n v="2"/>
    <n v="1.63"/>
  </r>
  <r>
    <d v="2016-03-25T00:00:00"/>
    <x v="2"/>
    <x v="2"/>
    <x v="263"/>
    <x v="39"/>
    <x v="2"/>
    <x v="9"/>
    <s v="LogitechÂ P710e Mobile Speakerphone"/>
    <n v="1287.45"/>
    <n v="5"/>
    <n v="244.62"/>
  </r>
  <r>
    <d v="2016-03-25T00:00:00"/>
    <x v="2"/>
    <x v="2"/>
    <x v="105"/>
    <x v="20"/>
    <x v="0"/>
    <x v="4"/>
    <s v="Newell 319"/>
    <n v="59.52"/>
    <n v="3"/>
    <n v="17.86"/>
  </r>
  <r>
    <d v="2016-03-26T00:00:00"/>
    <x v="2"/>
    <x v="2"/>
    <x v="457"/>
    <x v="20"/>
    <x v="0"/>
    <x v="2"/>
    <s v="Gould Plastics 18-Pocket Panel Bin, 34w x 5-1/4d x 20-1/2h"/>
    <n v="459.95"/>
    <n v="5"/>
    <n v="18.399999999999999"/>
  </r>
  <r>
    <d v="2016-03-26T00:00:00"/>
    <x v="2"/>
    <x v="2"/>
    <x v="622"/>
    <x v="25"/>
    <x v="0"/>
    <x v="2"/>
    <s v="Tenex Personal Self-Stacking Standard File Box, Black/Gray"/>
    <n v="67.64"/>
    <n v="5"/>
    <n v="5.92"/>
  </r>
  <r>
    <d v="2016-03-26T00:00:00"/>
    <x v="2"/>
    <x v="2"/>
    <x v="622"/>
    <x v="25"/>
    <x v="2"/>
    <x v="9"/>
    <s v="Case Logic 2.4GHz Wireless Keyboard"/>
    <n v="119.98"/>
    <n v="3"/>
    <n v="-18"/>
  </r>
  <r>
    <d v="2016-03-26T00:00:00"/>
    <x v="2"/>
    <x v="2"/>
    <x v="20"/>
    <x v="34"/>
    <x v="0"/>
    <x v="0"/>
    <s v="Adams Telephone Message Book W/Dividers/Space For Phone Numbers, 5 1/4&quot;X8 1/2&quot;, 300/Messages"/>
    <n v="17.64"/>
    <n v="3"/>
    <n v="8.64"/>
  </r>
  <r>
    <d v="2016-03-26T00:00:00"/>
    <x v="2"/>
    <x v="2"/>
    <x v="20"/>
    <x v="34"/>
    <x v="0"/>
    <x v="3"/>
    <s v="Wilson Jones Hanging View Binder, White, 1&quot;"/>
    <n v="17.04"/>
    <n v="3"/>
    <n v="5.54"/>
  </r>
  <r>
    <d v="2016-03-27T00:00:00"/>
    <x v="2"/>
    <x v="2"/>
    <x v="171"/>
    <x v="4"/>
    <x v="1"/>
    <x v="8"/>
    <s v="DAX Two-Tone Silver Metal Document Frame"/>
    <n v="20.239999999999998"/>
    <n v="1"/>
    <n v="8.6999999999999993"/>
  </r>
  <r>
    <d v="2016-03-27T00:00:00"/>
    <x v="2"/>
    <x v="2"/>
    <x v="171"/>
    <x v="4"/>
    <x v="1"/>
    <x v="8"/>
    <s v="Eldon Expressions Wood and Plastic Desk Accessories, Oak"/>
    <n v="39.92"/>
    <n v="4"/>
    <n v="11.18"/>
  </r>
  <r>
    <d v="2016-03-27T00:00:00"/>
    <x v="2"/>
    <x v="2"/>
    <x v="171"/>
    <x v="4"/>
    <x v="0"/>
    <x v="3"/>
    <s v="Acco Flexible ACCOHIDE Square Ring Data Binder, Dark Blue, 11 1/2&quot; X 14&quot; 7/8&quot;"/>
    <n v="32.54"/>
    <n v="2"/>
    <n v="15.94"/>
  </r>
  <r>
    <d v="2016-03-28T00:00:00"/>
    <x v="2"/>
    <x v="2"/>
    <x v="322"/>
    <x v="6"/>
    <x v="0"/>
    <x v="2"/>
    <s v="Hanging Personal Folder File"/>
    <n v="31.4"/>
    <n v="2"/>
    <n v="7.85"/>
  </r>
  <r>
    <d v="2016-03-28T00:00:00"/>
    <x v="2"/>
    <x v="2"/>
    <x v="393"/>
    <x v="3"/>
    <x v="0"/>
    <x v="2"/>
    <s v="Rogers Deluxe File Chest"/>
    <n v="87.92"/>
    <n v="4"/>
    <n v="0.88"/>
  </r>
  <r>
    <d v="2016-03-28T00:00:00"/>
    <x v="2"/>
    <x v="2"/>
    <x v="393"/>
    <x v="3"/>
    <x v="0"/>
    <x v="0"/>
    <s v="Xerox 1983"/>
    <n v="5.98"/>
    <n v="1"/>
    <n v="2.93"/>
  </r>
  <r>
    <d v="2016-03-29T00:00:00"/>
    <x v="2"/>
    <x v="2"/>
    <x v="5"/>
    <x v="1"/>
    <x v="0"/>
    <x v="0"/>
    <s v="Computer Printout Paper with Letter-Trim Perforations"/>
    <n v="45.53"/>
    <n v="3"/>
    <n v="15.93"/>
  </r>
  <r>
    <d v="2016-03-29T00:00:00"/>
    <x v="2"/>
    <x v="2"/>
    <x v="5"/>
    <x v="1"/>
    <x v="1"/>
    <x v="5"/>
    <s v="Global Leather Highback Executive Chair with Pneumatic Height Adjustment, Black"/>
    <n v="844.12"/>
    <n v="6"/>
    <n v="-36.18"/>
  </r>
  <r>
    <d v="2016-03-29T00:00:00"/>
    <x v="2"/>
    <x v="2"/>
    <x v="5"/>
    <x v="1"/>
    <x v="2"/>
    <x v="6"/>
    <s v="Jabra BIZ 2300 Duo QD Duo CordedÂ Headset"/>
    <n v="812.74"/>
    <n v="8"/>
    <n v="60.96"/>
  </r>
  <r>
    <d v="2016-03-29T00:00:00"/>
    <x v="2"/>
    <x v="2"/>
    <x v="744"/>
    <x v="20"/>
    <x v="0"/>
    <x v="0"/>
    <s v="Memo Book, 100 Message Capacity, 5 3/8Â” x 11Â”"/>
    <n v="13.48"/>
    <n v="2"/>
    <n v="6.74"/>
  </r>
  <r>
    <d v="2016-03-29T00:00:00"/>
    <x v="2"/>
    <x v="2"/>
    <x v="744"/>
    <x v="20"/>
    <x v="0"/>
    <x v="3"/>
    <s v="Acco Four Pocket Poly Ring Binder with Label Holder, Smoke, 1&quot;"/>
    <n v="29.8"/>
    <n v="5"/>
    <n v="9.31"/>
  </r>
  <r>
    <d v="2016-03-29T00:00:00"/>
    <x v="2"/>
    <x v="2"/>
    <x v="744"/>
    <x v="20"/>
    <x v="1"/>
    <x v="8"/>
    <s v="Howard Miller 13-3/4&quot; Diameter Brushed Chrome Round Wall Clock"/>
    <n v="414"/>
    <n v="8"/>
    <n v="124.2"/>
  </r>
  <r>
    <d v="2016-03-29T00:00:00"/>
    <x v="2"/>
    <x v="2"/>
    <x v="744"/>
    <x v="20"/>
    <x v="0"/>
    <x v="3"/>
    <s v="GBC Plastic Binding Combs"/>
    <n v="41.33"/>
    <n v="7"/>
    <n v="14.98"/>
  </r>
  <r>
    <d v="2016-03-29T00:00:00"/>
    <x v="2"/>
    <x v="2"/>
    <x v="47"/>
    <x v="10"/>
    <x v="1"/>
    <x v="11"/>
    <s v="Bush Andora Bookcase, Maple/Graphite Gray Finish"/>
    <n v="299.98"/>
    <n v="5"/>
    <n v="-167.99"/>
  </r>
  <r>
    <d v="2016-03-29T00:00:00"/>
    <x v="2"/>
    <x v="2"/>
    <x v="47"/>
    <x v="10"/>
    <x v="2"/>
    <x v="6"/>
    <s v="Clearsounds A400"/>
    <n v="158.38"/>
    <n v="4"/>
    <n v="-36.950000000000003"/>
  </r>
  <r>
    <d v="2016-03-30T00:00:00"/>
    <x v="2"/>
    <x v="2"/>
    <x v="552"/>
    <x v="37"/>
    <x v="0"/>
    <x v="0"/>
    <s v="Xerox 188"/>
    <n v="11.34"/>
    <n v="1"/>
    <n v="5.56"/>
  </r>
  <r>
    <d v="2016-03-31T00:00:00"/>
    <x v="2"/>
    <x v="2"/>
    <x v="246"/>
    <x v="2"/>
    <x v="2"/>
    <x v="6"/>
    <s v="LG Exalt"/>
    <n v="280.77999999999997"/>
    <n v="3"/>
    <n v="-60.84"/>
  </r>
  <r>
    <d v="2016-03-31T00:00:00"/>
    <x v="2"/>
    <x v="2"/>
    <x v="246"/>
    <x v="2"/>
    <x v="2"/>
    <x v="9"/>
    <s v="Anker Ultra-Slim Mini Bluetooth 3.0 Wireless Keyboard"/>
    <n v="31.98"/>
    <n v="2"/>
    <n v="1.2"/>
  </r>
  <r>
    <d v="2016-03-31T00:00:00"/>
    <x v="2"/>
    <x v="2"/>
    <x v="15"/>
    <x v="20"/>
    <x v="1"/>
    <x v="5"/>
    <s v="Global Value Steno Chair, Gray"/>
    <n v="328"/>
    <n v="6"/>
    <n v="54.67"/>
  </r>
  <r>
    <d v="2016-04-01T00:00:00"/>
    <x v="3"/>
    <x v="2"/>
    <x v="745"/>
    <x v="20"/>
    <x v="0"/>
    <x v="4"/>
    <s v="Newell 345"/>
    <n v="59.52"/>
    <n v="3"/>
    <n v="15.48"/>
  </r>
  <r>
    <d v="2016-04-01T00:00:00"/>
    <x v="3"/>
    <x v="2"/>
    <x v="745"/>
    <x v="20"/>
    <x v="0"/>
    <x v="2"/>
    <s v="Fellowes Bankers Box Recycled Super Stor/Drawer"/>
    <n v="161.94"/>
    <n v="3"/>
    <n v="9.7200000000000006"/>
  </r>
  <r>
    <d v="2016-04-01T00:00:00"/>
    <x v="3"/>
    <x v="2"/>
    <x v="745"/>
    <x v="20"/>
    <x v="0"/>
    <x v="4"/>
    <s v="Boston 1645 Deluxe Heavier-Duty Electric Pencil Sharpener"/>
    <n v="263.88"/>
    <n v="6"/>
    <n v="71.25"/>
  </r>
  <r>
    <d v="2016-04-01T00:00:00"/>
    <x v="3"/>
    <x v="2"/>
    <x v="745"/>
    <x v="20"/>
    <x v="0"/>
    <x v="4"/>
    <s v="50 Colored Long Pencils"/>
    <n v="30.48"/>
    <n v="3"/>
    <n v="7.92"/>
  </r>
  <r>
    <d v="2016-04-01T00:00:00"/>
    <x v="3"/>
    <x v="2"/>
    <x v="745"/>
    <x v="20"/>
    <x v="0"/>
    <x v="4"/>
    <s v="Newell 342"/>
    <n v="9.84"/>
    <n v="3"/>
    <n v="2.85"/>
  </r>
  <r>
    <d v="2016-04-01T00:00:00"/>
    <x v="3"/>
    <x v="2"/>
    <x v="745"/>
    <x v="20"/>
    <x v="2"/>
    <x v="6"/>
    <s v="Belkin Grip Candy Sheer Case / Cover for iPhone 5 and 5S"/>
    <n v="35.119999999999997"/>
    <n v="4"/>
    <n v="9.1300000000000008"/>
  </r>
  <r>
    <d v="2016-04-01T00:00:00"/>
    <x v="3"/>
    <x v="2"/>
    <x v="323"/>
    <x v="12"/>
    <x v="0"/>
    <x v="7"/>
    <s v="Staples"/>
    <n v="31.56"/>
    <n v="5"/>
    <n v="9.86"/>
  </r>
  <r>
    <d v="2016-04-01T00:00:00"/>
    <x v="3"/>
    <x v="2"/>
    <x v="323"/>
    <x v="12"/>
    <x v="0"/>
    <x v="12"/>
    <s v="Belkin F9H710-06 7 Outlet SurgeMaster Surge Protector"/>
    <n v="30.14"/>
    <n v="2"/>
    <n v="3.01"/>
  </r>
  <r>
    <d v="2016-04-01T00:00:00"/>
    <x v="3"/>
    <x v="2"/>
    <x v="738"/>
    <x v="20"/>
    <x v="0"/>
    <x v="4"/>
    <s v="Boston 16801 Nautilus Battery Pencil Sharpener"/>
    <n v="88.04"/>
    <n v="4"/>
    <n v="22.89"/>
  </r>
  <r>
    <d v="2016-04-01T00:00:00"/>
    <x v="3"/>
    <x v="2"/>
    <x v="559"/>
    <x v="20"/>
    <x v="0"/>
    <x v="1"/>
    <s v="Avery 473"/>
    <n v="20.7"/>
    <n v="2"/>
    <n v="9.94"/>
  </r>
  <r>
    <d v="2016-04-01T00:00:00"/>
    <x v="3"/>
    <x v="2"/>
    <x v="559"/>
    <x v="20"/>
    <x v="0"/>
    <x v="14"/>
    <s v="Acme Value Line Scissors"/>
    <n v="10.95"/>
    <n v="3"/>
    <n v="3.29"/>
  </r>
  <r>
    <d v="2016-04-01T00:00:00"/>
    <x v="3"/>
    <x v="2"/>
    <x v="559"/>
    <x v="20"/>
    <x v="0"/>
    <x v="3"/>
    <s v="Avery Hanging File Binders"/>
    <n v="14.35"/>
    <n v="3"/>
    <n v="4.66"/>
  </r>
  <r>
    <d v="2016-04-01T00:00:00"/>
    <x v="3"/>
    <x v="2"/>
    <x v="558"/>
    <x v="20"/>
    <x v="1"/>
    <x v="5"/>
    <s v="Hon Deluxe Fabric Upholstered Stacking Chairs, Rounded Back"/>
    <n v="1317.49"/>
    <n v="6"/>
    <n v="292.77999999999997"/>
  </r>
  <r>
    <d v="2016-04-01T00:00:00"/>
    <x v="3"/>
    <x v="2"/>
    <x v="558"/>
    <x v="20"/>
    <x v="0"/>
    <x v="14"/>
    <s v="Staple remover"/>
    <n v="63.84"/>
    <n v="8"/>
    <n v="18.510000000000002"/>
  </r>
  <r>
    <d v="2016-04-01T00:00:00"/>
    <x v="3"/>
    <x v="2"/>
    <x v="558"/>
    <x v="20"/>
    <x v="0"/>
    <x v="3"/>
    <s v="Avery Non-Stick Binders"/>
    <n v="3.59"/>
    <n v="1"/>
    <n v="1.1200000000000001"/>
  </r>
  <r>
    <d v="2016-04-01T00:00:00"/>
    <x v="3"/>
    <x v="2"/>
    <x v="474"/>
    <x v="4"/>
    <x v="1"/>
    <x v="8"/>
    <s v="Regeneration Desk Collection"/>
    <n v="7.04"/>
    <n v="4"/>
    <n v="3.1"/>
  </r>
  <r>
    <d v="2016-04-01T00:00:00"/>
    <x v="3"/>
    <x v="2"/>
    <x v="168"/>
    <x v="21"/>
    <x v="2"/>
    <x v="6"/>
    <s v="Cyber Acoustics AC-202b Speech Recognition Stereo Headset"/>
    <n v="12.99"/>
    <n v="1"/>
    <n v="0.26"/>
  </r>
  <r>
    <d v="2016-04-02T00:00:00"/>
    <x v="3"/>
    <x v="2"/>
    <x v="561"/>
    <x v="21"/>
    <x v="1"/>
    <x v="5"/>
    <s v="Global Executive Mid-Back Manager's Chair"/>
    <n v="1454.9"/>
    <n v="5"/>
    <n v="378.27"/>
  </r>
  <r>
    <d v="2016-04-03T00:00:00"/>
    <x v="3"/>
    <x v="2"/>
    <x v="246"/>
    <x v="2"/>
    <x v="0"/>
    <x v="3"/>
    <s v="GBC Velobind Prepunched Cover Sets, Regency Series"/>
    <n v="99.85"/>
    <n v="9"/>
    <n v="-83.21"/>
  </r>
  <r>
    <d v="2016-04-03T00:00:00"/>
    <x v="3"/>
    <x v="2"/>
    <x v="368"/>
    <x v="18"/>
    <x v="1"/>
    <x v="8"/>
    <s v="Seth Thomas 13 1/2&quot; Wall Clock"/>
    <n v="71.12"/>
    <n v="4"/>
    <n v="22.05"/>
  </r>
  <r>
    <d v="2016-04-03T00:00:00"/>
    <x v="3"/>
    <x v="2"/>
    <x v="368"/>
    <x v="18"/>
    <x v="2"/>
    <x v="6"/>
    <s v="Plantronics Voyager Pro HD - Bluetooth Headset"/>
    <n v="259.95999999999998"/>
    <n v="4"/>
    <n v="124.78"/>
  </r>
  <r>
    <d v="2016-04-03T00:00:00"/>
    <x v="3"/>
    <x v="2"/>
    <x v="50"/>
    <x v="0"/>
    <x v="0"/>
    <x v="0"/>
    <s v="Xerox 1962"/>
    <n v="10.27"/>
    <n v="3"/>
    <n v="3.21"/>
  </r>
  <r>
    <d v="2016-04-04T00:00:00"/>
    <x v="3"/>
    <x v="2"/>
    <x v="5"/>
    <x v="6"/>
    <x v="2"/>
    <x v="6"/>
    <s v="Anker Astro 15000mAh USB Portable Charger"/>
    <n v="149.97"/>
    <n v="3"/>
    <n v="6"/>
  </r>
  <r>
    <d v="2016-04-04T00:00:00"/>
    <x v="3"/>
    <x v="2"/>
    <x v="5"/>
    <x v="6"/>
    <x v="0"/>
    <x v="0"/>
    <s v="Wirebound Message Books, Four 2 3/4&quot; x 5&quot; Forms per Page, 600 Sets per Book"/>
    <n v="27.81"/>
    <n v="3"/>
    <n v="13.07"/>
  </r>
  <r>
    <d v="2016-04-04T00:00:00"/>
    <x v="3"/>
    <x v="2"/>
    <x v="216"/>
    <x v="20"/>
    <x v="0"/>
    <x v="3"/>
    <s v="Ibico Ibimaster 300 Manual Binding System"/>
    <n v="588.78"/>
    <n v="2"/>
    <n v="184"/>
  </r>
  <r>
    <d v="2016-04-04T00:00:00"/>
    <x v="3"/>
    <x v="2"/>
    <x v="288"/>
    <x v="20"/>
    <x v="1"/>
    <x v="8"/>
    <s v="Deflect-o EconoMat Studded, No Bevel Mat for Low Pile Carpeting"/>
    <n v="82.64"/>
    <n v="2"/>
    <n v="7.44"/>
  </r>
  <r>
    <d v="2016-04-04T00:00:00"/>
    <x v="3"/>
    <x v="2"/>
    <x v="288"/>
    <x v="20"/>
    <x v="0"/>
    <x v="2"/>
    <s v="Tenex File Box, Personal Filing Tote with Lid, Black"/>
    <n v="31.02"/>
    <n v="2"/>
    <n v="8.07"/>
  </r>
  <r>
    <d v="2016-04-04T00:00:00"/>
    <x v="3"/>
    <x v="2"/>
    <x v="288"/>
    <x v="20"/>
    <x v="2"/>
    <x v="9"/>
    <s v="Logitech Trackman Marble Mouse"/>
    <n v="89.97"/>
    <n v="3"/>
    <n v="37.79"/>
  </r>
  <r>
    <d v="2016-04-05T00:00:00"/>
    <x v="3"/>
    <x v="2"/>
    <x v="146"/>
    <x v="0"/>
    <x v="0"/>
    <x v="2"/>
    <s v="Eldon Portable Mobile Manager"/>
    <n v="158.37"/>
    <n v="7"/>
    <n v="13.86"/>
  </r>
  <r>
    <d v="2016-04-05T00:00:00"/>
    <x v="3"/>
    <x v="2"/>
    <x v="645"/>
    <x v="2"/>
    <x v="2"/>
    <x v="6"/>
    <s v="Clearsounds A400"/>
    <n v="118.78"/>
    <n v="3"/>
    <n v="-27.72"/>
  </r>
  <r>
    <d v="2016-04-05T00:00:00"/>
    <x v="3"/>
    <x v="2"/>
    <x v="645"/>
    <x v="2"/>
    <x v="0"/>
    <x v="14"/>
    <s v="Premier Automatic Letter Opener"/>
    <n v="769.18"/>
    <n v="4"/>
    <n v="-163.44999999999999"/>
  </r>
  <r>
    <d v="2016-04-06T00:00:00"/>
    <x v="3"/>
    <x v="2"/>
    <x v="139"/>
    <x v="45"/>
    <x v="2"/>
    <x v="6"/>
    <s v="Nortel Meridian M5316 Digital phone"/>
    <n v="1294.75"/>
    <n v="5"/>
    <n v="336.64"/>
  </r>
  <r>
    <d v="2016-04-07T00:00:00"/>
    <x v="3"/>
    <x v="2"/>
    <x v="515"/>
    <x v="3"/>
    <x v="2"/>
    <x v="16"/>
    <s v="Hewlett Packard 610 Color Digital Copier / Printer"/>
    <n v="1199.98"/>
    <n v="3"/>
    <n v="374.99"/>
  </r>
  <r>
    <d v="2016-04-07T00:00:00"/>
    <x v="3"/>
    <x v="2"/>
    <x v="112"/>
    <x v="20"/>
    <x v="1"/>
    <x v="5"/>
    <s v="Hon Deluxe Fabric Upholstered Stacking Chairs, Rounded Back"/>
    <n v="658.75"/>
    <n v="3"/>
    <n v="146.38999999999999"/>
  </r>
  <r>
    <d v="2016-04-07T00:00:00"/>
    <x v="3"/>
    <x v="2"/>
    <x v="582"/>
    <x v="20"/>
    <x v="0"/>
    <x v="4"/>
    <s v="Newell 322"/>
    <n v="3.64"/>
    <n v="2"/>
    <n v="0.98"/>
  </r>
  <r>
    <d v="2016-04-07T00:00:00"/>
    <x v="3"/>
    <x v="2"/>
    <x v="442"/>
    <x v="23"/>
    <x v="0"/>
    <x v="0"/>
    <s v="Xerox 1939"/>
    <n v="37.94"/>
    <n v="2"/>
    <n v="18.21"/>
  </r>
  <r>
    <d v="2016-04-07T00:00:00"/>
    <x v="3"/>
    <x v="2"/>
    <x v="83"/>
    <x v="2"/>
    <x v="0"/>
    <x v="12"/>
    <s v="Belkin 7-Outlet SurgeMaster Home Series"/>
    <n v="33.53"/>
    <n v="3"/>
    <n v="2.5099999999999998"/>
  </r>
  <r>
    <d v="2016-04-07T00:00:00"/>
    <x v="3"/>
    <x v="2"/>
    <x v="83"/>
    <x v="2"/>
    <x v="0"/>
    <x v="2"/>
    <s v="Eldon Jumbo ProFile Portable File Boxes Graphite/Black"/>
    <n v="36.74"/>
    <n v="3"/>
    <n v="3.67"/>
  </r>
  <r>
    <d v="2016-04-08T00:00:00"/>
    <x v="3"/>
    <x v="2"/>
    <x v="506"/>
    <x v="20"/>
    <x v="1"/>
    <x v="11"/>
    <s v="Sauder Barrister Bookcases"/>
    <n v="388.7"/>
    <n v="6"/>
    <n v="-4.8600000000000003"/>
  </r>
  <r>
    <d v="2016-04-08T00:00:00"/>
    <x v="3"/>
    <x v="2"/>
    <x v="506"/>
    <x v="20"/>
    <x v="0"/>
    <x v="10"/>
    <s v="#10 Gummed Flap White Envelopes, 100/Box"/>
    <n v="8.26"/>
    <n v="2"/>
    <n v="3.8"/>
  </r>
  <r>
    <d v="2016-04-08T00:00:00"/>
    <x v="3"/>
    <x v="2"/>
    <x v="506"/>
    <x v="20"/>
    <x v="0"/>
    <x v="4"/>
    <s v="Dixon Prang Watercolor Pencils, 10-Color Set with Brush"/>
    <n v="17.04"/>
    <n v="4"/>
    <n v="6.99"/>
  </r>
  <r>
    <d v="2016-04-08T00:00:00"/>
    <x v="3"/>
    <x v="2"/>
    <x v="506"/>
    <x v="20"/>
    <x v="0"/>
    <x v="0"/>
    <s v="Adams Phone Message Book, 200 Message Capacity, 8 1/16Â” x 11Â”"/>
    <n v="34.4"/>
    <n v="5"/>
    <n v="15.82"/>
  </r>
  <r>
    <d v="2016-04-08T00:00:00"/>
    <x v="3"/>
    <x v="2"/>
    <x v="391"/>
    <x v="3"/>
    <x v="0"/>
    <x v="0"/>
    <s v="Xerox 1923"/>
    <n v="20.04"/>
    <n v="3"/>
    <n v="9.6199999999999992"/>
  </r>
  <r>
    <d v="2016-04-08T00:00:00"/>
    <x v="3"/>
    <x v="2"/>
    <x v="391"/>
    <x v="3"/>
    <x v="0"/>
    <x v="2"/>
    <s v="Fellowes Neat Ideas Storage Cubes"/>
    <n v="64.959999999999994"/>
    <n v="2"/>
    <n v="2.6"/>
  </r>
  <r>
    <d v="2016-04-08T00:00:00"/>
    <x v="3"/>
    <x v="2"/>
    <x v="391"/>
    <x v="3"/>
    <x v="0"/>
    <x v="0"/>
    <s v="Xerox 1931"/>
    <n v="12.96"/>
    <n v="2"/>
    <n v="6.22"/>
  </r>
  <r>
    <d v="2016-04-08T00:00:00"/>
    <x v="3"/>
    <x v="2"/>
    <x v="456"/>
    <x v="0"/>
    <x v="2"/>
    <x v="9"/>
    <s v="Kensington Orbit Wireless Mobile Trackball for PC and Mac"/>
    <n v="431.93"/>
    <n v="9"/>
    <n v="64.790000000000006"/>
  </r>
  <r>
    <d v="2016-04-08T00:00:00"/>
    <x v="3"/>
    <x v="2"/>
    <x v="456"/>
    <x v="0"/>
    <x v="1"/>
    <x v="5"/>
    <s v="Global Chrome Stack Chair"/>
    <n v="95.98"/>
    <n v="4"/>
    <n v="-4.1100000000000003"/>
  </r>
  <r>
    <d v="2016-04-08T00:00:00"/>
    <x v="3"/>
    <x v="2"/>
    <x v="456"/>
    <x v="0"/>
    <x v="0"/>
    <x v="3"/>
    <s v="GBC DocuBind P400 Electric Binding System"/>
    <n v="1088.79"/>
    <n v="4"/>
    <n v="-1850.95"/>
  </r>
  <r>
    <d v="2016-04-08T00:00:00"/>
    <x v="3"/>
    <x v="2"/>
    <x v="469"/>
    <x v="10"/>
    <x v="0"/>
    <x v="10"/>
    <s v="#10 Self-Seal White Envelopes"/>
    <n v="8.8699999999999992"/>
    <n v="1"/>
    <n v="3.22"/>
  </r>
  <r>
    <d v="2016-04-08T00:00:00"/>
    <x v="3"/>
    <x v="2"/>
    <x v="469"/>
    <x v="10"/>
    <x v="0"/>
    <x v="3"/>
    <s v="Catalog Binders with Expanding Posts"/>
    <n v="121.1"/>
    <n v="6"/>
    <n v="-100.92"/>
  </r>
  <r>
    <d v="2016-04-08T00:00:00"/>
    <x v="3"/>
    <x v="2"/>
    <x v="584"/>
    <x v="3"/>
    <x v="1"/>
    <x v="8"/>
    <s v="C-Line Magnetic Cubicle Keepers, Clear Polypropylene"/>
    <n v="24.7"/>
    <n v="5"/>
    <n v="10.37"/>
  </r>
  <r>
    <d v="2016-04-08T00:00:00"/>
    <x v="3"/>
    <x v="2"/>
    <x v="190"/>
    <x v="4"/>
    <x v="0"/>
    <x v="10"/>
    <s v="Ampad #10 Peel &amp; Seel Holiday Envelopes"/>
    <n v="17.920000000000002"/>
    <n v="4"/>
    <n v="8.6"/>
  </r>
  <r>
    <d v="2016-04-08T00:00:00"/>
    <x v="3"/>
    <x v="2"/>
    <x v="195"/>
    <x v="4"/>
    <x v="1"/>
    <x v="11"/>
    <s v="Hon Metal Bookcases, Black"/>
    <n v="354.9"/>
    <n v="5"/>
    <n v="88.73"/>
  </r>
  <r>
    <d v="2016-04-08T00:00:00"/>
    <x v="3"/>
    <x v="2"/>
    <x v="79"/>
    <x v="13"/>
    <x v="0"/>
    <x v="7"/>
    <s v="Advantus Plastic Paper Clips"/>
    <n v="30"/>
    <n v="6"/>
    <n v="14.4"/>
  </r>
  <r>
    <d v="2016-04-08T00:00:00"/>
    <x v="3"/>
    <x v="2"/>
    <x v="79"/>
    <x v="13"/>
    <x v="0"/>
    <x v="0"/>
    <s v="Xerox 1993"/>
    <n v="25.92"/>
    <n v="4"/>
    <n v="12.7"/>
  </r>
  <r>
    <d v="2016-04-08T00:00:00"/>
    <x v="3"/>
    <x v="2"/>
    <x v="79"/>
    <x v="13"/>
    <x v="1"/>
    <x v="8"/>
    <s v="Eldon Radial Chair Mat for Low to Medium Pile Carpets"/>
    <n v="159.91999999999999"/>
    <n v="4"/>
    <n v="31.98"/>
  </r>
  <r>
    <d v="2016-04-09T00:00:00"/>
    <x v="3"/>
    <x v="2"/>
    <x v="615"/>
    <x v="22"/>
    <x v="0"/>
    <x v="3"/>
    <s v="Acco Pressboard Covers with Storage Hooks, 14 7/8&quot; x 11&quot;, Light Blue"/>
    <n v="35.35"/>
    <n v="9"/>
    <n v="12.82"/>
  </r>
  <r>
    <d v="2016-04-09T00:00:00"/>
    <x v="3"/>
    <x v="2"/>
    <x v="746"/>
    <x v="14"/>
    <x v="2"/>
    <x v="6"/>
    <s v="Nortel Meridian M5316 Digital phone"/>
    <n v="517.9"/>
    <n v="2"/>
    <n v="134.65"/>
  </r>
  <r>
    <d v="2016-04-09T00:00:00"/>
    <x v="3"/>
    <x v="2"/>
    <x v="746"/>
    <x v="14"/>
    <x v="0"/>
    <x v="3"/>
    <s v="Storex Flexible Poly Binders with Double Pockets"/>
    <n v="5.28"/>
    <n v="2"/>
    <n v="2.4300000000000002"/>
  </r>
  <r>
    <d v="2016-04-09T00:00:00"/>
    <x v="3"/>
    <x v="2"/>
    <x v="221"/>
    <x v="3"/>
    <x v="1"/>
    <x v="11"/>
    <s v="Bush Somerset Collection Bookcase"/>
    <n v="556.66999999999996"/>
    <n v="5"/>
    <n v="6.55"/>
  </r>
  <r>
    <d v="2016-04-10T00:00:00"/>
    <x v="3"/>
    <x v="2"/>
    <x v="691"/>
    <x v="10"/>
    <x v="0"/>
    <x v="3"/>
    <s v="Wilson Jones Hanging Recycled Pressboard Data Binders"/>
    <n v="8.9"/>
    <n v="2"/>
    <n v="-6.53"/>
  </r>
  <r>
    <d v="2016-04-10T00:00:00"/>
    <x v="3"/>
    <x v="2"/>
    <x v="76"/>
    <x v="3"/>
    <x v="0"/>
    <x v="0"/>
    <s v="Xerox 227"/>
    <n v="12.96"/>
    <n v="2"/>
    <n v="6.22"/>
  </r>
  <r>
    <d v="2016-04-10T00:00:00"/>
    <x v="3"/>
    <x v="2"/>
    <x v="76"/>
    <x v="3"/>
    <x v="0"/>
    <x v="3"/>
    <s v="Wilson Jones Clip &amp; Carry Folder Binder Tool for Ring Binders, Clear"/>
    <n v="23.2"/>
    <n v="5"/>
    <n v="8.1199999999999992"/>
  </r>
  <r>
    <d v="2016-04-10T00:00:00"/>
    <x v="3"/>
    <x v="2"/>
    <x v="542"/>
    <x v="3"/>
    <x v="0"/>
    <x v="12"/>
    <s v="3M Replacement Filter for Office Air Cleaner for 20' x 33' Room"/>
    <n v="113.76"/>
    <n v="3"/>
    <n v="44.37"/>
  </r>
  <r>
    <d v="2016-04-10T00:00:00"/>
    <x v="3"/>
    <x v="2"/>
    <x v="542"/>
    <x v="3"/>
    <x v="0"/>
    <x v="2"/>
    <s v="Fellowes Staxonsteel Drawer Files"/>
    <n v="579.51"/>
    <n v="3"/>
    <n v="81.13"/>
  </r>
  <r>
    <d v="2016-04-10T00:00:00"/>
    <x v="3"/>
    <x v="2"/>
    <x v="542"/>
    <x v="3"/>
    <x v="0"/>
    <x v="2"/>
    <s v="Rogers Profile Extra Capacity Storage Tub"/>
    <n v="150.66"/>
    <n v="9"/>
    <n v="6.03"/>
  </r>
  <r>
    <d v="2016-04-10T00:00:00"/>
    <x v="3"/>
    <x v="2"/>
    <x v="542"/>
    <x v="3"/>
    <x v="0"/>
    <x v="3"/>
    <s v="GBC Prepunched Paper, 19-Hole, for Binding Systems, 24-lb"/>
    <n v="48.03"/>
    <n v="4"/>
    <n v="15.61"/>
  </r>
  <r>
    <d v="2016-04-10T00:00:00"/>
    <x v="3"/>
    <x v="2"/>
    <x v="87"/>
    <x v="1"/>
    <x v="0"/>
    <x v="4"/>
    <s v="BIC Brite Liner Grip Highlighters, Assorted, 5/Pack"/>
    <n v="13.57"/>
    <n v="4"/>
    <n v="3.22"/>
  </r>
  <r>
    <d v="2016-04-12T00:00:00"/>
    <x v="3"/>
    <x v="2"/>
    <x v="12"/>
    <x v="6"/>
    <x v="1"/>
    <x v="13"/>
    <s v="KI Adjustable-Height Table"/>
    <n v="343.92"/>
    <n v="4"/>
    <n v="75.66"/>
  </r>
  <r>
    <d v="2016-04-12T00:00:00"/>
    <x v="3"/>
    <x v="2"/>
    <x v="12"/>
    <x v="6"/>
    <x v="0"/>
    <x v="0"/>
    <s v="Xerox 1945"/>
    <n v="40.99"/>
    <n v="1"/>
    <n v="20.09"/>
  </r>
  <r>
    <d v="2016-04-12T00:00:00"/>
    <x v="3"/>
    <x v="2"/>
    <x v="12"/>
    <x v="6"/>
    <x v="0"/>
    <x v="10"/>
    <s v="Globe Weis Peel &amp; Seel First Class Envelopes"/>
    <n v="63.9"/>
    <n v="5"/>
    <n v="28.76"/>
  </r>
  <r>
    <d v="2016-04-12T00:00:00"/>
    <x v="3"/>
    <x v="2"/>
    <x v="443"/>
    <x v="3"/>
    <x v="1"/>
    <x v="5"/>
    <s v="Hon Comfortask Task/Swivel Chairs"/>
    <n v="638.29"/>
    <n v="7"/>
    <n v="-31.91"/>
  </r>
  <r>
    <d v="2016-04-12T00:00:00"/>
    <x v="3"/>
    <x v="2"/>
    <x v="443"/>
    <x v="3"/>
    <x v="0"/>
    <x v="3"/>
    <s v="JM Magazine Binder"/>
    <n v="13.21"/>
    <n v="1"/>
    <n v="4.62"/>
  </r>
  <r>
    <d v="2016-04-12T00:00:00"/>
    <x v="3"/>
    <x v="2"/>
    <x v="80"/>
    <x v="3"/>
    <x v="0"/>
    <x v="0"/>
    <s v="Xerox 206"/>
    <n v="19.440000000000001"/>
    <n v="3"/>
    <n v="9.33"/>
  </r>
  <r>
    <d v="2016-04-12T00:00:00"/>
    <x v="3"/>
    <x v="2"/>
    <x v="80"/>
    <x v="3"/>
    <x v="1"/>
    <x v="5"/>
    <s v="Global Geo Office Task Chair, Gray"/>
    <n v="194.35"/>
    <n v="3"/>
    <n v="-36.44"/>
  </r>
  <r>
    <d v="2016-04-12T00:00:00"/>
    <x v="3"/>
    <x v="2"/>
    <x v="80"/>
    <x v="3"/>
    <x v="0"/>
    <x v="3"/>
    <s v="Aluminum Screw Posts"/>
    <n v="36.619999999999997"/>
    <n v="3"/>
    <n v="13.73"/>
  </r>
  <r>
    <d v="2016-04-12T00:00:00"/>
    <x v="3"/>
    <x v="2"/>
    <x v="559"/>
    <x v="25"/>
    <x v="0"/>
    <x v="2"/>
    <s v="Fellowes Bankers Box Recycled Super Stor/Drawer"/>
    <n v="129.55000000000001"/>
    <n v="3"/>
    <n v="-22.67"/>
  </r>
  <r>
    <d v="2016-04-12T00:00:00"/>
    <x v="3"/>
    <x v="2"/>
    <x v="559"/>
    <x v="25"/>
    <x v="0"/>
    <x v="2"/>
    <s v="Fellowes Bankers Box Staxonsteel Drawer File/Stacking System"/>
    <n v="51.98"/>
    <n v="1"/>
    <n v="-5.2"/>
  </r>
  <r>
    <d v="2016-04-12T00:00:00"/>
    <x v="3"/>
    <x v="2"/>
    <x v="559"/>
    <x v="25"/>
    <x v="0"/>
    <x v="0"/>
    <s v="TOPS &quot;Important Message&quot; Pads, Canary, 4-1/4 x 5-1/2, 50 Sheets per Pad"/>
    <n v="10.27"/>
    <n v="3"/>
    <n v="3.47"/>
  </r>
  <r>
    <d v="2016-04-13T00:00:00"/>
    <x v="3"/>
    <x v="2"/>
    <x v="530"/>
    <x v="3"/>
    <x v="0"/>
    <x v="10"/>
    <s v="Poly String Tie Envelopes"/>
    <n v="6.12"/>
    <n v="3"/>
    <n v="2.88"/>
  </r>
  <r>
    <d v="2016-04-14T00:00:00"/>
    <x v="3"/>
    <x v="2"/>
    <x v="300"/>
    <x v="3"/>
    <x v="1"/>
    <x v="5"/>
    <s v="Bevis Steel Folding Chairs"/>
    <n v="383.8"/>
    <n v="5"/>
    <n v="38.380000000000003"/>
  </r>
  <r>
    <d v="2016-04-14T00:00:00"/>
    <x v="3"/>
    <x v="2"/>
    <x v="388"/>
    <x v="12"/>
    <x v="1"/>
    <x v="5"/>
    <s v="Hon 4070 Series Pagoda Armless Upholstered Stacking Chairs"/>
    <n v="933.54"/>
    <n v="4"/>
    <n v="105.02"/>
  </r>
  <r>
    <d v="2016-04-14T00:00:00"/>
    <x v="3"/>
    <x v="2"/>
    <x v="388"/>
    <x v="12"/>
    <x v="0"/>
    <x v="2"/>
    <s v="Fellowes Personal Hanging Folder Files, Navy"/>
    <n v="42.98"/>
    <n v="4"/>
    <n v="4.3"/>
  </r>
  <r>
    <d v="2016-04-14T00:00:00"/>
    <x v="3"/>
    <x v="2"/>
    <x v="23"/>
    <x v="6"/>
    <x v="0"/>
    <x v="2"/>
    <s v="Acco Perma 4000 Stacking Storage Drawers"/>
    <n v="81.2"/>
    <n v="5"/>
    <n v="12.18"/>
  </r>
  <r>
    <d v="2016-04-14T00:00:00"/>
    <x v="3"/>
    <x v="2"/>
    <x v="747"/>
    <x v="36"/>
    <x v="0"/>
    <x v="3"/>
    <s v="GBC ProClick Spines for 32-Hole Punch"/>
    <n v="25.06"/>
    <n v="2"/>
    <n v="11.78"/>
  </r>
  <r>
    <d v="2016-04-15T00:00:00"/>
    <x v="3"/>
    <x v="2"/>
    <x v="237"/>
    <x v="25"/>
    <x v="0"/>
    <x v="3"/>
    <s v="GBC ProClick 150 Presentation Binding System"/>
    <n v="189.59"/>
    <n v="2"/>
    <n v="-145.35"/>
  </r>
  <r>
    <d v="2016-04-15T00:00:00"/>
    <x v="3"/>
    <x v="2"/>
    <x v="237"/>
    <x v="25"/>
    <x v="2"/>
    <x v="9"/>
    <s v="ImationÂ Secure+ Hardware Encrypted USB 2.0Â Flash Drive; 16GB"/>
    <n v="408.74"/>
    <n v="7"/>
    <n v="76.64"/>
  </r>
  <r>
    <d v="2016-04-15T00:00:00"/>
    <x v="3"/>
    <x v="2"/>
    <x v="237"/>
    <x v="25"/>
    <x v="2"/>
    <x v="9"/>
    <s v="ImationÂ Secure+ Hardware Encrypted USB 2.0Â Flash Drive; 16GB"/>
    <n v="291.95999999999998"/>
    <n v="5"/>
    <n v="54.74"/>
  </r>
  <r>
    <d v="2016-04-15T00:00:00"/>
    <x v="3"/>
    <x v="2"/>
    <x v="237"/>
    <x v="25"/>
    <x v="0"/>
    <x v="2"/>
    <s v="Woodgrain Magazine Files by Perma"/>
    <n v="4.7699999999999996"/>
    <n v="2"/>
    <n v="-0.77"/>
  </r>
  <r>
    <d v="2016-04-15T00:00:00"/>
    <x v="3"/>
    <x v="2"/>
    <x v="649"/>
    <x v="3"/>
    <x v="1"/>
    <x v="5"/>
    <s v="HON 5400 Series Task Chairs for Big and Tall"/>
    <n v="1121.57"/>
    <n v="2"/>
    <n v="0"/>
  </r>
  <r>
    <d v="2016-04-15T00:00:00"/>
    <x v="3"/>
    <x v="2"/>
    <x v="168"/>
    <x v="0"/>
    <x v="0"/>
    <x v="4"/>
    <s v="Dixon Ticonderoga Erasable Colored Pencil Set, 12-Color"/>
    <n v="33.49"/>
    <n v="7"/>
    <n v="5.86"/>
  </r>
  <r>
    <d v="2016-04-15T00:00:00"/>
    <x v="3"/>
    <x v="2"/>
    <x v="168"/>
    <x v="0"/>
    <x v="0"/>
    <x v="7"/>
    <s v="Ideal Clamps"/>
    <n v="8.0399999999999991"/>
    <n v="5"/>
    <n v="2.91"/>
  </r>
  <r>
    <d v="2016-04-15T00:00:00"/>
    <x v="3"/>
    <x v="2"/>
    <x v="488"/>
    <x v="3"/>
    <x v="0"/>
    <x v="0"/>
    <s v="Xerox 1911"/>
    <n v="143.69999999999999"/>
    <n v="3"/>
    <n v="68.98"/>
  </r>
  <r>
    <d v="2016-04-16T00:00:00"/>
    <x v="3"/>
    <x v="2"/>
    <x v="358"/>
    <x v="4"/>
    <x v="0"/>
    <x v="4"/>
    <s v="Newell 341"/>
    <n v="12.84"/>
    <n v="3"/>
    <n v="3.72"/>
  </r>
  <r>
    <d v="2016-04-16T00:00:00"/>
    <x v="3"/>
    <x v="2"/>
    <x v="183"/>
    <x v="23"/>
    <x v="2"/>
    <x v="15"/>
    <s v="3D Systems Cube Printer, 2nd Generation, Magenta"/>
    <n v="9099.93"/>
    <n v="7"/>
    <n v="2365.98"/>
  </r>
  <r>
    <d v="2016-04-16T00:00:00"/>
    <x v="3"/>
    <x v="2"/>
    <x v="183"/>
    <x v="23"/>
    <x v="1"/>
    <x v="8"/>
    <s v="Stacking Trays by OIC"/>
    <n v="9.9600000000000009"/>
    <n v="2"/>
    <n v="3.29"/>
  </r>
  <r>
    <d v="2016-04-16T00:00:00"/>
    <x v="3"/>
    <x v="2"/>
    <x v="183"/>
    <x v="23"/>
    <x v="0"/>
    <x v="3"/>
    <s v="Wilson Jones Standard D-Ring Binders"/>
    <n v="25.3"/>
    <n v="5"/>
    <n v="11.89"/>
  </r>
  <r>
    <d v="2016-04-16T00:00:00"/>
    <x v="3"/>
    <x v="2"/>
    <x v="240"/>
    <x v="22"/>
    <x v="0"/>
    <x v="14"/>
    <s v="Stiletto Hand Letter Openers"/>
    <n v="28.8"/>
    <n v="3"/>
    <n v="0.86"/>
  </r>
  <r>
    <d v="2016-04-16T00:00:00"/>
    <x v="3"/>
    <x v="2"/>
    <x v="500"/>
    <x v="15"/>
    <x v="2"/>
    <x v="9"/>
    <s v="Memorex Froggy Flash Drive 4 GB"/>
    <n v="35.17"/>
    <n v="4"/>
    <n v="8.35"/>
  </r>
  <r>
    <d v="2016-04-16T00:00:00"/>
    <x v="3"/>
    <x v="2"/>
    <x v="500"/>
    <x v="15"/>
    <x v="0"/>
    <x v="0"/>
    <s v="Standard Line Â“While You Were OutÂ” Hardbound Telephone Message Book"/>
    <n v="123.09"/>
    <n v="7"/>
    <n v="40"/>
  </r>
  <r>
    <d v="2016-04-17T00:00:00"/>
    <x v="3"/>
    <x v="2"/>
    <x v="151"/>
    <x v="25"/>
    <x v="2"/>
    <x v="6"/>
    <s v="Motorola L804"/>
    <n v="36.79"/>
    <n v="1"/>
    <n v="4.1399999999999997"/>
  </r>
  <r>
    <d v="2016-04-17T00:00:00"/>
    <x v="3"/>
    <x v="2"/>
    <x v="151"/>
    <x v="25"/>
    <x v="1"/>
    <x v="8"/>
    <s v="GE General Purpose, Extra Long Life, Showcase &amp; Floodlight Incandescent Bulbs"/>
    <n v="18.62"/>
    <n v="8"/>
    <n v="6.29"/>
  </r>
  <r>
    <d v="2016-04-17T00:00:00"/>
    <x v="3"/>
    <x v="2"/>
    <x v="746"/>
    <x v="40"/>
    <x v="0"/>
    <x v="7"/>
    <s v="Advantus Push Pins, Aluminum Head"/>
    <n v="29.05"/>
    <n v="5"/>
    <n v="9.01"/>
  </r>
  <r>
    <d v="2016-04-17T00:00:00"/>
    <x v="3"/>
    <x v="2"/>
    <x v="401"/>
    <x v="3"/>
    <x v="1"/>
    <x v="11"/>
    <s v="Bush Westfield Collection Bookcases, Fully Assembled"/>
    <n v="257.5"/>
    <n v="3"/>
    <n v="24.24"/>
  </r>
  <r>
    <d v="2016-04-17T00:00:00"/>
    <x v="3"/>
    <x v="2"/>
    <x v="345"/>
    <x v="15"/>
    <x v="1"/>
    <x v="8"/>
    <s v="Ultra Door Kickplate, 8&quot;H x 34&quot;W"/>
    <n v="79.12"/>
    <n v="5"/>
    <n v="13.85"/>
  </r>
  <r>
    <d v="2016-04-18T00:00:00"/>
    <x v="3"/>
    <x v="2"/>
    <x v="748"/>
    <x v="1"/>
    <x v="0"/>
    <x v="2"/>
    <s v="Safco Industrial Wire Shelving"/>
    <n v="230.38"/>
    <n v="3"/>
    <n v="-48.95"/>
  </r>
  <r>
    <d v="2016-04-18T00:00:00"/>
    <x v="3"/>
    <x v="2"/>
    <x v="748"/>
    <x v="1"/>
    <x v="0"/>
    <x v="0"/>
    <s v="Adams Telephone Message Books, 5 1/4Â” x 11Â”"/>
    <n v="9.66"/>
    <n v="2"/>
    <n v="3.26"/>
  </r>
  <r>
    <d v="2016-04-18T00:00:00"/>
    <x v="3"/>
    <x v="2"/>
    <x v="503"/>
    <x v="6"/>
    <x v="0"/>
    <x v="12"/>
    <s v="Eureka The Boss Cordless Rechargeable Stick Vac"/>
    <n v="203.92"/>
    <n v="4"/>
    <n v="55.06"/>
  </r>
  <r>
    <d v="2016-04-18T00:00:00"/>
    <x v="3"/>
    <x v="2"/>
    <x v="503"/>
    <x v="6"/>
    <x v="2"/>
    <x v="6"/>
    <s v="SKILCRAFT Telephone Shoulder Rest, 2&quot; x 6.5&quot; x 2.5&quot;, Black"/>
    <n v="29.56"/>
    <n v="4"/>
    <n v="7.98"/>
  </r>
  <r>
    <d v="2016-04-18T00:00:00"/>
    <x v="3"/>
    <x v="2"/>
    <x v="424"/>
    <x v="0"/>
    <x v="1"/>
    <x v="5"/>
    <s v="Global High-Back Leather Tilter, Burgundy"/>
    <n v="344.37"/>
    <n v="4"/>
    <n v="-93.47"/>
  </r>
  <r>
    <d v="2016-04-18T00:00:00"/>
    <x v="3"/>
    <x v="2"/>
    <x v="424"/>
    <x v="0"/>
    <x v="0"/>
    <x v="2"/>
    <s v="Tennsco 16-Compartment Lockers with Coat Rack"/>
    <n v="1554.94"/>
    <n v="3"/>
    <n v="77.75"/>
  </r>
  <r>
    <d v="2016-04-18T00:00:00"/>
    <x v="3"/>
    <x v="2"/>
    <x v="424"/>
    <x v="0"/>
    <x v="1"/>
    <x v="8"/>
    <s v="Howard Miller 16&quot; Diameter Gallery Wall Clock"/>
    <n v="127.88"/>
    <n v="5"/>
    <n v="-67.14"/>
  </r>
  <r>
    <d v="2016-04-18T00:00:00"/>
    <x v="3"/>
    <x v="2"/>
    <x v="599"/>
    <x v="20"/>
    <x v="0"/>
    <x v="4"/>
    <s v="American Pencil"/>
    <n v="6.99"/>
    <n v="3"/>
    <n v="2.0299999999999998"/>
  </r>
  <r>
    <d v="2016-04-18T00:00:00"/>
    <x v="3"/>
    <x v="2"/>
    <x v="599"/>
    <x v="20"/>
    <x v="0"/>
    <x v="14"/>
    <s v="Acme Design Line 8&quot; Stainless Steel Bent Scissors w/Champagne Handles, 3-1/8&quot; Cut"/>
    <n v="6.84"/>
    <n v="1"/>
    <n v="1.85"/>
  </r>
  <r>
    <d v="2016-04-19T00:00:00"/>
    <x v="3"/>
    <x v="2"/>
    <x v="146"/>
    <x v="10"/>
    <x v="1"/>
    <x v="13"/>
    <s v="Bush Andora Conference Table, Maple/Graphite Gray Finish"/>
    <n v="205.18"/>
    <n v="2"/>
    <n v="-58.13"/>
  </r>
  <r>
    <d v="2016-04-19T00:00:00"/>
    <x v="3"/>
    <x v="2"/>
    <x v="146"/>
    <x v="10"/>
    <x v="0"/>
    <x v="0"/>
    <s v="Xerox 189"/>
    <n v="419.4"/>
    <n v="5"/>
    <n v="146.79"/>
  </r>
  <r>
    <d v="2016-04-19T00:00:00"/>
    <x v="3"/>
    <x v="2"/>
    <x v="117"/>
    <x v="3"/>
    <x v="2"/>
    <x v="6"/>
    <s v="PowerGen Dual USB Car Charger"/>
    <n v="39.96"/>
    <n v="5"/>
    <n v="12.99"/>
  </r>
  <r>
    <d v="2016-04-19T00:00:00"/>
    <x v="3"/>
    <x v="2"/>
    <x v="117"/>
    <x v="3"/>
    <x v="0"/>
    <x v="4"/>
    <s v="Newell 307"/>
    <n v="5.46"/>
    <n v="3"/>
    <n v="1.53"/>
  </r>
  <r>
    <d v="2016-04-19T00:00:00"/>
    <x v="3"/>
    <x v="2"/>
    <x v="117"/>
    <x v="3"/>
    <x v="0"/>
    <x v="4"/>
    <s v="Panasonic KP-4ABK Battery-Operated Pencil Sharpener"/>
    <n v="73.2"/>
    <n v="5"/>
    <n v="21.23"/>
  </r>
  <r>
    <d v="2016-04-19T00:00:00"/>
    <x v="3"/>
    <x v="2"/>
    <x v="117"/>
    <x v="3"/>
    <x v="0"/>
    <x v="3"/>
    <s v="Angle-D Binders with Locking Rings, Label Holders"/>
    <n v="5.84"/>
    <n v="1"/>
    <n v="1.97"/>
  </r>
  <r>
    <d v="2016-04-19T00:00:00"/>
    <x v="3"/>
    <x v="2"/>
    <x v="117"/>
    <x v="3"/>
    <x v="0"/>
    <x v="0"/>
    <s v="Adams Telephone Message Book W/Dividers/Space For Phone Numbers, 5 1/4&quot;X8 1/2&quot;, 200/Messages"/>
    <n v="22.72"/>
    <n v="4"/>
    <n v="10.220000000000001"/>
  </r>
  <r>
    <d v="2016-04-19T00:00:00"/>
    <x v="3"/>
    <x v="2"/>
    <x v="117"/>
    <x v="3"/>
    <x v="0"/>
    <x v="3"/>
    <s v="Avery Binder Labels"/>
    <n v="9.34"/>
    <n v="3"/>
    <n v="3.27"/>
  </r>
  <r>
    <d v="2016-04-19T00:00:00"/>
    <x v="3"/>
    <x v="2"/>
    <x v="111"/>
    <x v="20"/>
    <x v="2"/>
    <x v="6"/>
    <s v="Gear Head AU3700S Headset"/>
    <n v="25.98"/>
    <n v="2"/>
    <n v="0.78"/>
  </r>
  <r>
    <d v="2016-04-19T00:00:00"/>
    <x v="3"/>
    <x v="2"/>
    <x v="111"/>
    <x v="20"/>
    <x v="0"/>
    <x v="4"/>
    <s v="BIC Brite Liner Grip Highlighters"/>
    <n v="3.28"/>
    <n v="2"/>
    <n v="1.48"/>
  </r>
  <r>
    <d v="2016-04-19T00:00:00"/>
    <x v="3"/>
    <x v="2"/>
    <x v="111"/>
    <x v="20"/>
    <x v="0"/>
    <x v="2"/>
    <s v="Space Solutions HD Industrial Steel Shelving."/>
    <n v="459.88"/>
    <n v="4"/>
    <n v="13.8"/>
  </r>
  <r>
    <d v="2016-04-19T00:00:00"/>
    <x v="3"/>
    <x v="2"/>
    <x v="111"/>
    <x v="20"/>
    <x v="0"/>
    <x v="14"/>
    <s v="Acme Kleen Earth Office Shears"/>
    <n v="7.76"/>
    <n v="2"/>
    <n v="2.25"/>
  </r>
  <r>
    <d v="2016-04-19T00:00:00"/>
    <x v="3"/>
    <x v="2"/>
    <x v="111"/>
    <x v="20"/>
    <x v="0"/>
    <x v="4"/>
    <s v="Panasonic KP-380BK Classic Electric Pencil Sharpener"/>
    <n v="71.959999999999994"/>
    <n v="2"/>
    <n v="17.989999999999998"/>
  </r>
  <r>
    <d v="2016-04-19T00:00:00"/>
    <x v="3"/>
    <x v="2"/>
    <x v="111"/>
    <x v="20"/>
    <x v="0"/>
    <x v="14"/>
    <s v="Fiskars Softgrip Scissors"/>
    <n v="54.9"/>
    <n v="5"/>
    <n v="15.37"/>
  </r>
  <r>
    <d v="2016-04-19T00:00:00"/>
    <x v="3"/>
    <x v="2"/>
    <x v="111"/>
    <x v="20"/>
    <x v="0"/>
    <x v="3"/>
    <s v="Wilson Jones Clip &amp; Carry Folder Binder Tool for Ring Binders, Clear"/>
    <n v="9.2799999999999994"/>
    <n v="2"/>
    <n v="3.25"/>
  </r>
  <r>
    <d v="2016-04-21T00:00:00"/>
    <x v="3"/>
    <x v="2"/>
    <x v="457"/>
    <x v="1"/>
    <x v="0"/>
    <x v="2"/>
    <s v="Fellowes Bankers Box Stor/Drawer Steel Plus"/>
    <n v="102.34"/>
    <n v="4"/>
    <n v="-12.79"/>
  </r>
  <r>
    <d v="2016-04-21T00:00:00"/>
    <x v="3"/>
    <x v="2"/>
    <x v="457"/>
    <x v="1"/>
    <x v="0"/>
    <x v="12"/>
    <s v="Kensington 4 Outlet MasterPiece Compact Power Control Center"/>
    <n v="48.79"/>
    <n v="3"/>
    <n v="-126.86"/>
  </r>
  <r>
    <d v="2016-04-21T00:00:00"/>
    <x v="3"/>
    <x v="2"/>
    <x v="457"/>
    <x v="1"/>
    <x v="0"/>
    <x v="3"/>
    <s v="Performers Binder/Pad Holder, Black"/>
    <n v="44.85"/>
    <n v="8"/>
    <n v="-67.27"/>
  </r>
  <r>
    <d v="2016-04-21T00:00:00"/>
    <x v="3"/>
    <x v="2"/>
    <x v="416"/>
    <x v="22"/>
    <x v="0"/>
    <x v="3"/>
    <s v="Round Ring Binders"/>
    <n v="8.32"/>
    <n v="5"/>
    <n v="2.81"/>
  </r>
  <r>
    <d v="2016-04-21T00:00:00"/>
    <x v="3"/>
    <x v="2"/>
    <x v="542"/>
    <x v="37"/>
    <x v="0"/>
    <x v="4"/>
    <s v="Colorific Watercolor Pencils"/>
    <n v="15.48"/>
    <n v="3"/>
    <n v="4.49"/>
  </r>
  <r>
    <d v="2016-04-21T00:00:00"/>
    <x v="3"/>
    <x v="2"/>
    <x v="542"/>
    <x v="37"/>
    <x v="0"/>
    <x v="0"/>
    <s v="Xerox 209"/>
    <n v="51.84"/>
    <n v="8"/>
    <n v="24.88"/>
  </r>
  <r>
    <d v="2016-04-22T00:00:00"/>
    <x v="3"/>
    <x v="2"/>
    <x v="451"/>
    <x v="12"/>
    <x v="1"/>
    <x v="8"/>
    <s v="Eldon Wave Desk Accessories"/>
    <n v="23.56"/>
    <n v="5"/>
    <n v="7.07"/>
  </r>
  <r>
    <d v="2016-04-22T00:00:00"/>
    <x v="3"/>
    <x v="2"/>
    <x v="451"/>
    <x v="12"/>
    <x v="1"/>
    <x v="13"/>
    <s v="Bush Advantage Collection Racetrack Conference Table"/>
    <n v="1272.6300000000001"/>
    <n v="6"/>
    <n v="-814.48"/>
  </r>
  <r>
    <d v="2016-04-22T00:00:00"/>
    <x v="3"/>
    <x v="2"/>
    <x v="451"/>
    <x v="12"/>
    <x v="0"/>
    <x v="3"/>
    <s v="Poly Designer Cover &amp; Back"/>
    <n v="28.49"/>
    <n v="5"/>
    <n v="-20.89"/>
  </r>
  <r>
    <d v="2016-04-22T00:00:00"/>
    <x v="3"/>
    <x v="2"/>
    <x v="451"/>
    <x v="12"/>
    <x v="0"/>
    <x v="14"/>
    <s v="Premier Electric Letter Opener"/>
    <n v="185.38"/>
    <n v="2"/>
    <n v="-34.76"/>
  </r>
  <r>
    <d v="2016-04-22T00:00:00"/>
    <x v="3"/>
    <x v="2"/>
    <x v="451"/>
    <x v="12"/>
    <x v="0"/>
    <x v="12"/>
    <s v="Fellowes Premier Superior Surge Suppressor, 10-Outlet, With Phone and Remote"/>
    <n v="78.27"/>
    <n v="2"/>
    <n v="5.87"/>
  </r>
  <r>
    <d v="2016-04-22T00:00:00"/>
    <x v="3"/>
    <x v="2"/>
    <x v="749"/>
    <x v="24"/>
    <x v="1"/>
    <x v="8"/>
    <s v="Eldon Advantage Chair Mats for Low to Medium Pile Carpets"/>
    <n v="86.62"/>
    <n v="2"/>
    <n v="8.66"/>
  </r>
  <r>
    <d v="2016-04-22T00:00:00"/>
    <x v="3"/>
    <x v="2"/>
    <x v="722"/>
    <x v="1"/>
    <x v="0"/>
    <x v="2"/>
    <s v="Pizazz Global Quick File"/>
    <n v="23.95"/>
    <n v="2"/>
    <n v="2.4"/>
  </r>
  <r>
    <d v="2016-04-22T00:00:00"/>
    <x v="3"/>
    <x v="2"/>
    <x v="194"/>
    <x v="3"/>
    <x v="1"/>
    <x v="8"/>
    <s v="Ultra Door Pull Handle"/>
    <n v="31.56"/>
    <n v="3"/>
    <n v="10.41"/>
  </r>
  <r>
    <d v="2016-04-22T00:00:00"/>
    <x v="3"/>
    <x v="2"/>
    <x v="13"/>
    <x v="20"/>
    <x v="0"/>
    <x v="4"/>
    <s v="Barrel Sharpener"/>
    <n v="32.130000000000003"/>
    <n v="9"/>
    <n v="8.35"/>
  </r>
  <r>
    <d v="2016-04-22T00:00:00"/>
    <x v="3"/>
    <x v="2"/>
    <x v="13"/>
    <x v="20"/>
    <x v="0"/>
    <x v="4"/>
    <s v="Newell 32"/>
    <n v="2.88"/>
    <n v="1"/>
    <n v="0.81"/>
  </r>
  <r>
    <d v="2016-04-23T00:00:00"/>
    <x v="3"/>
    <x v="2"/>
    <x v="271"/>
    <x v="3"/>
    <x v="0"/>
    <x v="3"/>
    <s v="Ibico Laser Imprintable Binding System Covers"/>
    <n v="251.52"/>
    <n v="6"/>
    <n v="81.739999999999995"/>
  </r>
  <r>
    <d v="2016-04-23T00:00:00"/>
    <x v="3"/>
    <x v="2"/>
    <x v="271"/>
    <x v="3"/>
    <x v="2"/>
    <x v="9"/>
    <s v="Logitech Wireless Headset h800"/>
    <n v="99.99"/>
    <n v="1"/>
    <n v="35"/>
  </r>
  <r>
    <d v="2016-04-23T00:00:00"/>
    <x v="3"/>
    <x v="2"/>
    <x v="252"/>
    <x v="25"/>
    <x v="0"/>
    <x v="0"/>
    <s v="Southworth 25% Cotton Linen-Finish Paper &amp; Envelopes"/>
    <n v="36.24"/>
    <n v="5"/>
    <n v="11.33"/>
  </r>
  <r>
    <d v="2016-04-23T00:00:00"/>
    <x v="3"/>
    <x v="2"/>
    <x v="655"/>
    <x v="10"/>
    <x v="0"/>
    <x v="0"/>
    <s v="Embossed Ink Jet Note Cards"/>
    <n v="108.34"/>
    <n v="6"/>
    <n v="37.92"/>
  </r>
  <r>
    <d v="2016-04-23T00:00:00"/>
    <x v="3"/>
    <x v="2"/>
    <x v="655"/>
    <x v="10"/>
    <x v="0"/>
    <x v="2"/>
    <s v="Eldon Fold 'N Roll Cart System"/>
    <n v="55.92"/>
    <n v="5"/>
    <n v="6.29"/>
  </r>
  <r>
    <d v="2016-04-23T00:00:00"/>
    <x v="3"/>
    <x v="2"/>
    <x v="655"/>
    <x v="10"/>
    <x v="0"/>
    <x v="0"/>
    <s v="Xerox 1942"/>
    <n v="78.3"/>
    <n v="2"/>
    <n v="29.36"/>
  </r>
  <r>
    <d v="2016-04-23T00:00:00"/>
    <x v="3"/>
    <x v="2"/>
    <x v="721"/>
    <x v="3"/>
    <x v="0"/>
    <x v="3"/>
    <s v="Recycled Pressboard Report Cover with Reinforced Top Hinge"/>
    <n v="18.09"/>
    <n v="7"/>
    <n v="6.56"/>
  </r>
  <r>
    <d v="2016-04-23T00:00:00"/>
    <x v="3"/>
    <x v="2"/>
    <x v="721"/>
    <x v="3"/>
    <x v="0"/>
    <x v="10"/>
    <s v="Recycled Interoffice Envelopes with String and Button Closure, 10 x 13"/>
    <n v="71.97"/>
    <n v="3"/>
    <n v="35.99"/>
  </r>
  <r>
    <d v="2016-04-24T00:00:00"/>
    <x v="3"/>
    <x v="2"/>
    <x v="683"/>
    <x v="0"/>
    <x v="2"/>
    <x v="9"/>
    <s v="Plantronics S12 Corded Telephone Headset System"/>
    <n v="258.7"/>
    <n v="3"/>
    <n v="64.67"/>
  </r>
  <r>
    <d v="2016-04-24T00:00:00"/>
    <x v="3"/>
    <x v="2"/>
    <x v="304"/>
    <x v="3"/>
    <x v="0"/>
    <x v="3"/>
    <s v="Cardinal Holdit Business Card Pockets"/>
    <n v="3.98"/>
    <n v="1"/>
    <n v="1.39"/>
  </r>
  <r>
    <d v="2016-04-24T00:00:00"/>
    <x v="3"/>
    <x v="2"/>
    <x v="750"/>
    <x v="26"/>
    <x v="0"/>
    <x v="0"/>
    <s v="Xerox 226"/>
    <n v="15.55"/>
    <n v="3"/>
    <n v="5.44"/>
  </r>
  <r>
    <d v="2016-04-24T00:00:00"/>
    <x v="3"/>
    <x v="2"/>
    <x v="750"/>
    <x v="26"/>
    <x v="1"/>
    <x v="5"/>
    <s v="SAFCO Arco Folding Chair"/>
    <n v="1325.76"/>
    <n v="6"/>
    <n v="149.15"/>
  </r>
  <r>
    <d v="2016-04-24T00:00:00"/>
    <x v="3"/>
    <x v="2"/>
    <x v="750"/>
    <x v="26"/>
    <x v="0"/>
    <x v="3"/>
    <s v="Wilson Jones Impact Binders"/>
    <n v="3.11"/>
    <n v="2"/>
    <n v="-2.1800000000000002"/>
  </r>
  <r>
    <d v="2016-04-25T00:00:00"/>
    <x v="3"/>
    <x v="2"/>
    <x v="315"/>
    <x v="2"/>
    <x v="2"/>
    <x v="6"/>
    <s v="AT&amp;T 841000 Phone"/>
    <n v="82.8"/>
    <n v="2"/>
    <n v="-20.7"/>
  </r>
  <r>
    <d v="2016-04-25T00:00:00"/>
    <x v="3"/>
    <x v="2"/>
    <x v="315"/>
    <x v="2"/>
    <x v="0"/>
    <x v="3"/>
    <s v="Ibico Recycled Grain-Textured Covers"/>
    <n v="20.72"/>
    <n v="2"/>
    <n v="-13.82"/>
  </r>
  <r>
    <d v="2016-04-25T00:00:00"/>
    <x v="3"/>
    <x v="2"/>
    <x v="315"/>
    <x v="2"/>
    <x v="0"/>
    <x v="3"/>
    <s v="Wilson Jones Custom Binder Spines &amp; Labels"/>
    <n v="4.9000000000000004"/>
    <n v="3"/>
    <n v="-3.43"/>
  </r>
  <r>
    <d v="2016-04-26T00:00:00"/>
    <x v="3"/>
    <x v="2"/>
    <x v="524"/>
    <x v="20"/>
    <x v="1"/>
    <x v="5"/>
    <s v="Office Star - Mid Back Dual function Ergonomic High Back Chair with 2-Way Adjustable Arms"/>
    <n v="434.65"/>
    <n v="3"/>
    <n v="62.78"/>
  </r>
  <r>
    <d v="2016-04-28T00:00:00"/>
    <x v="3"/>
    <x v="2"/>
    <x v="555"/>
    <x v="0"/>
    <x v="2"/>
    <x v="6"/>
    <s v="Nortel Meridian M3904 Professional Digital phone"/>
    <n v="369.58"/>
    <n v="3"/>
    <n v="41.58"/>
  </r>
  <r>
    <d v="2016-04-28T00:00:00"/>
    <x v="3"/>
    <x v="2"/>
    <x v="555"/>
    <x v="0"/>
    <x v="0"/>
    <x v="1"/>
    <s v="Avery 493"/>
    <n v="15.71"/>
    <n v="4"/>
    <n v="5.7"/>
  </r>
  <r>
    <d v="2016-04-28T00:00:00"/>
    <x v="3"/>
    <x v="2"/>
    <x v="200"/>
    <x v="26"/>
    <x v="0"/>
    <x v="0"/>
    <s v="Xerox 1881"/>
    <n v="29.47"/>
    <n v="3"/>
    <n v="9.9499999999999993"/>
  </r>
  <r>
    <d v="2016-04-28T00:00:00"/>
    <x v="3"/>
    <x v="2"/>
    <x v="731"/>
    <x v="3"/>
    <x v="1"/>
    <x v="5"/>
    <s v="Global Stack Chair without Arms, Black"/>
    <n v="41.57"/>
    <n v="2"/>
    <n v="2.6"/>
  </r>
  <r>
    <d v="2016-04-28T00:00:00"/>
    <x v="3"/>
    <x v="2"/>
    <x v="751"/>
    <x v="1"/>
    <x v="1"/>
    <x v="8"/>
    <s v="Eldon Delta Triangular Chair Mat, 52&quot; x 58&quot;, Clear"/>
    <n v="30.34"/>
    <n v="2"/>
    <n v="-31.86"/>
  </r>
  <r>
    <d v="2016-04-30T00:00:00"/>
    <x v="3"/>
    <x v="2"/>
    <x v="154"/>
    <x v="20"/>
    <x v="0"/>
    <x v="3"/>
    <s v="Tuff Stuff Recycled Round Ring Binders"/>
    <n v="7.71"/>
    <n v="2"/>
    <n v="2.8"/>
  </r>
  <r>
    <d v="2016-04-30T00:00:00"/>
    <x v="3"/>
    <x v="2"/>
    <x v="151"/>
    <x v="0"/>
    <x v="1"/>
    <x v="8"/>
    <s v="Flat Face Poster Frame"/>
    <n v="22.61"/>
    <n v="3"/>
    <n v="-10.17"/>
  </r>
  <r>
    <d v="2016-04-30T00:00:00"/>
    <x v="3"/>
    <x v="2"/>
    <x v="687"/>
    <x v="12"/>
    <x v="1"/>
    <x v="8"/>
    <s v="12-1/2 Diameter Round Wall Clock"/>
    <n v="111.89"/>
    <n v="7"/>
    <n v="22.38"/>
  </r>
  <r>
    <d v="2016-05-01T00:00:00"/>
    <x v="4"/>
    <x v="2"/>
    <x v="221"/>
    <x v="15"/>
    <x v="0"/>
    <x v="1"/>
    <s v="Avery 499"/>
    <n v="3.98"/>
    <n v="1"/>
    <n v="1.29"/>
  </r>
  <r>
    <d v="2016-05-01T00:00:00"/>
    <x v="4"/>
    <x v="2"/>
    <x v="221"/>
    <x v="15"/>
    <x v="1"/>
    <x v="13"/>
    <s v="Bevis 44 x 96 Conference Tables"/>
    <n v="370.62"/>
    <n v="3"/>
    <n v="-142.07"/>
  </r>
  <r>
    <d v="2016-05-01T00:00:00"/>
    <x v="4"/>
    <x v="2"/>
    <x v="221"/>
    <x v="15"/>
    <x v="0"/>
    <x v="3"/>
    <s v="Newell 3-Hole Punched Plastic Slotted Magazine Holders for Binders"/>
    <n v="2.74"/>
    <n v="2"/>
    <n v="-2.0099999999999998"/>
  </r>
  <r>
    <d v="2016-05-01T00:00:00"/>
    <x v="4"/>
    <x v="2"/>
    <x v="752"/>
    <x v="13"/>
    <x v="0"/>
    <x v="0"/>
    <s v="Xerox 1914"/>
    <n v="109.92"/>
    <n v="2"/>
    <n v="53.86"/>
  </r>
  <r>
    <d v="2016-05-01T00:00:00"/>
    <x v="4"/>
    <x v="2"/>
    <x v="752"/>
    <x v="13"/>
    <x v="0"/>
    <x v="0"/>
    <s v="Xerox 1994"/>
    <n v="19.440000000000001"/>
    <n v="3"/>
    <n v="9.33"/>
  </r>
  <r>
    <d v="2016-05-01T00:00:00"/>
    <x v="4"/>
    <x v="2"/>
    <x v="752"/>
    <x v="13"/>
    <x v="0"/>
    <x v="4"/>
    <s v="DIXON Ticonderoga Erasable Checking Pencils"/>
    <n v="11.16"/>
    <n v="2"/>
    <n v="4.3499999999999996"/>
  </r>
  <r>
    <d v="2016-05-02T00:00:00"/>
    <x v="4"/>
    <x v="2"/>
    <x v="741"/>
    <x v="0"/>
    <x v="0"/>
    <x v="4"/>
    <s v="Panasonic KP-380BK Classic Electric Pencil Sharpener"/>
    <n v="86.35"/>
    <n v="3"/>
    <n v="5.4"/>
  </r>
  <r>
    <d v="2016-05-02T00:00:00"/>
    <x v="4"/>
    <x v="2"/>
    <x v="204"/>
    <x v="20"/>
    <x v="0"/>
    <x v="2"/>
    <s v="Super Decoflex Portable Personal File"/>
    <n v="44.94"/>
    <n v="3"/>
    <n v="12.58"/>
  </r>
  <r>
    <d v="2016-05-02T00:00:00"/>
    <x v="4"/>
    <x v="2"/>
    <x v="204"/>
    <x v="20"/>
    <x v="0"/>
    <x v="3"/>
    <s v="Poly Designer Cover &amp; Back"/>
    <n v="45.58"/>
    <n v="3"/>
    <n v="15.95"/>
  </r>
  <r>
    <d v="2016-05-02T00:00:00"/>
    <x v="4"/>
    <x v="2"/>
    <x v="275"/>
    <x v="25"/>
    <x v="1"/>
    <x v="5"/>
    <s v="Global Stack Chair without Arms, Black"/>
    <n v="187.06"/>
    <n v="9"/>
    <n v="11.69"/>
  </r>
  <r>
    <d v="2016-05-02T00:00:00"/>
    <x v="4"/>
    <x v="2"/>
    <x v="423"/>
    <x v="0"/>
    <x v="0"/>
    <x v="2"/>
    <s v="Akro Stacking Bins"/>
    <n v="18.940000000000001"/>
    <n v="3"/>
    <n v="-3.79"/>
  </r>
  <r>
    <d v="2016-05-02T00:00:00"/>
    <x v="4"/>
    <x v="2"/>
    <x v="423"/>
    <x v="0"/>
    <x v="0"/>
    <x v="2"/>
    <s v="Sterilite Show Offs Storage Containers"/>
    <n v="12.67"/>
    <n v="3"/>
    <n v="-3.17"/>
  </r>
  <r>
    <d v="2016-05-02T00:00:00"/>
    <x v="4"/>
    <x v="2"/>
    <x v="423"/>
    <x v="0"/>
    <x v="0"/>
    <x v="1"/>
    <s v="Avery 502"/>
    <n v="5.04"/>
    <n v="2"/>
    <n v="1.76"/>
  </r>
  <r>
    <d v="2016-05-02T00:00:00"/>
    <x v="4"/>
    <x v="2"/>
    <x v="245"/>
    <x v="0"/>
    <x v="1"/>
    <x v="5"/>
    <s v="Office Star - Contemporary Task Swivel chair with Loop Arms, Charcoal"/>
    <n v="366.74"/>
    <n v="4"/>
    <n v="-110.02"/>
  </r>
  <r>
    <d v="2016-05-02T00:00:00"/>
    <x v="4"/>
    <x v="2"/>
    <x v="150"/>
    <x v="20"/>
    <x v="1"/>
    <x v="8"/>
    <s v="Eldon 200 Class Desk Accessories"/>
    <n v="12.56"/>
    <n v="2"/>
    <n v="4.0199999999999996"/>
  </r>
  <r>
    <d v="2016-05-02T00:00:00"/>
    <x v="4"/>
    <x v="2"/>
    <x v="150"/>
    <x v="20"/>
    <x v="0"/>
    <x v="3"/>
    <s v="Vinyl Sectional Post Binders"/>
    <n v="90.48"/>
    <n v="3"/>
    <n v="33.93"/>
  </r>
  <r>
    <d v="2016-05-02T00:00:00"/>
    <x v="4"/>
    <x v="2"/>
    <x v="150"/>
    <x v="20"/>
    <x v="0"/>
    <x v="0"/>
    <s v="Southworth Parchment Paper &amp; Envelopes"/>
    <n v="13.08"/>
    <n v="2"/>
    <n v="6.02"/>
  </r>
  <r>
    <d v="2016-05-02T00:00:00"/>
    <x v="4"/>
    <x v="2"/>
    <x v="150"/>
    <x v="20"/>
    <x v="1"/>
    <x v="8"/>
    <s v="Howard Miller 13&quot; Diameter Pewter Finish Round Wall Clock"/>
    <n v="214.7"/>
    <n v="5"/>
    <n v="83.73"/>
  </r>
  <r>
    <d v="2016-05-03T00:00:00"/>
    <x v="4"/>
    <x v="2"/>
    <x v="710"/>
    <x v="1"/>
    <x v="0"/>
    <x v="3"/>
    <s v="Heavy-Duty E-Z-D Binders"/>
    <n v="2.1800000000000002"/>
    <n v="1"/>
    <n v="-3.6"/>
  </r>
  <r>
    <d v="2016-05-03T00:00:00"/>
    <x v="4"/>
    <x v="2"/>
    <x v="710"/>
    <x v="1"/>
    <x v="0"/>
    <x v="4"/>
    <s v="Newell 316"/>
    <n v="27.38"/>
    <n v="7"/>
    <n v="2.74"/>
  </r>
  <r>
    <d v="2016-05-03T00:00:00"/>
    <x v="4"/>
    <x v="2"/>
    <x v="710"/>
    <x v="1"/>
    <x v="0"/>
    <x v="12"/>
    <s v="Acco Smartsocket Color-Coded Six-Outlet AC Adapter Model Surge Protectors"/>
    <n v="26.41"/>
    <n v="3"/>
    <n v="-71.3"/>
  </r>
  <r>
    <d v="2016-05-03T00:00:00"/>
    <x v="4"/>
    <x v="2"/>
    <x v="753"/>
    <x v="10"/>
    <x v="2"/>
    <x v="9"/>
    <s v="ImationÂ 16GB Mini TravelDrive USB 2.0Â Flash Drive"/>
    <n v="132.52000000000001"/>
    <n v="5"/>
    <n v="34.79"/>
  </r>
  <r>
    <d v="2016-05-03T00:00:00"/>
    <x v="4"/>
    <x v="2"/>
    <x v="753"/>
    <x v="10"/>
    <x v="0"/>
    <x v="2"/>
    <s v="Tennsco Industrial Shelving"/>
    <n v="195.64"/>
    <n v="5"/>
    <n v="-44.02"/>
  </r>
  <r>
    <d v="2016-05-03T00:00:00"/>
    <x v="4"/>
    <x v="2"/>
    <x v="753"/>
    <x v="10"/>
    <x v="1"/>
    <x v="8"/>
    <s v="Computer Room Manger, 14&quot;"/>
    <n v="51.97"/>
    <n v="2"/>
    <n v="10.39"/>
  </r>
  <r>
    <d v="2016-05-03T00:00:00"/>
    <x v="4"/>
    <x v="2"/>
    <x v="753"/>
    <x v="10"/>
    <x v="2"/>
    <x v="9"/>
    <s v="LogitechÂ VX Revolution Cordless Laser Mouse for Notebooks (Black)"/>
    <n v="431.98"/>
    <n v="3"/>
    <n v="-75.599999999999994"/>
  </r>
  <r>
    <d v="2016-05-03T00:00:00"/>
    <x v="4"/>
    <x v="2"/>
    <x v="753"/>
    <x v="10"/>
    <x v="2"/>
    <x v="15"/>
    <s v="Cisco 8961 IP Phone Charcoal"/>
    <n v="224.94"/>
    <n v="3"/>
    <n v="-164.95"/>
  </r>
  <r>
    <d v="2016-05-03T00:00:00"/>
    <x v="4"/>
    <x v="2"/>
    <x v="753"/>
    <x v="10"/>
    <x v="0"/>
    <x v="1"/>
    <s v="Avery 496"/>
    <n v="6"/>
    <n v="2"/>
    <n v="2.1"/>
  </r>
  <r>
    <d v="2016-05-05T00:00:00"/>
    <x v="4"/>
    <x v="2"/>
    <x v="11"/>
    <x v="5"/>
    <x v="0"/>
    <x v="0"/>
    <s v="Xerox 1909"/>
    <n v="79.14"/>
    <n v="3"/>
    <n v="36.4"/>
  </r>
  <r>
    <d v="2016-05-05T00:00:00"/>
    <x v="4"/>
    <x v="2"/>
    <x v="225"/>
    <x v="15"/>
    <x v="0"/>
    <x v="0"/>
    <s v="Xerox 1965"/>
    <n v="14.35"/>
    <n v="3"/>
    <n v="5.2"/>
  </r>
  <r>
    <d v="2016-05-05T00:00:00"/>
    <x v="4"/>
    <x v="2"/>
    <x v="429"/>
    <x v="3"/>
    <x v="0"/>
    <x v="2"/>
    <s v="Perma STOR-ALL Hanging File Box, 13 1/8&quot;W x 12 1/4&quot;D x 10 1/2&quot;H"/>
    <n v="5.98"/>
    <n v="1"/>
    <n v="1.02"/>
  </r>
  <r>
    <d v="2016-05-05T00:00:00"/>
    <x v="4"/>
    <x v="2"/>
    <x v="429"/>
    <x v="3"/>
    <x v="2"/>
    <x v="6"/>
    <s v="Cisco Small Business SPA 502G VoIP phone"/>
    <n v="246.17"/>
    <n v="3"/>
    <n v="21.54"/>
  </r>
  <r>
    <d v="2016-05-05T00:00:00"/>
    <x v="4"/>
    <x v="2"/>
    <x v="406"/>
    <x v="3"/>
    <x v="0"/>
    <x v="3"/>
    <s v="Computer Printout Index Tabs"/>
    <n v="6.72"/>
    <n v="5"/>
    <n v="2.35"/>
  </r>
  <r>
    <d v="2016-05-05T00:00:00"/>
    <x v="4"/>
    <x v="2"/>
    <x v="406"/>
    <x v="3"/>
    <x v="1"/>
    <x v="13"/>
    <s v="Bevis 36 x 72 Conference Tables"/>
    <n v="298.77999999999997"/>
    <n v="3"/>
    <n v="7.47"/>
  </r>
  <r>
    <d v="2016-05-05T00:00:00"/>
    <x v="4"/>
    <x v="2"/>
    <x v="368"/>
    <x v="15"/>
    <x v="1"/>
    <x v="8"/>
    <s v="Eldon Image Series Desk Accessories, Burgundy"/>
    <n v="16.72"/>
    <n v="5"/>
    <n v="3.34"/>
  </r>
  <r>
    <d v="2016-05-05T00:00:00"/>
    <x v="4"/>
    <x v="2"/>
    <x v="596"/>
    <x v="3"/>
    <x v="1"/>
    <x v="13"/>
    <s v="Hon 61000 Series Interactive Training Tables"/>
    <n v="71.09"/>
    <n v="2"/>
    <n v="-1.78"/>
  </r>
  <r>
    <d v="2016-05-05T00:00:00"/>
    <x v="4"/>
    <x v="2"/>
    <x v="754"/>
    <x v="17"/>
    <x v="1"/>
    <x v="13"/>
    <s v="Global Adaptabilities Conference Tables"/>
    <n v="1685.88"/>
    <n v="6"/>
    <n v="320.32"/>
  </r>
  <r>
    <d v="2016-05-05T00:00:00"/>
    <x v="4"/>
    <x v="2"/>
    <x v="754"/>
    <x v="17"/>
    <x v="0"/>
    <x v="3"/>
    <s v="Avery Poly Binder Pockets"/>
    <n v="5.73"/>
    <n v="2"/>
    <n v="2"/>
  </r>
  <r>
    <d v="2016-05-05T00:00:00"/>
    <x v="4"/>
    <x v="2"/>
    <x v="81"/>
    <x v="16"/>
    <x v="0"/>
    <x v="0"/>
    <s v="Snap-A-Way Black Print Carbonless Speed Message, No Reply Area, Duplicate"/>
    <n v="93.25"/>
    <n v="4"/>
    <n v="31.47"/>
  </r>
  <r>
    <d v="2016-05-05T00:00:00"/>
    <x v="4"/>
    <x v="2"/>
    <x v="81"/>
    <x v="16"/>
    <x v="2"/>
    <x v="6"/>
    <s v="Avaya 4621SW VoIP phone"/>
    <n v="177.48"/>
    <n v="3"/>
    <n v="19.97"/>
  </r>
  <r>
    <d v="2016-05-06T00:00:00"/>
    <x v="4"/>
    <x v="2"/>
    <x v="671"/>
    <x v="10"/>
    <x v="0"/>
    <x v="7"/>
    <s v="Advantus T-Pin Paper Clips"/>
    <n v="7.22"/>
    <n v="2"/>
    <n v="1.71"/>
  </r>
  <r>
    <d v="2016-05-06T00:00:00"/>
    <x v="4"/>
    <x v="2"/>
    <x v="671"/>
    <x v="10"/>
    <x v="0"/>
    <x v="0"/>
    <s v="Xerox 1951"/>
    <n v="49.57"/>
    <n v="2"/>
    <n v="15.49"/>
  </r>
  <r>
    <d v="2016-05-06T00:00:00"/>
    <x v="4"/>
    <x v="2"/>
    <x v="671"/>
    <x v="10"/>
    <x v="1"/>
    <x v="8"/>
    <s v="DAX Solid Wood Frames"/>
    <n v="54.71"/>
    <n v="7"/>
    <n v="11.63"/>
  </r>
  <r>
    <d v="2016-05-06T00:00:00"/>
    <x v="4"/>
    <x v="2"/>
    <x v="721"/>
    <x v="1"/>
    <x v="0"/>
    <x v="3"/>
    <s v="Insertable Tab Post Binder Dividers"/>
    <n v="3.21"/>
    <n v="2"/>
    <n v="-5.29"/>
  </r>
  <r>
    <d v="2016-05-06T00:00:00"/>
    <x v="4"/>
    <x v="2"/>
    <x v="721"/>
    <x v="1"/>
    <x v="2"/>
    <x v="9"/>
    <s v="Logitech Desktop MK120 Mouse and keyboard Combo"/>
    <n v="26.18"/>
    <n v="2"/>
    <n v="-3.27"/>
  </r>
  <r>
    <d v="2016-05-06T00:00:00"/>
    <x v="4"/>
    <x v="2"/>
    <x v="671"/>
    <x v="24"/>
    <x v="0"/>
    <x v="12"/>
    <s v="Belkin 5 Outlet SurgeMaster Power Centers"/>
    <n v="54.48"/>
    <n v="1"/>
    <n v="15.25"/>
  </r>
  <r>
    <d v="2016-05-06T00:00:00"/>
    <x v="4"/>
    <x v="2"/>
    <x v="344"/>
    <x v="3"/>
    <x v="1"/>
    <x v="8"/>
    <s v="Executive Impressions 8-1/2&quot; Career Panel/Partition Cubicle Clock"/>
    <n v="41.6"/>
    <n v="4"/>
    <n v="14.14"/>
  </r>
  <r>
    <d v="2016-05-07T00:00:00"/>
    <x v="4"/>
    <x v="2"/>
    <x v="740"/>
    <x v="20"/>
    <x v="0"/>
    <x v="3"/>
    <s v="GBC Twin Loop Wire Binding Elements, 9/16&quot; Spine, Black"/>
    <n v="85.23"/>
    <n v="7"/>
    <n v="30.9"/>
  </r>
  <r>
    <d v="2016-05-07T00:00:00"/>
    <x v="4"/>
    <x v="2"/>
    <x v="740"/>
    <x v="20"/>
    <x v="0"/>
    <x v="1"/>
    <s v="Alphabetical Labels for Top Tab Filing"/>
    <n v="44.4"/>
    <n v="3"/>
    <n v="22.2"/>
  </r>
  <r>
    <d v="2016-05-07T00:00:00"/>
    <x v="4"/>
    <x v="2"/>
    <x v="740"/>
    <x v="20"/>
    <x v="1"/>
    <x v="5"/>
    <s v="Hon Mobius Operator's Chair"/>
    <n v="442.76"/>
    <n v="4"/>
    <n v="59.04"/>
  </r>
  <r>
    <d v="2016-05-07T00:00:00"/>
    <x v="4"/>
    <x v="2"/>
    <x v="740"/>
    <x v="20"/>
    <x v="2"/>
    <x v="15"/>
    <s v="Bady BDG101FRU Card Printer"/>
    <n v="3999.95"/>
    <n v="5"/>
    <n v="1159.99"/>
  </r>
  <r>
    <d v="2016-05-07T00:00:00"/>
    <x v="4"/>
    <x v="2"/>
    <x v="740"/>
    <x v="20"/>
    <x v="2"/>
    <x v="9"/>
    <s v="SanDisk Ultra 64 GB MicroSDHC Class 10 Memory Card"/>
    <n v="199.95"/>
    <n v="5"/>
    <n v="21.99"/>
  </r>
  <r>
    <d v="2016-05-07T00:00:00"/>
    <x v="4"/>
    <x v="2"/>
    <x v="740"/>
    <x v="20"/>
    <x v="1"/>
    <x v="8"/>
    <s v="Staple-based wall hangings"/>
    <n v="63.68"/>
    <n v="8"/>
    <n v="28.02"/>
  </r>
  <r>
    <d v="2016-05-08T00:00:00"/>
    <x v="4"/>
    <x v="2"/>
    <x v="169"/>
    <x v="7"/>
    <x v="1"/>
    <x v="8"/>
    <s v="Tenex 46&quot; x 60&quot; Computer Anti-Static Chairmat, Rectangular Shaped"/>
    <n v="211.96"/>
    <n v="2"/>
    <n v="42.39"/>
  </r>
  <r>
    <d v="2016-05-08T00:00:00"/>
    <x v="4"/>
    <x v="2"/>
    <x v="68"/>
    <x v="10"/>
    <x v="0"/>
    <x v="2"/>
    <s v="Smead Adjustable Mobile File Trolley with Lockable Top"/>
    <n v="1006.06"/>
    <n v="3"/>
    <n v="88.03"/>
  </r>
  <r>
    <d v="2016-05-08T00:00:00"/>
    <x v="4"/>
    <x v="2"/>
    <x v="68"/>
    <x v="10"/>
    <x v="0"/>
    <x v="0"/>
    <s v="Xerox 1898"/>
    <n v="10.69"/>
    <n v="2"/>
    <n v="3.74"/>
  </r>
  <r>
    <d v="2016-05-08T00:00:00"/>
    <x v="4"/>
    <x v="2"/>
    <x v="68"/>
    <x v="10"/>
    <x v="0"/>
    <x v="0"/>
    <s v="Xerox 222"/>
    <n v="10.37"/>
    <n v="2"/>
    <n v="3.63"/>
  </r>
  <r>
    <d v="2016-05-08T00:00:00"/>
    <x v="4"/>
    <x v="2"/>
    <x v="68"/>
    <x v="10"/>
    <x v="0"/>
    <x v="2"/>
    <s v="Hanging Personal Folder File"/>
    <n v="25.12"/>
    <n v="2"/>
    <n v="1.57"/>
  </r>
  <r>
    <d v="2016-05-08T00:00:00"/>
    <x v="4"/>
    <x v="2"/>
    <x v="68"/>
    <x v="10"/>
    <x v="2"/>
    <x v="9"/>
    <s v="SanDisk Cruzer 64 GB USB Flash Drive"/>
    <n v="58.11"/>
    <n v="2"/>
    <n v="7.26"/>
  </r>
  <r>
    <d v="2016-05-08T00:00:00"/>
    <x v="4"/>
    <x v="2"/>
    <x v="335"/>
    <x v="3"/>
    <x v="0"/>
    <x v="0"/>
    <s v="Xerox 1920"/>
    <n v="17.940000000000001"/>
    <n v="3"/>
    <n v="8.07"/>
  </r>
  <r>
    <d v="2016-05-09T00:00:00"/>
    <x v="4"/>
    <x v="2"/>
    <x v="331"/>
    <x v="22"/>
    <x v="2"/>
    <x v="9"/>
    <s v="Sony Micro Vault Click 8 GB USB 2.0 Flash Drive"/>
    <n v="93.98"/>
    <n v="2"/>
    <n v="13.16"/>
  </r>
  <r>
    <d v="2016-05-09T00:00:00"/>
    <x v="4"/>
    <x v="2"/>
    <x v="621"/>
    <x v="2"/>
    <x v="0"/>
    <x v="10"/>
    <s v="Staple envelope"/>
    <n v="9.34"/>
    <n v="1"/>
    <n v="3.5"/>
  </r>
  <r>
    <d v="2016-05-09T00:00:00"/>
    <x v="4"/>
    <x v="2"/>
    <x v="621"/>
    <x v="2"/>
    <x v="0"/>
    <x v="4"/>
    <s v="Newell 319"/>
    <n v="79.36"/>
    <n v="5"/>
    <n v="9.92"/>
  </r>
  <r>
    <d v="2016-05-09T00:00:00"/>
    <x v="4"/>
    <x v="2"/>
    <x v="152"/>
    <x v="20"/>
    <x v="0"/>
    <x v="4"/>
    <s v="Sanford Pocket Accent Highlighters"/>
    <n v="8"/>
    <n v="5"/>
    <n v="3.44"/>
  </r>
  <r>
    <d v="2016-05-09T00:00:00"/>
    <x v="4"/>
    <x v="2"/>
    <x v="332"/>
    <x v="3"/>
    <x v="0"/>
    <x v="0"/>
    <s v="TOPS Money Receipt Book, Consecutively Numbered in Red,"/>
    <n v="32.04"/>
    <n v="4"/>
    <n v="14.42"/>
  </r>
  <r>
    <d v="2016-05-09T00:00:00"/>
    <x v="4"/>
    <x v="2"/>
    <x v="2"/>
    <x v="0"/>
    <x v="2"/>
    <x v="6"/>
    <s v="I Need's 3d Hello Kitty Hybrid Silicone Case Cover for HTC One X 4g with 3d Hello Kitty Stylus Pen Green/pink"/>
    <n v="19.14"/>
    <n v="2"/>
    <n v="1.91"/>
  </r>
  <r>
    <d v="2016-05-09T00:00:00"/>
    <x v="4"/>
    <x v="2"/>
    <x v="433"/>
    <x v="6"/>
    <x v="0"/>
    <x v="4"/>
    <s v="4009 Highlighters by Sanford"/>
    <n v="27.86"/>
    <n v="7"/>
    <n v="9.19"/>
  </r>
  <r>
    <d v="2016-05-09T00:00:00"/>
    <x v="4"/>
    <x v="2"/>
    <x v="755"/>
    <x v="0"/>
    <x v="0"/>
    <x v="2"/>
    <s v="Hot File 7-Pocket, Floor Stand"/>
    <n v="856.66"/>
    <n v="6"/>
    <n v="107.08"/>
  </r>
  <r>
    <d v="2016-05-09T00:00:00"/>
    <x v="4"/>
    <x v="2"/>
    <x v="755"/>
    <x v="0"/>
    <x v="0"/>
    <x v="3"/>
    <s v="Ibico Standard Transparent Covers"/>
    <n v="13.18"/>
    <n v="4"/>
    <n v="-20.440000000000001"/>
  </r>
  <r>
    <d v="2016-05-09T00:00:00"/>
    <x v="4"/>
    <x v="2"/>
    <x v="755"/>
    <x v="0"/>
    <x v="0"/>
    <x v="12"/>
    <s v="Euro Pro Shark Stick Mini Vacuum"/>
    <n v="48.78"/>
    <n v="4"/>
    <n v="-131.72"/>
  </r>
  <r>
    <d v="2016-05-09T00:00:00"/>
    <x v="4"/>
    <x v="2"/>
    <x v="755"/>
    <x v="0"/>
    <x v="0"/>
    <x v="0"/>
    <s v="Xerox 1911"/>
    <n v="76.64"/>
    <n v="2"/>
    <n v="26.82"/>
  </r>
  <r>
    <d v="2016-05-09T00:00:00"/>
    <x v="4"/>
    <x v="2"/>
    <x v="755"/>
    <x v="0"/>
    <x v="0"/>
    <x v="3"/>
    <s v="GBC VeloBind Cover Sets"/>
    <n v="18.53"/>
    <n v="6"/>
    <n v="-27.79"/>
  </r>
  <r>
    <d v="2016-05-10T00:00:00"/>
    <x v="4"/>
    <x v="2"/>
    <x v="310"/>
    <x v="22"/>
    <x v="0"/>
    <x v="0"/>
    <s v="Xerox 1965"/>
    <n v="11.96"/>
    <n v="2"/>
    <n v="5.86"/>
  </r>
  <r>
    <d v="2016-05-10T00:00:00"/>
    <x v="4"/>
    <x v="2"/>
    <x v="431"/>
    <x v="2"/>
    <x v="2"/>
    <x v="6"/>
    <s v="ClearOne CHATAttach 160 -Â speaker phone"/>
    <n v="743.99"/>
    <n v="2"/>
    <n v="-124"/>
  </r>
  <r>
    <d v="2016-05-10T00:00:00"/>
    <x v="4"/>
    <x v="2"/>
    <x v="344"/>
    <x v="1"/>
    <x v="0"/>
    <x v="10"/>
    <s v="Grip Seal Envelopes"/>
    <n v="7.07"/>
    <n v="2"/>
    <n v="2.39"/>
  </r>
  <r>
    <d v="2016-05-11T00:00:00"/>
    <x v="4"/>
    <x v="2"/>
    <x v="207"/>
    <x v="3"/>
    <x v="0"/>
    <x v="0"/>
    <s v="Xerox 1920"/>
    <n v="5.98"/>
    <n v="1"/>
    <n v="2.69"/>
  </r>
  <r>
    <d v="2016-05-12T00:00:00"/>
    <x v="4"/>
    <x v="2"/>
    <x v="422"/>
    <x v="6"/>
    <x v="0"/>
    <x v="4"/>
    <s v="Rogers Handheld Barrel Pencil Sharpener"/>
    <n v="10.96"/>
    <n v="4"/>
    <n v="2.96"/>
  </r>
  <r>
    <d v="2016-05-12T00:00:00"/>
    <x v="4"/>
    <x v="2"/>
    <x v="76"/>
    <x v="2"/>
    <x v="0"/>
    <x v="2"/>
    <s v="Belkin 19&quot; Vented Equipment Shelf, Black"/>
    <n v="82.37"/>
    <n v="2"/>
    <n v="-19.559999999999999"/>
  </r>
  <r>
    <d v="2016-05-12T00:00:00"/>
    <x v="4"/>
    <x v="2"/>
    <x v="747"/>
    <x v="22"/>
    <x v="0"/>
    <x v="10"/>
    <s v="Manila Recycled Extra-Heavyweight Clasp Envelopes, 6&quot; x 9&quot;"/>
    <n v="54.9"/>
    <n v="5"/>
    <n v="26.9"/>
  </r>
  <r>
    <d v="2016-05-12T00:00:00"/>
    <x v="4"/>
    <x v="2"/>
    <x v="312"/>
    <x v="20"/>
    <x v="1"/>
    <x v="8"/>
    <s v="OIC Stacking Trays"/>
    <n v="10.02"/>
    <n v="3"/>
    <n v="4.41"/>
  </r>
  <r>
    <d v="2016-05-12T00:00:00"/>
    <x v="4"/>
    <x v="2"/>
    <x v="312"/>
    <x v="20"/>
    <x v="2"/>
    <x v="6"/>
    <s v="Jawbone JAMBOX Wireless Bluetooth Speaker"/>
    <n v="631.96"/>
    <n v="4"/>
    <n v="303.33999999999997"/>
  </r>
  <r>
    <d v="2016-05-12T00:00:00"/>
    <x v="4"/>
    <x v="2"/>
    <x v="98"/>
    <x v="3"/>
    <x v="2"/>
    <x v="9"/>
    <s v="Memorex Mini Travel Drive 32 GB USB 2.0 Flash Drive"/>
    <n v="120"/>
    <n v="6"/>
    <n v="46.8"/>
  </r>
  <r>
    <d v="2016-05-12T00:00:00"/>
    <x v="4"/>
    <x v="2"/>
    <x v="98"/>
    <x v="3"/>
    <x v="0"/>
    <x v="12"/>
    <s v="Staple holder"/>
    <n v="8.67"/>
    <n v="1"/>
    <n v="2.34"/>
  </r>
  <r>
    <d v="2016-05-14T00:00:00"/>
    <x v="4"/>
    <x v="2"/>
    <x v="564"/>
    <x v="10"/>
    <x v="1"/>
    <x v="8"/>
    <s v="GE 48&quot; Fluorescent Tube, Cool White Energy Saver, 34 Watts, 30/Box"/>
    <n v="79.38"/>
    <n v="1"/>
    <n v="29.77"/>
  </r>
  <r>
    <d v="2016-05-14T00:00:00"/>
    <x v="4"/>
    <x v="2"/>
    <x v="521"/>
    <x v="16"/>
    <x v="0"/>
    <x v="3"/>
    <s v="GBC DocuBind P50 Personal Binding Machine"/>
    <n v="57.58"/>
    <n v="3"/>
    <n v="-44.15"/>
  </r>
  <r>
    <d v="2016-05-14T00:00:00"/>
    <x v="4"/>
    <x v="2"/>
    <x v="521"/>
    <x v="16"/>
    <x v="0"/>
    <x v="0"/>
    <s v="Xerox 23"/>
    <n v="31.1"/>
    <n v="6"/>
    <n v="10.89"/>
  </r>
  <r>
    <d v="2016-05-14T00:00:00"/>
    <x v="4"/>
    <x v="2"/>
    <x v="521"/>
    <x v="16"/>
    <x v="1"/>
    <x v="8"/>
    <s v="DAX Copper Panel Document Frame, 5 x 7 Size"/>
    <n v="30.19"/>
    <n v="3"/>
    <n v="8.3000000000000007"/>
  </r>
  <r>
    <d v="2016-05-14T00:00:00"/>
    <x v="4"/>
    <x v="2"/>
    <x v="521"/>
    <x v="16"/>
    <x v="2"/>
    <x v="6"/>
    <s v="LF Elite 3D Dazzle Designer Hard Case Cover, Lf Stylus Pen and Wiper For Apple Iphone 5c Mini Lite"/>
    <n v="43.6"/>
    <n v="5"/>
    <n v="4.3600000000000003"/>
  </r>
  <r>
    <d v="2016-05-14T00:00:00"/>
    <x v="4"/>
    <x v="2"/>
    <x v="521"/>
    <x v="16"/>
    <x v="0"/>
    <x v="4"/>
    <s v="Dixon Ticonderoga Pencils"/>
    <n v="4.7699999999999996"/>
    <n v="2"/>
    <n v="0.42"/>
  </r>
  <r>
    <d v="2016-05-14T00:00:00"/>
    <x v="4"/>
    <x v="2"/>
    <x v="521"/>
    <x v="16"/>
    <x v="0"/>
    <x v="3"/>
    <s v="Wilson Jones International Size A4 Ring Binders"/>
    <n v="10.38"/>
    <n v="2"/>
    <n v="-7.61"/>
  </r>
  <r>
    <d v="2016-05-14T00:00:00"/>
    <x v="4"/>
    <x v="2"/>
    <x v="521"/>
    <x v="16"/>
    <x v="0"/>
    <x v="3"/>
    <s v="Avery Heavy-Duty EZD  Binder With Locking Rings"/>
    <n v="13.39"/>
    <n v="8"/>
    <n v="-9.82"/>
  </r>
  <r>
    <d v="2016-05-14T00:00:00"/>
    <x v="4"/>
    <x v="2"/>
    <x v="495"/>
    <x v="12"/>
    <x v="2"/>
    <x v="9"/>
    <s v="ImationÂ 16GB Mini TravelDrive USB 2.0Â Flash Drive"/>
    <n v="185.53"/>
    <n v="7"/>
    <n v="48.7"/>
  </r>
  <r>
    <d v="2016-05-15T00:00:00"/>
    <x v="4"/>
    <x v="2"/>
    <x v="188"/>
    <x v="29"/>
    <x v="0"/>
    <x v="3"/>
    <s v="GBC DocuBind P50 Personal Binding Machine"/>
    <n v="511.84"/>
    <n v="8"/>
    <n v="240.56"/>
  </r>
  <r>
    <d v="2016-05-15T00:00:00"/>
    <x v="4"/>
    <x v="2"/>
    <x v="188"/>
    <x v="29"/>
    <x v="0"/>
    <x v="4"/>
    <s v="Boston KS Multi-Size Manual Pencil Sharpener"/>
    <n v="91.96"/>
    <n v="4"/>
    <n v="25.75"/>
  </r>
  <r>
    <d v="2016-05-15T00:00:00"/>
    <x v="4"/>
    <x v="2"/>
    <x v="188"/>
    <x v="29"/>
    <x v="0"/>
    <x v="4"/>
    <s v="Newell 344"/>
    <n v="8.34"/>
    <n v="3"/>
    <n v="2.17"/>
  </r>
  <r>
    <d v="2016-05-15T00:00:00"/>
    <x v="4"/>
    <x v="2"/>
    <x v="426"/>
    <x v="20"/>
    <x v="0"/>
    <x v="3"/>
    <s v="Binder Posts"/>
    <n v="13.78"/>
    <n v="3"/>
    <n v="4.4800000000000004"/>
  </r>
  <r>
    <d v="2016-05-15T00:00:00"/>
    <x v="4"/>
    <x v="2"/>
    <x v="0"/>
    <x v="16"/>
    <x v="0"/>
    <x v="3"/>
    <s v="GBC Instant Report Kit"/>
    <n v="7.76"/>
    <n v="4"/>
    <n v="-5.18"/>
  </r>
  <r>
    <d v="2016-05-15T00:00:00"/>
    <x v="4"/>
    <x v="2"/>
    <x v="46"/>
    <x v="10"/>
    <x v="0"/>
    <x v="0"/>
    <s v="TOPS Voice Message Log Book, Flash Format"/>
    <n v="15.23"/>
    <n v="4"/>
    <n v="5.52"/>
  </r>
  <r>
    <d v="2016-05-16T00:00:00"/>
    <x v="4"/>
    <x v="2"/>
    <x v="728"/>
    <x v="37"/>
    <x v="0"/>
    <x v="2"/>
    <s v="SAFCO Commercial Wire Shelving, Black"/>
    <n v="552.55999999999995"/>
    <n v="4"/>
    <n v="0"/>
  </r>
  <r>
    <d v="2016-05-16T00:00:00"/>
    <x v="4"/>
    <x v="2"/>
    <x v="445"/>
    <x v="3"/>
    <x v="0"/>
    <x v="0"/>
    <s v="Xerox 196"/>
    <n v="17.34"/>
    <n v="3"/>
    <n v="8.5"/>
  </r>
  <r>
    <d v="2016-05-16T00:00:00"/>
    <x v="4"/>
    <x v="2"/>
    <x v="42"/>
    <x v="3"/>
    <x v="1"/>
    <x v="8"/>
    <s v="Tenex Carpeted, Granite-Look or Clear Contemporary Contour Shape Chair Mats"/>
    <n v="282.83999999999997"/>
    <n v="4"/>
    <n v="19.8"/>
  </r>
  <r>
    <d v="2016-05-16T00:00:00"/>
    <x v="4"/>
    <x v="2"/>
    <x v="42"/>
    <x v="3"/>
    <x v="0"/>
    <x v="1"/>
    <s v="Avery 481"/>
    <n v="27.72"/>
    <n v="9"/>
    <n v="13.31"/>
  </r>
  <r>
    <d v="2016-05-17T00:00:00"/>
    <x v="4"/>
    <x v="2"/>
    <x v="132"/>
    <x v="16"/>
    <x v="0"/>
    <x v="3"/>
    <s v="Pressboard Hanging Data Binders for Unburst Sheets"/>
    <n v="2.95"/>
    <n v="2"/>
    <n v="-2.16"/>
  </r>
  <r>
    <d v="2016-05-17T00:00:00"/>
    <x v="4"/>
    <x v="2"/>
    <x v="132"/>
    <x v="16"/>
    <x v="0"/>
    <x v="3"/>
    <s v="GBC Prepunched Paper, 19-Hole, for Binding Systems, 24-lb"/>
    <n v="27.02"/>
    <n v="6"/>
    <n v="-21.61"/>
  </r>
  <r>
    <d v="2016-05-17T00:00:00"/>
    <x v="4"/>
    <x v="2"/>
    <x v="316"/>
    <x v="37"/>
    <x v="0"/>
    <x v="14"/>
    <s v="Acme Forged Steel Scissors with Black Enamel Handles"/>
    <n v="65.17"/>
    <n v="7"/>
    <n v="18.899999999999999"/>
  </r>
  <r>
    <d v="2016-05-17T00:00:00"/>
    <x v="4"/>
    <x v="2"/>
    <x v="316"/>
    <x v="37"/>
    <x v="0"/>
    <x v="1"/>
    <s v="Avery 519"/>
    <n v="14.62"/>
    <n v="2"/>
    <n v="6.87"/>
  </r>
  <r>
    <d v="2016-05-17T00:00:00"/>
    <x v="4"/>
    <x v="2"/>
    <x v="316"/>
    <x v="37"/>
    <x v="1"/>
    <x v="8"/>
    <s v="Eldon Advantage Chair Mats for Low to Medium Pile Carpets"/>
    <n v="173.24"/>
    <n v="4"/>
    <n v="17.32"/>
  </r>
  <r>
    <d v="2016-05-17T00:00:00"/>
    <x v="4"/>
    <x v="2"/>
    <x v="399"/>
    <x v="1"/>
    <x v="0"/>
    <x v="3"/>
    <s v="Acco Recycled 2&quot; Capacity Laser Printer Hanging Data Binders"/>
    <n v="2.89"/>
    <n v="1"/>
    <n v="-4.7699999999999996"/>
  </r>
  <r>
    <d v="2016-05-17T00:00:00"/>
    <x v="4"/>
    <x v="2"/>
    <x v="399"/>
    <x v="1"/>
    <x v="0"/>
    <x v="7"/>
    <s v="Acco Hot Clips Clips to Go"/>
    <n v="7.9"/>
    <n v="3"/>
    <n v="2.4700000000000002"/>
  </r>
  <r>
    <d v="2016-05-17T00:00:00"/>
    <x v="4"/>
    <x v="2"/>
    <x v="399"/>
    <x v="1"/>
    <x v="1"/>
    <x v="8"/>
    <s v="Flat Face Poster Frame"/>
    <n v="22.61"/>
    <n v="3"/>
    <n v="-10.17"/>
  </r>
  <r>
    <d v="2016-05-17T00:00:00"/>
    <x v="4"/>
    <x v="2"/>
    <x v="399"/>
    <x v="1"/>
    <x v="0"/>
    <x v="0"/>
    <s v="Wirebound Message Books, Four 2 3/4 x 5 Forms per Page, 200 Sets per Book"/>
    <n v="30.53"/>
    <n v="8"/>
    <n v="9.5399999999999991"/>
  </r>
  <r>
    <d v="2016-05-18T00:00:00"/>
    <x v="4"/>
    <x v="2"/>
    <x v="34"/>
    <x v="3"/>
    <x v="0"/>
    <x v="2"/>
    <s v="Home/Office Personal File Carts"/>
    <n v="104.28"/>
    <n v="3"/>
    <n v="26.07"/>
  </r>
  <r>
    <d v="2016-05-18T00:00:00"/>
    <x v="4"/>
    <x v="2"/>
    <x v="34"/>
    <x v="3"/>
    <x v="0"/>
    <x v="0"/>
    <s v="Universal Premium White Copier/Laser Paper (20Lb. and 87 Bright)"/>
    <n v="17.940000000000001"/>
    <n v="3"/>
    <n v="8.7899999999999991"/>
  </r>
  <r>
    <d v="2016-05-19T00:00:00"/>
    <x v="4"/>
    <x v="2"/>
    <x v="224"/>
    <x v="6"/>
    <x v="1"/>
    <x v="5"/>
    <s v="Hon 4070 Series Pagoda Round Back Stacking Chairs"/>
    <n v="641.96"/>
    <n v="2"/>
    <n v="179.75"/>
  </r>
  <r>
    <d v="2016-05-19T00:00:00"/>
    <x v="4"/>
    <x v="2"/>
    <x v="84"/>
    <x v="20"/>
    <x v="0"/>
    <x v="12"/>
    <s v="Belkin Premiere Surge Master II 8-outlet surge protector"/>
    <n v="242.9"/>
    <n v="5"/>
    <n v="70.44"/>
  </r>
  <r>
    <d v="2016-05-19T00:00:00"/>
    <x v="4"/>
    <x v="2"/>
    <x v="84"/>
    <x v="20"/>
    <x v="0"/>
    <x v="2"/>
    <s v="Safco Industrial Wire Shelving System"/>
    <n v="454.9"/>
    <n v="5"/>
    <n v="0"/>
  </r>
  <r>
    <d v="2016-05-19T00:00:00"/>
    <x v="4"/>
    <x v="2"/>
    <x v="84"/>
    <x v="20"/>
    <x v="1"/>
    <x v="8"/>
    <s v="Nu-Dell Float Frame 11 x 14 1/2"/>
    <n v="35.92"/>
    <n v="4"/>
    <n v="15.09"/>
  </r>
  <r>
    <d v="2016-05-19T00:00:00"/>
    <x v="4"/>
    <x v="2"/>
    <x v="84"/>
    <x v="20"/>
    <x v="1"/>
    <x v="8"/>
    <s v="DAX Value U-Channel Document Frames, Easel Back"/>
    <n v="39.76"/>
    <n v="8"/>
    <n v="12.33"/>
  </r>
  <r>
    <d v="2016-05-19T00:00:00"/>
    <x v="4"/>
    <x v="2"/>
    <x v="84"/>
    <x v="20"/>
    <x v="0"/>
    <x v="3"/>
    <s v="Recycled Easel Ring Binders"/>
    <n v="47.74"/>
    <n v="4"/>
    <n v="14.92"/>
  </r>
  <r>
    <d v="2016-05-19T00:00:00"/>
    <x v="4"/>
    <x v="2"/>
    <x v="478"/>
    <x v="3"/>
    <x v="0"/>
    <x v="3"/>
    <s v="GBC Personal VeloBind Strips"/>
    <n v="9.58"/>
    <n v="1"/>
    <n v="3.35"/>
  </r>
  <r>
    <d v="2016-05-19T00:00:00"/>
    <x v="4"/>
    <x v="2"/>
    <x v="132"/>
    <x v="18"/>
    <x v="0"/>
    <x v="4"/>
    <s v="Newell 341"/>
    <n v="21.4"/>
    <n v="5"/>
    <n v="6.21"/>
  </r>
  <r>
    <d v="2016-05-19T00:00:00"/>
    <x v="4"/>
    <x v="2"/>
    <x v="123"/>
    <x v="3"/>
    <x v="0"/>
    <x v="12"/>
    <s v="Staple holder"/>
    <n v="87.84"/>
    <n v="8"/>
    <n v="23.72"/>
  </r>
  <r>
    <d v="2016-05-20T00:00:00"/>
    <x v="4"/>
    <x v="2"/>
    <x v="81"/>
    <x v="3"/>
    <x v="1"/>
    <x v="8"/>
    <s v="Luxo Professional Fluorescent Magnifier Lamp with Clamp-Mount Base"/>
    <n v="1049.2"/>
    <n v="5"/>
    <n v="272.79000000000002"/>
  </r>
  <r>
    <d v="2016-05-20T00:00:00"/>
    <x v="4"/>
    <x v="2"/>
    <x v="81"/>
    <x v="3"/>
    <x v="0"/>
    <x v="3"/>
    <s v="Wilson Jones Turn Tabs Binder Tool for Ring Binders"/>
    <n v="15.42"/>
    <n v="4"/>
    <n v="5.01"/>
  </r>
  <r>
    <d v="2016-05-20T00:00:00"/>
    <x v="4"/>
    <x v="2"/>
    <x v="519"/>
    <x v="25"/>
    <x v="2"/>
    <x v="6"/>
    <s v="Cisco Unified IP Phone 7945G VoIP phone"/>
    <n v="1363.96"/>
    <n v="5"/>
    <n v="85.25"/>
  </r>
  <r>
    <d v="2016-05-20T00:00:00"/>
    <x v="4"/>
    <x v="2"/>
    <x v="622"/>
    <x v="16"/>
    <x v="0"/>
    <x v="3"/>
    <s v="Avery Non-Stick Binders"/>
    <n v="2.69"/>
    <n v="2"/>
    <n v="-2.25"/>
  </r>
  <r>
    <d v="2016-05-20T00:00:00"/>
    <x v="4"/>
    <x v="2"/>
    <x v="469"/>
    <x v="26"/>
    <x v="0"/>
    <x v="3"/>
    <s v="GBC Durable Plastic Covers"/>
    <n v="40.64"/>
    <n v="7"/>
    <n v="-32.51"/>
  </r>
  <r>
    <d v="2016-05-21T00:00:00"/>
    <x v="4"/>
    <x v="2"/>
    <x v="564"/>
    <x v="3"/>
    <x v="2"/>
    <x v="6"/>
    <s v="Motorola HK250 Universal Bluetooth Headset"/>
    <n v="55.18"/>
    <n v="3"/>
    <n v="-12.41"/>
  </r>
  <r>
    <d v="2016-05-21T00:00:00"/>
    <x v="4"/>
    <x v="2"/>
    <x v="564"/>
    <x v="3"/>
    <x v="2"/>
    <x v="9"/>
    <s v="ImationÂ 16GB Mini TravelDrive USB 2.0Â Flash Drive"/>
    <n v="66.260000000000005"/>
    <n v="2"/>
    <n v="27.17"/>
  </r>
  <r>
    <d v="2016-05-21T00:00:00"/>
    <x v="4"/>
    <x v="2"/>
    <x v="49"/>
    <x v="17"/>
    <x v="2"/>
    <x v="15"/>
    <s v="Panasonic KX MB2061 Multifunction Printer"/>
    <n v="2396.4"/>
    <n v="10"/>
    <n v="179.73"/>
  </r>
  <r>
    <d v="2016-05-21T00:00:00"/>
    <x v="4"/>
    <x v="2"/>
    <x v="85"/>
    <x v="43"/>
    <x v="0"/>
    <x v="0"/>
    <s v="Easy-staple paper"/>
    <n v="111.96"/>
    <n v="2"/>
    <n v="54.86"/>
  </r>
  <r>
    <d v="2016-05-21T00:00:00"/>
    <x v="4"/>
    <x v="2"/>
    <x v="756"/>
    <x v="0"/>
    <x v="0"/>
    <x v="3"/>
    <s v="Pressboard Covers with Storage Hooks, 9 1/2&quot; x 11&quot;, Light Blue"/>
    <n v="1.96"/>
    <n v="2"/>
    <n v="-3.24"/>
  </r>
  <r>
    <d v="2016-05-21T00:00:00"/>
    <x v="4"/>
    <x v="2"/>
    <x v="756"/>
    <x v="0"/>
    <x v="0"/>
    <x v="0"/>
    <s v="Southworth 100% Cotton The Best Paper"/>
    <n v="82.66"/>
    <n v="9"/>
    <n v="31"/>
  </r>
  <r>
    <d v="2016-05-21T00:00:00"/>
    <x v="4"/>
    <x v="2"/>
    <x v="562"/>
    <x v="1"/>
    <x v="0"/>
    <x v="3"/>
    <s v="Cardinal HOLDit! Binder Insert Strips,Extra Strips"/>
    <n v="3.8"/>
    <n v="3"/>
    <n v="-5.89"/>
  </r>
  <r>
    <d v="2016-05-22T00:00:00"/>
    <x v="4"/>
    <x v="2"/>
    <x v="721"/>
    <x v="23"/>
    <x v="2"/>
    <x v="6"/>
    <s v="AT&amp;T 841000 Phone"/>
    <n v="345"/>
    <n v="5"/>
    <n v="86.25"/>
  </r>
  <r>
    <d v="2016-05-22T00:00:00"/>
    <x v="4"/>
    <x v="2"/>
    <x v="721"/>
    <x v="23"/>
    <x v="1"/>
    <x v="13"/>
    <s v="Bevis 36 x 72 Conference Tables"/>
    <n v="174.29"/>
    <n v="2"/>
    <n v="-19.920000000000002"/>
  </r>
  <r>
    <d v="2016-05-22T00:00:00"/>
    <x v="4"/>
    <x v="2"/>
    <x v="721"/>
    <x v="23"/>
    <x v="0"/>
    <x v="12"/>
    <s v="Eureka Sanitaire  Commercial Upright"/>
    <n v="662.84"/>
    <n v="4"/>
    <n v="172.34"/>
  </r>
  <r>
    <d v="2016-05-22T00:00:00"/>
    <x v="4"/>
    <x v="2"/>
    <x v="721"/>
    <x v="23"/>
    <x v="2"/>
    <x v="9"/>
    <s v="SanDisk Cruzer 32 GB USB Flash Drive"/>
    <n v="95.1"/>
    <n v="5"/>
    <n v="30.43"/>
  </r>
  <r>
    <d v="2016-05-22T00:00:00"/>
    <x v="4"/>
    <x v="2"/>
    <x v="721"/>
    <x v="23"/>
    <x v="0"/>
    <x v="10"/>
    <s v="Ampad #10 Peel &amp; Seel Holiday Envelopes"/>
    <n v="26.88"/>
    <n v="6"/>
    <n v="12.9"/>
  </r>
  <r>
    <d v="2016-05-22T00:00:00"/>
    <x v="4"/>
    <x v="2"/>
    <x v="721"/>
    <x v="23"/>
    <x v="2"/>
    <x v="6"/>
    <s v="Digium D40 VoIP phone"/>
    <n v="257.98"/>
    <n v="2"/>
    <n v="74.81"/>
  </r>
  <r>
    <d v="2016-05-22T00:00:00"/>
    <x v="4"/>
    <x v="2"/>
    <x v="467"/>
    <x v="4"/>
    <x v="0"/>
    <x v="1"/>
    <s v="Avery 493"/>
    <n v="14.73"/>
    <n v="3"/>
    <n v="7.22"/>
  </r>
  <r>
    <d v="2016-05-22T00:00:00"/>
    <x v="4"/>
    <x v="2"/>
    <x v="458"/>
    <x v="3"/>
    <x v="2"/>
    <x v="6"/>
    <s v="Nortel Business Series Terminal T7208 Digital phone"/>
    <n v="222.38"/>
    <n v="2"/>
    <n v="22.24"/>
  </r>
  <r>
    <d v="2016-05-23T00:00:00"/>
    <x v="4"/>
    <x v="2"/>
    <x v="437"/>
    <x v="3"/>
    <x v="1"/>
    <x v="8"/>
    <s v="Eldon Image Series Desk Accessories, Ebony"/>
    <n v="37.049999999999997"/>
    <n v="3"/>
    <n v="16.3"/>
  </r>
  <r>
    <d v="2016-05-23T00:00:00"/>
    <x v="4"/>
    <x v="2"/>
    <x v="318"/>
    <x v="1"/>
    <x v="2"/>
    <x v="6"/>
    <s v="Mitel MiVoice 5330e IP Phone"/>
    <n v="1979.93"/>
    <n v="9"/>
    <n v="148.49"/>
  </r>
  <r>
    <d v="2016-05-23T00:00:00"/>
    <x v="4"/>
    <x v="2"/>
    <x v="64"/>
    <x v="33"/>
    <x v="0"/>
    <x v="0"/>
    <s v="Xerox 1949"/>
    <n v="4.9800000000000004"/>
    <n v="1"/>
    <n v="2.44"/>
  </r>
  <r>
    <d v="2016-05-23T00:00:00"/>
    <x v="4"/>
    <x v="2"/>
    <x v="757"/>
    <x v="2"/>
    <x v="2"/>
    <x v="16"/>
    <s v="Canon imageCLASS 2200 Advanced Copier"/>
    <n v="8399.98"/>
    <n v="4"/>
    <n v="1120"/>
  </r>
  <r>
    <d v="2016-05-23T00:00:00"/>
    <x v="4"/>
    <x v="2"/>
    <x v="757"/>
    <x v="2"/>
    <x v="0"/>
    <x v="3"/>
    <s v="Avery Legal 4-Ring Binder"/>
    <n v="6.29"/>
    <n v="1"/>
    <n v="-4.2"/>
  </r>
  <r>
    <d v="2016-05-23T00:00:00"/>
    <x v="4"/>
    <x v="2"/>
    <x v="757"/>
    <x v="2"/>
    <x v="0"/>
    <x v="0"/>
    <s v="Xerox 224"/>
    <n v="10.37"/>
    <n v="2"/>
    <n v="3.63"/>
  </r>
  <r>
    <d v="2016-05-23T00:00:00"/>
    <x v="4"/>
    <x v="2"/>
    <x v="757"/>
    <x v="2"/>
    <x v="2"/>
    <x v="6"/>
    <s v="Avaya 5410 Digital phone"/>
    <n v="122.38"/>
    <n v="3"/>
    <n v="-24.48"/>
  </r>
  <r>
    <d v="2016-05-24T00:00:00"/>
    <x v="4"/>
    <x v="2"/>
    <x v="469"/>
    <x v="6"/>
    <x v="0"/>
    <x v="14"/>
    <s v="Acme Hot Forged Carbon Steel Scissors with Nickel-Plated Handles, 3 7/8&quot; Cut, 8&quot;L"/>
    <n v="69.5"/>
    <n v="5"/>
    <n v="20.16"/>
  </r>
  <r>
    <d v="2016-05-24T00:00:00"/>
    <x v="4"/>
    <x v="2"/>
    <x v="469"/>
    <x v="6"/>
    <x v="0"/>
    <x v="0"/>
    <s v="Xerox 1911"/>
    <n v="191.6"/>
    <n v="4"/>
    <n v="91.97"/>
  </r>
  <r>
    <d v="2016-05-24T00:00:00"/>
    <x v="4"/>
    <x v="2"/>
    <x v="285"/>
    <x v="2"/>
    <x v="0"/>
    <x v="4"/>
    <s v="BIC Liqua Brite Liner"/>
    <n v="16.66"/>
    <n v="3"/>
    <n v="3.33"/>
  </r>
  <r>
    <d v="2016-05-25T00:00:00"/>
    <x v="4"/>
    <x v="2"/>
    <x v="640"/>
    <x v="4"/>
    <x v="1"/>
    <x v="8"/>
    <s v="Eldon Expressions Mahogany Wood Desk Collection"/>
    <n v="24.96"/>
    <n v="4"/>
    <n v="6.24"/>
  </r>
  <r>
    <d v="2016-05-25T00:00:00"/>
    <x v="4"/>
    <x v="2"/>
    <x v="640"/>
    <x v="4"/>
    <x v="0"/>
    <x v="0"/>
    <s v="Wirebound Service Call Books, 5 1/2&quot; x 4&quot;"/>
    <n v="19.36"/>
    <n v="2"/>
    <n v="9.2899999999999991"/>
  </r>
  <r>
    <d v="2016-05-25T00:00:00"/>
    <x v="4"/>
    <x v="2"/>
    <x v="640"/>
    <x v="4"/>
    <x v="0"/>
    <x v="2"/>
    <s v="Fellowes Strictly Business Drawer File, Letter/Legal Size"/>
    <n v="1267.6500000000001"/>
    <n v="9"/>
    <n v="152.12"/>
  </r>
  <r>
    <d v="2016-05-26T00:00:00"/>
    <x v="4"/>
    <x v="2"/>
    <x v="102"/>
    <x v="0"/>
    <x v="0"/>
    <x v="0"/>
    <s v="Xerox 212"/>
    <n v="10.37"/>
    <n v="2"/>
    <n v="3.63"/>
  </r>
  <r>
    <d v="2016-05-26T00:00:00"/>
    <x v="4"/>
    <x v="2"/>
    <x v="102"/>
    <x v="0"/>
    <x v="1"/>
    <x v="5"/>
    <s v="Office Star Flex Back Scooter Chair with White Frame"/>
    <n v="388.43"/>
    <n v="5"/>
    <n v="-88.78"/>
  </r>
  <r>
    <d v="2016-05-26T00:00:00"/>
    <x v="4"/>
    <x v="2"/>
    <x v="102"/>
    <x v="0"/>
    <x v="0"/>
    <x v="0"/>
    <s v="Universal Premium White Copier/Laser Paper (20Lb. and 87 Bright)"/>
    <n v="14.35"/>
    <n v="3"/>
    <n v="5.2"/>
  </r>
  <r>
    <d v="2016-05-26T00:00:00"/>
    <x v="4"/>
    <x v="2"/>
    <x v="102"/>
    <x v="0"/>
    <x v="2"/>
    <x v="9"/>
    <s v="Logitech G13 Programmable Gameboard with LCD Display"/>
    <n v="63.99"/>
    <n v="1"/>
    <n v="-7.2"/>
  </r>
  <r>
    <d v="2016-05-26T00:00:00"/>
    <x v="4"/>
    <x v="2"/>
    <x v="263"/>
    <x v="44"/>
    <x v="0"/>
    <x v="0"/>
    <s v="Weyerhaeuser First Choice Laser/Copy Paper (20Lb. and 88 Bright)"/>
    <n v="19.440000000000001"/>
    <n v="3"/>
    <n v="9.33"/>
  </r>
  <r>
    <d v="2016-05-26T00:00:00"/>
    <x v="4"/>
    <x v="2"/>
    <x v="263"/>
    <x v="44"/>
    <x v="0"/>
    <x v="3"/>
    <s v="Wilson Jones Turn Tabs Binder Tool for Ring Binders"/>
    <n v="9.64"/>
    <n v="2"/>
    <n v="4.43"/>
  </r>
  <r>
    <d v="2016-05-26T00:00:00"/>
    <x v="4"/>
    <x v="2"/>
    <x v="263"/>
    <x v="44"/>
    <x v="0"/>
    <x v="0"/>
    <s v="Telephone Message Books with Fax/Mobile Section, 5 1/2&quot; x 3 3/16&quot;"/>
    <n v="12.7"/>
    <n v="2"/>
    <n v="5.84"/>
  </r>
  <r>
    <d v="2016-05-26T00:00:00"/>
    <x v="4"/>
    <x v="2"/>
    <x v="263"/>
    <x v="44"/>
    <x v="1"/>
    <x v="8"/>
    <s v="9-3/4 Diameter Round Wall Clock"/>
    <n v="41.37"/>
    <n v="3"/>
    <n v="17.38"/>
  </r>
  <r>
    <d v="2016-05-26T00:00:00"/>
    <x v="4"/>
    <x v="2"/>
    <x v="495"/>
    <x v="2"/>
    <x v="0"/>
    <x v="4"/>
    <s v="OIC #2 Pencils, Medium Soft"/>
    <n v="1.5"/>
    <n v="1"/>
    <n v="0.17"/>
  </r>
  <r>
    <d v="2016-05-26T00:00:00"/>
    <x v="4"/>
    <x v="2"/>
    <x v="495"/>
    <x v="2"/>
    <x v="0"/>
    <x v="12"/>
    <s v="Holmes HEPA Air Purifier"/>
    <n v="34.85"/>
    <n v="2"/>
    <n v="6.53"/>
  </r>
  <r>
    <d v="2016-05-26T00:00:00"/>
    <x v="4"/>
    <x v="2"/>
    <x v="149"/>
    <x v="3"/>
    <x v="0"/>
    <x v="7"/>
    <s v="Alliance Big Bands Rubber Bands, 12/Pack"/>
    <n v="5.94"/>
    <n v="3"/>
    <n v="0"/>
  </r>
  <r>
    <d v="2016-05-26T00:00:00"/>
    <x v="4"/>
    <x v="2"/>
    <x v="149"/>
    <x v="3"/>
    <x v="0"/>
    <x v="0"/>
    <s v="Xerox 1946"/>
    <n v="45.36"/>
    <n v="7"/>
    <n v="21.77"/>
  </r>
  <r>
    <d v="2016-05-26T00:00:00"/>
    <x v="4"/>
    <x v="2"/>
    <x v="149"/>
    <x v="3"/>
    <x v="2"/>
    <x v="6"/>
    <s v="Cisco SPA508G"/>
    <n v="211.17"/>
    <n v="4"/>
    <n v="23.76"/>
  </r>
  <r>
    <d v="2016-05-26T00:00:00"/>
    <x v="4"/>
    <x v="2"/>
    <x v="149"/>
    <x v="3"/>
    <x v="1"/>
    <x v="5"/>
    <s v="Global Low Back Tilter Chair"/>
    <n v="484.7"/>
    <n v="6"/>
    <n v="-84.82"/>
  </r>
  <r>
    <d v="2016-05-26T00:00:00"/>
    <x v="4"/>
    <x v="2"/>
    <x v="149"/>
    <x v="3"/>
    <x v="2"/>
    <x v="15"/>
    <s v="Fellowes Powershred HS-440 4-Sheet High Security Shredder"/>
    <n v="371.98"/>
    <n v="3"/>
    <n v="116.24"/>
  </r>
  <r>
    <d v="2016-05-26T00:00:00"/>
    <x v="4"/>
    <x v="2"/>
    <x v="552"/>
    <x v="16"/>
    <x v="0"/>
    <x v="2"/>
    <s v="Advantus Rolling Drawer Organizers"/>
    <n v="184.7"/>
    <n v="6"/>
    <n v="13.85"/>
  </r>
  <r>
    <d v="2016-05-26T00:00:00"/>
    <x v="4"/>
    <x v="2"/>
    <x v="552"/>
    <x v="16"/>
    <x v="2"/>
    <x v="9"/>
    <s v="ImationÂ 32GB Pocket Pro USB 3.0Â Flash DriveÂ - 32 GB - Black - 1 P ..."/>
    <n v="47.92"/>
    <n v="2"/>
    <n v="11.98"/>
  </r>
  <r>
    <d v="2016-05-26T00:00:00"/>
    <x v="4"/>
    <x v="2"/>
    <x v="752"/>
    <x v="21"/>
    <x v="1"/>
    <x v="8"/>
    <s v="Nu-Dell Float Frame 11 x 14 1/2"/>
    <n v="26.94"/>
    <n v="3"/>
    <n v="11.31"/>
  </r>
  <r>
    <d v="2016-05-27T00:00:00"/>
    <x v="4"/>
    <x v="2"/>
    <x v="174"/>
    <x v="14"/>
    <x v="1"/>
    <x v="5"/>
    <s v="HON 5400 Series Task Chairs for Big and Tall"/>
    <n v="3504.9"/>
    <n v="5"/>
    <n v="700.98"/>
  </r>
  <r>
    <d v="2016-05-27T00:00:00"/>
    <x v="4"/>
    <x v="2"/>
    <x v="174"/>
    <x v="14"/>
    <x v="0"/>
    <x v="0"/>
    <s v="Xerox 1910"/>
    <n v="144.12"/>
    <n v="3"/>
    <n v="69.180000000000007"/>
  </r>
  <r>
    <d v="2016-05-27T00:00:00"/>
    <x v="4"/>
    <x v="2"/>
    <x v="174"/>
    <x v="14"/>
    <x v="0"/>
    <x v="0"/>
    <s v="Xerox 1915"/>
    <n v="314.55"/>
    <n v="3"/>
    <n v="150.97999999999999"/>
  </r>
  <r>
    <d v="2016-05-27T00:00:00"/>
    <x v="4"/>
    <x v="2"/>
    <x v="267"/>
    <x v="1"/>
    <x v="1"/>
    <x v="8"/>
    <s v="36X48 HARDFLOOR CHAIRMAT"/>
    <n v="25.18"/>
    <n v="3"/>
    <n v="-33.36"/>
  </r>
  <r>
    <d v="2016-05-27T00:00:00"/>
    <x v="4"/>
    <x v="2"/>
    <x v="267"/>
    <x v="1"/>
    <x v="1"/>
    <x v="8"/>
    <s v="G.E. Halogen Desk Lamp Bulbs"/>
    <n v="5.58"/>
    <n v="2"/>
    <n v="-1.68"/>
  </r>
  <r>
    <d v="2016-05-27T00:00:00"/>
    <x v="4"/>
    <x v="2"/>
    <x v="267"/>
    <x v="1"/>
    <x v="0"/>
    <x v="2"/>
    <s v="Standard Rollaway File with Lock"/>
    <n v="1297.3699999999999"/>
    <n v="9"/>
    <n v="97.3"/>
  </r>
  <r>
    <d v="2016-05-27T00:00:00"/>
    <x v="4"/>
    <x v="2"/>
    <x v="462"/>
    <x v="3"/>
    <x v="0"/>
    <x v="0"/>
    <s v="Wirebound Message Books, Four 2 3/4 x 5 White Forms per Page"/>
    <n v="13.38"/>
    <n v="2"/>
    <n v="6.15"/>
  </r>
  <r>
    <d v="2016-05-28T00:00:00"/>
    <x v="4"/>
    <x v="2"/>
    <x v="329"/>
    <x v="29"/>
    <x v="0"/>
    <x v="4"/>
    <s v="Boston School Pro Electric Pencil Sharpener, 1670"/>
    <n v="185.88"/>
    <n v="6"/>
    <n v="50.19"/>
  </r>
  <r>
    <d v="2016-05-28T00:00:00"/>
    <x v="4"/>
    <x v="2"/>
    <x v="566"/>
    <x v="16"/>
    <x v="1"/>
    <x v="5"/>
    <s v="Novimex Fabric Task Chair"/>
    <n v="390.27"/>
    <n v="8"/>
    <n v="-24.39"/>
  </r>
  <r>
    <d v="2016-05-28T00:00:00"/>
    <x v="4"/>
    <x v="2"/>
    <x v="566"/>
    <x v="16"/>
    <x v="0"/>
    <x v="0"/>
    <s v="Great White Multi-Use Recycled Paper (20Lb. and 84 Bright)"/>
    <n v="62.19"/>
    <n v="13"/>
    <n v="19.440000000000001"/>
  </r>
  <r>
    <d v="2016-05-28T00:00:00"/>
    <x v="4"/>
    <x v="2"/>
    <x v="68"/>
    <x v="3"/>
    <x v="0"/>
    <x v="12"/>
    <s v="Kensington 7 Outlet MasterPiece HOMEOFFICE Power Control Center"/>
    <n v="262.24"/>
    <n v="2"/>
    <n v="78.67"/>
  </r>
  <r>
    <d v="2016-05-28T00:00:00"/>
    <x v="4"/>
    <x v="2"/>
    <x v="68"/>
    <x v="3"/>
    <x v="0"/>
    <x v="0"/>
    <s v="Xerox 1991"/>
    <n v="182.72"/>
    <n v="8"/>
    <n v="84.05"/>
  </r>
  <r>
    <d v="2016-05-28T00:00:00"/>
    <x v="4"/>
    <x v="2"/>
    <x v="68"/>
    <x v="3"/>
    <x v="2"/>
    <x v="9"/>
    <s v="ImationÂ Clip USBÂ flash driveÂ - 8 GB"/>
    <n v="131.6"/>
    <n v="7"/>
    <n v="7.9"/>
  </r>
  <r>
    <d v="2016-05-28T00:00:00"/>
    <x v="4"/>
    <x v="2"/>
    <x v="68"/>
    <x v="3"/>
    <x v="0"/>
    <x v="3"/>
    <s v="Wilson Jones Hanging View Binder, White, 1&quot;"/>
    <n v="22.72"/>
    <n v="4"/>
    <n v="7.38"/>
  </r>
  <r>
    <d v="2016-05-28T00:00:00"/>
    <x v="4"/>
    <x v="2"/>
    <x v="68"/>
    <x v="3"/>
    <x v="2"/>
    <x v="15"/>
    <s v="Okidata C331dn Printer"/>
    <n v="558.4"/>
    <n v="2"/>
    <n v="41.88"/>
  </r>
  <r>
    <d v="2016-05-28T00:00:00"/>
    <x v="4"/>
    <x v="2"/>
    <x v="150"/>
    <x v="20"/>
    <x v="0"/>
    <x v="14"/>
    <s v="Fiskars Softgrip Scissors"/>
    <n v="54.9"/>
    <n v="5"/>
    <n v="15.37"/>
  </r>
  <r>
    <d v="2016-05-28T00:00:00"/>
    <x v="4"/>
    <x v="2"/>
    <x v="451"/>
    <x v="1"/>
    <x v="2"/>
    <x v="6"/>
    <s v="Wilson Electronics DB Pro Signal Booster"/>
    <n v="286.39999999999998"/>
    <n v="1"/>
    <n v="25.06"/>
  </r>
  <r>
    <d v="2016-05-29T00:00:00"/>
    <x v="4"/>
    <x v="2"/>
    <x v="556"/>
    <x v="33"/>
    <x v="2"/>
    <x v="6"/>
    <s v="Panasonic KX-TG9471B"/>
    <n v="979.95"/>
    <n v="5"/>
    <n v="274.39"/>
  </r>
  <r>
    <d v="2016-05-29T00:00:00"/>
    <x v="4"/>
    <x v="2"/>
    <x v="556"/>
    <x v="33"/>
    <x v="0"/>
    <x v="3"/>
    <s v="Presstex Flexible Ring Binders"/>
    <n v="22.75"/>
    <n v="5"/>
    <n v="11.38"/>
  </r>
  <r>
    <d v="2016-05-29T00:00:00"/>
    <x v="4"/>
    <x v="2"/>
    <x v="745"/>
    <x v="15"/>
    <x v="0"/>
    <x v="3"/>
    <s v="GBC ProClick Spines for 32-Hole Punch"/>
    <n v="11.28"/>
    <n v="3"/>
    <n v="-8.65"/>
  </r>
  <r>
    <d v="2016-05-29T00:00:00"/>
    <x v="4"/>
    <x v="2"/>
    <x v="745"/>
    <x v="15"/>
    <x v="0"/>
    <x v="4"/>
    <s v="Newell 333"/>
    <n v="4.45"/>
    <n v="2"/>
    <n v="0.33"/>
  </r>
  <r>
    <d v="2016-05-29T00:00:00"/>
    <x v="4"/>
    <x v="2"/>
    <x v="745"/>
    <x v="15"/>
    <x v="1"/>
    <x v="8"/>
    <s v="3M Polarizing Light Filter Sleeves"/>
    <n v="44.76"/>
    <n v="3"/>
    <n v="14.55"/>
  </r>
  <r>
    <d v="2016-05-30T00:00:00"/>
    <x v="4"/>
    <x v="2"/>
    <x v="706"/>
    <x v="26"/>
    <x v="0"/>
    <x v="3"/>
    <s v="Vinyl Sectional Post Binders"/>
    <n v="22.62"/>
    <n v="2"/>
    <n v="-15.08"/>
  </r>
  <r>
    <d v="2016-05-30T00:00:00"/>
    <x v="4"/>
    <x v="2"/>
    <x v="706"/>
    <x v="26"/>
    <x v="0"/>
    <x v="3"/>
    <s v="GBC Standard Therm-A-Bind Covers"/>
    <n v="14.95"/>
    <n v="2"/>
    <n v="-11.96"/>
  </r>
  <r>
    <d v="2016-05-30T00:00:00"/>
    <x v="4"/>
    <x v="2"/>
    <x v="706"/>
    <x v="26"/>
    <x v="1"/>
    <x v="5"/>
    <s v="Global Troy Executive Leather Low-Back Tilter"/>
    <n v="801.57"/>
    <n v="2"/>
    <n v="50.1"/>
  </r>
  <r>
    <d v="2016-05-30T00:00:00"/>
    <x v="4"/>
    <x v="2"/>
    <x v="706"/>
    <x v="26"/>
    <x v="0"/>
    <x v="3"/>
    <s v="Storex Flexible Poly Binders with Double Pockets"/>
    <n v="2.38"/>
    <n v="3"/>
    <n v="-1.9"/>
  </r>
  <r>
    <d v="2016-05-30T00:00:00"/>
    <x v="4"/>
    <x v="2"/>
    <x v="706"/>
    <x v="26"/>
    <x v="0"/>
    <x v="0"/>
    <s v="White Dual Perf Computer Printout Paper, 2700 Sheets, 1 Part, Heavyweight, 20 lbs., 14 7/8 x 11"/>
    <n v="32.79"/>
    <n v="1"/>
    <n v="11.89"/>
  </r>
  <r>
    <d v="2016-05-30T00:00:00"/>
    <x v="4"/>
    <x v="2"/>
    <x v="758"/>
    <x v="25"/>
    <x v="0"/>
    <x v="3"/>
    <s v="Angle-D Ring Binders"/>
    <n v="3.28"/>
    <n v="2"/>
    <n v="-2.63"/>
  </r>
  <r>
    <d v="2016-05-30T00:00:00"/>
    <x v="4"/>
    <x v="2"/>
    <x v="196"/>
    <x v="10"/>
    <x v="2"/>
    <x v="16"/>
    <s v="Canon Imageclass D680 Copier / Fax"/>
    <n v="839.99"/>
    <n v="2"/>
    <n v="70"/>
  </r>
  <r>
    <d v="2016-05-30T00:00:00"/>
    <x v="4"/>
    <x v="2"/>
    <x v="123"/>
    <x v="6"/>
    <x v="1"/>
    <x v="13"/>
    <s v="Hon Rectangular Conference Tables"/>
    <n v="2275.5"/>
    <n v="10"/>
    <n v="386.84"/>
  </r>
  <r>
    <d v="2016-05-30T00:00:00"/>
    <x v="4"/>
    <x v="2"/>
    <x v="123"/>
    <x v="6"/>
    <x v="2"/>
    <x v="9"/>
    <s v="Plantronics CS510 - Over-the-Head monaural Wireless Headset System"/>
    <n v="1979.7"/>
    <n v="6"/>
    <n v="653.29999999999995"/>
  </r>
  <r>
    <d v="2016-05-30T00:00:00"/>
    <x v="4"/>
    <x v="2"/>
    <x v="123"/>
    <x v="6"/>
    <x v="0"/>
    <x v="1"/>
    <s v="Avery 473"/>
    <n v="62.1"/>
    <n v="6"/>
    <n v="29.81"/>
  </r>
  <r>
    <d v="2016-05-30T00:00:00"/>
    <x v="4"/>
    <x v="2"/>
    <x v="176"/>
    <x v="10"/>
    <x v="0"/>
    <x v="12"/>
    <s v="Euro-Pro Shark Turbo Vacuum"/>
    <n v="123.92"/>
    <n v="5"/>
    <n v="9.2899999999999991"/>
  </r>
  <r>
    <d v="2016-05-30T00:00:00"/>
    <x v="4"/>
    <x v="2"/>
    <x v="483"/>
    <x v="3"/>
    <x v="0"/>
    <x v="0"/>
    <s v="Xerox 228"/>
    <n v="38.880000000000003"/>
    <n v="6"/>
    <n v="18.66"/>
  </r>
  <r>
    <d v="2016-05-30T00:00:00"/>
    <x v="4"/>
    <x v="2"/>
    <x v="306"/>
    <x v="21"/>
    <x v="0"/>
    <x v="12"/>
    <s v="Acco 7-Outlet Masterpiece Power Center, Wihtout Fax/Phone Line Protection"/>
    <n v="364.74"/>
    <n v="3"/>
    <n v="109.42"/>
  </r>
  <r>
    <d v="2016-05-30T00:00:00"/>
    <x v="4"/>
    <x v="2"/>
    <x v="306"/>
    <x v="21"/>
    <x v="1"/>
    <x v="8"/>
    <s v="DAX Charcoal/Nickel-Tone Document Frame, 5 x 7"/>
    <n v="47.4"/>
    <n v="5"/>
    <n v="21.33"/>
  </r>
  <r>
    <d v="2016-05-30T00:00:00"/>
    <x v="4"/>
    <x v="2"/>
    <x v="306"/>
    <x v="21"/>
    <x v="0"/>
    <x v="2"/>
    <s v="Eldon Simplefile Box Office"/>
    <n v="49.76"/>
    <n v="4"/>
    <n v="13.93"/>
  </r>
  <r>
    <d v="2016-05-30T00:00:00"/>
    <x v="4"/>
    <x v="2"/>
    <x v="306"/>
    <x v="21"/>
    <x v="0"/>
    <x v="4"/>
    <s v="Newell 333"/>
    <n v="5.56"/>
    <n v="2"/>
    <n v="1.45"/>
  </r>
  <r>
    <d v="2016-05-30T00:00:00"/>
    <x v="4"/>
    <x v="2"/>
    <x v="306"/>
    <x v="21"/>
    <x v="0"/>
    <x v="0"/>
    <s v="Xerox 1915"/>
    <n v="629.1"/>
    <n v="6"/>
    <n v="301.97000000000003"/>
  </r>
  <r>
    <d v="2016-05-30T00:00:00"/>
    <x v="4"/>
    <x v="2"/>
    <x v="306"/>
    <x v="21"/>
    <x v="0"/>
    <x v="4"/>
    <s v="Newell 343"/>
    <n v="14.7"/>
    <n v="5"/>
    <n v="3.97"/>
  </r>
  <r>
    <d v="2016-05-30T00:00:00"/>
    <x v="4"/>
    <x v="2"/>
    <x v="306"/>
    <x v="21"/>
    <x v="0"/>
    <x v="0"/>
    <s v="Xerox 217"/>
    <n v="45.36"/>
    <n v="7"/>
    <n v="21.77"/>
  </r>
  <r>
    <d v="2016-05-30T00:00:00"/>
    <x v="4"/>
    <x v="2"/>
    <x v="306"/>
    <x v="21"/>
    <x v="2"/>
    <x v="6"/>
    <s v="VTech DS6151"/>
    <n v="125.99"/>
    <n v="1"/>
    <n v="35.28"/>
  </r>
  <r>
    <d v="2016-05-30T00:00:00"/>
    <x v="4"/>
    <x v="2"/>
    <x v="739"/>
    <x v="3"/>
    <x v="1"/>
    <x v="8"/>
    <s v="36X48 HARDFLOOR CHAIRMAT"/>
    <n v="167.84"/>
    <n v="8"/>
    <n v="11.75"/>
  </r>
  <r>
    <d v="2016-05-30T00:00:00"/>
    <x v="4"/>
    <x v="2"/>
    <x v="615"/>
    <x v="6"/>
    <x v="0"/>
    <x v="10"/>
    <s v="Redi-Strip #10 Envelopes, 4 1/8 x 9 1/2"/>
    <n v="26.55"/>
    <n v="9"/>
    <n v="12.74"/>
  </r>
  <r>
    <d v="2016-05-30T00:00:00"/>
    <x v="4"/>
    <x v="2"/>
    <x v="615"/>
    <x v="6"/>
    <x v="2"/>
    <x v="9"/>
    <s v="Sony Micro Vault Click 16 GB USB 2.0 Flash Drive"/>
    <n v="111.98"/>
    <n v="2"/>
    <n v="26.88"/>
  </r>
  <r>
    <d v="2016-05-30T00:00:00"/>
    <x v="4"/>
    <x v="2"/>
    <x v="372"/>
    <x v="0"/>
    <x v="2"/>
    <x v="6"/>
    <s v="Anker 36W 4-Port USB Wall Charger Travel Power Adapter for iPhone 5s 5c 5"/>
    <n v="79.959999999999994"/>
    <n v="5"/>
    <n v="8"/>
  </r>
  <r>
    <d v="2016-05-30T00:00:00"/>
    <x v="4"/>
    <x v="2"/>
    <x v="372"/>
    <x v="0"/>
    <x v="2"/>
    <x v="9"/>
    <s v="Sony Micro Vault Click 16 GB USB 2.0 Flash Drive"/>
    <n v="223.96"/>
    <n v="5"/>
    <n v="11.2"/>
  </r>
  <r>
    <d v="2016-05-31T00:00:00"/>
    <x v="4"/>
    <x v="2"/>
    <x v="443"/>
    <x v="1"/>
    <x v="1"/>
    <x v="8"/>
    <s v="Executive Impressions 16-1/2&quot; Circular Wall Clock"/>
    <n v="32.06"/>
    <n v="3"/>
    <n v="-12.83"/>
  </r>
  <r>
    <d v="2016-05-31T00:00:00"/>
    <x v="4"/>
    <x v="2"/>
    <x v="443"/>
    <x v="1"/>
    <x v="0"/>
    <x v="0"/>
    <s v="Xerox 1899"/>
    <n v="18.5"/>
    <n v="4"/>
    <n v="6.7"/>
  </r>
  <r>
    <d v="2016-05-31T00:00:00"/>
    <x v="4"/>
    <x v="2"/>
    <x v="443"/>
    <x v="1"/>
    <x v="1"/>
    <x v="5"/>
    <s v="Global Highback Leather Tilter in Burgundy"/>
    <n v="191.08"/>
    <n v="3"/>
    <n v="-38.22"/>
  </r>
  <r>
    <d v="2016-05-31T00:00:00"/>
    <x v="4"/>
    <x v="2"/>
    <x v="443"/>
    <x v="1"/>
    <x v="0"/>
    <x v="0"/>
    <s v="Xerox 212"/>
    <n v="10.37"/>
    <n v="2"/>
    <n v="3.63"/>
  </r>
  <r>
    <d v="2016-05-31T00:00:00"/>
    <x v="4"/>
    <x v="2"/>
    <x v="685"/>
    <x v="20"/>
    <x v="0"/>
    <x v="3"/>
    <s v="Avery Hidden Tab Dividers for Binding Systems"/>
    <n v="7.15"/>
    <n v="3"/>
    <n v="2.3199999999999998"/>
  </r>
  <r>
    <d v="2016-05-31T00:00:00"/>
    <x v="4"/>
    <x v="2"/>
    <x v="685"/>
    <x v="20"/>
    <x v="2"/>
    <x v="6"/>
    <s v="Jackery Bar Premium Fast-charging Portable Charger"/>
    <n v="179.7"/>
    <n v="6"/>
    <n v="88.05"/>
  </r>
  <r>
    <d v="2016-06-02T00:00:00"/>
    <x v="5"/>
    <x v="2"/>
    <x v="385"/>
    <x v="2"/>
    <x v="0"/>
    <x v="2"/>
    <s v="Carina Double Wide Media Storage Towers in Natural &amp; Black"/>
    <n v="64.78"/>
    <n v="1"/>
    <n v="-12.96"/>
  </r>
  <r>
    <d v="2016-06-02T00:00:00"/>
    <x v="5"/>
    <x v="2"/>
    <x v="150"/>
    <x v="22"/>
    <x v="0"/>
    <x v="0"/>
    <s v="Riverleaf Stik-Withit Designer Note Cubes"/>
    <n v="30.18"/>
    <n v="3"/>
    <n v="13.88"/>
  </r>
  <r>
    <d v="2016-06-02T00:00:00"/>
    <x v="5"/>
    <x v="2"/>
    <x v="150"/>
    <x v="22"/>
    <x v="0"/>
    <x v="3"/>
    <s v="Acco PRESSTEX Data Binder with Storage Hooks, Dark Blue, 14 7/8&quot; X 11&quot;"/>
    <n v="51.65"/>
    <n v="12"/>
    <n v="18.72"/>
  </r>
  <r>
    <d v="2016-06-02T00:00:00"/>
    <x v="5"/>
    <x v="2"/>
    <x v="150"/>
    <x v="22"/>
    <x v="0"/>
    <x v="3"/>
    <s v="Acco Translucent Poly Ring Binders"/>
    <n v="11.23"/>
    <n v="3"/>
    <n v="3.93"/>
  </r>
  <r>
    <d v="2016-06-03T00:00:00"/>
    <x v="5"/>
    <x v="2"/>
    <x v="85"/>
    <x v="3"/>
    <x v="1"/>
    <x v="13"/>
    <s v="Hon 61000 Series Interactive Training Tables"/>
    <n v="71.09"/>
    <n v="2"/>
    <n v="-1.78"/>
  </r>
  <r>
    <d v="2016-06-04T00:00:00"/>
    <x v="5"/>
    <x v="2"/>
    <x v="502"/>
    <x v="6"/>
    <x v="0"/>
    <x v="0"/>
    <s v="Snap-A-Way Black Print Carbonless Ruled Speed Letter, Triplicate"/>
    <n v="75.88"/>
    <n v="2"/>
    <n v="35.659999999999997"/>
  </r>
  <r>
    <d v="2016-06-04T00:00:00"/>
    <x v="5"/>
    <x v="2"/>
    <x v="318"/>
    <x v="1"/>
    <x v="0"/>
    <x v="0"/>
    <s v="Xerox 1957"/>
    <n v="25.92"/>
    <n v="5"/>
    <n v="9.4"/>
  </r>
  <r>
    <d v="2016-06-04T00:00:00"/>
    <x v="5"/>
    <x v="2"/>
    <x v="318"/>
    <x v="1"/>
    <x v="1"/>
    <x v="8"/>
    <s v="Luxo Professional Fluorescent Magnifier Lamp with Clamp-Mount Base"/>
    <n v="419.68"/>
    <n v="5"/>
    <n v="-356.73"/>
  </r>
  <r>
    <d v="2016-06-04T00:00:00"/>
    <x v="5"/>
    <x v="2"/>
    <x v="318"/>
    <x v="1"/>
    <x v="1"/>
    <x v="8"/>
    <s v="Staple-based wall hangings"/>
    <n v="11.69"/>
    <n v="3"/>
    <n v="-4.68"/>
  </r>
  <r>
    <d v="2016-06-04T00:00:00"/>
    <x v="5"/>
    <x v="2"/>
    <x v="318"/>
    <x v="1"/>
    <x v="2"/>
    <x v="6"/>
    <s v="PureGear Roll-On Screen Protector"/>
    <n v="31.98"/>
    <n v="2"/>
    <n v="11.19"/>
  </r>
  <r>
    <d v="2016-06-04T00:00:00"/>
    <x v="5"/>
    <x v="2"/>
    <x v="318"/>
    <x v="1"/>
    <x v="1"/>
    <x v="13"/>
    <s v="KI Conference Tables"/>
    <n v="177.23"/>
    <n v="5"/>
    <n v="-120.51"/>
  </r>
  <r>
    <d v="2016-06-04T00:00:00"/>
    <x v="5"/>
    <x v="2"/>
    <x v="318"/>
    <x v="1"/>
    <x v="1"/>
    <x v="8"/>
    <s v="Eldon 100 Class Desk Accessories"/>
    <n v="4.04"/>
    <n v="3"/>
    <n v="-2.83"/>
  </r>
  <r>
    <d v="2016-06-04T00:00:00"/>
    <x v="5"/>
    <x v="2"/>
    <x v="318"/>
    <x v="1"/>
    <x v="0"/>
    <x v="4"/>
    <s v="Binney &amp; Smith Crayola Metallic Colored Pencils, 8-Color Set"/>
    <n v="7.41"/>
    <n v="2"/>
    <n v="1.2"/>
  </r>
  <r>
    <d v="2016-06-04T00:00:00"/>
    <x v="5"/>
    <x v="2"/>
    <x v="647"/>
    <x v="20"/>
    <x v="0"/>
    <x v="0"/>
    <s v="Easy-staple paper"/>
    <n v="14.94"/>
    <n v="3"/>
    <n v="7.02"/>
  </r>
  <r>
    <d v="2016-06-04T00:00:00"/>
    <x v="5"/>
    <x v="2"/>
    <x v="647"/>
    <x v="20"/>
    <x v="2"/>
    <x v="15"/>
    <s v="Panasonic KX MC6040 Color Laser Multifunction Printer"/>
    <n v="1349.85"/>
    <n v="3"/>
    <n v="364.46"/>
  </r>
  <r>
    <d v="2016-06-04T00:00:00"/>
    <x v="5"/>
    <x v="2"/>
    <x v="647"/>
    <x v="20"/>
    <x v="1"/>
    <x v="11"/>
    <s v="Sauder Inglewood Library Bookcases"/>
    <n v="136.78"/>
    <n v="1"/>
    <n v="5.13"/>
  </r>
  <r>
    <d v="2016-06-04T00:00:00"/>
    <x v="5"/>
    <x v="2"/>
    <x v="647"/>
    <x v="20"/>
    <x v="1"/>
    <x v="8"/>
    <s v="Linden 10&quot; Round Wall Clock, Black"/>
    <n v="61.12"/>
    <n v="4"/>
    <n v="20.78"/>
  </r>
  <r>
    <d v="2016-06-05T00:00:00"/>
    <x v="5"/>
    <x v="2"/>
    <x v="179"/>
    <x v="2"/>
    <x v="0"/>
    <x v="2"/>
    <s v="Eldon Base for stackable storage shelf, platinum"/>
    <n v="124.61"/>
    <n v="4"/>
    <n v="-23.36"/>
  </r>
  <r>
    <d v="2016-06-05T00:00:00"/>
    <x v="5"/>
    <x v="2"/>
    <x v="179"/>
    <x v="2"/>
    <x v="0"/>
    <x v="1"/>
    <s v="Avery 502"/>
    <n v="7.56"/>
    <n v="3"/>
    <n v="2.65"/>
  </r>
  <r>
    <d v="2016-06-05T00:00:00"/>
    <x v="5"/>
    <x v="2"/>
    <x v="219"/>
    <x v="7"/>
    <x v="0"/>
    <x v="2"/>
    <s v="Standard Rollaway File with Lock"/>
    <n v="360.38"/>
    <n v="2"/>
    <n v="93.7"/>
  </r>
  <r>
    <d v="2016-06-05T00:00:00"/>
    <x v="5"/>
    <x v="2"/>
    <x v="219"/>
    <x v="7"/>
    <x v="0"/>
    <x v="4"/>
    <s v="Newell 314"/>
    <n v="11.16"/>
    <n v="2"/>
    <n v="2.79"/>
  </r>
  <r>
    <d v="2016-06-05T00:00:00"/>
    <x v="5"/>
    <x v="2"/>
    <x v="219"/>
    <x v="7"/>
    <x v="0"/>
    <x v="1"/>
    <s v="Avery White Multi-Purpose Labels"/>
    <n v="14.94"/>
    <n v="3"/>
    <n v="6.87"/>
  </r>
  <r>
    <d v="2016-06-05T00:00:00"/>
    <x v="5"/>
    <x v="2"/>
    <x v="74"/>
    <x v="3"/>
    <x v="0"/>
    <x v="3"/>
    <s v="Avery Non-Stick Binders"/>
    <n v="21.55"/>
    <n v="6"/>
    <n v="7"/>
  </r>
  <r>
    <d v="2016-06-05T00:00:00"/>
    <x v="5"/>
    <x v="2"/>
    <x v="74"/>
    <x v="3"/>
    <x v="0"/>
    <x v="12"/>
    <s v="Acco 6 Outlet Guardian Premium Surge Suppressor"/>
    <n v="58.24"/>
    <n v="4"/>
    <n v="15.72"/>
  </r>
  <r>
    <d v="2016-06-05T00:00:00"/>
    <x v="5"/>
    <x v="2"/>
    <x v="590"/>
    <x v="22"/>
    <x v="0"/>
    <x v="14"/>
    <s v="Acme Box Cutter Scissors"/>
    <n v="61.38"/>
    <n v="6"/>
    <n v="15.96"/>
  </r>
  <r>
    <d v="2016-06-06T00:00:00"/>
    <x v="5"/>
    <x v="2"/>
    <x v="554"/>
    <x v="1"/>
    <x v="2"/>
    <x v="6"/>
    <s v="Cisco Small Business SPA 502G VoIP phone"/>
    <n v="328.22"/>
    <n v="4"/>
    <n v="28.72"/>
  </r>
  <r>
    <d v="2016-06-06T00:00:00"/>
    <x v="5"/>
    <x v="2"/>
    <x v="56"/>
    <x v="32"/>
    <x v="0"/>
    <x v="2"/>
    <s v="Letter Size Cart"/>
    <n v="714.3"/>
    <n v="5"/>
    <n v="207.15"/>
  </r>
  <r>
    <d v="2016-06-06T00:00:00"/>
    <x v="5"/>
    <x v="2"/>
    <x v="759"/>
    <x v="32"/>
    <x v="0"/>
    <x v="0"/>
    <s v="Xerox 1935"/>
    <n v="105.52"/>
    <n v="4"/>
    <n v="48.54"/>
  </r>
  <r>
    <d v="2016-06-06T00:00:00"/>
    <x v="5"/>
    <x v="2"/>
    <x v="584"/>
    <x v="13"/>
    <x v="2"/>
    <x v="9"/>
    <s v="Logitech Trackman Marble Mouse"/>
    <n v="179.94"/>
    <n v="6"/>
    <n v="75.569999999999993"/>
  </r>
  <r>
    <d v="2016-06-06T00:00:00"/>
    <x v="5"/>
    <x v="2"/>
    <x v="584"/>
    <x v="13"/>
    <x v="2"/>
    <x v="9"/>
    <s v="Kingston Digital DataTraveler 16GB USB 2.0"/>
    <n v="26.85"/>
    <n v="3"/>
    <n v="5.0999999999999996"/>
  </r>
  <r>
    <d v="2016-06-06T00:00:00"/>
    <x v="5"/>
    <x v="2"/>
    <x v="584"/>
    <x v="13"/>
    <x v="2"/>
    <x v="9"/>
    <s v="Plantronics S12 Corded Telephone Headset System"/>
    <n v="323.37"/>
    <n v="3"/>
    <n v="129.35"/>
  </r>
  <r>
    <d v="2016-06-06T00:00:00"/>
    <x v="5"/>
    <x v="2"/>
    <x v="584"/>
    <x v="13"/>
    <x v="0"/>
    <x v="0"/>
    <s v="Xerox 191"/>
    <n v="59.94"/>
    <n v="3"/>
    <n v="28.17"/>
  </r>
  <r>
    <d v="2016-06-06T00:00:00"/>
    <x v="5"/>
    <x v="2"/>
    <x v="584"/>
    <x v="13"/>
    <x v="0"/>
    <x v="3"/>
    <s v="Trimflex Flexible Post Binders"/>
    <n v="64.14"/>
    <n v="3"/>
    <n v="30.79"/>
  </r>
  <r>
    <d v="2016-06-06T00:00:00"/>
    <x v="5"/>
    <x v="2"/>
    <x v="584"/>
    <x v="13"/>
    <x v="0"/>
    <x v="3"/>
    <s v="Avery Binder Labels"/>
    <n v="11.67"/>
    <n v="3"/>
    <n v="5.6"/>
  </r>
  <r>
    <d v="2016-06-06T00:00:00"/>
    <x v="5"/>
    <x v="2"/>
    <x v="584"/>
    <x v="13"/>
    <x v="0"/>
    <x v="0"/>
    <s v="Xerox 230"/>
    <n v="12.96"/>
    <n v="2"/>
    <n v="6.22"/>
  </r>
  <r>
    <d v="2016-06-06T00:00:00"/>
    <x v="5"/>
    <x v="2"/>
    <x v="237"/>
    <x v="3"/>
    <x v="0"/>
    <x v="1"/>
    <s v="Avery 488"/>
    <n v="22.05"/>
    <n v="7"/>
    <n v="10.58"/>
  </r>
  <r>
    <d v="2016-06-06T00:00:00"/>
    <x v="5"/>
    <x v="2"/>
    <x v="237"/>
    <x v="3"/>
    <x v="0"/>
    <x v="0"/>
    <s v="Xerox Blank Computer Paper"/>
    <n v="99.9"/>
    <n v="5"/>
    <n v="46.95"/>
  </r>
  <r>
    <d v="2016-06-06T00:00:00"/>
    <x v="5"/>
    <x v="2"/>
    <x v="5"/>
    <x v="3"/>
    <x v="2"/>
    <x v="6"/>
    <s v="Samsung Galaxy Mega 6.3"/>
    <n v="3023.93"/>
    <n v="9"/>
    <n v="226.79"/>
  </r>
  <r>
    <d v="2016-06-06T00:00:00"/>
    <x v="5"/>
    <x v="2"/>
    <x v="5"/>
    <x v="3"/>
    <x v="2"/>
    <x v="9"/>
    <s v="Rosewill 107 Normal Keys USB Wired Standard Keyboard"/>
    <n v="26.96"/>
    <n v="2"/>
    <n v="3.77"/>
  </r>
  <r>
    <d v="2016-06-06T00:00:00"/>
    <x v="5"/>
    <x v="2"/>
    <x v="5"/>
    <x v="3"/>
    <x v="2"/>
    <x v="6"/>
    <s v="Bose SoundLink Bluetooth Speaker"/>
    <n v="477.6"/>
    <n v="3"/>
    <n v="161.19"/>
  </r>
  <r>
    <d v="2016-06-06T00:00:00"/>
    <x v="5"/>
    <x v="2"/>
    <x v="760"/>
    <x v="10"/>
    <x v="1"/>
    <x v="8"/>
    <s v="Electrix Halogen Magnifier Lamp"/>
    <n v="466.32"/>
    <n v="3"/>
    <n v="34.97"/>
  </r>
  <r>
    <d v="2016-06-06T00:00:00"/>
    <x v="5"/>
    <x v="2"/>
    <x v="760"/>
    <x v="10"/>
    <x v="1"/>
    <x v="8"/>
    <s v="Deflect-o EconoMat Nonstudded, No Bevel Mat"/>
    <n v="82.64"/>
    <n v="2"/>
    <n v="0"/>
  </r>
  <r>
    <d v="2016-06-07T00:00:00"/>
    <x v="5"/>
    <x v="2"/>
    <x v="476"/>
    <x v="20"/>
    <x v="0"/>
    <x v="0"/>
    <s v="Xerox 226"/>
    <n v="32.4"/>
    <n v="5"/>
    <n v="15.55"/>
  </r>
  <r>
    <d v="2016-06-07T00:00:00"/>
    <x v="5"/>
    <x v="2"/>
    <x v="365"/>
    <x v="3"/>
    <x v="0"/>
    <x v="3"/>
    <s v="Avery Hanging File Binders"/>
    <n v="4.78"/>
    <n v="1"/>
    <n v="1.55"/>
  </r>
  <r>
    <d v="2016-06-07T00:00:00"/>
    <x v="5"/>
    <x v="2"/>
    <x v="365"/>
    <x v="3"/>
    <x v="0"/>
    <x v="0"/>
    <s v="While You Were Out Pads, 50 per Pad, 4 x 5 1/4, Green Cycle"/>
    <n v="4.7300000000000004"/>
    <n v="1"/>
    <n v="2.3199999999999998"/>
  </r>
  <r>
    <d v="2016-06-07T00:00:00"/>
    <x v="5"/>
    <x v="2"/>
    <x v="761"/>
    <x v="2"/>
    <x v="0"/>
    <x v="7"/>
    <s v="Ideal Clamps"/>
    <n v="9.65"/>
    <n v="6"/>
    <n v="3.5"/>
  </r>
  <r>
    <d v="2016-06-09T00:00:00"/>
    <x v="5"/>
    <x v="2"/>
    <x v="193"/>
    <x v="3"/>
    <x v="2"/>
    <x v="6"/>
    <s v="Avaya 4621SW VoIP phone"/>
    <n v="177.48"/>
    <n v="3"/>
    <n v="19.97"/>
  </r>
  <r>
    <d v="2016-06-09T00:00:00"/>
    <x v="5"/>
    <x v="2"/>
    <x v="460"/>
    <x v="16"/>
    <x v="2"/>
    <x v="15"/>
    <s v="Cisco CP-7937G Unified IP Conference Station Phone"/>
    <n v="695.7"/>
    <n v="2"/>
    <n v="-27.83"/>
  </r>
  <r>
    <d v="2016-06-09T00:00:00"/>
    <x v="5"/>
    <x v="2"/>
    <x v="622"/>
    <x v="3"/>
    <x v="1"/>
    <x v="5"/>
    <s v="Global Deluxe Stacking Chair, Gray"/>
    <n v="122.35"/>
    <n v="3"/>
    <n v="13.76"/>
  </r>
  <r>
    <d v="2016-06-09T00:00:00"/>
    <x v="5"/>
    <x v="2"/>
    <x v="499"/>
    <x v="28"/>
    <x v="1"/>
    <x v="13"/>
    <s v="Bush Cubix Conference Tables, Fully Assembled"/>
    <n v="692.94"/>
    <n v="3"/>
    <n v="173.24"/>
  </r>
  <r>
    <d v="2016-06-10T00:00:00"/>
    <x v="5"/>
    <x v="2"/>
    <x v="635"/>
    <x v="3"/>
    <x v="0"/>
    <x v="1"/>
    <s v="Avery 473"/>
    <n v="20.7"/>
    <n v="2"/>
    <n v="9.94"/>
  </r>
  <r>
    <d v="2016-06-10T00:00:00"/>
    <x v="5"/>
    <x v="2"/>
    <x v="635"/>
    <x v="3"/>
    <x v="1"/>
    <x v="13"/>
    <s v="Bretford Â“Just In TimeÂ” Height-Adjustable Multi-Task Work Tables"/>
    <n v="1335.68"/>
    <n v="4"/>
    <n v="-217.05"/>
  </r>
  <r>
    <d v="2016-06-10T00:00:00"/>
    <x v="5"/>
    <x v="2"/>
    <x v="635"/>
    <x v="3"/>
    <x v="0"/>
    <x v="0"/>
    <s v="Xerox 226"/>
    <n v="32.4"/>
    <n v="5"/>
    <n v="15.55"/>
  </r>
  <r>
    <d v="2016-06-10T00:00:00"/>
    <x v="5"/>
    <x v="2"/>
    <x v="733"/>
    <x v="2"/>
    <x v="0"/>
    <x v="1"/>
    <s v="Avery 487"/>
    <n v="23.62"/>
    <n v="8"/>
    <n v="7.97"/>
  </r>
  <r>
    <d v="2016-06-11T00:00:00"/>
    <x v="5"/>
    <x v="2"/>
    <x v="126"/>
    <x v="0"/>
    <x v="0"/>
    <x v="3"/>
    <s v="Computer Printout Index Tabs"/>
    <n v="1.34"/>
    <n v="4"/>
    <n v="-2.15"/>
  </r>
  <r>
    <d v="2016-06-11T00:00:00"/>
    <x v="5"/>
    <x v="2"/>
    <x v="126"/>
    <x v="0"/>
    <x v="0"/>
    <x v="3"/>
    <s v="GBC Wire Binding Combs"/>
    <n v="8.27"/>
    <n v="4"/>
    <n v="-13.65"/>
  </r>
  <r>
    <d v="2016-06-11T00:00:00"/>
    <x v="5"/>
    <x v="2"/>
    <x v="126"/>
    <x v="0"/>
    <x v="1"/>
    <x v="8"/>
    <s v="Stacking Tray, Side-Loading, Legal, Smoke"/>
    <n v="12.54"/>
    <n v="7"/>
    <n v="-9.09"/>
  </r>
  <r>
    <d v="2016-06-11T00:00:00"/>
    <x v="5"/>
    <x v="2"/>
    <x v="414"/>
    <x v="20"/>
    <x v="2"/>
    <x v="9"/>
    <s v="Razer Kraken PRO Over Ear PC and Music Headset"/>
    <n v="239.97"/>
    <n v="3"/>
    <n v="71.989999999999995"/>
  </r>
  <r>
    <d v="2016-06-11T00:00:00"/>
    <x v="5"/>
    <x v="2"/>
    <x v="145"/>
    <x v="22"/>
    <x v="0"/>
    <x v="1"/>
    <s v="Avery 486"/>
    <n v="14.62"/>
    <n v="2"/>
    <n v="6.87"/>
  </r>
  <r>
    <d v="2016-06-11T00:00:00"/>
    <x v="5"/>
    <x v="2"/>
    <x v="145"/>
    <x v="22"/>
    <x v="0"/>
    <x v="3"/>
    <s v="Wilson Jones Turn Tabs Binder Tool for Ring Binders"/>
    <n v="53.98"/>
    <n v="14"/>
    <n v="17.54"/>
  </r>
  <r>
    <d v="2016-06-11T00:00:00"/>
    <x v="5"/>
    <x v="2"/>
    <x v="145"/>
    <x v="22"/>
    <x v="2"/>
    <x v="9"/>
    <s v="Logitech G35 7.1-Channel Surround Sound Headset"/>
    <n v="389.97"/>
    <n v="3"/>
    <n v="132.59"/>
  </r>
  <r>
    <d v="2016-06-11T00:00:00"/>
    <x v="5"/>
    <x v="2"/>
    <x v="9"/>
    <x v="3"/>
    <x v="1"/>
    <x v="13"/>
    <s v="Bretford Rectangular Conference Table Tops"/>
    <n v="902.71"/>
    <n v="3"/>
    <n v="33.85"/>
  </r>
  <r>
    <d v="2016-06-12T00:00:00"/>
    <x v="5"/>
    <x v="2"/>
    <x v="762"/>
    <x v="3"/>
    <x v="0"/>
    <x v="1"/>
    <s v="Self-Adhesive Address Labels for Typewriters by Universal"/>
    <n v="14.62"/>
    <n v="2"/>
    <n v="6.87"/>
  </r>
  <r>
    <d v="2016-06-12T00:00:00"/>
    <x v="5"/>
    <x v="2"/>
    <x v="660"/>
    <x v="33"/>
    <x v="0"/>
    <x v="12"/>
    <s v="1.7 Cubic Foot Compact &quot;Cube&quot; Office Refrigerators"/>
    <n v="208.16"/>
    <n v="1"/>
    <n v="56.2"/>
  </r>
  <r>
    <d v="2016-06-12T00:00:00"/>
    <x v="5"/>
    <x v="2"/>
    <x v="660"/>
    <x v="33"/>
    <x v="0"/>
    <x v="3"/>
    <s v="Avery Heavy-Duty EZD  Binder With Locking Rings"/>
    <n v="16.739999999999998"/>
    <n v="3"/>
    <n v="8.0399999999999991"/>
  </r>
  <r>
    <d v="2016-06-12T00:00:00"/>
    <x v="5"/>
    <x v="2"/>
    <x v="236"/>
    <x v="7"/>
    <x v="1"/>
    <x v="8"/>
    <s v="Artistic Insta-Plaque"/>
    <n v="47.04"/>
    <n v="3"/>
    <n v="18.350000000000001"/>
  </r>
  <r>
    <d v="2016-06-12T00:00:00"/>
    <x v="5"/>
    <x v="2"/>
    <x v="236"/>
    <x v="7"/>
    <x v="0"/>
    <x v="3"/>
    <s v="DXL Angle-View Binders with Locking Rings by Samsill"/>
    <n v="30.84"/>
    <n v="4"/>
    <n v="13.88"/>
  </r>
  <r>
    <d v="2016-06-12T00:00:00"/>
    <x v="5"/>
    <x v="2"/>
    <x v="236"/>
    <x v="7"/>
    <x v="0"/>
    <x v="2"/>
    <s v="Companion Letter/Legal File, Black"/>
    <n v="226.56"/>
    <n v="6"/>
    <n v="63.44"/>
  </r>
  <r>
    <d v="2016-06-12T00:00:00"/>
    <x v="5"/>
    <x v="2"/>
    <x v="236"/>
    <x v="7"/>
    <x v="0"/>
    <x v="10"/>
    <s v="Globe Weis Peel &amp; Seel First Class Envelopes"/>
    <n v="115.02"/>
    <n v="9"/>
    <n v="51.76"/>
  </r>
  <r>
    <d v="2016-06-12T00:00:00"/>
    <x v="5"/>
    <x v="2"/>
    <x v="236"/>
    <x v="7"/>
    <x v="2"/>
    <x v="6"/>
    <s v="KLD Oscar II Style Snap-on Ultra Thin Side Flip Synthetic Leather Cover Case for HTC One HTC M7"/>
    <n v="68.040000000000006"/>
    <n v="7"/>
    <n v="19.73"/>
  </r>
  <r>
    <d v="2016-06-12T00:00:00"/>
    <x v="5"/>
    <x v="2"/>
    <x v="675"/>
    <x v="1"/>
    <x v="2"/>
    <x v="15"/>
    <s v="Canon Color ImageCLASS MF8580Cdw Wireless Laser All-In-One Printer, Copier, Scanner"/>
    <n v="1007.98"/>
    <n v="3"/>
    <n v="43.2"/>
  </r>
  <r>
    <d v="2016-06-12T00:00:00"/>
    <x v="5"/>
    <x v="2"/>
    <x v="675"/>
    <x v="1"/>
    <x v="0"/>
    <x v="0"/>
    <s v="Xerox 1908"/>
    <n v="313.49"/>
    <n v="7"/>
    <n v="113.64"/>
  </r>
  <r>
    <d v="2016-06-12T00:00:00"/>
    <x v="5"/>
    <x v="2"/>
    <x v="353"/>
    <x v="1"/>
    <x v="0"/>
    <x v="0"/>
    <s v="Xerox 1978"/>
    <n v="23.12"/>
    <n v="5"/>
    <n v="8.3800000000000008"/>
  </r>
  <r>
    <d v="2016-06-12T00:00:00"/>
    <x v="5"/>
    <x v="2"/>
    <x v="710"/>
    <x v="20"/>
    <x v="0"/>
    <x v="0"/>
    <s v="IBM Multi-Purpose Copy Paper, 8 1/2 x 11&quot;, Case"/>
    <n v="92.94"/>
    <n v="3"/>
    <n v="41.82"/>
  </r>
  <r>
    <d v="2016-06-12T00:00:00"/>
    <x v="5"/>
    <x v="2"/>
    <x v="710"/>
    <x v="20"/>
    <x v="0"/>
    <x v="12"/>
    <s v="Bionaire 99.97% HEPA Air Cleaner"/>
    <n v="52.56"/>
    <n v="3"/>
    <n v="18.399999999999999"/>
  </r>
  <r>
    <d v="2016-06-12T00:00:00"/>
    <x v="5"/>
    <x v="2"/>
    <x v="400"/>
    <x v="3"/>
    <x v="0"/>
    <x v="0"/>
    <s v="IBM Multi-Purpose Copy Paper, 8 1/2 x 11&quot;, Case"/>
    <n v="185.88"/>
    <n v="6"/>
    <n v="83.65"/>
  </r>
  <r>
    <d v="2016-06-12T00:00:00"/>
    <x v="5"/>
    <x v="2"/>
    <x v="400"/>
    <x v="3"/>
    <x v="0"/>
    <x v="0"/>
    <s v="Xerox 228"/>
    <n v="12.96"/>
    <n v="2"/>
    <n v="6.22"/>
  </r>
  <r>
    <d v="2016-06-12T00:00:00"/>
    <x v="5"/>
    <x v="2"/>
    <x v="299"/>
    <x v="0"/>
    <x v="0"/>
    <x v="12"/>
    <s v="APC 7 Outlet Network SurgeArrest Surge Protector"/>
    <n v="64.38"/>
    <n v="4"/>
    <n v="-160.96"/>
  </r>
  <r>
    <d v="2016-06-12T00:00:00"/>
    <x v="5"/>
    <x v="2"/>
    <x v="299"/>
    <x v="0"/>
    <x v="1"/>
    <x v="8"/>
    <s v="Dax Clear Box Frame"/>
    <n v="6.98"/>
    <n v="2"/>
    <n v="-4.54"/>
  </r>
  <r>
    <d v="2016-06-12T00:00:00"/>
    <x v="5"/>
    <x v="2"/>
    <x v="299"/>
    <x v="0"/>
    <x v="0"/>
    <x v="4"/>
    <s v="Nontoxic Chalk"/>
    <n v="11.26"/>
    <n v="8"/>
    <n v="3.94"/>
  </r>
  <r>
    <d v="2016-06-12T00:00:00"/>
    <x v="5"/>
    <x v="2"/>
    <x v="299"/>
    <x v="0"/>
    <x v="0"/>
    <x v="0"/>
    <s v="Xerox 1975"/>
    <n v="15.55"/>
    <n v="3"/>
    <n v="5.64"/>
  </r>
  <r>
    <d v="2016-06-12T00:00:00"/>
    <x v="5"/>
    <x v="2"/>
    <x v="299"/>
    <x v="0"/>
    <x v="1"/>
    <x v="5"/>
    <s v="Global Enterprise Series Seating High-Back Swivel/Tilt Chairs"/>
    <n v="379.37"/>
    <n v="2"/>
    <n v="-119.23"/>
  </r>
  <r>
    <d v="2016-06-12T00:00:00"/>
    <x v="5"/>
    <x v="2"/>
    <x v="299"/>
    <x v="0"/>
    <x v="0"/>
    <x v="2"/>
    <s v="Staple magnet"/>
    <n v="67.540000000000006"/>
    <n v="9"/>
    <n v="6.75"/>
  </r>
  <r>
    <d v="2016-06-12T00:00:00"/>
    <x v="5"/>
    <x v="2"/>
    <x v="299"/>
    <x v="0"/>
    <x v="0"/>
    <x v="3"/>
    <s v="Acco Pressboard Covers with Storage Hooks, 14 7/8&quot; x 11&quot;, Executive Red"/>
    <n v="1.52"/>
    <n v="2"/>
    <n v="-2.67"/>
  </r>
  <r>
    <d v="2016-06-13T00:00:00"/>
    <x v="5"/>
    <x v="2"/>
    <x v="90"/>
    <x v="14"/>
    <x v="2"/>
    <x v="6"/>
    <s v="Ooma Telo VoIP Home Phone System"/>
    <n v="377.97"/>
    <n v="3"/>
    <n v="94.49"/>
  </r>
  <r>
    <d v="2016-06-13T00:00:00"/>
    <x v="5"/>
    <x v="2"/>
    <x v="331"/>
    <x v="42"/>
    <x v="0"/>
    <x v="1"/>
    <s v="Avery 51"/>
    <n v="18.899999999999999"/>
    <n v="3"/>
    <n v="8.69"/>
  </r>
  <r>
    <d v="2016-06-13T00:00:00"/>
    <x v="5"/>
    <x v="2"/>
    <x v="217"/>
    <x v="20"/>
    <x v="0"/>
    <x v="3"/>
    <s v="Premium Transparent Presentation Covers by GBC"/>
    <n v="33.57"/>
    <n v="2"/>
    <n v="11.75"/>
  </r>
  <r>
    <d v="2016-06-14T00:00:00"/>
    <x v="5"/>
    <x v="2"/>
    <x v="298"/>
    <x v="3"/>
    <x v="0"/>
    <x v="4"/>
    <s v="Newell 326"/>
    <n v="7.04"/>
    <n v="4"/>
    <n v="2.04"/>
  </r>
  <r>
    <d v="2016-06-14T00:00:00"/>
    <x v="5"/>
    <x v="2"/>
    <x v="298"/>
    <x v="3"/>
    <x v="1"/>
    <x v="8"/>
    <s v="GE General Purpose, Extra Long Life, Showcase &amp; Floodlight Incandescent Bulbs"/>
    <n v="8.73"/>
    <n v="3"/>
    <n v="4.0999999999999996"/>
  </r>
  <r>
    <d v="2016-06-14T00:00:00"/>
    <x v="5"/>
    <x v="2"/>
    <x v="298"/>
    <x v="3"/>
    <x v="2"/>
    <x v="9"/>
    <s v="Logitech ClearChat Comfort/USB Headset H390"/>
    <n v="29.29"/>
    <n v="1"/>
    <n v="9.67"/>
  </r>
  <r>
    <d v="2016-06-14T00:00:00"/>
    <x v="5"/>
    <x v="2"/>
    <x v="298"/>
    <x v="3"/>
    <x v="0"/>
    <x v="4"/>
    <s v="Newell 346"/>
    <n v="8.64"/>
    <n v="3"/>
    <n v="2.5099999999999998"/>
  </r>
  <r>
    <d v="2016-06-14T00:00:00"/>
    <x v="5"/>
    <x v="2"/>
    <x v="167"/>
    <x v="3"/>
    <x v="1"/>
    <x v="11"/>
    <s v="Bush Heritage Pine Collection 5-Shelf Bookcase, Albany Pine Finish, *Special Order"/>
    <n v="599.16999999999996"/>
    <n v="5"/>
    <n v="35.25"/>
  </r>
  <r>
    <d v="2016-06-14T00:00:00"/>
    <x v="5"/>
    <x v="2"/>
    <x v="290"/>
    <x v="3"/>
    <x v="1"/>
    <x v="13"/>
    <s v="Bush Cubix Conference Tables, Fully Assembled"/>
    <n v="1293.49"/>
    <n v="7"/>
    <n v="80.84"/>
  </r>
  <r>
    <d v="2016-06-14T00:00:00"/>
    <x v="5"/>
    <x v="2"/>
    <x v="763"/>
    <x v="2"/>
    <x v="1"/>
    <x v="13"/>
    <s v="Global Adaptabilities Conference Tables"/>
    <n v="337.18"/>
    <n v="2"/>
    <n v="-118.01"/>
  </r>
  <r>
    <d v="2016-06-14T00:00:00"/>
    <x v="5"/>
    <x v="2"/>
    <x v="98"/>
    <x v="16"/>
    <x v="0"/>
    <x v="3"/>
    <s v="GBC Twin Loop Wire Binding Elements"/>
    <n v="39.94"/>
    <n v="4"/>
    <n v="-26.62"/>
  </r>
  <r>
    <d v="2016-06-14T00:00:00"/>
    <x v="5"/>
    <x v="2"/>
    <x v="98"/>
    <x v="16"/>
    <x v="2"/>
    <x v="9"/>
    <s v="Verbatim Slim CD and DVD Storage Cases, 50/Pack"/>
    <n v="18.46"/>
    <n v="2"/>
    <n v="2.31"/>
  </r>
  <r>
    <d v="2016-06-14T00:00:00"/>
    <x v="5"/>
    <x v="2"/>
    <x v="278"/>
    <x v="22"/>
    <x v="1"/>
    <x v="13"/>
    <s v="Hon Non-Folding Utility Tables"/>
    <n v="1115.17"/>
    <n v="7"/>
    <n v="334.55"/>
  </r>
  <r>
    <d v="2016-06-15T00:00:00"/>
    <x v="5"/>
    <x v="2"/>
    <x v="462"/>
    <x v="0"/>
    <x v="0"/>
    <x v="0"/>
    <s v="Xerox 19"/>
    <n v="173.49"/>
    <n v="7"/>
    <n v="54.22"/>
  </r>
  <r>
    <d v="2016-06-16T00:00:00"/>
    <x v="5"/>
    <x v="2"/>
    <x v="649"/>
    <x v="3"/>
    <x v="0"/>
    <x v="0"/>
    <s v="Wirebound Message Books, Four 2 3/4&quot; x 5&quot; Forms per Page, 600 Sets per Book"/>
    <n v="46.35"/>
    <n v="5"/>
    <n v="21.78"/>
  </r>
  <r>
    <d v="2016-06-16T00:00:00"/>
    <x v="5"/>
    <x v="2"/>
    <x v="594"/>
    <x v="15"/>
    <x v="2"/>
    <x v="15"/>
    <s v="Penpower WorldCard Pro Card Scanner"/>
    <n v="91.48"/>
    <n v="1"/>
    <n v="-1.83"/>
  </r>
  <r>
    <d v="2016-06-16T00:00:00"/>
    <x v="5"/>
    <x v="2"/>
    <x v="612"/>
    <x v="7"/>
    <x v="0"/>
    <x v="1"/>
    <s v="Avery 518"/>
    <n v="9.4499999999999993"/>
    <n v="3"/>
    <n v="4.54"/>
  </r>
  <r>
    <d v="2016-06-17T00:00:00"/>
    <x v="5"/>
    <x v="2"/>
    <x v="764"/>
    <x v="20"/>
    <x v="0"/>
    <x v="2"/>
    <s v="Home/Office Personal File Carts"/>
    <n v="208.56"/>
    <n v="6"/>
    <n v="52.14"/>
  </r>
  <r>
    <d v="2016-06-17T00:00:00"/>
    <x v="5"/>
    <x v="2"/>
    <x v="764"/>
    <x v="20"/>
    <x v="0"/>
    <x v="0"/>
    <s v="Xerox 232"/>
    <n v="32.4"/>
    <n v="5"/>
    <n v="15.55"/>
  </r>
  <r>
    <d v="2016-06-17T00:00:00"/>
    <x v="5"/>
    <x v="2"/>
    <x v="764"/>
    <x v="20"/>
    <x v="1"/>
    <x v="5"/>
    <s v="Novimex Turbo Task Chair"/>
    <n v="319.41000000000003"/>
    <n v="5"/>
    <n v="7.1"/>
  </r>
  <r>
    <d v="2016-06-17T00:00:00"/>
    <x v="5"/>
    <x v="2"/>
    <x v="764"/>
    <x v="20"/>
    <x v="0"/>
    <x v="0"/>
    <s v="Array Parchment Paper, Assorted Colors"/>
    <n v="14.56"/>
    <n v="2"/>
    <n v="6.99"/>
  </r>
  <r>
    <d v="2016-06-17T00:00:00"/>
    <x v="5"/>
    <x v="2"/>
    <x v="764"/>
    <x v="20"/>
    <x v="2"/>
    <x v="9"/>
    <s v="ImationÂ 8gb Micro Traveldrive Usb 2.0Â Flash Drive"/>
    <n v="30"/>
    <n v="2"/>
    <n v="3.3"/>
  </r>
  <r>
    <d v="2016-06-17T00:00:00"/>
    <x v="5"/>
    <x v="2"/>
    <x v="764"/>
    <x v="20"/>
    <x v="0"/>
    <x v="3"/>
    <s v="Plastic Binding Combs"/>
    <n v="48.48"/>
    <n v="4"/>
    <n v="16.36"/>
  </r>
  <r>
    <d v="2016-06-17T00:00:00"/>
    <x v="5"/>
    <x v="2"/>
    <x v="764"/>
    <x v="20"/>
    <x v="0"/>
    <x v="4"/>
    <s v="Prang Dustless Chalk Sticks"/>
    <n v="1.68"/>
    <n v="1"/>
    <n v="0.84"/>
  </r>
  <r>
    <d v="2016-06-17T00:00:00"/>
    <x v="5"/>
    <x v="2"/>
    <x v="466"/>
    <x v="3"/>
    <x v="0"/>
    <x v="0"/>
    <s v="Xerox 1934"/>
    <n v="111.96"/>
    <n v="2"/>
    <n v="54.86"/>
  </r>
  <r>
    <d v="2016-06-17T00:00:00"/>
    <x v="5"/>
    <x v="2"/>
    <x v="667"/>
    <x v="20"/>
    <x v="0"/>
    <x v="2"/>
    <s v="Rogers Jumbo File, Granite"/>
    <n v="40.74"/>
    <n v="3"/>
    <n v="0.41"/>
  </r>
  <r>
    <d v="2016-06-17T00:00:00"/>
    <x v="5"/>
    <x v="2"/>
    <x v="30"/>
    <x v="3"/>
    <x v="1"/>
    <x v="11"/>
    <s v="Bush Heritage Pine Collection 5-Shelf Bookcase, Albany Pine Finish, *Special Order"/>
    <n v="239.67"/>
    <n v="2"/>
    <n v="14.1"/>
  </r>
  <r>
    <d v="2016-06-17T00:00:00"/>
    <x v="5"/>
    <x v="2"/>
    <x v="30"/>
    <x v="3"/>
    <x v="0"/>
    <x v="1"/>
    <s v="Avery 496"/>
    <n v="22.5"/>
    <n v="6"/>
    <n v="10.8"/>
  </r>
  <r>
    <d v="2016-06-17T00:00:00"/>
    <x v="5"/>
    <x v="2"/>
    <x v="30"/>
    <x v="3"/>
    <x v="0"/>
    <x v="0"/>
    <s v="Xerox 1914"/>
    <n v="219.84"/>
    <n v="4"/>
    <n v="107.72"/>
  </r>
  <r>
    <d v="2016-06-17T00:00:00"/>
    <x v="5"/>
    <x v="2"/>
    <x v="164"/>
    <x v="26"/>
    <x v="1"/>
    <x v="8"/>
    <s v="Rubbermaid ClusterMat Chairmats, Mat Size- 66&quot; x 60&quot;, Lip 20&quot; x 11&quot; -90 Degree Angle"/>
    <n v="266.35000000000002"/>
    <n v="3"/>
    <n v="-13.32"/>
  </r>
  <r>
    <d v="2016-06-17T00:00:00"/>
    <x v="5"/>
    <x v="2"/>
    <x v="164"/>
    <x v="26"/>
    <x v="1"/>
    <x v="5"/>
    <s v="Global Manager's Adjustable Task Chair, Storm"/>
    <n v="483.14"/>
    <n v="4"/>
    <n v="54.35"/>
  </r>
  <r>
    <d v="2016-06-17T00:00:00"/>
    <x v="5"/>
    <x v="2"/>
    <x v="85"/>
    <x v="37"/>
    <x v="0"/>
    <x v="3"/>
    <s v="Ibico Presentation Index for Binding Systems"/>
    <n v="7.96"/>
    <n v="2"/>
    <n v="3.74"/>
  </r>
  <r>
    <d v="2016-06-17T00:00:00"/>
    <x v="5"/>
    <x v="2"/>
    <x v="85"/>
    <x v="37"/>
    <x v="2"/>
    <x v="6"/>
    <s v="Wireless Extenders zBoost YX545 SOHO Signal Booster"/>
    <n v="566.97"/>
    <n v="3"/>
    <n v="153.08000000000001"/>
  </r>
  <r>
    <d v="2016-06-17T00:00:00"/>
    <x v="5"/>
    <x v="2"/>
    <x v="85"/>
    <x v="37"/>
    <x v="0"/>
    <x v="4"/>
    <s v="Newell 35"/>
    <n v="9.84"/>
    <n v="3"/>
    <n v="2.85"/>
  </r>
  <r>
    <d v="2016-06-17T00:00:00"/>
    <x v="5"/>
    <x v="2"/>
    <x v="491"/>
    <x v="20"/>
    <x v="1"/>
    <x v="13"/>
    <s v="Hon 2111 Invitation Series Corner Table"/>
    <n v="376.87"/>
    <n v="3"/>
    <n v="-213.56"/>
  </r>
  <r>
    <d v="2016-06-18T00:00:00"/>
    <x v="5"/>
    <x v="2"/>
    <x v="239"/>
    <x v="1"/>
    <x v="0"/>
    <x v="0"/>
    <s v="Xerox 1937"/>
    <n v="76.86"/>
    <n v="2"/>
    <n v="26.9"/>
  </r>
  <r>
    <d v="2016-06-18T00:00:00"/>
    <x v="5"/>
    <x v="2"/>
    <x v="660"/>
    <x v="2"/>
    <x v="0"/>
    <x v="0"/>
    <s v="Xerox 1900"/>
    <n v="6.85"/>
    <n v="2"/>
    <n v="2.14"/>
  </r>
  <r>
    <d v="2016-06-18T00:00:00"/>
    <x v="5"/>
    <x v="2"/>
    <x v="660"/>
    <x v="2"/>
    <x v="0"/>
    <x v="3"/>
    <s v="DXL Angle-View Binders with Locking Rings by Samsill"/>
    <n v="4.63"/>
    <n v="2"/>
    <n v="-3.86"/>
  </r>
  <r>
    <d v="2016-06-18T00:00:00"/>
    <x v="5"/>
    <x v="2"/>
    <x v="660"/>
    <x v="2"/>
    <x v="0"/>
    <x v="12"/>
    <s v="Harmony Air Purifier"/>
    <n v="453.6"/>
    <n v="3"/>
    <n v="90.72"/>
  </r>
  <r>
    <d v="2016-06-19T00:00:00"/>
    <x v="5"/>
    <x v="2"/>
    <x v="385"/>
    <x v="3"/>
    <x v="0"/>
    <x v="0"/>
    <s v="Message Book, Standard Line &quot;While You Were Out&quot;, 5 1/2&quot; X 4&quot;, 200 Sets/Book"/>
    <n v="17.12"/>
    <n v="2"/>
    <n v="8.0500000000000007"/>
  </r>
  <r>
    <d v="2016-06-20T00:00:00"/>
    <x v="5"/>
    <x v="2"/>
    <x v="352"/>
    <x v="7"/>
    <x v="2"/>
    <x v="9"/>
    <s v="ImationÂ 8gb Micro Traveldrive Usb 2.0Â Flash Drive"/>
    <n v="45"/>
    <n v="3"/>
    <n v="4.95"/>
  </r>
  <r>
    <d v="2016-06-20T00:00:00"/>
    <x v="5"/>
    <x v="2"/>
    <x v="352"/>
    <x v="7"/>
    <x v="2"/>
    <x v="6"/>
    <s v="LF Elite 3D Dazzle Designer Hard Case Cover, Lf Stylus Pen and Wiper For Apple Iphone 5c Mini Lite"/>
    <n v="21.8"/>
    <n v="2"/>
    <n v="6.1"/>
  </r>
  <r>
    <d v="2016-06-20T00:00:00"/>
    <x v="5"/>
    <x v="2"/>
    <x v="679"/>
    <x v="3"/>
    <x v="0"/>
    <x v="4"/>
    <s v="DIXON Oriole Pencils"/>
    <n v="5.16"/>
    <n v="2"/>
    <n v="1.34"/>
  </r>
  <r>
    <d v="2016-06-20T00:00:00"/>
    <x v="5"/>
    <x v="2"/>
    <x v="679"/>
    <x v="3"/>
    <x v="0"/>
    <x v="0"/>
    <s v="Xerox 202"/>
    <n v="38.880000000000003"/>
    <n v="6"/>
    <n v="18.66"/>
  </r>
  <r>
    <d v="2016-06-20T00:00:00"/>
    <x v="5"/>
    <x v="2"/>
    <x v="651"/>
    <x v="2"/>
    <x v="0"/>
    <x v="0"/>
    <s v="Wirebound Message Books, 2 7/8&quot; x 5&quot;, 3 Forms per Page"/>
    <n v="45.06"/>
    <n v="8"/>
    <n v="15.21"/>
  </r>
  <r>
    <d v="2016-06-20T00:00:00"/>
    <x v="5"/>
    <x v="2"/>
    <x v="651"/>
    <x v="2"/>
    <x v="0"/>
    <x v="3"/>
    <s v="JM Magazine Binder"/>
    <n v="29.72"/>
    <n v="6"/>
    <n v="-21.79"/>
  </r>
  <r>
    <d v="2016-06-20T00:00:00"/>
    <x v="5"/>
    <x v="2"/>
    <x v="651"/>
    <x v="2"/>
    <x v="0"/>
    <x v="0"/>
    <s v="Xerox 202"/>
    <n v="15.55"/>
    <n v="3"/>
    <n v="5.44"/>
  </r>
  <r>
    <d v="2016-06-20T00:00:00"/>
    <x v="5"/>
    <x v="2"/>
    <x v="651"/>
    <x v="2"/>
    <x v="0"/>
    <x v="12"/>
    <s v="Sanyo 2.5 Cubic Foot Mid-Size Office Refrigerators"/>
    <n v="447.7"/>
    <n v="2"/>
    <n v="33.58"/>
  </r>
  <r>
    <d v="2016-06-20T00:00:00"/>
    <x v="5"/>
    <x v="2"/>
    <x v="554"/>
    <x v="3"/>
    <x v="0"/>
    <x v="0"/>
    <s v="Xerox 1898"/>
    <n v="46.76"/>
    <n v="7"/>
    <n v="22.44"/>
  </r>
  <r>
    <d v="2016-06-20T00:00:00"/>
    <x v="5"/>
    <x v="2"/>
    <x v="554"/>
    <x v="3"/>
    <x v="0"/>
    <x v="3"/>
    <s v="GBC Plastic Binding Combs"/>
    <n v="17.71"/>
    <n v="3"/>
    <n v="6.42"/>
  </r>
  <r>
    <d v="2016-06-20T00:00:00"/>
    <x v="5"/>
    <x v="2"/>
    <x v="554"/>
    <x v="3"/>
    <x v="0"/>
    <x v="12"/>
    <s v="Belkin 6 Outlet Metallic Surge Strip"/>
    <n v="21.78"/>
    <n v="2"/>
    <n v="5.66"/>
  </r>
  <r>
    <d v="2016-06-20T00:00:00"/>
    <x v="5"/>
    <x v="2"/>
    <x v="554"/>
    <x v="3"/>
    <x v="0"/>
    <x v="2"/>
    <s v="Fellowes Bankers Box Recycled Super Stor/Drawer"/>
    <n v="161.94"/>
    <n v="3"/>
    <n v="9.7200000000000006"/>
  </r>
  <r>
    <d v="2016-06-20T00:00:00"/>
    <x v="5"/>
    <x v="2"/>
    <x v="554"/>
    <x v="3"/>
    <x v="1"/>
    <x v="5"/>
    <s v="Hon Valutask Swivel Chairs"/>
    <n v="161.57"/>
    <n v="2"/>
    <n v="-8.08"/>
  </r>
  <r>
    <d v="2016-06-20T00:00:00"/>
    <x v="5"/>
    <x v="2"/>
    <x v="400"/>
    <x v="0"/>
    <x v="2"/>
    <x v="9"/>
    <s v="Logitech Trackman Marble Mouse"/>
    <n v="95.97"/>
    <n v="4"/>
    <n v="26.39"/>
  </r>
  <r>
    <d v="2016-06-20T00:00:00"/>
    <x v="5"/>
    <x v="2"/>
    <x v="400"/>
    <x v="0"/>
    <x v="0"/>
    <x v="0"/>
    <s v="Xerox 206"/>
    <n v="10.37"/>
    <n v="2"/>
    <n v="3.63"/>
  </r>
  <r>
    <d v="2016-06-20T00:00:00"/>
    <x v="5"/>
    <x v="2"/>
    <x v="183"/>
    <x v="39"/>
    <x v="2"/>
    <x v="9"/>
    <s v="ImationÂ 30456 USBÂ Flash DriveÂ 8GB"/>
    <n v="6.9"/>
    <n v="1"/>
    <n v="0.55000000000000004"/>
  </r>
  <r>
    <d v="2016-06-20T00:00:00"/>
    <x v="5"/>
    <x v="2"/>
    <x v="183"/>
    <x v="39"/>
    <x v="1"/>
    <x v="8"/>
    <s v="Executive Impressions 13&quot; Clairmont Wall Clock"/>
    <n v="57.69"/>
    <n v="3"/>
    <n v="23.65"/>
  </r>
  <r>
    <d v="2016-06-21T00:00:00"/>
    <x v="5"/>
    <x v="2"/>
    <x v="423"/>
    <x v="20"/>
    <x v="0"/>
    <x v="3"/>
    <s v="SpineVue Locking Slant-D Ring Binders by Cardinal"/>
    <n v="36.56"/>
    <n v="5"/>
    <n v="12.8"/>
  </r>
  <r>
    <d v="2016-06-21T00:00:00"/>
    <x v="5"/>
    <x v="2"/>
    <x v="423"/>
    <x v="20"/>
    <x v="0"/>
    <x v="3"/>
    <s v="Premium Transparent Presentation Covers, No Pattern/Clear, 8 1/2&quot; x 11&quot;"/>
    <n v="186.14"/>
    <n v="6"/>
    <n v="60.5"/>
  </r>
  <r>
    <d v="2016-06-21T00:00:00"/>
    <x v="5"/>
    <x v="2"/>
    <x v="423"/>
    <x v="20"/>
    <x v="1"/>
    <x v="11"/>
    <s v="O'Sullivan Living Dimensions 5-Shelf Bookcases"/>
    <n v="353.57"/>
    <n v="2"/>
    <n v="-44.2"/>
  </r>
  <r>
    <d v="2016-06-21T00:00:00"/>
    <x v="5"/>
    <x v="2"/>
    <x v="590"/>
    <x v="1"/>
    <x v="0"/>
    <x v="3"/>
    <s v="Avery Durable Slant Ring Binders With Label Holder"/>
    <n v="0.84"/>
    <n v="1"/>
    <n v="-1.34"/>
  </r>
  <r>
    <d v="2016-06-23T00:00:00"/>
    <x v="5"/>
    <x v="2"/>
    <x v="576"/>
    <x v="20"/>
    <x v="0"/>
    <x v="1"/>
    <s v="Avery 4027 File Folder Labels for Dot Matrix Printers, 5000 Labels per Box, White"/>
    <n v="122.12"/>
    <n v="4"/>
    <n v="56.18"/>
  </r>
  <r>
    <d v="2016-06-23T00:00:00"/>
    <x v="5"/>
    <x v="2"/>
    <x v="576"/>
    <x v="20"/>
    <x v="0"/>
    <x v="1"/>
    <s v="Avery 52"/>
    <n v="18.45"/>
    <n v="5"/>
    <n v="8.67"/>
  </r>
  <r>
    <d v="2016-06-23T00:00:00"/>
    <x v="5"/>
    <x v="2"/>
    <x v="576"/>
    <x v="20"/>
    <x v="0"/>
    <x v="2"/>
    <s v="Fellowes Bankers Box Staxonsteel Drawer File/Stacking System"/>
    <n v="324.89999999999998"/>
    <n v="5"/>
    <n v="38.99"/>
  </r>
  <r>
    <d v="2016-06-23T00:00:00"/>
    <x v="5"/>
    <x v="2"/>
    <x v="576"/>
    <x v="20"/>
    <x v="0"/>
    <x v="0"/>
    <s v="Tops White Computer Printout Paper"/>
    <n v="146.72999999999999"/>
    <n v="3"/>
    <n v="68.959999999999994"/>
  </r>
  <r>
    <d v="2016-06-23T00:00:00"/>
    <x v="5"/>
    <x v="2"/>
    <x v="576"/>
    <x v="20"/>
    <x v="0"/>
    <x v="7"/>
    <s v="Translucent Push Pins by OIC"/>
    <n v="3.96"/>
    <n v="2"/>
    <n v="1.47"/>
  </r>
  <r>
    <d v="2016-06-23T00:00:00"/>
    <x v="5"/>
    <x v="2"/>
    <x v="585"/>
    <x v="20"/>
    <x v="0"/>
    <x v="14"/>
    <s v="Compact Automatic Electric Letter Opener"/>
    <n v="835.17"/>
    <n v="7"/>
    <n v="16.7"/>
  </r>
  <r>
    <d v="2016-06-23T00:00:00"/>
    <x v="5"/>
    <x v="2"/>
    <x v="131"/>
    <x v="3"/>
    <x v="0"/>
    <x v="2"/>
    <s v="Mobile Personal File Cube"/>
    <n v="93.68"/>
    <n v="4"/>
    <n v="25.29"/>
  </r>
  <r>
    <d v="2016-06-23T00:00:00"/>
    <x v="5"/>
    <x v="2"/>
    <x v="131"/>
    <x v="3"/>
    <x v="0"/>
    <x v="1"/>
    <s v="Avery 516"/>
    <n v="21.93"/>
    <n v="3"/>
    <n v="10.31"/>
  </r>
  <r>
    <d v="2016-06-23T00:00:00"/>
    <x v="5"/>
    <x v="2"/>
    <x v="131"/>
    <x v="3"/>
    <x v="2"/>
    <x v="6"/>
    <s v="Nortel Meridian M3904 Professional Digital phone"/>
    <n v="862.34"/>
    <n v="7"/>
    <n v="97.01"/>
  </r>
  <r>
    <d v="2016-06-23T00:00:00"/>
    <x v="5"/>
    <x v="2"/>
    <x v="131"/>
    <x v="3"/>
    <x v="0"/>
    <x v="0"/>
    <s v="Xerox 1884"/>
    <n v="19.98"/>
    <n v="1"/>
    <n v="9.39"/>
  </r>
  <r>
    <d v="2016-06-23T00:00:00"/>
    <x v="5"/>
    <x v="2"/>
    <x v="533"/>
    <x v="20"/>
    <x v="0"/>
    <x v="1"/>
    <s v="Avery 487"/>
    <n v="25.83"/>
    <n v="7"/>
    <n v="12.14"/>
  </r>
  <r>
    <d v="2016-06-24T00:00:00"/>
    <x v="5"/>
    <x v="2"/>
    <x v="649"/>
    <x v="3"/>
    <x v="2"/>
    <x v="6"/>
    <s v="Macally Suction Cup Mount"/>
    <n v="38.24"/>
    <n v="4"/>
    <n v="-9.56"/>
  </r>
  <r>
    <d v="2016-06-24T00:00:00"/>
    <x v="5"/>
    <x v="2"/>
    <x v="19"/>
    <x v="18"/>
    <x v="2"/>
    <x v="6"/>
    <s v="Panasonic KX TS208W Corded phone"/>
    <n v="440.91"/>
    <n v="9"/>
    <n v="123.45"/>
  </r>
  <r>
    <d v="2016-06-24T00:00:00"/>
    <x v="5"/>
    <x v="2"/>
    <x v="526"/>
    <x v="0"/>
    <x v="0"/>
    <x v="12"/>
    <s v="Holmes HEPA Air Purifier"/>
    <n v="8.7100000000000009"/>
    <n v="2"/>
    <n v="-19.600000000000001"/>
  </r>
  <r>
    <d v="2016-06-24T00:00:00"/>
    <x v="5"/>
    <x v="2"/>
    <x v="655"/>
    <x v="3"/>
    <x v="2"/>
    <x v="15"/>
    <s v="Okidata MB760 Printer"/>
    <n v="4476.8"/>
    <n v="4"/>
    <n v="503.64"/>
  </r>
  <r>
    <d v="2016-06-24T00:00:00"/>
    <x v="5"/>
    <x v="2"/>
    <x v="655"/>
    <x v="3"/>
    <x v="0"/>
    <x v="0"/>
    <s v="Xerox 189"/>
    <n v="104.85"/>
    <n v="1"/>
    <n v="50.33"/>
  </r>
  <r>
    <d v="2016-06-24T00:00:00"/>
    <x v="5"/>
    <x v="2"/>
    <x v="655"/>
    <x v="3"/>
    <x v="0"/>
    <x v="12"/>
    <s v="APC 7 Outlet Network SurgeArrest Surge Protector"/>
    <n v="241.44"/>
    <n v="3"/>
    <n v="72.430000000000007"/>
  </r>
  <r>
    <d v="2016-06-25T00:00:00"/>
    <x v="5"/>
    <x v="2"/>
    <x v="161"/>
    <x v="2"/>
    <x v="1"/>
    <x v="5"/>
    <s v="Global Leather Highback Executive Chair with Pneumatic Height Adjustment, Black"/>
    <n v="422.06"/>
    <n v="3"/>
    <n v="-18.09"/>
  </r>
  <r>
    <d v="2016-06-25T00:00:00"/>
    <x v="5"/>
    <x v="2"/>
    <x v="161"/>
    <x v="2"/>
    <x v="0"/>
    <x v="3"/>
    <s v="GBC Wire Binding Strips"/>
    <n v="38.090000000000003"/>
    <n v="4"/>
    <n v="-27.93"/>
  </r>
  <r>
    <d v="2016-06-25T00:00:00"/>
    <x v="5"/>
    <x v="2"/>
    <x v="161"/>
    <x v="2"/>
    <x v="0"/>
    <x v="2"/>
    <s v="Gould Plastics 9-Pocket Panel Bin, 18-3/8w x 5-1/4d x 20-1/2h, Black"/>
    <n v="254.35"/>
    <n v="6"/>
    <n v="-50.87"/>
  </r>
  <r>
    <d v="2016-06-25T00:00:00"/>
    <x v="5"/>
    <x v="2"/>
    <x v="83"/>
    <x v="3"/>
    <x v="0"/>
    <x v="12"/>
    <s v="Fellowes Mighty 8 Compact Surge Protector"/>
    <n v="60.81"/>
    <n v="3"/>
    <n v="17.03"/>
  </r>
  <r>
    <d v="2016-06-25T00:00:00"/>
    <x v="5"/>
    <x v="2"/>
    <x v="391"/>
    <x v="0"/>
    <x v="1"/>
    <x v="5"/>
    <s v="Global Value Mid-Back Manager's Chair, Gray"/>
    <n v="85.25"/>
    <n v="2"/>
    <n v="-6.09"/>
  </r>
  <r>
    <d v="2016-06-25T00:00:00"/>
    <x v="5"/>
    <x v="2"/>
    <x v="391"/>
    <x v="0"/>
    <x v="1"/>
    <x v="8"/>
    <s v="Eldon Executive Woodline II Cherry Finish Desk Accessories"/>
    <n v="32.71"/>
    <n v="2"/>
    <n v="-26.17"/>
  </r>
  <r>
    <d v="2016-06-26T00:00:00"/>
    <x v="5"/>
    <x v="2"/>
    <x v="130"/>
    <x v="20"/>
    <x v="0"/>
    <x v="4"/>
    <s v="Prang Colored Pencils"/>
    <n v="14.7"/>
    <n v="5"/>
    <n v="6.62"/>
  </r>
  <r>
    <d v="2016-06-26T00:00:00"/>
    <x v="5"/>
    <x v="2"/>
    <x v="130"/>
    <x v="20"/>
    <x v="0"/>
    <x v="2"/>
    <s v="Fellowes Strictly Business Drawer File, Letter/Legal Size"/>
    <n v="704.25"/>
    <n v="5"/>
    <n v="84.51"/>
  </r>
  <r>
    <d v="2016-06-26T00:00:00"/>
    <x v="5"/>
    <x v="2"/>
    <x v="344"/>
    <x v="43"/>
    <x v="0"/>
    <x v="2"/>
    <s v="Woodgrain Magazine Files by Perma"/>
    <n v="14.9"/>
    <n v="5"/>
    <n v="1.04"/>
  </r>
  <r>
    <d v="2016-06-26T00:00:00"/>
    <x v="5"/>
    <x v="2"/>
    <x v="314"/>
    <x v="0"/>
    <x v="2"/>
    <x v="9"/>
    <s v="Memorex Mini Travel Drive 4 GB USB 2.0 Flash Drive"/>
    <n v="13.62"/>
    <n v="2"/>
    <n v="3.57"/>
  </r>
  <r>
    <d v="2016-06-26T00:00:00"/>
    <x v="5"/>
    <x v="2"/>
    <x v="416"/>
    <x v="3"/>
    <x v="1"/>
    <x v="8"/>
    <s v="Eldon Expressions Wood Desk Accessories, Oak"/>
    <n v="22.14"/>
    <n v="3"/>
    <n v="6.42"/>
  </r>
  <r>
    <d v="2016-06-26T00:00:00"/>
    <x v="5"/>
    <x v="2"/>
    <x v="765"/>
    <x v="1"/>
    <x v="0"/>
    <x v="4"/>
    <s v="Newell 311"/>
    <n v="5.3"/>
    <n v="3"/>
    <n v="0.46"/>
  </r>
  <r>
    <d v="2016-06-26T00:00:00"/>
    <x v="5"/>
    <x v="2"/>
    <x v="659"/>
    <x v="14"/>
    <x v="0"/>
    <x v="0"/>
    <s v="White Dual Perf Computer Printout Paper, 2700 Sheets, 1 Part, Heavyweight, 20 lbs., 14 7/8 x 11"/>
    <n v="368.91"/>
    <n v="9"/>
    <n v="180.77"/>
  </r>
  <r>
    <d v="2016-06-26T00:00:00"/>
    <x v="5"/>
    <x v="2"/>
    <x v="659"/>
    <x v="14"/>
    <x v="0"/>
    <x v="3"/>
    <s v="Insertable Tab Post Binder Dividers"/>
    <n v="8.02"/>
    <n v="1"/>
    <n v="3.77"/>
  </r>
  <r>
    <d v="2016-06-26T00:00:00"/>
    <x v="5"/>
    <x v="2"/>
    <x v="659"/>
    <x v="14"/>
    <x v="0"/>
    <x v="2"/>
    <s v="SAFCO Mobile Desk Side File, Wire Frame"/>
    <n v="171.04"/>
    <n v="4"/>
    <n v="44.47"/>
  </r>
  <r>
    <d v="2016-06-26T00:00:00"/>
    <x v="5"/>
    <x v="2"/>
    <x v="512"/>
    <x v="3"/>
    <x v="0"/>
    <x v="14"/>
    <s v="Premier Electric Letter Opener"/>
    <n v="231.72"/>
    <n v="2"/>
    <n v="11.59"/>
  </r>
  <r>
    <d v="2016-06-26T00:00:00"/>
    <x v="5"/>
    <x v="2"/>
    <x v="512"/>
    <x v="3"/>
    <x v="0"/>
    <x v="7"/>
    <s v="OIC Binder Clips"/>
    <n v="17.899999999999999"/>
    <n v="5"/>
    <n v="8.9499999999999993"/>
  </r>
  <r>
    <d v="2016-06-26T00:00:00"/>
    <x v="5"/>
    <x v="2"/>
    <x v="512"/>
    <x v="3"/>
    <x v="0"/>
    <x v="0"/>
    <s v="Ampad Phone Message Book, Recycled, 400 Message Capacity, 5 Â¾Â” x 11Â”"/>
    <n v="12.48"/>
    <n v="2"/>
    <n v="5.62"/>
  </r>
  <r>
    <d v="2016-06-26T00:00:00"/>
    <x v="5"/>
    <x v="2"/>
    <x v="379"/>
    <x v="20"/>
    <x v="2"/>
    <x v="9"/>
    <s v="AmazonBasics 3-Button USB Wired Mouse"/>
    <n v="20.97"/>
    <n v="3"/>
    <n v="9.02"/>
  </r>
  <r>
    <d v="2016-06-26T00:00:00"/>
    <x v="5"/>
    <x v="2"/>
    <x v="379"/>
    <x v="20"/>
    <x v="2"/>
    <x v="9"/>
    <s v="Perixx PERIBOARD-512B, Ergonomic Split Keyboard"/>
    <n v="139.96"/>
    <n v="4"/>
    <n v="9.8000000000000007"/>
  </r>
  <r>
    <d v="2016-06-26T00:00:00"/>
    <x v="5"/>
    <x v="2"/>
    <x v="379"/>
    <x v="20"/>
    <x v="1"/>
    <x v="8"/>
    <s v="DAX Executive Solid Wood Document Frame, Desktop or Hang, Mahogany, 5 x 7"/>
    <n v="37.74"/>
    <n v="3"/>
    <n v="12.83"/>
  </r>
  <r>
    <d v="2016-06-26T00:00:00"/>
    <x v="5"/>
    <x v="2"/>
    <x v="766"/>
    <x v="4"/>
    <x v="2"/>
    <x v="6"/>
    <s v="Cisco IPÂ PhoneÂ 7961G VoIPÂ phoneÂ - Dark gray"/>
    <n v="135.94999999999999"/>
    <n v="1"/>
    <n v="39.43"/>
  </r>
  <r>
    <d v="2016-06-27T00:00:00"/>
    <x v="5"/>
    <x v="2"/>
    <x v="121"/>
    <x v="1"/>
    <x v="0"/>
    <x v="0"/>
    <s v="Wirebound Message Books, Four 2 3/4 x 5 White Forms per Page"/>
    <n v="37.46"/>
    <n v="7"/>
    <n v="12.18"/>
  </r>
  <r>
    <d v="2016-06-27T00:00:00"/>
    <x v="5"/>
    <x v="2"/>
    <x v="121"/>
    <x v="1"/>
    <x v="1"/>
    <x v="5"/>
    <s v="Global Commerce Series Low-Back Swivel/Tilt Chairs"/>
    <n v="539.66"/>
    <n v="3"/>
    <n v="-7.71"/>
  </r>
  <r>
    <d v="2016-06-27T00:00:00"/>
    <x v="5"/>
    <x v="2"/>
    <x v="461"/>
    <x v="3"/>
    <x v="2"/>
    <x v="6"/>
    <s v="Ooma Telo VoIP Home Phone System"/>
    <n v="201.58"/>
    <n v="2"/>
    <n v="12.6"/>
  </r>
  <r>
    <d v="2016-06-28T00:00:00"/>
    <x v="5"/>
    <x v="2"/>
    <x v="334"/>
    <x v="1"/>
    <x v="2"/>
    <x v="6"/>
    <s v="Polycom CX300 Desktop Phone USB VoIP phone"/>
    <n v="359.98"/>
    <n v="3"/>
    <n v="36"/>
  </r>
  <r>
    <d v="2016-06-28T00:00:00"/>
    <x v="5"/>
    <x v="2"/>
    <x v="10"/>
    <x v="3"/>
    <x v="0"/>
    <x v="3"/>
    <s v="Recycled Pressboard Report Cover with Reinforced Top Hinge"/>
    <n v="7.75"/>
    <n v="3"/>
    <n v="2.81"/>
  </r>
  <r>
    <d v="2016-06-28T00:00:00"/>
    <x v="5"/>
    <x v="2"/>
    <x v="10"/>
    <x v="3"/>
    <x v="0"/>
    <x v="3"/>
    <s v="GBC Premium Transparent Covers with Diagonal Lined Pattern"/>
    <n v="33.57"/>
    <n v="2"/>
    <n v="11.75"/>
  </r>
  <r>
    <d v="2016-06-28T00:00:00"/>
    <x v="5"/>
    <x v="2"/>
    <x v="652"/>
    <x v="23"/>
    <x v="1"/>
    <x v="5"/>
    <s v="Global Armless Task Chair, Royal Blue"/>
    <n v="121.96"/>
    <n v="2"/>
    <n v="20.73"/>
  </r>
  <r>
    <d v="2016-06-28T00:00:00"/>
    <x v="5"/>
    <x v="2"/>
    <x v="652"/>
    <x v="23"/>
    <x v="0"/>
    <x v="12"/>
    <s v="Disposable Triple-Filter Dust Bags"/>
    <n v="8.74"/>
    <n v="2"/>
    <n v="2.27"/>
  </r>
  <r>
    <d v="2016-06-28T00:00:00"/>
    <x v="5"/>
    <x v="2"/>
    <x v="652"/>
    <x v="23"/>
    <x v="0"/>
    <x v="0"/>
    <s v="Xerox 1960"/>
    <n v="61.96"/>
    <n v="2"/>
    <n v="27.88"/>
  </r>
  <r>
    <d v="2016-06-28T00:00:00"/>
    <x v="5"/>
    <x v="2"/>
    <x v="652"/>
    <x v="23"/>
    <x v="0"/>
    <x v="3"/>
    <s v="Ibico Presentation Index for Binding Systems"/>
    <n v="7.96"/>
    <n v="2"/>
    <n v="3.74"/>
  </r>
  <r>
    <d v="2016-06-28T00:00:00"/>
    <x v="5"/>
    <x v="2"/>
    <x v="652"/>
    <x v="23"/>
    <x v="0"/>
    <x v="12"/>
    <s v="Holmes Replacement Filter for HEPA Air Cleaner, Very Large Room, HEPA Filter"/>
    <n v="275.24"/>
    <n v="4"/>
    <n v="121.11"/>
  </r>
  <r>
    <d v="2016-06-29T00:00:00"/>
    <x v="5"/>
    <x v="2"/>
    <x v="261"/>
    <x v="9"/>
    <x v="0"/>
    <x v="2"/>
    <s v="Fellowes Bankers Box Stor/Drawer Steel Plus"/>
    <n v="191.88"/>
    <n v="6"/>
    <n v="19.190000000000001"/>
  </r>
  <r>
    <d v="2016-06-30T00:00:00"/>
    <x v="5"/>
    <x v="2"/>
    <x v="413"/>
    <x v="4"/>
    <x v="0"/>
    <x v="4"/>
    <s v="Bulldog Vacuum Base Pencil Sharpener"/>
    <n v="35.97"/>
    <n v="3"/>
    <n v="9.7100000000000009"/>
  </r>
  <r>
    <d v="2016-06-30T00:00:00"/>
    <x v="5"/>
    <x v="2"/>
    <x v="413"/>
    <x v="4"/>
    <x v="1"/>
    <x v="11"/>
    <s v="O'Sullivan 2-Door Barrister Bookcase in Odessa Pine"/>
    <n v="1266.8599999999999"/>
    <n v="7"/>
    <n v="291.38"/>
  </r>
  <r>
    <d v="2016-06-30T00:00:00"/>
    <x v="5"/>
    <x v="2"/>
    <x v="303"/>
    <x v="1"/>
    <x v="2"/>
    <x v="9"/>
    <s v="Kingston Digital DataTraveler 16GB USB 2.0"/>
    <n v="50.12"/>
    <n v="7"/>
    <n v="-0.63"/>
  </r>
  <r>
    <d v="2016-07-01T00:00:00"/>
    <x v="6"/>
    <x v="2"/>
    <x v="705"/>
    <x v="9"/>
    <x v="0"/>
    <x v="3"/>
    <s v="Wilson Jones Hanging View Binder, White, 1&quot;"/>
    <n v="14.2"/>
    <n v="2"/>
    <n v="6.53"/>
  </r>
  <r>
    <d v="2016-07-01T00:00:00"/>
    <x v="6"/>
    <x v="2"/>
    <x v="705"/>
    <x v="9"/>
    <x v="0"/>
    <x v="0"/>
    <s v="Xerox 210"/>
    <n v="12.96"/>
    <n v="2"/>
    <n v="6.22"/>
  </r>
  <r>
    <d v="2016-07-01T00:00:00"/>
    <x v="6"/>
    <x v="2"/>
    <x v="705"/>
    <x v="9"/>
    <x v="0"/>
    <x v="3"/>
    <s v="Binding Machine Supplies"/>
    <n v="58.34"/>
    <n v="2"/>
    <n v="28"/>
  </r>
  <r>
    <d v="2016-07-01T00:00:00"/>
    <x v="6"/>
    <x v="2"/>
    <x v="306"/>
    <x v="27"/>
    <x v="2"/>
    <x v="16"/>
    <s v="Hewlett Packard 310 Color Digital Copier"/>
    <n v="1499.95"/>
    <n v="5"/>
    <n v="449.99"/>
  </r>
  <r>
    <d v="2016-07-01T00:00:00"/>
    <x v="6"/>
    <x v="2"/>
    <x v="720"/>
    <x v="20"/>
    <x v="0"/>
    <x v="1"/>
    <s v="Avery 477"/>
    <n v="30.53"/>
    <n v="1"/>
    <n v="14.04"/>
  </r>
  <r>
    <d v="2016-07-01T00:00:00"/>
    <x v="6"/>
    <x v="2"/>
    <x v="720"/>
    <x v="20"/>
    <x v="2"/>
    <x v="9"/>
    <s v="KeyTronicÂ KT400U2 -Â KeyboardÂ - Black"/>
    <n v="30.84"/>
    <n v="3"/>
    <n v="6.17"/>
  </r>
  <r>
    <d v="2016-07-01T00:00:00"/>
    <x v="6"/>
    <x v="2"/>
    <x v="720"/>
    <x v="20"/>
    <x v="0"/>
    <x v="0"/>
    <s v="Southworth 25% Cotton Antique Laid Paper &amp; Envelopes"/>
    <n v="75.06"/>
    <n v="9"/>
    <n v="33.78"/>
  </r>
  <r>
    <d v="2016-07-01T00:00:00"/>
    <x v="6"/>
    <x v="2"/>
    <x v="327"/>
    <x v="22"/>
    <x v="0"/>
    <x v="3"/>
    <s v="Zipper Ring Binder Pockets"/>
    <n v="2.5"/>
    <n v="1"/>
    <n v="0.9"/>
  </r>
  <r>
    <d v="2016-07-02T00:00:00"/>
    <x v="6"/>
    <x v="2"/>
    <x v="169"/>
    <x v="3"/>
    <x v="1"/>
    <x v="5"/>
    <s v="Hon Deluxe Fabric Upholstered Stacking Chairs"/>
    <n v="195.18"/>
    <n v="1"/>
    <n v="19.52"/>
  </r>
  <r>
    <d v="2016-07-02T00:00:00"/>
    <x v="6"/>
    <x v="2"/>
    <x v="175"/>
    <x v="6"/>
    <x v="0"/>
    <x v="4"/>
    <s v="Avery Hi-Liter Pen Style Six-Color Fluorescent Set"/>
    <n v="7.7"/>
    <n v="2"/>
    <n v="3.16"/>
  </r>
  <r>
    <d v="2016-07-02T00:00:00"/>
    <x v="6"/>
    <x v="2"/>
    <x v="400"/>
    <x v="0"/>
    <x v="1"/>
    <x v="5"/>
    <s v="Global Airflow Leather Mesh Back Chair, Black"/>
    <n v="528.42999999999995"/>
    <n v="5"/>
    <n v="0"/>
  </r>
  <r>
    <d v="2016-07-02T00:00:00"/>
    <x v="6"/>
    <x v="2"/>
    <x v="400"/>
    <x v="0"/>
    <x v="0"/>
    <x v="0"/>
    <s v="Xerox 201"/>
    <n v="41.47"/>
    <n v="8"/>
    <n v="14.52"/>
  </r>
  <r>
    <d v="2016-07-03T00:00:00"/>
    <x v="6"/>
    <x v="2"/>
    <x v="606"/>
    <x v="3"/>
    <x v="0"/>
    <x v="0"/>
    <s v="Xerox 200"/>
    <n v="12.96"/>
    <n v="2"/>
    <n v="6.22"/>
  </r>
  <r>
    <d v="2016-07-03T00:00:00"/>
    <x v="6"/>
    <x v="2"/>
    <x v="606"/>
    <x v="3"/>
    <x v="0"/>
    <x v="7"/>
    <s v="Brites Rubber Bands, 1 1/2 oz. Box"/>
    <n v="3.96"/>
    <n v="2"/>
    <n v="0.08"/>
  </r>
  <r>
    <d v="2016-07-03T00:00:00"/>
    <x v="6"/>
    <x v="2"/>
    <x v="78"/>
    <x v="20"/>
    <x v="0"/>
    <x v="12"/>
    <s v="Avanti 1.7 Cu. Ft. Refrigerator"/>
    <n v="706.86"/>
    <n v="7"/>
    <n v="197.92"/>
  </r>
  <r>
    <d v="2016-07-03T00:00:00"/>
    <x v="6"/>
    <x v="2"/>
    <x v="76"/>
    <x v="2"/>
    <x v="0"/>
    <x v="0"/>
    <s v="Xerox 1925"/>
    <n v="123.92"/>
    <n v="5"/>
    <n v="38.729999999999997"/>
  </r>
  <r>
    <d v="2016-07-04T00:00:00"/>
    <x v="6"/>
    <x v="2"/>
    <x v="266"/>
    <x v="3"/>
    <x v="1"/>
    <x v="8"/>
    <s v="Master Caster Door Stop, Brown"/>
    <n v="25.4"/>
    <n v="5"/>
    <n v="8.64"/>
  </r>
  <r>
    <d v="2016-07-04T00:00:00"/>
    <x v="6"/>
    <x v="2"/>
    <x v="266"/>
    <x v="3"/>
    <x v="0"/>
    <x v="10"/>
    <s v="Inter-Office Recycled Envelopes, Brown Kraft, Button-String,10&quot; x 13&quot; , 100/Box"/>
    <n v="43.96"/>
    <n v="2"/>
    <n v="20.66"/>
  </r>
  <r>
    <d v="2016-07-04T00:00:00"/>
    <x v="6"/>
    <x v="2"/>
    <x v="266"/>
    <x v="3"/>
    <x v="1"/>
    <x v="11"/>
    <s v="Atlantic Metals Mobile 5-Shelf Bookcases, Custom Colors"/>
    <n v="1279.17"/>
    <n v="5"/>
    <n v="225.74"/>
  </r>
  <r>
    <d v="2016-07-04T00:00:00"/>
    <x v="6"/>
    <x v="2"/>
    <x v="266"/>
    <x v="3"/>
    <x v="0"/>
    <x v="2"/>
    <s v="Eldon Shelf Savers Cubes and Bins"/>
    <n v="27.92"/>
    <n v="4"/>
    <n v="0.56000000000000005"/>
  </r>
  <r>
    <d v="2016-07-04T00:00:00"/>
    <x v="6"/>
    <x v="2"/>
    <x v="81"/>
    <x v="22"/>
    <x v="1"/>
    <x v="8"/>
    <s v="Master Caster Door Stop, Brown"/>
    <n v="25.4"/>
    <n v="5"/>
    <n v="8.64"/>
  </r>
  <r>
    <d v="2016-07-04T00:00:00"/>
    <x v="6"/>
    <x v="2"/>
    <x v="81"/>
    <x v="22"/>
    <x v="2"/>
    <x v="6"/>
    <s v="Avaya 4621SW VoIP phone"/>
    <n v="177.48"/>
    <n v="3"/>
    <n v="19.97"/>
  </r>
  <r>
    <d v="2016-07-04T00:00:00"/>
    <x v="6"/>
    <x v="2"/>
    <x v="81"/>
    <x v="22"/>
    <x v="2"/>
    <x v="6"/>
    <s v="OtterBox Defender Series Case - Samsung Galaxy S4"/>
    <n v="71.98"/>
    <n v="3"/>
    <n v="9"/>
  </r>
  <r>
    <d v="2016-07-07T00:00:00"/>
    <x v="6"/>
    <x v="2"/>
    <x v="571"/>
    <x v="16"/>
    <x v="0"/>
    <x v="14"/>
    <s v="Acme Softgrip Scissors"/>
    <n v="45.58"/>
    <n v="7"/>
    <n v="5.13"/>
  </r>
  <r>
    <d v="2016-07-07T00:00:00"/>
    <x v="6"/>
    <x v="2"/>
    <x v="195"/>
    <x v="3"/>
    <x v="1"/>
    <x v="8"/>
    <s v="Howard Miller 11-1/2&quot; Diameter Grantwood Wall Clock"/>
    <n v="215.65"/>
    <n v="5"/>
    <n v="73.319999999999993"/>
  </r>
  <r>
    <d v="2016-07-07T00:00:00"/>
    <x v="6"/>
    <x v="2"/>
    <x v="45"/>
    <x v="1"/>
    <x v="1"/>
    <x v="8"/>
    <s v="Flat Face Poster Frame"/>
    <n v="60.29"/>
    <n v="8"/>
    <n v="-27.13"/>
  </r>
  <r>
    <d v="2016-07-07T00:00:00"/>
    <x v="6"/>
    <x v="2"/>
    <x v="45"/>
    <x v="1"/>
    <x v="0"/>
    <x v="7"/>
    <s v="Acco Hot Clips Clips to Go"/>
    <n v="2.63"/>
    <n v="1"/>
    <n v="0.82"/>
  </r>
  <r>
    <d v="2016-07-07T00:00:00"/>
    <x v="6"/>
    <x v="2"/>
    <x v="45"/>
    <x v="1"/>
    <x v="0"/>
    <x v="0"/>
    <s v="Tops Wirebound Message Log Books"/>
    <n v="23.69"/>
    <n v="9"/>
    <n v="7.7"/>
  </r>
  <r>
    <d v="2016-07-07T00:00:00"/>
    <x v="6"/>
    <x v="2"/>
    <x v="45"/>
    <x v="1"/>
    <x v="1"/>
    <x v="5"/>
    <s v="Global Ergonomic Managers Chair"/>
    <n v="253.37"/>
    <n v="2"/>
    <n v="-14.48"/>
  </r>
  <r>
    <d v="2016-07-07T00:00:00"/>
    <x v="6"/>
    <x v="2"/>
    <x v="757"/>
    <x v="3"/>
    <x v="1"/>
    <x v="5"/>
    <s v="Global Leather Task Chair, Black"/>
    <n v="287.97000000000003"/>
    <n v="4"/>
    <n v="-3.6"/>
  </r>
  <r>
    <d v="2016-07-07T00:00:00"/>
    <x v="6"/>
    <x v="2"/>
    <x v="757"/>
    <x v="3"/>
    <x v="2"/>
    <x v="16"/>
    <s v="Canon PC1060 Personal Laser Copier"/>
    <n v="2799.96"/>
    <n v="5"/>
    <n v="944.99"/>
  </r>
  <r>
    <d v="2016-07-07T00:00:00"/>
    <x v="6"/>
    <x v="2"/>
    <x v="757"/>
    <x v="3"/>
    <x v="0"/>
    <x v="0"/>
    <s v="Xerox 1942"/>
    <n v="48.94"/>
    <n v="1"/>
    <n v="24.47"/>
  </r>
  <r>
    <d v="2016-07-07T00:00:00"/>
    <x v="6"/>
    <x v="2"/>
    <x v="570"/>
    <x v="2"/>
    <x v="0"/>
    <x v="1"/>
    <s v="Permanent Self-Adhesive File Folder Labels for Typewriters, 1 1/8 x 3 1/2, White"/>
    <n v="10.08"/>
    <n v="2"/>
    <n v="3.28"/>
  </r>
  <r>
    <d v="2016-07-07T00:00:00"/>
    <x v="6"/>
    <x v="2"/>
    <x v="570"/>
    <x v="2"/>
    <x v="2"/>
    <x v="6"/>
    <s v="Panasonic KX T7731-B Digital phone"/>
    <n v="59.99"/>
    <n v="1"/>
    <n v="-13"/>
  </r>
  <r>
    <d v="2016-07-07T00:00:00"/>
    <x v="6"/>
    <x v="2"/>
    <x v="570"/>
    <x v="2"/>
    <x v="0"/>
    <x v="3"/>
    <s v="Acco Pressboard Covers with Storage Hooks, 14 7/8&quot; x 11&quot;, Executive Red"/>
    <n v="5.72"/>
    <n v="5"/>
    <n v="-4.76"/>
  </r>
  <r>
    <d v="2016-07-07T00:00:00"/>
    <x v="6"/>
    <x v="2"/>
    <x v="570"/>
    <x v="2"/>
    <x v="0"/>
    <x v="3"/>
    <s v="GBC Standard Plastic Binding Systems' Combs"/>
    <n v="9.42"/>
    <n v="5"/>
    <n v="-7.85"/>
  </r>
  <r>
    <d v="2016-07-07T00:00:00"/>
    <x v="6"/>
    <x v="2"/>
    <x v="655"/>
    <x v="27"/>
    <x v="0"/>
    <x v="0"/>
    <s v="Xerox 226"/>
    <n v="12.96"/>
    <n v="2"/>
    <n v="6.22"/>
  </r>
  <r>
    <d v="2016-07-07T00:00:00"/>
    <x v="6"/>
    <x v="2"/>
    <x v="655"/>
    <x v="27"/>
    <x v="0"/>
    <x v="4"/>
    <s v="Boston KS Multi-Size Manual Pencil Sharpener"/>
    <n v="45.98"/>
    <n v="2"/>
    <n v="12.87"/>
  </r>
  <r>
    <d v="2016-07-08T00:00:00"/>
    <x v="6"/>
    <x v="2"/>
    <x v="759"/>
    <x v="0"/>
    <x v="2"/>
    <x v="6"/>
    <s v="Cisco SPA 502G IP Phone"/>
    <n v="863.64"/>
    <n v="9"/>
    <n v="107.96"/>
  </r>
  <r>
    <d v="2016-07-08T00:00:00"/>
    <x v="6"/>
    <x v="2"/>
    <x v="759"/>
    <x v="0"/>
    <x v="0"/>
    <x v="4"/>
    <s v="Newell 345"/>
    <n v="47.62"/>
    <n v="3"/>
    <n v="3.57"/>
  </r>
  <r>
    <d v="2016-07-08T00:00:00"/>
    <x v="6"/>
    <x v="2"/>
    <x v="364"/>
    <x v="26"/>
    <x v="0"/>
    <x v="3"/>
    <s v="GBC Twin Loop Wire Binding Elements"/>
    <n v="19.97"/>
    <n v="2"/>
    <n v="-13.31"/>
  </r>
  <r>
    <d v="2016-07-08T00:00:00"/>
    <x v="6"/>
    <x v="2"/>
    <x v="364"/>
    <x v="26"/>
    <x v="0"/>
    <x v="2"/>
    <s v="Perma STOR-ALL Hanging File Box, 13 1/8&quot;W x 12 1/4&quot;D x 10 1/2&quot;H"/>
    <n v="33.49"/>
    <n v="7"/>
    <n v="-1.26"/>
  </r>
  <r>
    <d v="2016-07-08T00:00:00"/>
    <x v="6"/>
    <x v="2"/>
    <x v="364"/>
    <x v="26"/>
    <x v="0"/>
    <x v="3"/>
    <s v="Wilson Jones Active Use Binders"/>
    <n v="8.74"/>
    <n v="4"/>
    <n v="-6.12"/>
  </r>
  <r>
    <d v="2016-07-08T00:00:00"/>
    <x v="6"/>
    <x v="2"/>
    <x v="364"/>
    <x v="26"/>
    <x v="1"/>
    <x v="5"/>
    <s v="SAFCO Arco Folding Chair"/>
    <n v="662.88"/>
    <n v="3"/>
    <n v="74.569999999999993"/>
  </r>
  <r>
    <d v="2016-07-08T00:00:00"/>
    <x v="6"/>
    <x v="2"/>
    <x v="393"/>
    <x v="22"/>
    <x v="2"/>
    <x v="6"/>
    <s v="Logitech Mobile Speakerphone P710e -Â speaker phone"/>
    <n v="107.98"/>
    <n v="1"/>
    <n v="9.4499999999999993"/>
  </r>
  <r>
    <d v="2016-07-08T00:00:00"/>
    <x v="6"/>
    <x v="2"/>
    <x v="393"/>
    <x v="22"/>
    <x v="0"/>
    <x v="3"/>
    <s v="Fellowes Twister Kit, Gray/Clear, 3/pkg"/>
    <n v="19.3"/>
    <n v="3"/>
    <n v="6.03"/>
  </r>
  <r>
    <d v="2016-07-08T00:00:00"/>
    <x v="6"/>
    <x v="2"/>
    <x v="368"/>
    <x v="16"/>
    <x v="2"/>
    <x v="6"/>
    <s v="Jabra SPEAK 410 Multidevice Speakerphone"/>
    <n v="823.96"/>
    <n v="5"/>
    <n v="51.5"/>
  </r>
  <r>
    <d v="2016-07-08T00:00:00"/>
    <x v="6"/>
    <x v="2"/>
    <x v="368"/>
    <x v="16"/>
    <x v="0"/>
    <x v="0"/>
    <s v="Xerox 1921"/>
    <n v="15.98"/>
    <n v="2"/>
    <n v="5"/>
  </r>
  <r>
    <d v="2016-07-08T00:00:00"/>
    <x v="6"/>
    <x v="2"/>
    <x v="424"/>
    <x v="43"/>
    <x v="0"/>
    <x v="0"/>
    <s v="Xerox 213"/>
    <n v="12.96"/>
    <n v="2"/>
    <n v="6.22"/>
  </r>
  <r>
    <d v="2016-07-09T00:00:00"/>
    <x v="6"/>
    <x v="2"/>
    <x v="104"/>
    <x v="20"/>
    <x v="1"/>
    <x v="5"/>
    <s v="Hon GuestStacker Chair"/>
    <n v="408.01"/>
    <n v="2"/>
    <n v="72.53"/>
  </r>
  <r>
    <d v="2016-07-09T00:00:00"/>
    <x v="6"/>
    <x v="2"/>
    <x v="104"/>
    <x v="20"/>
    <x v="1"/>
    <x v="8"/>
    <s v="Deflect-o EconoMat Studded, No Bevel Mat for Low Pile Carpeting"/>
    <n v="165.28"/>
    <n v="4"/>
    <n v="14.88"/>
  </r>
  <r>
    <d v="2016-07-10T00:00:00"/>
    <x v="6"/>
    <x v="2"/>
    <x v="158"/>
    <x v="12"/>
    <x v="0"/>
    <x v="2"/>
    <s v="Sterilite Officeware Hinged File Box"/>
    <n v="16.77"/>
    <n v="2"/>
    <n v="1.47"/>
  </r>
  <r>
    <d v="2016-07-10T00:00:00"/>
    <x v="6"/>
    <x v="2"/>
    <x v="564"/>
    <x v="0"/>
    <x v="0"/>
    <x v="2"/>
    <s v="Fellowes Strictly Business Drawer File, Letter/Legal Size"/>
    <n v="338.04"/>
    <n v="3"/>
    <n v="-33.799999999999997"/>
  </r>
  <r>
    <d v="2016-07-10T00:00:00"/>
    <x v="6"/>
    <x v="2"/>
    <x v="564"/>
    <x v="0"/>
    <x v="0"/>
    <x v="4"/>
    <s v="Boston Heavy-Duty Trimline Electric Pencil Sharpeners"/>
    <n v="154.24"/>
    <n v="4"/>
    <n v="17.350000000000001"/>
  </r>
  <r>
    <d v="2016-07-10T00:00:00"/>
    <x v="6"/>
    <x v="2"/>
    <x v="327"/>
    <x v="12"/>
    <x v="0"/>
    <x v="3"/>
    <s v="GBC Standard Therm-A-Bind Covers"/>
    <n v="44.86"/>
    <n v="6"/>
    <n v="-35.880000000000003"/>
  </r>
  <r>
    <d v="2016-07-10T00:00:00"/>
    <x v="6"/>
    <x v="2"/>
    <x v="400"/>
    <x v="2"/>
    <x v="2"/>
    <x v="15"/>
    <s v="Brother MFC-9340CDW LED All-In-One Printer, Copier Scanner"/>
    <n v="341.99"/>
    <n v="3"/>
    <n v="-319.19"/>
  </r>
  <r>
    <d v="2016-07-12T00:00:00"/>
    <x v="6"/>
    <x v="2"/>
    <x v="94"/>
    <x v="3"/>
    <x v="2"/>
    <x v="6"/>
    <s v="Cisco SPA525G2 IP Phone - Wireless"/>
    <n v="95.76"/>
    <n v="6"/>
    <n v="7.18"/>
  </r>
  <r>
    <d v="2016-07-14T00:00:00"/>
    <x v="6"/>
    <x v="2"/>
    <x v="442"/>
    <x v="12"/>
    <x v="2"/>
    <x v="6"/>
    <s v="LG Electronics Tone+ HBS-730 Bluetooth Headset"/>
    <n v="380.86"/>
    <n v="8"/>
    <n v="38.090000000000003"/>
  </r>
  <r>
    <d v="2016-07-14T00:00:00"/>
    <x v="6"/>
    <x v="2"/>
    <x v="633"/>
    <x v="2"/>
    <x v="0"/>
    <x v="14"/>
    <s v="Acme Stainless Steel Office Snips"/>
    <n v="11.63"/>
    <n v="2"/>
    <n v="1.02"/>
  </r>
  <r>
    <d v="2016-07-14T00:00:00"/>
    <x v="6"/>
    <x v="2"/>
    <x v="490"/>
    <x v="20"/>
    <x v="0"/>
    <x v="2"/>
    <s v="Personal Folder Holder, Ebony"/>
    <n v="11.21"/>
    <n v="1"/>
    <n v="3.36"/>
  </r>
  <r>
    <d v="2016-07-14T00:00:00"/>
    <x v="6"/>
    <x v="2"/>
    <x v="490"/>
    <x v="20"/>
    <x v="0"/>
    <x v="3"/>
    <s v="Acco Hanging Data Binders"/>
    <n v="9.14"/>
    <n v="3"/>
    <n v="3.2"/>
  </r>
  <r>
    <d v="2016-07-14T00:00:00"/>
    <x v="6"/>
    <x v="2"/>
    <x v="490"/>
    <x v="20"/>
    <x v="0"/>
    <x v="7"/>
    <s v="Ideal Clamps"/>
    <n v="14.07"/>
    <n v="7"/>
    <n v="6.89"/>
  </r>
  <r>
    <d v="2016-07-14T00:00:00"/>
    <x v="6"/>
    <x v="2"/>
    <x v="490"/>
    <x v="20"/>
    <x v="0"/>
    <x v="4"/>
    <s v="Newell 315"/>
    <n v="41.86"/>
    <n v="7"/>
    <n v="10.47"/>
  </r>
  <r>
    <d v="2016-07-14T00:00:00"/>
    <x v="6"/>
    <x v="2"/>
    <x v="490"/>
    <x v="20"/>
    <x v="0"/>
    <x v="3"/>
    <s v="Pressboard Data Binders by Wilson Jones"/>
    <n v="8.5399999999999991"/>
    <n v="2"/>
    <n v="2.88"/>
  </r>
  <r>
    <d v="2016-07-14T00:00:00"/>
    <x v="6"/>
    <x v="2"/>
    <x v="490"/>
    <x v="20"/>
    <x v="1"/>
    <x v="11"/>
    <s v="O'Sullivan 2-Door Barrister Bookcase in Odessa Pine"/>
    <n v="579.14"/>
    <n v="4"/>
    <n v="21.72"/>
  </r>
  <r>
    <d v="2016-07-14T00:00:00"/>
    <x v="6"/>
    <x v="2"/>
    <x v="240"/>
    <x v="0"/>
    <x v="2"/>
    <x v="6"/>
    <s v="Blue Parrot B250XT Professional Grade Wireless BluetoothÂ HeadsetÂ with"/>
    <n v="419.94"/>
    <n v="7"/>
    <n v="52.49"/>
  </r>
  <r>
    <d v="2016-07-14T00:00:00"/>
    <x v="6"/>
    <x v="2"/>
    <x v="696"/>
    <x v="20"/>
    <x v="0"/>
    <x v="3"/>
    <s v="GBC Standard Plastic Binding Systems Combs"/>
    <n v="14.16"/>
    <n v="2"/>
    <n v="5.13"/>
  </r>
  <r>
    <d v="2016-07-14T00:00:00"/>
    <x v="6"/>
    <x v="2"/>
    <x v="663"/>
    <x v="33"/>
    <x v="2"/>
    <x v="9"/>
    <s v="HP Standard 104 key PS/2 Keyboard"/>
    <n v="29"/>
    <n v="2"/>
    <n v="7.25"/>
  </r>
  <r>
    <d v="2016-07-14T00:00:00"/>
    <x v="6"/>
    <x v="2"/>
    <x v="238"/>
    <x v="20"/>
    <x v="0"/>
    <x v="7"/>
    <s v="Acco Hot Clips Clips to Go"/>
    <n v="29.61"/>
    <n v="9"/>
    <n v="13.32"/>
  </r>
  <r>
    <d v="2016-07-14T00:00:00"/>
    <x v="6"/>
    <x v="2"/>
    <x v="143"/>
    <x v="0"/>
    <x v="0"/>
    <x v="0"/>
    <s v="Xerox 1914"/>
    <n v="219.84"/>
    <n v="5"/>
    <n v="79.69"/>
  </r>
  <r>
    <d v="2016-07-14T00:00:00"/>
    <x v="6"/>
    <x v="2"/>
    <x v="767"/>
    <x v="4"/>
    <x v="0"/>
    <x v="3"/>
    <s v="Cardinal Holdit Data Disk Pockets"/>
    <n v="36.4"/>
    <n v="5"/>
    <n v="17.11"/>
  </r>
  <r>
    <d v="2016-07-14T00:00:00"/>
    <x v="6"/>
    <x v="2"/>
    <x v="767"/>
    <x v="4"/>
    <x v="1"/>
    <x v="8"/>
    <s v="Howard Miller 13-3/4&quot; Diameter Brushed Chrome Round Wall Clock"/>
    <n v="51.75"/>
    <n v="1"/>
    <n v="15.53"/>
  </r>
  <r>
    <d v="2016-07-14T00:00:00"/>
    <x v="6"/>
    <x v="2"/>
    <x v="745"/>
    <x v="3"/>
    <x v="2"/>
    <x v="6"/>
    <s v="Panasonic Kx-TS550"/>
    <n v="110.38"/>
    <n v="3"/>
    <n v="12.42"/>
  </r>
  <r>
    <d v="2016-07-14T00:00:00"/>
    <x v="6"/>
    <x v="2"/>
    <x v="745"/>
    <x v="3"/>
    <x v="0"/>
    <x v="12"/>
    <s v="Holmes 99% HEPA Air Purifier"/>
    <n v="151.62"/>
    <n v="7"/>
    <n v="50.03"/>
  </r>
  <r>
    <d v="2016-07-14T00:00:00"/>
    <x v="6"/>
    <x v="2"/>
    <x v="745"/>
    <x v="3"/>
    <x v="1"/>
    <x v="8"/>
    <s v="Deflect-O Glasstique Clear Desk Accessories"/>
    <n v="30.8"/>
    <n v="4"/>
    <n v="10.16"/>
  </r>
  <r>
    <d v="2016-07-15T00:00:00"/>
    <x v="6"/>
    <x v="2"/>
    <x v="511"/>
    <x v="27"/>
    <x v="0"/>
    <x v="14"/>
    <s v="Fiskars Home &amp; Office Scissors"/>
    <n v="44.4"/>
    <n v="5"/>
    <n v="12.43"/>
  </r>
  <r>
    <d v="2016-07-15T00:00:00"/>
    <x v="6"/>
    <x v="2"/>
    <x v="231"/>
    <x v="11"/>
    <x v="1"/>
    <x v="5"/>
    <s v="Bevis Steel Folding Chairs"/>
    <n v="230.28"/>
    <n v="3"/>
    <n v="23.03"/>
  </r>
  <r>
    <d v="2016-07-15T00:00:00"/>
    <x v="6"/>
    <x v="2"/>
    <x v="231"/>
    <x v="11"/>
    <x v="0"/>
    <x v="0"/>
    <s v="Xerox 1909"/>
    <n v="105.52"/>
    <n v="5"/>
    <n v="34.29"/>
  </r>
  <r>
    <d v="2016-07-16T00:00:00"/>
    <x v="6"/>
    <x v="2"/>
    <x v="450"/>
    <x v="0"/>
    <x v="0"/>
    <x v="2"/>
    <s v="Personal Filing Tote with Lid, Black/Gray"/>
    <n v="37.22"/>
    <n v="3"/>
    <n v="3.72"/>
  </r>
  <r>
    <d v="2016-07-16T00:00:00"/>
    <x v="6"/>
    <x v="2"/>
    <x v="450"/>
    <x v="0"/>
    <x v="0"/>
    <x v="0"/>
    <s v="Southworth 25% Cotton Antique Laid Paper &amp; Envelopes"/>
    <n v="20.02"/>
    <n v="3"/>
    <n v="6.26"/>
  </r>
  <r>
    <d v="2016-07-16T00:00:00"/>
    <x v="6"/>
    <x v="2"/>
    <x v="74"/>
    <x v="2"/>
    <x v="2"/>
    <x v="6"/>
    <s v="Mophie Juice Pack Helium for iPhone"/>
    <n v="143.97999999999999"/>
    <n v="3"/>
    <n v="-28.8"/>
  </r>
  <r>
    <d v="2016-07-16T00:00:00"/>
    <x v="6"/>
    <x v="2"/>
    <x v="74"/>
    <x v="2"/>
    <x v="2"/>
    <x v="6"/>
    <s v="GE 2-Jack Phone Line Splitter"/>
    <n v="494.38"/>
    <n v="4"/>
    <n v="-115.35"/>
  </r>
  <r>
    <d v="2016-07-16T00:00:00"/>
    <x v="6"/>
    <x v="2"/>
    <x v="74"/>
    <x v="2"/>
    <x v="0"/>
    <x v="14"/>
    <s v="Acme Value Line Scissors"/>
    <n v="5.84"/>
    <n v="2"/>
    <n v="0.73"/>
  </r>
  <r>
    <d v="2016-07-16T00:00:00"/>
    <x v="6"/>
    <x v="2"/>
    <x v="231"/>
    <x v="0"/>
    <x v="1"/>
    <x v="8"/>
    <s v="Staple-based wall hangings"/>
    <n v="9.5500000000000007"/>
    <n v="3"/>
    <n v="-3.82"/>
  </r>
  <r>
    <d v="2016-07-16T00:00:00"/>
    <x v="6"/>
    <x v="2"/>
    <x v="104"/>
    <x v="9"/>
    <x v="0"/>
    <x v="10"/>
    <s v="Poly String Tie Envelopes"/>
    <n v="10.199999999999999"/>
    <n v="5"/>
    <n v="4.79"/>
  </r>
  <r>
    <d v="2016-07-16T00:00:00"/>
    <x v="6"/>
    <x v="2"/>
    <x v="104"/>
    <x v="9"/>
    <x v="0"/>
    <x v="4"/>
    <s v="Eberhard Faber 3 1/2&quot; Golf Pencils"/>
    <n v="22.32"/>
    <n v="3"/>
    <n v="5.58"/>
  </r>
  <r>
    <d v="2016-07-16T00:00:00"/>
    <x v="6"/>
    <x v="2"/>
    <x v="104"/>
    <x v="9"/>
    <x v="0"/>
    <x v="3"/>
    <s v="Wilson Jones Turn Tabs Binder Tool for Ring Binders"/>
    <n v="24.1"/>
    <n v="5"/>
    <n v="11.09"/>
  </r>
  <r>
    <d v="2016-07-16T00:00:00"/>
    <x v="6"/>
    <x v="2"/>
    <x v="104"/>
    <x v="9"/>
    <x v="2"/>
    <x v="9"/>
    <s v="ImationÂ SecureÂ DriveÂ + Hardware Encrypted USBÂ flash driveÂ - 16 GB"/>
    <n v="75.98"/>
    <n v="2"/>
    <n v="18.239999999999998"/>
  </r>
  <r>
    <d v="2016-07-16T00:00:00"/>
    <x v="6"/>
    <x v="2"/>
    <x v="104"/>
    <x v="9"/>
    <x v="0"/>
    <x v="3"/>
    <s v="Recycled Pressboard Report Cover with Reinforced Top Hinge"/>
    <n v="6.46"/>
    <n v="2"/>
    <n v="3.17"/>
  </r>
  <r>
    <d v="2016-07-16T00:00:00"/>
    <x v="6"/>
    <x v="2"/>
    <x v="104"/>
    <x v="9"/>
    <x v="0"/>
    <x v="0"/>
    <s v="HP Office Paper (20Lb. and 87 Bright)"/>
    <n v="60.12"/>
    <n v="9"/>
    <n v="28.86"/>
  </r>
  <r>
    <d v="2016-07-17T00:00:00"/>
    <x v="6"/>
    <x v="2"/>
    <x v="141"/>
    <x v="3"/>
    <x v="0"/>
    <x v="2"/>
    <s v="Eldon Base for stackable storage shelf, platinum"/>
    <n v="77.88"/>
    <n v="2"/>
    <n v="3.89"/>
  </r>
  <r>
    <d v="2016-07-17T00:00:00"/>
    <x v="6"/>
    <x v="2"/>
    <x v="212"/>
    <x v="23"/>
    <x v="0"/>
    <x v="12"/>
    <s v="Kensington 4 Outlet MasterPiece Compact Power Control Center"/>
    <n v="162.63999999999999"/>
    <n v="2"/>
    <n v="45.54"/>
  </r>
  <r>
    <d v="2016-07-17T00:00:00"/>
    <x v="6"/>
    <x v="2"/>
    <x v="212"/>
    <x v="23"/>
    <x v="2"/>
    <x v="6"/>
    <s v="Bose SoundLink Bluetooth Speaker"/>
    <n v="597"/>
    <n v="3"/>
    <n v="280.58999999999997"/>
  </r>
  <r>
    <d v="2016-07-17T00:00:00"/>
    <x v="6"/>
    <x v="2"/>
    <x v="212"/>
    <x v="23"/>
    <x v="0"/>
    <x v="0"/>
    <s v="Eaton Premium Continuous-Feed Paper, 25% Cotton, Letter Size, White, 1000 Shts/Box"/>
    <n v="55.48"/>
    <n v="1"/>
    <n v="26.63"/>
  </r>
  <r>
    <d v="2016-07-17T00:00:00"/>
    <x v="6"/>
    <x v="2"/>
    <x v="182"/>
    <x v="24"/>
    <x v="0"/>
    <x v="0"/>
    <s v="Strathmore Photo Frame Cards"/>
    <n v="21.93"/>
    <n v="3"/>
    <n v="10.09"/>
  </r>
  <r>
    <d v="2016-07-17T00:00:00"/>
    <x v="6"/>
    <x v="2"/>
    <x v="182"/>
    <x v="24"/>
    <x v="0"/>
    <x v="2"/>
    <s v="Carina 42&quot;Hx23 3/4&quot;W Media Storage Unit"/>
    <n v="242.94"/>
    <n v="3"/>
    <n v="4.8600000000000003"/>
  </r>
  <r>
    <d v="2016-07-17T00:00:00"/>
    <x v="6"/>
    <x v="2"/>
    <x v="182"/>
    <x v="24"/>
    <x v="0"/>
    <x v="0"/>
    <s v="Rediform Wirebound &quot;Phone Memo&quot; Message Book, 11 x 5-3/4"/>
    <n v="7.64"/>
    <n v="1"/>
    <n v="3.74"/>
  </r>
  <r>
    <d v="2016-07-17T00:00:00"/>
    <x v="6"/>
    <x v="2"/>
    <x v="182"/>
    <x v="24"/>
    <x v="0"/>
    <x v="0"/>
    <s v="Xerox 1993"/>
    <n v="51.84"/>
    <n v="8"/>
    <n v="25.4"/>
  </r>
  <r>
    <d v="2016-07-17T00:00:00"/>
    <x v="6"/>
    <x v="2"/>
    <x v="182"/>
    <x v="24"/>
    <x v="0"/>
    <x v="2"/>
    <s v="Tennsco 6- and 18-Compartment Lockers"/>
    <n v="265.17"/>
    <n v="1"/>
    <n v="47.73"/>
  </r>
  <r>
    <d v="2016-07-17T00:00:00"/>
    <x v="6"/>
    <x v="2"/>
    <x v="380"/>
    <x v="22"/>
    <x v="1"/>
    <x v="8"/>
    <s v="Eldon Image Series Black Desk Accessories"/>
    <n v="12.42"/>
    <n v="3"/>
    <n v="4.47"/>
  </r>
  <r>
    <d v="2016-07-17T00:00:00"/>
    <x v="6"/>
    <x v="2"/>
    <x v="380"/>
    <x v="22"/>
    <x v="2"/>
    <x v="9"/>
    <s v="First Data TMFD35 PIN Pad"/>
    <n v="428.4"/>
    <n v="3"/>
    <n v="89.96"/>
  </r>
  <r>
    <d v="2016-07-17T00:00:00"/>
    <x v="6"/>
    <x v="2"/>
    <x v="380"/>
    <x v="22"/>
    <x v="1"/>
    <x v="8"/>
    <s v="Eldon 300 Class Desk Accessories, Black"/>
    <n v="24.75"/>
    <n v="5"/>
    <n v="10.89"/>
  </r>
  <r>
    <d v="2016-07-17T00:00:00"/>
    <x v="6"/>
    <x v="2"/>
    <x v="380"/>
    <x v="22"/>
    <x v="0"/>
    <x v="1"/>
    <s v="Round Specialty Laser Printer Labels"/>
    <n v="87.71"/>
    <n v="7"/>
    <n v="41.22"/>
  </r>
  <r>
    <d v="2016-07-17T00:00:00"/>
    <x v="6"/>
    <x v="2"/>
    <x v="380"/>
    <x v="22"/>
    <x v="0"/>
    <x v="2"/>
    <s v="Home/Office Personal File Carts"/>
    <n v="69.52"/>
    <n v="2"/>
    <n v="17.38"/>
  </r>
  <r>
    <d v="2016-07-17T00:00:00"/>
    <x v="6"/>
    <x v="2"/>
    <x v="380"/>
    <x v="22"/>
    <x v="2"/>
    <x v="6"/>
    <s v="Cyber Acoustics AC-202b Speech Recognition Stereo Headset"/>
    <n v="20.78"/>
    <n v="2"/>
    <n v="-4.68"/>
  </r>
  <r>
    <d v="2016-07-17T00:00:00"/>
    <x v="6"/>
    <x v="2"/>
    <x v="380"/>
    <x v="22"/>
    <x v="0"/>
    <x v="3"/>
    <s v="Pressboard Data Binder, Crimson, 12&quot; X 8 1/2&quot;"/>
    <n v="12.82"/>
    <n v="3"/>
    <n v="4.17"/>
  </r>
  <r>
    <d v="2016-07-17T00:00:00"/>
    <x v="6"/>
    <x v="2"/>
    <x v="372"/>
    <x v="20"/>
    <x v="0"/>
    <x v="12"/>
    <s v="Belkin F5C206VTEL 6 Outlet Surge"/>
    <n v="45.96"/>
    <n v="2"/>
    <n v="13.79"/>
  </r>
  <r>
    <d v="2016-07-18T00:00:00"/>
    <x v="6"/>
    <x v="2"/>
    <x v="637"/>
    <x v="26"/>
    <x v="1"/>
    <x v="5"/>
    <s v="Hon GuestStacker Chair"/>
    <n v="544.01"/>
    <n v="3"/>
    <n v="40.799999999999997"/>
  </r>
  <r>
    <d v="2016-07-18T00:00:00"/>
    <x v="6"/>
    <x v="2"/>
    <x v="637"/>
    <x v="26"/>
    <x v="0"/>
    <x v="3"/>
    <s v="Round Ring Binders"/>
    <n v="1.87"/>
    <n v="3"/>
    <n v="-1.44"/>
  </r>
  <r>
    <d v="2016-07-18T00:00:00"/>
    <x v="6"/>
    <x v="2"/>
    <x v="637"/>
    <x v="26"/>
    <x v="1"/>
    <x v="5"/>
    <s v="Hon 4700 Series Mobuis Mid-Back Task Chairs with Adjustable Arms"/>
    <n v="854.35"/>
    <n v="3"/>
    <n v="10.68"/>
  </r>
  <r>
    <d v="2016-07-18T00:00:00"/>
    <x v="6"/>
    <x v="2"/>
    <x v="637"/>
    <x v="26"/>
    <x v="0"/>
    <x v="2"/>
    <s v="Sauder Facets Collection Locker/File Cabinet, Sky Alder Finish"/>
    <n v="593.57000000000005"/>
    <n v="2"/>
    <n v="0"/>
  </r>
  <r>
    <d v="2016-07-18T00:00:00"/>
    <x v="6"/>
    <x v="2"/>
    <x v="637"/>
    <x v="26"/>
    <x v="0"/>
    <x v="2"/>
    <s v="Fellowes Strictly Business Drawer File, Letter/Legal Size"/>
    <n v="338.04"/>
    <n v="3"/>
    <n v="-33.799999999999997"/>
  </r>
  <r>
    <d v="2016-07-18T00:00:00"/>
    <x v="6"/>
    <x v="2"/>
    <x v="121"/>
    <x v="5"/>
    <x v="1"/>
    <x v="5"/>
    <s v="Hon Olson Stacker Stools"/>
    <n v="140.81"/>
    <n v="1"/>
    <n v="39.43"/>
  </r>
  <r>
    <d v="2016-07-18T00:00:00"/>
    <x v="6"/>
    <x v="2"/>
    <x v="359"/>
    <x v="12"/>
    <x v="0"/>
    <x v="14"/>
    <s v="Elite 5&quot; Scissors"/>
    <n v="33.799999999999997"/>
    <n v="5"/>
    <n v="4.2300000000000004"/>
  </r>
  <r>
    <d v="2016-07-18T00:00:00"/>
    <x v="6"/>
    <x v="2"/>
    <x v="743"/>
    <x v="0"/>
    <x v="2"/>
    <x v="9"/>
    <s v="SanDisk Cruzer 4 GB USB Flash Drive"/>
    <n v="15.58"/>
    <n v="3"/>
    <n v="3.31"/>
  </r>
  <r>
    <d v="2016-07-18T00:00:00"/>
    <x v="6"/>
    <x v="2"/>
    <x v="608"/>
    <x v="12"/>
    <x v="2"/>
    <x v="6"/>
    <s v="iHome FM Clock Radio with Lightning Dock"/>
    <n v="55.99"/>
    <n v="1"/>
    <n v="3.5"/>
  </r>
  <r>
    <d v="2016-07-18T00:00:00"/>
    <x v="6"/>
    <x v="2"/>
    <x v="646"/>
    <x v="2"/>
    <x v="0"/>
    <x v="4"/>
    <s v="Newell 326"/>
    <n v="11.26"/>
    <n v="8"/>
    <n v="1.27"/>
  </r>
  <r>
    <d v="2016-07-18T00:00:00"/>
    <x v="6"/>
    <x v="2"/>
    <x v="646"/>
    <x v="2"/>
    <x v="0"/>
    <x v="2"/>
    <s v="Steel Personal Filing/Posting Tote"/>
    <n v="284.08"/>
    <n v="10"/>
    <n v="24.86"/>
  </r>
  <r>
    <d v="2016-07-18T00:00:00"/>
    <x v="6"/>
    <x v="2"/>
    <x v="646"/>
    <x v="2"/>
    <x v="0"/>
    <x v="0"/>
    <s v="Xerox 196"/>
    <n v="18.5"/>
    <n v="4"/>
    <n v="6.7"/>
  </r>
  <r>
    <d v="2016-07-19T00:00:00"/>
    <x v="6"/>
    <x v="2"/>
    <x v="55"/>
    <x v="29"/>
    <x v="1"/>
    <x v="8"/>
    <s v="Advantus Employee of the Month Certificate Frame, 11 x 13-1/2"/>
    <n v="185.58"/>
    <n v="6"/>
    <n v="76.09"/>
  </r>
  <r>
    <d v="2016-07-19T00:00:00"/>
    <x v="6"/>
    <x v="2"/>
    <x v="55"/>
    <x v="29"/>
    <x v="0"/>
    <x v="3"/>
    <s v="Premium Transparent Presentation Covers, No Pattern/Clear, 8 1/2&quot; x 11&quot;"/>
    <n v="77.56"/>
    <n v="2"/>
    <n v="35.68"/>
  </r>
  <r>
    <d v="2016-07-19T00:00:00"/>
    <x v="6"/>
    <x v="2"/>
    <x v="55"/>
    <x v="29"/>
    <x v="0"/>
    <x v="2"/>
    <s v="Rogers Deluxe File Chest"/>
    <n v="87.92"/>
    <n v="4"/>
    <n v="0.88"/>
  </r>
  <r>
    <d v="2016-07-19T00:00:00"/>
    <x v="6"/>
    <x v="2"/>
    <x v="55"/>
    <x v="29"/>
    <x v="0"/>
    <x v="0"/>
    <s v="Xerox 1893"/>
    <n v="245.94"/>
    <n v="6"/>
    <n v="120.51"/>
  </r>
  <r>
    <d v="2016-07-19T00:00:00"/>
    <x v="6"/>
    <x v="2"/>
    <x v="55"/>
    <x v="29"/>
    <x v="0"/>
    <x v="3"/>
    <s v="Avery Printable Repositionable Plastic Tabs"/>
    <n v="8.6"/>
    <n v="1"/>
    <n v="4.04"/>
  </r>
  <r>
    <d v="2016-07-19T00:00:00"/>
    <x v="6"/>
    <x v="2"/>
    <x v="55"/>
    <x v="29"/>
    <x v="1"/>
    <x v="11"/>
    <s v="Hon 4-Shelf Metal Bookcases"/>
    <n v="504.9"/>
    <n v="5"/>
    <n v="126.23"/>
  </r>
  <r>
    <d v="2016-07-19T00:00:00"/>
    <x v="6"/>
    <x v="2"/>
    <x v="492"/>
    <x v="3"/>
    <x v="2"/>
    <x v="6"/>
    <s v="Griffin GC36547 PowerJolt SE Lightning Charger"/>
    <n v="35.979999999999997"/>
    <n v="2"/>
    <n v="4.5"/>
  </r>
  <r>
    <d v="2016-07-19T00:00:00"/>
    <x v="6"/>
    <x v="2"/>
    <x v="492"/>
    <x v="3"/>
    <x v="2"/>
    <x v="9"/>
    <s v="Logitech G35 7.1-Channel Surround Sound Headset"/>
    <n v="389.97"/>
    <n v="3"/>
    <n v="132.59"/>
  </r>
  <r>
    <d v="2016-07-20T00:00:00"/>
    <x v="6"/>
    <x v="2"/>
    <x v="137"/>
    <x v="20"/>
    <x v="2"/>
    <x v="6"/>
    <s v="invisibleSHIELD by ZAGG Smudge-Free Screen Protector"/>
    <n v="89.95"/>
    <n v="5"/>
    <n v="43.18"/>
  </r>
  <r>
    <d v="2016-07-21T00:00:00"/>
    <x v="6"/>
    <x v="2"/>
    <x v="369"/>
    <x v="2"/>
    <x v="0"/>
    <x v="3"/>
    <s v="GBC Instant Report Kit"/>
    <n v="1.94"/>
    <n v="1"/>
    <n v="-1.29"/>
  </r>
  <r>
    <d v="2016-07-21T00:00:00"/>
    <x v="6"/>
    <x v="2"/>
    <x v="739"/>
    <x v="10"/>
    <x v="0"/>
    <x v="4"/>
    <s v="Boston 16765 Mini Stand Up Battery Pencil Sharpener"/>
    <n v="18.66"/>
    <n v="2"/>
    <n v="1.4"/>
  </r>
  <r>
    <d v="2016-07-21T00:00:00"/>
    <x v="6"/>
    <x v="2"/>
    <x v="739"/>
    <x v="10"/>
    <x v="0"/>
    <x v="3"/>
    <s v="Wilson Jones 1&quot; Hanging DublLock Ring Binders"/>
    <n v="11.09"/>
    <n v="7"/>
    <n v="-8.1300000000000008"/>
  </r>
  <r>
    <d v="2016-07-21T00:00:00"/>
    <x v="6"/>
    <x v="2"/>
    <x v="739"/>
    <x v="10"/>
    <x v="0"/>
    <x v="2"/>
    <s v="Safco Steel Mobile File Cart"/>
    <n v="66.69"/>
    <n v="1"/>
    <n v="4.17"/>
  </r>
  <r>
    <d v="2016-07-21T00:00:00"/>
    <x v="6"/>
    <x v="2"/>
    <x v="739"/>
    <x v="10"/>
    <x v="0"/>
    <x v="2"/>
    <s v="Fellowes Mobile File Cart, Black"/>
    <n v="99.49"/>
    <n v="2"/>
    <n v="8.7100000000000009"/>
  </r>
  <r>
    <d v="2016-07-21T00:00:00"/>
    <x v="6"/>
    <x v="2"/>
    <x v="443"/>
    <x v="25"/>
    <x v="0"/>
    <x v="1"/>
    <s v="Avery 494"/>
    <n v="6.26"/>
    <n v="3"/>
    <n v="2.04"/>
  </r>
  <r>
    <d v="2016-07-21T00:00:00"/>
    <x v="6"/>
    <x v="2"/>
    <x v="443"/>
    <x v="25"/>
    <x v="1"/>
    <x v="5"/>
    <s v="Leather Task Chair, Black"/>
    <n v="363.92"/>
    <n v="5"/>
    <n v="0"/>
  </r>
  <r>
    <d v="2016-07-21T00:00:00"/>
    <x v="6"/>
    <x v="2"/>
    <x v="105"/>
    <x v="3"/>
    <x v="0"/>
    <x v="10"/>
    <s v="Ames Color-File Green Diamond Border X-ray Mailers"/>
    <n v="419.9"/>
    <n v="5"/>
    <n v="197.35"/>
  </r>
  <r>
    <d v="2016-07-21T00:00:00"/>
    <x v="6"/>
    <x v="2"/>
    <x v="105"/>
    <x v="3"/>
    <x v="0"/>
    <x v="1"/>
    <s v="Self-Adhesive Removable Labels"/>
    <n v="3.15"/>
    <n v="1"/>
    <n v="1.51"/>
  </r>
  <r>
    <d v="2016-07-22T00:00:00"/>
    <x v="6"/>
    <x v="2"/>
    <x v="729"/>
    <x v="3"/>
    <x v="0"/>
    <x v="1"/>
    <s v="Self-Adhesive Removable Labels"/>
    <n v="6.3"/>
    <n v="2"/>
    <n v="3.02"/>
  </r>
  <r>
    <d v="2016-07-22T00:00:00"/>
    <x v="6"/>
    <x v="2"/>
    <x v="740"/>
    <x v="2"/>
    <x v="0"/>
    <x v="4"/>
    <s v="12 Colored Short Pencils"/>
    <n v="4.16"/>
    <n v="2"/>
    <n v="0.36"/>
  </r>
  <r>
    <d v="2016-07-22T00:00:00"/>
    <x v="6"/>
    <x v="2"/>
    <x v="740"/>
    <x v="2"/>
    <x v="1"/>
    <x v="8"/>
    <s v="Master Caster Door Stop, Large Neon Orange"/>
    <n v="11.65"/>
    <n v="2"/>
    <n v="3.35"/>
  </r>
  <r>
    <d v="2016-07-22T00:00:00"/>
    <x v="6"/>
    <x v="2"/>
    <x v="380"/>
    <x v="14"/>
    <x v="2"/>
    <x v="9"/>
    <s v="Plantronics Audio 995 Wireless Stereo Headset"/>
    <n v="109.95"/>
    <n v="1"/>
    <n v="36.28"/>
  </r>
  <r>
    <d v="2016-07-22T00:00:00"/>
    <x v="6"/>
    <x v="2"/>
    <x v="380"/>
    <x v="14"/>
    <x v="0"/>
    <x v="2"/>
    <s v="Fellowes Staxonsteel Drawer Files"/>
    <n v="965.85"/>
    <n v="5"/>
    <n v="135.22"/>
  </r>
  <r>
    <d v="2016-07-22T00:00:00"/>
    <x v="6"/>
    <x v="2"/>
    <x v="380"/>
    <x v="14"/>
    <x v="0"/>
    <x v="4"/>
    <s v="Avery Hi-Liter Smear-Safe Highlighters"/>
    <n v="29.2"/>
    <n v="5"/>
    <n v="10.51"/>
  </r>
  <r>
    <d v="2016-07-22T00:00:00"/>
    <x v="6"/>
    <x v="2"/>
    <x v="380"/>
    <x v="14"/>
    <x v="0"/>
    <x v="0"/>
    <s v="Xerox 192"/>
    <n v="32.4"/>
    <n v="5"/>
    <n v="15.55"/>
  </r>
  <r>
    <d v="2016-07-22T00:00:00"/>
    <x v="6"/>
    <x v="2"/>
    <x v="61"/>
    <x v="17"/>
    <x v="0"/>
    <x v="14"/>
    <s v="Fiskars 8&quot; Scissors, 2/Pack"/>
    <n v="86.2"/>
    <n v="5"/>
    <n v="25"/>
  </r>
  <r>
    <d v="2016-07-22T00:00:00"/>
    <x v="6"/>
    <x v="2"/>
    <x v="591"/>
    <x v="36"/>
    <x v="0"/>
    <x v="12"/>
    <s v="Belkin F9H710-06 7 Outlet SurgeMaster Surge Protector"/>
    <n v="37.68"/>
    <n v="2"/>
    <n v="10.55"/>
  </r>
  <r>
    <d v="2016-07-22T00:00:00"/>
    <x v="6"/>
    <x v="2"/>
    <x v="591"/>
    <x v="36"/>
    <x v="0"/>
    <x v="0"/>
    <s v="Xerox 216"/>
    <n v="51.84"/>
    <n v="8"/>
    <n v="24.88"/>
  </r>
  <r>
    <d v="2016-07-22T00:00:00"/>
    <x v="6"/>
    <x v="2"/>
    <x v="591"/>
    <x v="36"/>
    <x v="1"/>
    <x v="8"/>
    <s v="Eldon Stackable Tray, Side-Load, Legal, Smoke"/>
    <n v="27.42"/>
    <n v="3"/>
    <n v="9.32"/>
  </r>
  <r>
    <d v="2016-07-22T00:00:00"/>
    <x v="6"/>
    <x v="2"/>
    <x v="591"/>
    <x v="36"/>
    <x v="0"/>
    <x v="3"/>
    <s v="Wilson Jones Easy Flow II Sheet Lifters"/>
    <n v="5.4"/>
    <n v="3"/>
    <n v="2.59"/>
  </r>
  <r>
    <d v="2016-07-23T00:00:00"/>
    <x v="6"/>
    <x v="2"/>
    <x v="403"/>
    <x v="16"/>
    <x v="0"/>
    <x v="4"/>
    <s v="Boston 16801 Nautilus Battery Pencil Sharpener"/>
    <n v="35.22"/>
    <n v="2"/>
    <n v="2.64"/>
  </r>
  <r>
    <d v="2016-07-23T00:00:00"/>
    <x v="6"/>
    <x v="2"/>
    <x v="403"/>
    <x v="16"/>
    <x v="0"/>
    <x v="12"/>
    <s v="Holmes Replacement Filter for HEPA Air Cleaner, Large Room"/>
    <n v="23.7"/>
    <n v="2"/>
    <n v="6.52"/>
  </r>
  <r>
    <d v="2016-07-23T00:00:00"/>
    <x v="6"/>
    <x v="2"/>
    <x v="403"/>
    <x v="16"/>
    <x v="2"/>
    <x v="15"/>
    <s v="Zebra GX420t Direct Thermal/Thermal Transfer Printer"/>
    <n v="265.48"/>
    <n v="1"/>
    <n v="-111.5"/>
  </r>
  <r>
    <d v="2016-07-23T00:00:00"/>
    <x v="6"/>
    <x v="2"/>
    <x v="82"/>
    <x v="1"/>
    <x v="0"/>
    <x v="3"/>
    <s v="GBC Laser Imprintable Binding System Covers, Desert Sand"/>
    <n v="11.42"/>
    <n v="4"/>
    <n v="-18.84"/>
  </r>
  <r>
    <d v="2016-07-23T00:00:00"/>
    <x v="6"/>
    <x v="2"/>
    <x v="74"/>
    <x v="0"/>
    <x v="0"/>
    <x v="4"/>
    <s v="Newell 339"/>
    <n v="4.45"/>
    <n v="2"/>
    <n v="0.33"/>
  </r>
  <r>
    <d v="2016-07-23T00:00:00"/>
    <x v="6"/>
    <x v="2"/>
    <x v="74"/>
    <x v="0"/>
    <x v="0"/>
    <x v="0"/>
    <s v="Xerox 231"/>
    <n v="5.18"/>
    <n v="1"/>
    <n v="1.81"/>
  </r>
  <r>
    <d v="2016-07-23T00:00:00"/>
    <x v="6"/>
    <x v="2"/>
    <x v="74"/>
    <x v="0"/>
    <x v="0"/>
    <x v="4"/>
    <s v="Boston 1645 Deluxe Heavier-Duty Electric Pencil Sharpener"/>
    <n v="175.92"/>
    <n v="5"/>
    <n v="15.39"/>
  </r>
  <r>
    <d v="2016-07-23T00:00:00"/>
    <x v="6"/>
    <x v="2"/>
    <x v="74"/>
    <x v="0"/>
    <x v="0"/>
    <x v="3"/>
    <s v="Storex Dura Pro Binders"/>
    <n v="4.75"/>
    <n v="4"/>
    <n v="-8.32"/>
  </r>
  <r>
    <d v="2016-07-23T00:00:00"/>
    <x v="6"/>
    <x v="2"/>
    <x v="74"/>
    <x v="0"/>
    <x v="0"/>
    <x v="14"/>
    <s v="Acme Elite Stainless Steel Scissors"/>
    <n v="13.34"/>
    <n v="2"/>
    <n v="1"/>
  </r>
  <r>
    <d v="2016-07-23T00:00:00"/>
    <x v="6"/>
    <x v="2"/>
    <x v="325"/>
    <x v="0"/>
    <x v="2"/>
    <x v="6"/>
    <s v="Griffin GC17055 Auxiliary Audio Cable"/>
    <n v="115.14"/>
    <n v="8"/>
    <n v="11.51"/>
  </r>
  <r>
    <d v="2016-07-24T00:00:00"/>
    <x v="6"/>
    <x v="2"/>
    <x v="504"/>
    <x v="20"/>
    <x v="1"/>
    <x v="5"/>
    <s v="Office Star - Contemporary Swivel Chair with Padded Adjustable Arms and Flex Back"/>
    <n v="253.76"/>
    <n v="2"/>
    <n v="31.02"/>
  </r>
  <r>
    <d v="2016-07-24T00:00:00"/>
    <x v="6"/>
    <x v="2"/>
    <x v="229"/>
    <x v="8"/>
    <x v="0"/>
    <x v="4"/>
    <s v="Panasonic KP-4ABK Battery-Operated Pencil Sharpener"/>
    <n v="73.2"/>
    <n v="5"/>
    <n v="21.23"/>
  </r>
  <r>
    <d v="2016-07-25T00:00:00"/>
    <x v="6"/>
    <x v="2"/>
    <x v="42"/>
    <x v="3"/>
    <x v="0"/>
    <x v="3"/>
    <s v="Clear Mylar Reinforcing Strips"/>
    <n v="119.62"/>
    <n v="8"/>
    <n v="40.369999999999997"/>
  </r>
  <r>
    <d v="2016-07-25T00:00:00"/>
    <x v="6"/>
    <x v="2"/>
    <x v="42"/>
    <x v="3"/>
    <x v="1"/>
    <x v="8"/>
    <s v="Howard Miller 14-1/2&quot; Diameter Chrome Round Wall Clock"/>
    <n v="255.76"/>
    <n v="4"/>
    <n v="81.84"/>
  </r>
  <r>
    <d v="2016-07-25T00:00:00"/>
    <x v="6"/>
    <x v="2"/>
    <x v="42"/>
    <x v="3"/>
    <x v="1"/>
    <x v="5"/>
    <s v="DMI Arturo Collection Mission-style Design Wood Chair"/>
    <n v="241.57"/>
    <n v="2"/>
    <n v="18.12"/>
  </r>
  <r>
    <d v="2016-07-25T00:00:00"/>
    <x v="6"/>
    <x v="2"/>
    <x v="42"/>
    <x v="3"/>
    <x v="1"/>
    <x v="8"/>
    <s v="Deflect-O Glasstique Clear Desk Accessories"/>
    <n v="69.3"/>
    <n v="9"/>
    <n v="22.87"/>
  </r>
  <r>
    <d v="2016-07-25T00:00:00"/>
    <x v="6"/>
    <x v="2"/>
    <x v="710"/>
    <x v="10"/>
    <x v="2"/>
    <x v="16"/>
    <s v="Hewlett Packard LaserJet 3310 Copier"/>
    <n v="1439.98"/>
    <n v="4"/>
    <n v="192"/>
  </r>
  <r>
    <d v="2016-07-25T00:00:00"/>
    <x v="6"/>
    <x v="2"/>
    <x v="768"/>
    <x v="3"/>
    <x v="0"/>
    <x v="7"/>
    <s v="OIC Binder Clips"/>
    <n v="21.48"/>
    <n v="6"/>
    <n v="10.74"/>
  </r>
  <r>
    <d v="2016-07-25T00:00:00"/>
    <x v="6"/>
    <x v="2"/>
    <x v="390"/>
    <x v="10"/>
    <x v="0"/>
    <x v="12"/>
    <s v="Tripp Lite Isotel 6 Outlet Surge Protector with Fax/Modem Protection"/>
    <n v="243.88"/>
    <n v="5"/>
    <n v="27.44"/>
  </r>
  <r>
    <d v="2016-07-25T00:00:00"/>
    <x v="6"/>
    <x v="2"/>
    <x v="484"/>
    <x v="0"/>
    <x v="0"/>
    <x v="1"/>
    <s v="Avery 493"/>
    <n v="15.71"/>
    <n v="4"/>
    <n v="5.7"/>
  </r>
  <r>
    <d v="2016-07-25T00:00:00"/>
    <x v="6"/>
    <x v="2"/>
    <x v="711"/>
    <x v="29"/>
    <x v="0"/>
    <x v="2"/>
    <s v="Akro Stacking Bins"/>
    <n v="7.89"/>
    <n v="1"/>
    <n v="0.32"/>
  </r>
  <r>
    <d v="2016-07-25T00:00:00"/>
    <x v="6"/>
    <x v="2"/>
    <x v="711"/>
    <x v="29"/>
    <x v="0"/>
    <x v="0"/>
    <s v="Advantus Motivational Note Cards"/>
    <n v="65.5"/>
    <n v="5"/>
    <n v="32.1"/>
  </r>
  <r>
    <d v="2016-07-25T00:00:00"/>
    <x v="6"/>
    <x v="2"/>
    <x v="711"/>
    <x v="29"/>
    <x v="1"/>
    <x v="13"/>
    <s v="Office Impressions End Table, 20-1/2&quot;H x 24&quot;W x 20&quot;D"/>
    <n v="2430.08"/>
    <n v="8"/>
    <n v="388.81"/>
  </r>
  <r>
    <d v="2016-07-25T00:00:00"/>
    <x v="6"/>
    <x v="2"/>
    <x v="307"/>
    <x v="6"/>
    <x v="0"/>
    <x v="3"/>
    <s v="Avery 3 1/2&quot; Diskette Storage Pages, 10/Pack"/>
    <n v="10.44"/>
    <n v="1"/>
    <n v="4.8"/>
  </r>
  <r>
    <d v="2016-07-25T00:00:00"/>
    <x v="6"/>
    <x v="2"/>
    <x v="734"/>
    <x v="0"/>
    <x v="0"/>
    <x v="10"/>
    <s v="Quality Park Security Envelopes"/>
    <n v="20.94"/>
    <n v="1"/>
    <n v="7.07"/>
  </r>
  <r>
    <d v="2016-07-25T00:00:00"/>
    <x v="6"/>
    <x v="2"/>
    <x v="288"/>
    <x v="3"/>
    <x v="0"/>
    <x v="4"/>
    <s v="Newell 325"/>
    <n v="37.17"/>
    <n v="9"/>
    <n v="11.15"/>
  </r>
  <r>
    <d v="2016-07-25T00:00:00"/>
    <x v="6"/>
    <x v="2"/>
    <x v="562"/>
    <x v="21"/>
    <x v="0"/>
    <x v="0"/>
    <s v="Speediset Carbonless Redi-Letter 7&quot; x 8 1/2&quot;"/>
    <n v="20.62"/>
    <n v="2"/>
    <n v="9.69"/>
  </r>
  <r>
    <d v="2016-07-25T00:00:00"/>
    <x v="6"/>
    <x v="2"/>
    <x v="562"/>
    <x v="21"/>
    <x v="2"/>
    <x v="9"/>
    <s v="Memorex Froggy Flash Drive 8 GB"/>
    <n v="124.25"/>
    <n v="7"/>
    <n v="48.46"/>
  </r>
  <r>
    <d v="2016-07-25T00:00:00"/>
    <x v="6"/>
    <x v="2"/>
    <x v="562"/>
    <x v="21"/>
    <x v="2"/>
    <x v="6"/>
    <s v="LG Electronics Tone+ HBS-730 Bluetooth Headset"/>
    <n v="297.55"/>
    <n v="5"/>
    <n v="83.31"/>
  </r>
  <r>
    <d v="2016-07-25T00:00:00"/>
    <x v="6"/>
    <x v="2"/>
    <x v="562"/>
    <x v="21"/>
    <x v="1"/>
    <x v="5"/>
    <s v="Office Star Flex Back Scooter Chair with Aluminum Finish Frame"/>
    <n v="403.56"/>
    <n v="4"/>
    <n v="96.85"/>
  </r>
  <r>
    <d v="2016-07-25T00:00:00"/>
    <x v="6"/>
    <x v="2"/>
    <x v="562"/>
    <x v="21"/>
    <x v="1"/>
    <x v="8"/>
    <s v="Eldon Expressions Desk Accessory, Wood Photo Frame, Mahogany"/>
    <n v="95.2"/>
    <n v="5"/>
    <n v="27.61"/>
  </r>
  <r>
    <d v="2016-07-28T00:00:00"/>
    <x v="6"/>
    <x v="2"/>
    <x v="528"/>
    <x v="14"/>
    <x v="0"/>
    <x v="7"/>
    <s v="Staples"/>
    <n v="20.440000000000001"/>
    <n v="7"/>
    <n v="9.1999999999999993"/>
  </r>
  <r>
    <d v="2016-07-28T00:00:00"/>
    <x v="6"/>
    <x v="2"/>
    <x v="528"/>
    <x v="14"/>
    <x v="0"/>
    <x v="0"/>
    <s v="Xerox 1889"/>
    <n v="109.92"/>
    <n v="2"/>
    <n v="53.86"/>
  </r>
  <r>
    <d v="2016-07-28T00:00:00"/>
    <x v="6"/>
    <x v="2"/>
    <x v="580"/>
    <x v="3"/>
    <x v="0"/>
    <x v="1"/>
    <s v="Avery 495"/>
    <n v="18.899999999999999"/>
    <n v="3"/>
    <n v="8.69"/>
  </r>
  <r>
    <d v="2016-07-28T00:00:00"/>
    <x v="6"/>
    <x v="2"/>
    <x v="635"/>
    <x v="2"/>
    <x v="1"/>
    <x v="11"/>
    <s v="Safco Value Mate Series Steel Bookcases, Baked Enamel Finish on Steel, Gray"/>
    <n v="177.45"/>
    <n v="5"/>
    <n v="-78.08"/>
  </r>
  <r>
    <d v="2016-07-28T00:00:00"/>
    <x v="6"/>
    <x v="2"/>
    <x v="635"/>
    <x v="2"/>
    <x v="0"/>
    <x v="3"/>
    <s v="GBC Ibimaster 500 Manual ProClick Binding System"/>
    <n v="1369.76"/>
    <n v="6"/>
    <n v="-913.18"/>
  </r>
  <r>
    <d v="2016-07-28T00:00:00"/>
    <x v="6"/>
    <x v="2"/>
    <x v="635"/>
    <x v="2"/>
    <x v="0"/>
    <x v="12"/>
    <s v="Hoover Replacement Belts For Soft Guard &amp; Commercial Ltweight Upright Vacs, 2/Pk"/>
    <n v="9.48"/>
    <n v="3"/>
    <n v="0.71"/>
  </r>
  <r>
    <d v="2016-07-28T00:00:00"/>
    <x v="6"/>
    <x v="2"/>
    <x v="429"/>
    <x v="0"/>
    <x v="1"/>
    <x v="8"/>
    <s v="Eldon Image Series Desk Accessories, Ebony"/>
    <n v="24.7"/>
    <n v="5"/>
    <n v="-9.8800000000000008"/>
  </r>
  <r>
    <d v="2016-07-28T00:00:00"/>
    <x v="6"/>
    <x v="2"/>
    <x v="429"/>
    <x v="0"/>
    <x v="1"/>
    <x v="8"/>
    <s v="Tenex Chairmat w/ Average Lip, 45&quot; x 53&quot;"/>
    <n v="302.72000000000003"/>
    <n v="5"/>
    <n v="-378.4"/>
  </r>
  <r>
    <d v="2016-07-29T00:00:00"/>
    <x v="6"/>
    <x v="2"/>
    <x v="4"/>
    <x v="2"/>
    <x v="0"/>
    <x v="2"/>
    <s v="Gould Plastics 9-Pocket Panel Bin, 18-3/8w x 5-1/4d x 20-1/2h, Black"/>
    <n v="84.78"/>
    <n v="2"/>
    <n v="-16.96"/>
  </r>
  <r>
    <d v="2016-07-29T00:00:00"/>
    <x v="6"/>
    <x v="2"/>
    <x v="517"/>
    <x v="16"/>
    <x v="0"/>
    <x v="3"/>
    <s v="Avery Triangle Shaped Sheet Lifters, Black, 2/Pack"/>
    <n v="2.21"/>
    <n v="3"/>
    <n v="-1.48"/>
  </r>
  <r>
    <d v="2016-07-29T00:00:00"/>
    <x v="6"/>
    <x v="2"/>
    <x v="718"/>
    <x v="25"/>
    <x v="0"/>
    <x v="2"/>
    <s v="Fellowes High-Stak Drawer Files"/>
    <n v="704.76"/>
    <n v="5"/>
    <n v="26.43"/>
  </r>
  <r>
    <d v="2016-07-29T00:00:00"/>
    <x v="6"/>
    <x v="2"/>
    <x v="718"/>
    <x v="25"/>
    <x v="0"/>
    <x v="3"/>
    <s v="Premier Elliptical Ring Binder, Black"/>
    <n v="27.4"/>
    <n v="3"/>
    <n v="-20.09"/>
  </r>
  <r>
    <d v="2016-07-30T00:00:00"/>
    <x v="6"/>
    <x v="2"/>
    <x v="471"/>
    <x v="0"/>
    <x v="0"/>
    <x v="3"/>
    <s v="GBC VeloBind Cover Sets"/>
    <n v="9.26"/>
    <n v="3"/>
    <n v="-13.9"/>
  </r>
  <r>
    <d v="2016-07-30T00:00:00"/>
    <x v="6"/>
    <x v="2"/>
    <x v="175"/>
    <x v="1"/>
    <x v="0"/>
    <x v="1"/>
    <s v="Avery 498"/>
    <n v="9.25"/>
    <n v="4"/>
    <n v="3.12"/>
  </r>
  <r>
    <d v="2016-07-30T00:00:00"/>
    <x v="6"/>
    <x v="2"/>
    <x v="175"/>
    <x v="1"/>
    <x v="0"/>
    <x v="2"/>
    <s v="Tennsco 16-Compartment Lockers with Coat Rack"/>
    <n v="1036.6199999999999"/>
    <n v="2"/>
    <n v="51.83"/>
  </r>
  <r>
    <d v="2016-07-30T00:00:00"/>
    <x v="6"/>
    <x v="2"/>
    <x v="274"/>
    <x v="3"/>
    <x v="0"/>
    <x v="12"/>
    <s v="Hoover Shoulder Vac Commercial Portable Vacuum"/>
    <n v="715.64"/>
    <n v="2"/>
    <n v="178.91"/>
  </r>
  <r>
    <d v="2016-07-31T00:00:00"/>
    <x v="6"/>
    <x v="2"/>
    <x v="318"/>
    <x v="14"/>
    <x v="0"/>
    <x v="12"/>
    <s v="Honeywell Quietcare HEPA Air Cleaner"/>
    <n v="283.14"/>
    <n v="4"/>
    <n v="72.36"/>
  </r>
  <r>
    <d v="2016-07-31T00:00:00"/>
    <x v="6"/>
    <x v="2"/>
    <x v="318"/>
    <x v="14"/>
    <x v="2"/>
    <x v="6"/>
    <s v="ClearOne Communications CHAT 70 OCÂ Speaker Phone"/>
    <n v="635.96"/>
    <n v="4"/>
    <n v="165.35"/>
  </r>
  <r>
    <d v="2016-07-31T00:00:00"/>
    <x v="6"/>
    <x v="2"/>
    <x v="318"/>
    <x v="14"/>
    <x v="2"/>
    <x v="6"/>
    <s v="Polycom SoundPoint Pro SE-225 Corded phone"/>
    <n v="118.99"/>
    <n v="1"/>
    <n v="33.32"/>
  </r>
  <r>
    <d v="2016-07-31T00:00:00"/>
    <x v="6"/>
    <x v="2"/>
    <x v="318"/>
    <x v="14"/>
    <x v="1"/>
    <x v="8"/>
    <s v="Eldon ClusterMat Chair Mat with Cordless Antistatic Protection"/>
    <n v="272.94"/>
    <n v="3"/>
    <n v="30.02"/>
  </r>
  <r>
    <d v="2016-07-31T00:00:00"/>
    <x v="6"/>
    <x v="2"/>
    <x v="123"/>
    <x v="3"/>
    <x v="1"/>
    <x v="13"/>
    <s v="Laminate Occasional Tables"/>
    <n v="863.13"/>
    <n v="7"/>
    <n v="-32.369999999999997"/>
  </r>
  <r>
    <d v="2016-08-01T00:00:00"/>
    <x v="7"/>
    <x v="2"/>
    <x v="113"/>
    <x v="0"/>
    <x v="0"/>
    <x v="0"/>
    <s v="Easy-staple paper"/>
    <n v="19.649999999999999"/>
    <n v="2"/>
    <n v="6.63"/>
  </r>
  <r>
    <d v="2016-08-01T00:00:00"/>
    <x v="7"/>
    <x v="2"/>
    <x v="93"/>
    <x v="3"/>
    <x v="2"/>
    <x v="6"/>
    <s v="Apple iPhone 5"/>
    <n v="1039.73"/>
    <n v="2"/>
    <n v="90.98"/>
  </r>
  <r>
    <d v="2016-08-01T00:00:00"/>
    <x v="7"/>
    <x v="2"/>
    <x v="93"/>
    <x v="3"/>
    <x v="0"/>
    <x v="12"/>
    <s v="Belkin F5C206VTEL 6 Outlet Surge"/>
    <n v="45.96"/>
    <n v="2"/>
    <n v="13.79"/>
  </r>
  <r>
    <d v="2016-08-01T00:00:00"/>
    <x v="7"/>
    <x v="2"/>
    <x v="580"/>
    <x v="2"/>
    <x v="1"/>
    <x v="8"/>
    <s v="Eldon 500 Class Desk Accessories"/>
    <n v="19.309999999999999"/>
    <n v="2"/>
    <n v="3.14"/>
  </r>
  <r>
    <d v="2016-08-02T00:00:00"/>
    <x v="7"/>
    <x v="2"/>
    <x v="45"/>
    <x v="3"/>
    <x v="1"/>
    <x v="13"/>
    <s v="Barricks Non-Folding Utility Table with Steel Legs, Laminate Tops"/>
    <n v="136.46"/>
    <n v="2"/>
    <n v="15.35"/>
  </r>
  <r>
    <d v="2016-08-02T00:00:00"/>
    <x v="7"/>
    <x v="2"/>
    <x v="45"/>
    <x v="3"/>
    <x v="2"/>
    <x v="6"/>
    <s v="Nortel Business Series Terminal T7208 Digital phone"/>
    <n v="333.58"/>
    <n v="3"/>
    <n v="33.36"/>
  </r>
  <r>
    <d v="2016-08-02T00:00:00"/>
    <x v="7"/>
    <x v="2"/>
    <x v="45"/>
    <x v="3"/>
    <x v="0"/>
    <x v="3"/>
    <s v="XtraLife ClearVue Slant-D Ring Binders by Cardinal"/>
    <n v="12.54"/>
    <n v="2"/>
    <n v="4.7"/>
  </r>
  <r>
    <d v="2016-08-03T00:00:00"/>
    <x v="7"/>
    <x v="2"/>
    <x v="769"/>
    <x v="39"/>
    <x v="0"/>
    <x v="10"/>
    <s v="Tyvek  Top-Opening Peel &amp; Seel Envelopes, Plain White"/>
    <n v="81.540000000000006"/>
    <n v="3"/>
    <n v="38.32"/>
  </r>
  <r>
    <d v="2016-08-03T00:00:00"/>
    <x v="7"/>
    <x v="2"/>
    <x v="769"/>
    <x v="39"/>
    <x v="2"/>
    <x v="9"/>
    <s v="Sony Micro Vault Click 4 GB USB 2.0 Flash Drive"/>
    <n v="167.28"/>
    <n v="12"/>
    <n v="23.42"/>
  </r>
  <r>
    <d v="2016-08-04T00:00:00"/>
    <x v="7"/>
    <x v="2"/>
    <x v="770"/>
    <x v="6"/>
    <x v="0"/>
    <x v="14"/>
    <s v="Acme 10&quot; Easy Grip Assistive Scissors"/>
    <n v="35.06"/>
    <n v="2"/>
    <n v="10.52"/>
  </r>
  <r>
    <d v="2016-08-04T00:00:00"/>
    <x v="7"/>
    <x v="2"/>
    <x v="770"/>
    <x v="6"/>
    <x v="0"/>
    <x v="1"/>
    <s v="Avery 476"/>
    <n v="4.13"/>
    <n v="1"/>
    <n v="1.9"/>
  </r>
  <r>
    <d v="2016-08-04T00:00:00"/>
    <x v="7"/>
    <x v="2"/>
    <x v="770"/>
    <x v="6"/>
    <x v="1"/>
    <x v="8"/>
    <s v="Advantus Panel Wall Certificate Holder - 8.5x11"/>
    <n v="109.8"/>
    <n v="9"/>
    <n v="46.12"/>
  </r>
  <r>
    <d v="2016-08-04T00:00:00"/>
    <x v="7"/>
    <x v="2"/>
    <x v="770"/>
    <x v="6"/>
    <x v="0"/>
    <x v="1"/>
    <s v="Avery 478"/>
    <n v="9.82"/>
    <n v="2"/>
    <n v="4.8099999999999996"/>
  </r>
  <r>
    <d v="2016-08-04T00:00:00"/>
    <x v="7"/>
    <x v="2"/>
    <x v="565"/>
    <x v="1"/>
    <x v="0"/>
    <x v="3"/>
    <s v="Ibico Presentation Index for Binding Systems"/>
    <n v="3.98"/>
    <n v="5"/>
    <n v="-6.57"/>
  </r>
  <r>
    <d v="2016-08-04T00:00:00"/>
    <x v="7"/>
    <x v="2"/>
    <x v="49"/>
    <x v="3"/>
    <x v="2"/>
    <x v="6"/>
    <s v="Mitel 5320 IP Phone VoIP phone"/>
    <n v="302.38"/>
    <n v="2"/>
    <n v="30.24"/>
  </r>
  <r>
    <d v="2016-08-04T00:00:00"/>
    <x v="7"/>
    <x v="2"/>
    <x v="49"/>
    <x v="3"/>
    <x v="0"/>
    <x v="3"/>
    <s v="Wilson Jones Leather-Like Binders with DublLock Round Rings"/>
    <n v="20.95"/>
    <n v="3"/>
    <n v="7.07"/>
  </r>
  <r>
    <d v="2016-08-04T00:00:00"/>
    <x v="7"/>
    <x v="2"/>
    <x v="49"/>
    <x v="3"/>
    <x v="0"/>
    <x v="3"/>
    <s v="Pressboard Covers with Storage Hooks, 9 1/2&quot; x 11&quot;, Light Blue"/>
    <n v="11.78"/>
    <n v="3"/>
    <n v="3.98"/>
  </r>
  <r>
    <d v="2016-08-05T00:00:00"/>
    <x v="7"/>
    <x v="2"/>
    <x v="591"/>
    <x v="33"/>
    <x v="0"/>
    <x v="4"/>
    <s v="Boston Model 1800 Electric Pencil Sharpener, Gray"/>
    <n v="197.05"/>
    <n v="7"/>
    <n v="59.12"/>
  </r>
  <r>
    <d v="2016-08-06T00:00:00"/>
    <x v="7"/>
    <x v="2"/>
    <x v="123"/>
    <x v="20"/>
    <x v="0"/>
    <x v="0"/>
    <s v="Easy-staple paper"/>
    <n v="70.88"/>
    <n v="2"/>
    <n v="33.31"/>
  </r>
  <r>
    <d v="2016-08-06T00:00:00"/>
    <x v="7"/>
    <x v="2"/>
    <x v="339"/>
    <x v="3"/>
    <x v="2"/>
    <x v="6"/>
    <s v="Panasonic KX-TG6844B Expandable Digital Cordless Telephone"/>
    <n v="211.17"/>
    <n v="4"/>
    <n v="18.48"/>
  </r>
  <r>
    <d v="2016-08-06T00:00:00"/>
    <x v="7"/>
    <x v="2"/>
    <x v="272"/>
    <x v="20"/>
    <x v="0"/>
    <x v="4"/>
    <s v="Dixon Prang Watercolor Pencils, 10-Color Set with Brush"/>
    <n v="38.340000000000003"/>
    <n v="9"/>
    <n v="15.72"/>
  </r>
  <r>
    <d v="2016-08-07T00:00:00"/>
    <x v="7"/>
    <x v="2"/>
    <x v="360"/>
    <x v="22"/>
    <x v="2"/>
    <x v="9"/>
    <s v="LogitechÂ Illuminated - Keyboard"/>
    <n v="179.97"/>
    <n v="3"/>
    <n v="86.39"/>
  </r>
  <r>
    <d v="2016-08-08T00:00:00"/>
    <x v="7"/>
    <x v="2"/>
    <x v="453"/>
    <x v="0"/>
    <x v="0"/>
    <x v="7"/>
    <s v="OIC Bulk Pack Metal Binder Clips"/>
    <n v="11.17"/>
    <n v="4"/>
    <n v="3.63"/>
  </r>
  <r>
    <d v="2016-08-08T00:00:00"/>
    <x v="7"/>
    <x v="2"/>
    <x v="453"/>
    <x v="0"/>
    <x v="0"/>
    <x v="0"/>
    <s v="Ink Jet Note and Greeting Cards, 8-1/2&quot; x 5-1/2&quot; Card Size"/>
    <n v="53.95"/>
    <n v="3"/>
    <n v="17.53"/>
  </r>
  <r>
    <d v="2016-08-08T00:00:00"/>
    <x v="7"/>
    <x v="2"/>
    <x v="619"/>
    <x v="29"/>
    <x v="0"/>
    <x v="7"/>
    <s v="Alliance Super-Size Bands, Assorted Sizes"/>
    <n v="23.34"/>
    <n v="3"/>
    <n v="0.23"/>
  </r>
  <r>
    <d v="2016-08-08T00:00:00"/>
    <x v="7"/>
    <x v="2"/>
    <x v="683"/>
    <x v="3"/>
    <x v="1"/>
    <x v="13"/>
    <s v="Chromcraft 48&quot; x 96&quot; Racetrack Double Pedestal Table"/>
    <n v="513.02"/>
    <n v="2"/>
    <n v="12.83"/>
  </r>
  <r>
    <d v="2016-08-08T00:00:00"/>
    <x v="7"/>
    <x v="2"/>
    <x v="683"/>
    <x v="3"/>
    <x v="0"/>
    <x v="12"/>
    <s v="Kensington 4 Outlet MasterPiece Compact Power Control Center"/>
    <n v="487.92"/>
    <n v="6"/>
    <n v="136.62"/>
  </r>
  <r>
    <d v="2016-08-08T00:00:00"/>
    <x v="7"/>
    <x v="2"/>
    <x v="683"/>
    <x v="3"/>
    <x v="0"/>
    <x v="3"/>
    <s v="Acco Hanging Data Binders"/>
    <n v="15.24"/>
    <n v="5"/>
    <n v="5.33"/>
  </r>
  <r>
    <d v="2016-08-08T00:00:00"/>
    <x v="7"/>
    <x v="2"/>
    <x v="309"/>
    <x v="39"/>
    <x v="0"/>
    <x v="0"/>
    <s v="Xerox 1954"/>
    <n v="10.56"/>
    <n v="2"/>
    <n v="4.75"/>
  </r>
  <r>
    <d v="2016-08-09T00:00:00"/>
    <x v="7"/>
    <x v="2"/>
    <x v="454"/>
    <x v="25"/>
    <x v="0"/>
    <x v="0"/>
    <s v="Xerox 199"/>
    <n v="30.82"/>
    <n v="9"/>
    <n v="9.6300000000000008"/>
  </r>
  <r>
    <d v="2016-08-09T00:00:00"/>
    <x v="7"/>
    <x v="2"/>
    <x v="454"/>
    <x v="25"/>
    <x v="2"/>
    <x v="6"/>
    <s v="Apple EarPods with Remote and Mic"/>
    <n v="44.78"/>
    <n v="2"/>
    <n v="4.4800000000000004"/>
  </r>
  <r>
    <d v="2016-08-09T00:00:00"/>
    <x v="7"/>
    <x v="2"/>
    <x v="454"/>
    <x v="25"/>
    <x v="0"/>
    <x v="12"/>
    <s v="Kensington 7 Outlet MasterPiece Power Center"/>
    <n v="569.54"/>
    <n v="4"/>
    <n v="64.069999999999993"/>
  </r>
  <r>
    <d v="2016-08-09T00:00:00"/>
    <x v="7"/>
    <x v="2"/>
    <x v="292"/>
    <x v="15"/>
    <x v="0"/>
    <x v="3"/>
    <s v="Tuff Stuff Recycled Round Ring Binders"/>
    <n v="4.34"/>
    <n v="3"/>
    <n v="-3.04"/>
  </r>
  <r>
    <d v="2016-08-09T00:00:00"/>
    <x v="7"/>
    <x v="2"/>
    <x v="292"/>
    <x v="15"/>
    <x v="0"/>
    <x v="3"/>
    <s v="Avery Durable Slant Ring Binders"/>
    <n v="11.88"/>
    <n v="5"/>
    <n v="-7.92"/>
  </r>
  <r>
    <d v="2016-08-11T00:00:00"/>
    <x v="7"/>
    <x v="2"/>
    <x v="428"/>
    <x v="39"/>
    <x v="0"/>
    <x v="0"/>
    <s v="Xerox 202"/>
    <n v="32.4"/>
    <n v="5"/>
    <n v="15.55"/>
  </r>
  <r>
    <d v="2016-08-11T00:00:00"/>
    <x v="7"/>
    <x v="2"/>
    <x v="428"/>
    <x v="39"/>
    <x v="0"/>
    <x v="3"/>
    <s v="Avery Hanging File Binders"/>
    <n v="41.86"/>
    <n v="7"/>
    <n v="19.260000000000002"/>
  </r>
  <r>
    <d v="2016-08-11T00:00:00"/>
    <x v="7"/>
    <x v="2"/>
    <x v="428"/>
    <x v="39"/>
    <x v="0"/>
    <x v="3"/>
    <s v="Premium Transparent Presentation Covers, No Pattern/Clear, 8 1/2&quot; x 11&quot;"/>
    <n v="77.56"/>
    <n v="2"/>
    <n v="35.68"/>
  </r>
  <r>
    <d v="2016-08-12T00:00:00"/>
    <x v="7"/>
    <x v="2"/>
    <x v="641"/>
    <x v="30"/>
    <x v="0"/>
    <x v="0"/>
    <s v="Xerox 224"/>
    <n v="6.48"/>
    <n v="1"/>
    <n v="3.11"/>
  </r>
  <r>
    <d v="2016-08-12T00:00:00"/>
    <x v="7"/>
    <x v="2"/>
    <x v="752"/>
    <x v="0"/>
    <x v="2"/>
    <x v="9"/>
    <s v="Logitech diNovo Edge Keyboard"/>
    <n v="1399.94"/>
    <n v="7"/>
    <n v="52.5"/>
  </r>
  <r>
    <d v="2016-08-12T00:00:00"/>
    <x v="7"/>
    <x v="2"/>
    <x v="288"/>
    <x v="20"/>
    <x v="1"/>
    <x v="5"/>
    <s v="Global Geo Office Task Chair, Gray"/>
    <n v="145.76"/>
    <n v="2"/>
    <n v="-8.1"/>
  </r>
  <r>
    <d v="2016-08-12T00:00:00"/>
    <x v="7"/>
    <x v="2"/>
    <x v="599"/>
    <x v="16"/>
    <x v="1"/>
    <x v="13"/>
    <s v="BPI Conference Tables"/>
    <n v="562.29"/>
    <n v="7"/>
    <n v="-255.59"/>
  </r>
  <r>
    <d v="2016-08-12T00:00:00"/>
    <x v="7"/>
    <x v="2"/>
    <x v="377"/>
    <x v="20"/>
    <x v="1"/>
    <x v="13"/>
    <s v="Chromcraft Round Conference Tables"/>
    <n v="209.15"/>
    <n v="2"/>
    <n v="-66.23"/>
  </r>
  <r>
    <d v="2016-08-12T00:00:00"/>
    <x v="7"/>
    <x v="2"/>
    <x v="377"/>
    <x v="20"/>
    <x v="0"/>
    <x v="2"/>
    <s v="Tennsco 6- and 18-Compartment Lockers"/>
    <n v="1591.02"/>
    <n v="6"/>
    <n v="286.38"/>
  </r>
  <r>
    <d v="2016-08-12T00:00:00"/>
    <x v="7"/>
    <x v="2"/>
    <x v="35"/>
    <x v="2"/>
    <x v="0"/>
    <x v="4"/>
    <s v="Boston 16765 Mini Stand Up Battery Pencil Sharpener"/>
    <n v="37.31"/>
    <n v="4"/>
    <n v="2.8"/>
  </r>
  <r>
    <d v="2016-08-13T00:00:00"/>
    <x v="7"/>
    <x v="2"/>
    <x v="313"/>
    <x v="25"/>
    <x v="0"/>
    <x v="3"/>
    <s v="Acco Translucent Poly Ring Binders"/>
    <n v="11.23"/>
    <n v="8"/>
    <n v="-8.24"/>
  </r>
  <r>
    <d v="2016-08-13T00:00:00"/>
    <x v="7"/>
    <x v="2"/>
    <x v="313"/>
    <x v="25"/>
    <x v="0"/>
    <x v="0"/>
    <s v="Easy-staple paper"/>
    <n v="10.27"/>
    <n v="3"/>
    <n v="3.21"/>
  </r>
  <r>
    <d v="2016-08-13T00:00:00"/>
    <x v="7"/>
    <x v="2"/>
    <x v="161"/>
    <x v="21"/>
    <x v="1"/>
    <x v="11"/>
    <s v="O'Sullivan Living Dimensions 2-Shelf Bookcases"/>
    <n v="241.96"/>
    <n v="2"/>
    <n v="24.2"/>
  </r>
  <r>
    <d v="2016-08-13T00:00:00"/>
    <x v="7"/>
    <x v="2"/>
    <x v="161"/>
    <x v="21"/>
    <x v="0"/>
    <x v="3"/>
    <s v="Avery Round Ring Poly Binders"/>
    <n v="8.52"/>
    <n v="3"/>
    <n v="4.17"/>
  </r>
  <r>
    <d v="2016-08-13T00:00:00"/>
    <x v="7"/>
    <x v="2"/>
    <x v="459"/>
    <x v="8"/>
    <x v="0"/>
    <x v="12"/>
    <s v="Staple holder"/>
    <n v="17.34"/>
    <n v="2"/>
    <n v="4.68"/>
  </r>
  <r>
    <d v="2016-08-13T00:00:00"/>
    <x v="7"/>
    <x v="2"/>
    <x v="459"/>
    <x v="8"/>
    <x v="2"/>
    <x v="9"/>
    <s v="Sony 64GB Class 10 Micro SDHC R40 Memory Card"/>
    <n v="71.98"/>
    <n v="2"/>
    <n v="15.12"/>
  </r>
  <r>
    <d v="2016-08-13T00:00:00"/>
    <x v="7"/>
    <x v="2"/>
    <x v="503"/>
    <x v="6"/>
    <x v="0"/>
    <x v="3"/>
    <s v="Avery Heavy-Duty EZD  Binder With Locking Rings"/>
    <n v="22.32"/>
    <n v="4"/>
    <n v="10.71"/>
  </r>
  <r>
    <d v="2016-08-13T00:00:00"/>
    <x v="7"/>
    <x v="2"/>
    <x v="503"/>
    <x v="6"/>
    <x v="0"/>
    <x v="1"/>
    <s v="Alphabetical Labels for Top Tab Filing"/>
    <n v="103.6"/>
    <n v="7"/>
    <n v="51.8"/>
  </r>
  <r>
    <d v="2016-08-13T00:00:00"/>
    <x v="7"/>
    <x v="2"/>
    <x v="189"/>
    <x v="0"/>
    <x v="0"/>
    <x v="14"/>
    <s v="Premier Electric Letter Opener"/>
    <n v="185.38"/>
    <n v="2"/>
    <n v="-34.76"/>
  </r>
  <r>
    <d v="2016-08-13T00:00:00"/>
    <x v="7"/>
    <x v="2"/>
    <x v="189"/>
    <x v="0"/>
    <x v="0"/>
    <x v="12"/>
    <s v="3.6 Cubic Foot Counter Height Office Refrigerator"/>
    <n v="58.92"/>
    <n v="1"/>
    <n v="-153.19999999999999"/>
  </r>
  <r>
    <d v="2016-08-14T00:00:00"/>
    <x v="7"/>
    <x v="2"/>
    <x v="747"/>
    <x v="3"/>
    <x v="0"/>
    <x v="0"/>
    <s v="Array Memo Cubes"/>
    <n v="15.54"/>
    <n v="3"/>
    <n v="7.61"/>
  </r>
  <r>
    <d v="2016-08-14T00:00:00"/>
    <x v="7"/>
    <x v="2"/>
    <x v="747"/>
    <x v="3"/>
    <x v="2"/>
    <x v="15"/>
    <s v="Texas Instruments TI-34 Scientific Calculator"/>
    <n v="105.55"/>
    <n v="6"/>
    <n v="35.619999999999997"/>
  </r>
  <r>
    <d v="2016-08-14T00:00:00"/>
    <x v="7"/>
    <x v="2"/>
    <x v="546"/>
    <x v="15"/>
    <x v="0"/>
    <x v="0"/>
    <s v="Xerox 200"/>
    <n v="15.55"/>
    <n v="3"/>
    <n v="5.44"/>
  </r>
  <r>
    <d v="2016-08-14T00:00:00"/>
    <x v="7"/>
    <x v="2"/>
    <x v="153"/>
    <x v="10"/>
    <x v="2"/>
    <x v="6"/>
    <s v="Cisco IP Phone 7961G-GE VoIP phone"/>
    <n v="259.89999999999998"/>
    <n v="2"/>
    <n v="-56.31"/>
  </r>
  <r>
    <d v="2016-08-14T00:00:00"/>
    <x v="7"/>
    <x v="2"/>
    <x v="153"/>
    <x v="10"/>
    <x v="2"/>
    <x v="6"/>
    <s v="Plantronics Voyager Pro Legend"/>
    <n v="247.19"/>
    <n v="2"/>
    <n v="-49.44"/>
  </r>
  <r>
    <d v="2016-08-14T00:00:00"/>
    <x v="7"/>
    <x v="2"/>
    <x v="153"/>
    <x v="10"/>
    <x v="2"/>
    <x v="9"/>
    <s v="Logitech G500s Laser Gaming Mouse with Adjustable Weight Tuning"/>
    <n v="279.95999999999998"/>
    <n v="5"/>
    <n v="48.99"/>
  </r>
  <r>
    <d v="2016-08-15T00:00:00"/>
    <x v="7"/>
    <x v="2"/>
    <x v="297"/>
    <x v="26"/>
    <x v="0"/>
    <x v="3"/>
    <s v="Premium Transparent Presentation Covers by GBC"/>
    <n v="18.88"/>
    <n v="3"/>
    <n v="-13.85"/>
  </r>
  <r>
    <d v="2016-08-15T00:00:00"/>
    <x v="7"/>
    <x v="2"/>
    <x v="297"/>
    <x v="26"/>
    <x v="0"/>
    <x v="12"/>
    <s v="Tripp Lite TLP810NET Broadband Surge for Modem/Fax"/>
    <n v="122.33"/>
    <n v="3"/>
    <n v="12.23"/>
  </r>
  <r>
    <d v="2016-08-15T00:00:00"/>
    <x v="7"/>
    <x v="2"/>
    <x v="563"/>
    <x v="3"/>
    <x v="2"/>
    <x v="6"/>
    <s v="Nokia Lumia 521 (T-Mobile)"/>
    <n v="71.98"/>
    <n v="3"/>
    <n v="7.2"/>
  </r>
  <r>
    <d v="2016-08-15T00:00:00"/>
    <x v="7"/>
    <x v="2"/>
    <x v="563"/>
    <x v="3"/>
    <x v="0"/>
    <x v="1"/>
    <s v="Avery 488"/>
    <n v="3.15"/>
    <n v="1"/>
    <n v="1.51"/>
  </r>
  <r>
    <d v="2016-08-15T00:00:00"/>
    <x v="7"/>
    <x v="2"/>
    <x v="405"/>
    <x v="16"/>
    <x v="2"/>
    <x v="6"/>
    <s v="HTC One Mini"/>
    <n v="705.54"/>
    <n v="7"/>
    <n v="70.55"/>
  </r>
  <r>
    <d v="2016-08-15T00:00:00"/>
    <x v="7"/>
    <x v="2"/>
    <x v="757"/>
    <x v="25"/>
    <x v="1"/>
    <x v="5"/>
    <s v="Hon Olson Stacker Stools"/>
    <n v="225.3"/>
    <n v="2"/>
    <n v="22.53"/>
  </r>
  <r>
    <d v="2016-08-15T00:00:00"/>
    <x v="7"/>
    <x v="2"/>
    <x v="649"/>
    <x v="3"/>
    <x v="1"/>
    <x v="8"/>
    <s v="Luxo Professional Magnifying Clamp-On Fluorescent Lamps"/>
    <n v="312.02999999999997"/>
    <n v="3"/>
    <n v="43.68"/>
  </r>
  <r>
    <d v="2016-08-15T00:00:00"/>
    <x v="7"/>
    <x v="2"/>
    <x v="649"/>
    <x v="3"/>
    <x v="0"/>
    <x v="2"/>
    <s v="Perma STOR-ALL Hanging File Box, 13 1/8&quot;W x 12 1/4&quot;D x 10 1/2&quot;H"/>
    <n v="17.940000000000001"/>
    <n v="3"/>
    <n v="3.05"/>
  </r>
  <r>
    <d v="2016-08-15T00:00:00"/>
    <x v="7"/>
    <x v="2"/>
    <x v="649"/>
    <x v="3"/>
    <x v="2"/>
    <x v="6"/>
    <s v="AT&amp;T 841000 Phone"/>
    <n v="165.6"/>
    <n v="3"/>
    <n v="10.35"/>
  </r>
  <r>
    <d v="2016-08-15T00:00:00"/>
    <x v="7"/>
    <x v="2"/>
    <x v="649"/>
    <x v="3"/>
    <x v="0"/>
    <x v="0"/>
    <s v="Rediform S.O.S. 1-Up Phone Message Bk, 4-1/4x3-1/16 Bk, 1 Form/Pg, 40 Messages/Bk, 3/Pk"/>
    <n v="37.520000000000003"/>
    <n v="4"/>
    <n v="18.010000000000002"/>
  </r>
  <r>
    <d v="2016-08-16T00:00:00"/>
    <x v="7"/>
    <x v="2"/>
    <x v="500"/>
    <x v="3"/>
    <x v="0"/>
    <x v="10"/>
    <s v="Convenience Packs of Business Envelopes"/>
    <n v="10.86"/>
    <n v="3"/>
    <n v="5.0999999999999996"/>
  </r>
  <r>
    <d v="2016-08-16T00:00:00"/>
    <x v="7"/>
    <x v="2"/>
    <x v="771"/>
    <x v="3"/>
    <x v="1"/>
    <x v="13"/>
    <s v="Barricks 18&quot; x 48&quot; Non-Folding Utility Table with Bottom Storage Shelf"/>
    <n v="161.28"/>
    <n v="2"/>
    <n v="12.1"/>
  </r>
  <r>
    <d v="2016-08-16T00:00:00"/>
    <x v="7"/>
    <x v="2"/>
    <x v="355"/>
    <x v="3"/>
    <x v="0"/>
    <x v="0"/>
    <s v="Xerox 1931"/>
    <n v="32.4"/>
    <n v="5"/>
    <n v="15.55"/>
  </r>
  <r>
    <d v="2016-08-17T00:00:00"/>
    <x v="7"/>
    <x v="2"/>
    <x v="685"/>
    <x v="22"/>
    <x v="0"/>
    <x v="3"/>
    <s v="Acco Pressboard Covers with Storage Hooks, 14 7/8&quot; x 11&quot;, Light Blue"/>
    <n v="15.71"/>
    <n v="4"/>
    <n v="5.7"/>
  </r>
  <r>
    <d v="2016-08-18T00:00:00"/>
    <x v="7"/>
    <x v="2"/>
    <x v="698"/>
    <x v="20"/>
    <x v="0"/>
    <x v="12"/>
    <s v="Belkin 7 Outlet SurgeMaster II"/>
    <n v="355.32"/>
    <n v="9"/>
    <n v="99.49"/>
  </r>
  <r>
    <d v="2016-08-18T00:00:00"/>
    <x v="7"/>
    <x v="2"/>
    <x v="480"/>
    <x v="20"/>
    <x v="2"/>
    <x v="6"/>
    <s v="GE DSL Phone Line Filter"/>
    <n v="39.99"/>
    <n v="1"/>
    <n v="11.6"/>
  </r>
  <r>
    <d v="2016-08-18T00:00:00"/>
    <x v="7"/>
    <x v="2"/>
    <x v="40"/>
    <x v="0"/>
    <x v="0"/>
    <x v="3"/>
    <s v="GBC Wire Binding Combs"/>
    <n v="2.0699999999999998"/>
    <n v="1"/>
    <n v="-3.41"/>
  </r>
  <r>
    <d v="2016-08-18T00:00:00"/>
    <x v="7"/>
    <x v="2"/>
    <x v="40"/>
    <x v="0"/>
    <x v="0"/>
    <x v="0"/>
    <s v="Advantus Motivational Note Cards"/>
    <n v="83.84"/>
    <n v="8"/>
    <n v="30.39"/>
  </r>
  <r>
    <d v="2016-08-18T00:00:00"/>
    <x v="7"/>
    <x v="2"/>
    <x v="338"/>
    <x v="0"/>
    <x v="1"/>
    <x v="8"/>
    <s v="Staple-based wall hangings"/>
    <n v="9.5500000000000007"/>
    <n v="3"/>
    <n v="-3.82"/>
  </r>
  <r>
    <d v="2016-08-18T00:00:00"/>
    <x v="7"/>
    <x v="2"/>
    <x v="338"/>
    <x v="0"/>
    <x v="1"/>
    <x v="8"/>
    <s v="OIC Stacking Trays"/>
    <n v="5.34"/>
    <n v="4"/>
    <n v="-2.14"/>
  </r>
  <r>
    <d v="2016-08-19T00:00:00"/>
    <x v="7"/>
    <x v="2"/>
    <x v="218"/>
    <x v="20"/>
    <x v="0"/>
    <x v="3"/>
    <s v="Surelock Post Binders"/>
    <n v="146.69"/>
    <n v="6"/>
    <n v="55.01"/>
  </r>
  <r>
    <d v="2016-08-19T00:00:00"/>
    <x v="7"/>
    <x v="2"/>
    <x v="218"/>
    <x v="20"/>
    <x v="0"/>
    <x v="3"/>
    <s v="Ibico EB-19 Dual Function Manual Binding System"/>
    <n v="276.77999999999997"/>
    <n v="2"/>
    <n v="89.95"/>
  </r>
  <r>
    <d v="2016-08-19T00:00:00"/>
    <x v="7"/>
    <x v="2"/>
    <x v="218"/>
    <x v="20"/>
    <x v="0"/>
    <x v="3"/>
    <s v="Cardinal HOLDit! Binder Insert Strips,Extra Strips"/>
    <n v="25.32"/>
    <n v="5"/>
    <n v="9.18"/>
  </r>
  <r>
    <d v="2016-08-20T00:00:00"/>
    <x v="7"/>
    <x v="2"/>
    <x v="233"/>
    <x v="14"/>
    <x v="2"/>
    <x v="6"/>
    <s v="SKILCRAFT Telephone Shoulder Rest, 2&quot; x 6.5&quot; x 2.5&quot;, Black"/>
    <n v="14.78"/>
    <n v="2"/>
    <n v="3.99"/>
  </r>
  <r>
    <d v="2016-08-21T00:00:00"/>
    <x v="7"/>
    <x v="2"/>
    <x v="720"/>
    <x v="25"/>
    <x v="0"/>
    <x v="1"/>
    <s v="Avery 49"/>
    <n v="9.2200000000000006"/>
    <n v="4"/>
    <n v="3.34"/>
  </r>
  <r>
    <d v="2016-08-21T00:00:00"/>
    <x v="7"/>
    <x v="2"/>
    <x v="720"/>
    <x v="25"/>
    <x v="0"/>
    <x v="14"/>
    <s v="Acme 10&quot; Easy Grip Assistive Scissors"/>
    <n v="28.05"/>
    <n v="2"/>
    <n v="3.51"/>
  </r>
  <r>
    <d v="2016-08-21T00:00:00"/>
    <x v="7"/>
    <x v="2"/>
    <x v="81"/>
    <x v="2"/>
    <x v="1"/>
    <x v="13"/>
    <s v="Iceberg OfficeWorks 42&quot; Round Tables"/>
    <n v="815.29"/>
    <n v="9"/>
    <n v="-339.71"/>
  </r>
  <r>
    <d v="2016-08-21T00:00:00"/>
    <x v="7"/>
    <x v="2"/>
    <x v="759"/>
    <x v="3"/>
    <x v="0"/>
    <x v="3"/>
    <s v="Avery Durable Slant Ring Binders"/>
    <n v="12.67"/>
    <n v="2"/>
    <n v="4.75"/>
  </r>
  <r>
    <d v="2016-08-21T00:00:00"/>
    <x v="7"/>
    <x v="2"/>
    <x v="759"/>
    <x v="3"/>
    <x v="2"/>
    <x v="6"/>
    <s v="Motorola HK250 Universal Bluetooth Headset"/>
    <n v="91.96"/>
    <n v="5"/>
    <n v="-20.69"/>
  </r>
  <r>
    <d v="2016-08-21T00:00:00"/>
    <x v="7"/>
    <x v="2"/>
    <x v="759"/>
    <x v="3"/>
    <x v="2"/>
    <x v="9"/>
    <s v="LogitechÂ Gaming G510s - Keyboard"/>
    <n v="254.97"/>
    <n v="3"/>
    <n v="91.79"/>
  </r>
  <r>
    <d v="2016-08-21T00:00:00"/>
    <x v="7"/>
    <x v="2"/>
    <x v="759"/>
    <x v="3"/>
    <x v="2"/>
    <x v="6"/>
    <s v="Anker Astro Mini 3000mAh Ultra-Compact Portable Charger"/>
    <n v="31.98"/>
    <n v="2"/>
    <n v="-8"/>
  </r>
  <r>
    <d v="2016-08-21T00:00:00"/>
    <x v="7"/>
    <x v="2"/>
    <x v="759"/>
    <x v="3"/>
    <x v="1"/>
    <x v="13"/>
    <s v="Bretford CR8500 Series Meeting Room Furniture"/>
    <n v="2887.06"/>
    <n v="9"/>
    <n v="180.44"/>
  </r>
  <r>
    <d v="2016-08-21T00:00:00"/>
    <x v="7"/>
    <x v="2"/>
    <x v="759"/>
    <x v="3"/>
    <x v="0"/>
    <x v="0"/>
    <s v="Xerox 1997"/>
    <n v="12.96"/>
    <n v="2"/>
    <n v="6.22"/>
  </r>
  <r>
    <d v="2016-08-21T00:00:00"/>
    <x v="7"/>
    <x v="2"/>
    <x v="759"/>
    <x v="3"/>
    <x v="0"/>
    <x v="0"/>
    <s v="Xerox 1928"/>
    <n v="47.52"/>
    <n v="9"/>
    <n v="21.38"/>
  </r>
  <r>
    <d v="2016-08-21T00:00:00"/>
    <x v="7"/>
    <x v="2"/>
    <x v="468"/>
    <x v="22"/>
    <x v="0"/>
    <x v="3"/>
    <s v="Avery Durable Slant Ring Binders With Label Holder"/>
    <n v="33.44"/>
    <n v="10"/>
    <n v="11.7"/>
  </r>
  <r>
    <d v="2016-08-21T00:00:00"/>
    <x v="7"/>
    <x v="2"/>
    <x v="144"/>
    <x v="20"/>
    <x v="1"/>
    <x v="5"/>
    <s v="Leather Task Chair, Black"/>
    <n v="573.16999999999996"/>
    <n v="7"/>
    <n v="63.69"/>
  </r>
  <r>
    <d v="2016-08-22T00:00:00"/>
    <x v="7"/>
    <x v="2"/>
    <x v="353"/>
    <x v="10"/>
    <x v="0"/>
    <x v="12"/>
    <s v="Tripp Lite Isotel 8 Ultra 8 Outlet Metal Surge"/>
    <n v="113.55"/>
    <n v="2"/>
    <n v="8.52"/>
  </r>
  <r>
    <d v="2016-08-22T00:00:00"/>
    <x v="7"/>
    <x v="2"/>
    <x v="353"/>
    <x v="10"/>
    <x v="0"/>
    <x v="3"/>
    <s v="Avery Durable Poly Binders"/>
    <n v="3.32"/>
    <n v="2"/>
    <n v="-2.65"/>
  </r>
  <r>
    <d v="2016-08-22T00:00:00"/>
    <x v="7"/>
    <x v="2"/>
    <x v="353"/>
    <x v="10"/>
    <x v="0"/>
    <x v="10"/>
    <s v="Airmail Envelopes"/>
    <n v="134.29"/>
    <n v="2"/>
    <n v="45.32"/>
  </r>
  <r>
    <d v="2016-08-22T00:00:00"/>
    <x v="7"/>
    <x v="2"/>
    <x v="118"/>
    <x v="0"/>
    <x v="0"/>
    <x v="3"/>
    <s v="GBC Standard Recycled Report Covers, Clear Plastic Sheets"/>
    <n v="4.3099999999999996"/>
    <n v="2"/>
    <n v="-6.9"/>
  </r>
  <r>
    <d v="2016-08-22T00:00:00"/>
    <x v="7"/>
    <x v="2"/>
    <x v="320"/>
    <x v="11"/>
    <x v="0"/>
    <x v="3"/>
    <s v="GBC Imprintable Covers"/>
    <n v="26.35"/>
    <n v="8"/>
    <n v="-18.45"/>
  </r>
  <r>
    <d v="2016-08-22T00:00:00"/>
    <x v="7"/>
    <x v="2"/>
    <x v="486"/>
    <x v="22"/>
    <x v="0"/>
    <x v="0"/>
    <s v="Xerox 202"/>
    <n v="19.440000000000001"/>
    <n v="3"/>
    <n v="9.33"/>
  </r>
  <r>
    <d v="2016-08-22T00:00:00"/>
    <x v="7"/>
    <x v="2"/>
    <x v="529"/>
    <x v="26"/>
    <x v="1"/>
    <x v="8"/>
    <s v="Dana Halogen Swing-Arm Architect Lamp"/>
    <n v="98.33"/>
    <n v="3"/>
    <n v="9.83"/>
  </r>
  <r>
    <d v="2016-08-22T00:00:00"/>
    <x v="7"/>
    <x v="2"/>
    <x v="203"/>
    <x v="3"/>
    <x v="0"/>
    <x v="4"/>
    <s v="Newell 346"/>
    <n v="5.76"/>
    <n v="2"/>
    <n v="1.67"/>
  </r>
  <r>
    <d v="2016-08-23T00:00:00"/>
    <x v="7"/>
    <x v="2"/>
    <x v="772"/>
    <x v="0"/>
    <x v="0"/>
    <x v="2"/>
    <s v="SAFCO Boltless Steel Shelving"/>
    <n v="727.3"/>
    <n v="8"/>
    <n v="-172.73"/>
  </r>
  <r>
    <d v="2016-08-23T00:00:00"/>
    <x v="7"/>
    <x v="2"/>
    <x v="772"/>
    <x v="0"/>
    <x v="1"/>
    <x v="8"/>
    <s v="Flat Face Poster Frame"/>
    <n v="22.61"/>
    <n v="3"/>
    <n v="-10.17"/>
  </r>
  <r>
    <d v="2016-08-23T00:00:00"/>
    <x v="7"/>
    <x v="2"/>
    <x v="772"/>
    <x v="0"/>
    <x v="2"/>
    <x v="9"/>
    <s v="WD My Passport Ultra 2TB Portable External Hard Drive"/>
    <n v="666.4"/>
    <n v="7"/>
    <n v="-33.32"/>
  </r>
  <r>
    <d v="2016-08-23T00:00:00"/>
    <x v="7"/>
    <x v="2"/>
    <x v="282"/>
    <x v="22"/>
    <x v="2"/>
    <x v="15"/>
    <s v="Okidata C331dn Printer"/>
    <n v="837.6"/>
    <n v="3"/>
    <n v="62.82"/>
  </r>
  <r>
    <d v="2016-08-23T00:00:00"/>
    <x v="7"/>
    <x v="2"/>
    <x v="282"/>
    <x v="22"/>
    <x v="0"/>
    <x v="10"/>
    <s v="Tyvek  Top-Opening Peel &amp; Seel Envelopes, Plain White"/>
    <n v="135.9"/>
    <n v="5"/>
    <n v="63.87"/>
  </r>
  <r>
    <d v="2016-08-23T00:00:00"/>
    <x v="7"/>
    <x v="2"/>
    <x v="282"/>
    <x v="22"/>
    <x v="0"/>
    <x v="0"/>
    <s v="Xerox 1978"/>
    <n v="34.68"/>
    <n v="6"/>
    <n v="16.989999999999998"/>
  </r>
  <r>
    <d v="2016-08-23T00:00:00"/>
    <x v="7"/>
    <x v="2"/>
    <x v="282"/>
    <x v="22"/>
    <x v="1"/>
    <x v="5"/>
    <s v="Office Star Flex Back Scooter Chair with White Frame"/>
    <n v="532.70000000000005"/>
    <n v="6"/>
    <n v="-39.950000000000003"/>
  </r>
  <r>
    <d v="2016-08-23T00:00:00"/>
    <x v="7"/>
    <x v="2"/>
    <x v="282"/>
    <x v="22"/>
    <x v="0"/>
    <x v="12"/>
    <s v="Acco Six-Outlet Power Strip, 4' Cord Length"/>
    <n v="43.1"/>
    <n v="5"/>
    <n v="11.21"/>
  </r>
  <r>
    <d v="2016-08-23T00:00:00"/>
    <x v="7"/>
    <x v="2"/>
    <x v="282"/>
    <x v="22"/>
    <x v="0"/>
    <x v="14"/>
    <s v="Acme Rosewood Handle Letter Opener"/>
    <n v="15.88"/>
    <n v="4"/>
    <n v="0.16"/>
  </r>
  <r>
    <d v="2016-08-23T00:00:00"/>
    <x v="7"/>
    <x v="2"/>
    <x v="359"/>
    <x v="20"/>
    <x v="0"/>
    <x v="4"/>
    <s v="Dixon Prang Watercolor Pencils, 10-Color Set with Brush"/>
    <n v="21.3"/>
    <n v="5"/>
    <n v="8.73"/>
  </r>
  <r>
    <d v="2016-08-23T00:00:00"/>
    <x v="7"/>
    <x v="2"/>
    <x v="359"/>
    <x v="20"/>
    <x v="0"/>
    <x v="12"/>
    <s v="1.7 Cubic Foot Compact &quot;Cube&quot; Office Refrigerators"/>
    <n v="1040.8"/>
    <n v="5"/>
    <n v="281.02"/>
  </r>
  <r>
    <d v="2016-08-23T00:00:00"/>
    <x v="7"/>
    <x v="2"/>
    <x v="359"/>
    <x v="20"/>
    <x v="0"/>
    <x v="4"/>
    <s v="Newell 331"/>
    <n v="29.34"/>
    <n v="6"/>
    <n v="7.92"/>
  </r>
  <r>
    <d v="2016-08-23T00:00:00"/>
    <x v="7"/>
    <x v="2"/>
    <x v="338"/>
    <x v="21"/>
    <x v="0"/>
    <x v="1"/>
    <s v="Permanent Self-Adhesive File Folder Labels for Typewriters, 1 1/8 x 3 1/2, White"/>
    <n v="25.2"/>
    <n v="4"/>
    <n v="11.59"/>
  </r>
  <r>
    <d v="2016-08-23T00:00:00"/>
    <x v="7"/>
    <x v="2"/>
    <x v="338"/>
    <x v="21"/>
    <x v="0"/>
    <x v="1"/>
    <s v="Avery 515"/>
    <n v="37.590000000000003"/>
    <n v="3"/>
    <n v="17.670000000000002"/>
  </r>
  <r>
    <d v="2016-08-23T00:00:00"/>
    <x v="7"/>
    <x v="2"/>
    <x v="338"/>
    <x v="21"/>
    <x v="0"/>
    <x v="2"/>
    <s v="Pizazz Global Quick File"/>
    <n v="14.97"/>
    <n v="1"/>
    <n v="4.1900000000000004"/>
  </r>
  <r>
    <d v="2016-08-23T00:00:00"/>
    <x v="7"/>
    <x v="2"/>
    <x v="338"/>
    <x v="21"/>
    <x v="2"/>
    <x v="9"/>
    <s v="Maxell 4.7GB DVD+R 5/Pack"/>
    <n v="1.98"/>
    <n v="2"/>
    <n v="0.89"/>
  </r>
  <r>
    <d v="2016-08-26T00:00:00"/>
    <x v="7"/>
    <x v="2"/>
    <x v="334"/>
    <x v="3"/>
    <x v="0"/>
    <x v="7"/>
    <s v="Advantus SlideClip Paper Clips"/>
    <n v="10.23"/>
    <n v="3"/>
    <n v="4.91"/>
  </r>
  <r>
    <d v="2016-08-26T00:00:00"/>
    <x v="7"/>
    <x v="2"/>
    <x v="334"/>
    <x v="3"/>
    <x v="0"/>
    <x v="0"/>
    <s v="Xerox 1979"/>
    <n v="154.9"/>
    <n v="5"/>
    <n v="69.709999999999994"/>
  </r>
  <r>
    <d v="2016-08-26T00:00:00"/>
    <x v="7"/>
    <x v="2"/>
    <x v="49"/>
    <x v="0"/>
    <x v="2"/>
    <x v="9"/>
    <s v="Logitech G700s Rechargeable Gaming Mouse"/>
    <n v="159.97999999999999"/>
    <n v="2"/>
    <n v="44"/>
  </r>
  <r>
    <d v="2016-08-26T00:00:00"/>
    <x v="7"/>
    <x v="2"/>
    <x v="49"/>
    <x v="0"/>
    <x v="1"/>
    <x v="5"/>
    <s v="Hon Deluxe Fabric Upholstered Stacking Chairs"/>
    <n v="1024.72"/>
    <n v="6"/>
    <n v="-29.28"/>
  </r>
  <r>
    <d v="2016-08-26T00:00:00"/>
    <x v="7"/>
    <x v="2"/>
    <x v="309"/>
    <x v="22"/>
    <x v="0"/>
    <x v="0"/>
    <s v="Xerox 1931"/>
    <n v="6.48"/>
    <n v="1"/>
    <n v="3.11"/>
  </r>
  <r>
    <d v="2016-08-26T00:00:00"/>
    <x v="7"/>
    <x v="2"/>
    <x v="351"/>
    <x v="3"/>
    <x v="1"/>
    <x v="5"/>
    <s v="Global Troy Executive Leather Low-Back Tilter"/>
    <n v="1603.14"/>
    <n v="4"/>
    <n v="100.2"/>
  </r>
  <r>
    <d v="2016-08-26T00:00:00"/>
    <x v="7"/>
    <x v="2"/>
    <x v="422"/>
    <x v="2"/>
    <x v="0"/>
    <x v="4"/>
    <s v="Binney &amp; Smith inkTank Erasable Pocket Highlighter, Chisel Tip, Yellow"/>
    <n v="5.47"/>
    <n v="3"/>
    <n v="1.64"/>
  </r>
  <r>
    <d v="2016-08-26T00:00:00"/>
    <x v="7"/>
    <x v="2"/>
    <x v="422"/>
    <x v="2"/>
    <x v="2"/>
    <x v="9"/>
    <s v="Logitech Trackman Marble Mouse"/>
    <n v="47.98"/>
    <n v="2"/>
    <n v="13.2"/>
  </r>
  <r>
    <d v="2016-08-26T00:00:00"/>
    <x v="7"/>
    <x v="2"/>
    <x v="324"/>
    <x v="3"/>
    <x v="0"/>
    <x v="4"/>
    <s v="Newell Chalk Holder"/>
    <n v="8.26"/>
    <n v="2"/>
    <n v="3.8"/>
  </r>
  <r>
    <d v="2016-08-26T00:00:00"/>
    <x v="7"/>
    <x v="2"/>
    <x v="696"/>
    <x v="20"/>
    <x v="2"/>
    <x v="6"/>
    <s v="Samsung Replacement EH64AVFWE Premium Headset"/>
    <n v="33"/>
    <n v="6"/>
    <n v="8.25"/>
  </r>
  <r>
    <d v="2016-08-26T00:00:00"/>
    <x v="7"/>
    <x v="2"/>
    <x v="696"/>
    <x v="20"/>
    <x v="2"/>
    <x v="9"/>
    <s v="Plantronics Audio 478 Stereo USB Headset"/>
    <n v="249.95"/>
    <n v="5"/>
    <n v="87.48"/>
  </r>
  <r>
    <d v="2016-08-26T00:00:00"/>
    <x v="7"/>
    <x v="2"/>
    <x v="301"/>
    <x v="21"/>
    <x v="2"/>
    <x v="9"/>
    <s v="Memorex Micro Travel Drive 16 GB"/>
    <n v="47.97"/>
    <n v="3"/>
    <n v="14.87"/>
  </r>
  <r>
    <d v="2016-08-26T00:00:00"/>
    <x v="7"/>
    <x v="2"/>
    <x v="182"/>
    <x v="14"/>
    <x v="0"/>
    <x v="0"/>
    <s v="Xerox 1950"/>
    <n v="11.56"/>
    <n v="2"/>
    <n v="5.66"/>
  </r>
  <r>
    <d v="2016-08-26T00:00:00"/>
    <x v="7"/>
    <x v="2"/>
    <x v="182"/>
    <x v="14"/>
    <x v="2"/>
    <x v="6"/>
    <s v="ClearSounds CSC500 Amplified Spirit Phone Corded phone"/>
    <n v="209.97"/>
    <n v="3"/>
    <n v="58.79"/>
  </r>
  <r>
    <d v="2016-08-26T00:00:00"/>
    <x v="7"/>
    <x v="2"/>
    <x v="182"/>
    <x v="14"/>
    <x v="1"/>
    <x v="13"/>
    <s v="Hon 4060 Series Tables"/>
    <n v="447.84"/>
    <n v="4"/>
    <n v="98.52"/>
  </r>
  <r>
    <d v="2016-08-26T00:00:00"/>
    <x v="7"/>
    <x v="2"/>
    <x v="182"/>
    <x v="14"/>
    <x v="2"/>
    <x v="9"/>
    <s v="NETGEAR AC1750 Dual Band GigabitÂ Smart WiFi Router"/>
    <n v="479.97"/>
    <n v="3"/>
    <n v="163.19"/>
  </r>
  <r>
    <d v="2016-08-26T00:00:00"/>
    <x v="7"/>
    <x v="2"/>
    <x v="182"/>
    <x v="14"/>
    <x v="0"/>
    <x v="4"/>
    <s v="Newell 335"/>
    <n v="8.64"/>
    <n v="3"/>
    <n v="2.5099999999999998"/>
  </r>
  <r>
    <d v="2016-08-26T00:00:00"/>
    <x v="7"/>
    <x v="2"/>
    <x v="21"/>
    <x v="4"/>
    <x v="1"/>
    <x v="8"/>
    <s v="Deflect-o Glass Clear Studded Chair Mats"/>
    <n v="186.54"/>
    <n v="3"/>
    <n v="41.04"/>
  </r>
  <r>
    <d v="2016-08-26T00:00:00"/>
    <x v="7"/>
    <x v="2"/>
    <x v="687"/>
    <x v="20"/>
    <x v="0"/>
    <x v="3"/>
    <s v="Deluxe Heavy-Duty Vinyl Round Ring Binder"/>
    <n v="146.69"/>
    <n v="8"/>
    <n v="45.84"/>
  </r>
  <r>
    <d v="2016-08-26T00:00:00"/>
    <x v="7"/>
    <x v="2"/>
    <x v="642"/>
    <x v="16"/>
    <x v="0"/>
    <x v="0"/>
    <s v="Xerox 1944"/>
    <n v="31.01"/>
    <n v="1"/>
    <n v="11.24"/>
  </r>
  <r>
    <d v="2016-08-27T00:00:00"/>
    <x v="7"/>
    <x v="2"/>
    <x v="567"/>
    <x v="0"/>
    <x v="0"/>
    <x v="14"/>
    <s v="Martin-Yale Premier Letter Opener"/>
    <n v="51.52"/>
    <n v="5"/>
    <n v="-10.95"/>
  </r>
  <r>
    <d v="2016-08-27T00:00:00"/>
    <x v="7"/>
    <x v="2"/>
    <x v="567"/>
    <x v="0"/>
    <x v="0"/>
    <x v="0"/>
    <s v="Ampad Gold Fibre Wirebound Steno Books, 6&quot; x 9&quot;, Gregg Ruled"/>
    <n v="3.53"/>
    <n v="1"/>
    <n v="1.1499999999999999"/>
  </r>
  <r>
    <d v="2016-08-27T00:00:00"/>
    <x v="7"/>
    <x v="2"/>
    <x v="567"/>
    <x v="0"/>
    <x v="0"/>
    <x v="0"/>
    <s v="Xerox 196"/>
    <n v="4.62"/>
    <n v="1"/>
    <n v="1.68"/>
  </r>
  <r>
    <d v="2016-08-27T00:00:00"/>
    <x v="7"/>
    <x v="2"/>
    <x v="567"/>
    <x v="0"/>
    <x v="0"/>
    <x v="14"/>
    <s v="Fiskars 8&quot; Scissors, 2/Pack"/>
    <n v="55.17"/>
    <n v="4"/>
    <n v="6.21"/>
  </r>
  <r>
    <d v="2016-08-27T00:00:00"/>
    <x v="7"/>
    <x v="2"/>
    <x v="764"/>
    <x v="32"/>
    <x v="0"/>
    <x v="0"/>
    <s v="Xerox 1919"/>
    <n v="122.97"/>
    <n v="3"/>
    <n v="60.26"/>
  </r>
  <r>
    <d v="2016-08-27T00:00:00"/>
    <x v="7"/>
    <x v="2"/>
    <x v="764"/>
    <x v="32"/>
    <x v="1"/>
    <x v="13"/>
    <s v="SAFCO PlanMaster Heigh-Adjustable Drafting Table Base, 43w x 30d x 30-37h, Black"/>
    <n v="244.62"/>
    <n v="1"/>
    <n v="20.97"/>
  </r>
  <r>
    <d v="2016-08-27T00:00:00"/>
    <x v="7"/>
    <x v="2"/>
    <x v="764"/>
    <x v="32"/>
    <x v="2"/>
    <x v="6"/>
    <s v="PureGear Roll-On Screen Protector"/>
    <n v="59.97"/>
    <n v="3"/>
    <n v="28.79"/>
  </r>
  <r>
    <d v="2016-08-27T00:00:00"/>
    <x v="7"/>
    <x v="2"/>
    <x v="764"/>
    <x v="32"/>
    <x v="0"/>
    <x v="0"/>
    <s v="Southworth 25% Cotton Linen-Finish Paper &amp; Envelopes"/>
    <n v="81.540000000000006"/>
    <n v="9"/>
    <n v="36.69"/>
  </r>
  <r>
    <d v="2016-08-27T00:00:00"/>
    <x v="7"/>
    <x v="2"/>
    <x v="764"/>
    <x v="32"/>
    <x v="0"/>
    <x v="7"/>
    <s v="Staples"/>
    <n v="11.68"/>
    <n v="4"/>
    <n v="5.26"/>
  </r>
  <r>
    <d v="2016-08-27T00:00:00"/>
    <x v="7"/>
    <x v="2"/>
    <x v="764"/>
    <x v="32"/>
    <x v="0"/>
    <x v="3"/>
    <s v="Wilson Jones Clip &amp; Carry Folder Binder Tool for Ring Binders, Clear"/>
    <n v="29"/>
    <n v="5"/>
    <n v="13.92"/>
  </r>
  <r>
    <d v="2016-08-27T00:00:00"/>
    <x v="7"/>
    <x v="2"/>
    <x v="735"/>
    <x v="0"/>
    <x v="0"/>
    <x v="2"/>
    <s v="Portfile Personal File Boxes"/>
    <n v="14.16"/>
    <n v="1"/>
    <n v="1.06"/>
  </r>
  <r>
    <d v="2016-08-27T00:00:00"/>
    <x v="7"/>
    <x v="2"/>
    <x v="735"/>
    <x v="0"/>
    <x v="0"/>
    <x v="0"/>
    <s v="Southworth 25% Cotton Premium Laser Paper and Envelopes"/>
    <n v="79.92"/>
    <n v="5"/>
    <n v="27.97"/>
  </r>
  <r>
    <d v="2016-08-27T00:00:00"/>
    <x v="7"/>
    <x v="2"/>
    <x v="551"/>
    <x v="16"/>
    <x v="0"/>
    <x v="1"/>
    <s v="Avery 484"/>
    <n v="9.2200000000000006"/>
    <n v="4"/>
    <n v="3.34"/>
  </r>
  <r>
    <d v="2016-08-28T00:00:00"/>
    <x v="7"/>
    <x v="2"/>
    <x v="330"/>
    <x v="26"/>
    <x v="0"/>
    <x v="0"/>
    <s v="Wirebound Four 2-3/4 x 5 Forms per Page, 400 Sets per Book"/>
    <n v="15.48"/>
    <n v="3"/>
    <n v="5.61"/>
  </r>
  <r>
    <d v="2016-08-28T00:00:00"/>
    <x v="7"/>
    <x v="2"/>
    <x v="330"/>
    <x v="26"/>
    <x v="2"/>
    <x v="6"/>
    <s v="AT&amp;T 17929 Lendline Telephone"/>
    <n v="108.58"/>
    <n v="3"/>
    <n v="8.14"/>
  </r>
  <r>
    <d v="2016-08-28T00:00:00"/>
    <x v="7"/>
    <x v="2"/>
    <x v="717"/>
    <x v="0"/>
    <x v="0"/>
    <x v="3"/>
    <s v="Angle-D Binders with Locking Rings, Label Holders"/>
    <n v="13.14"/>
    <n v="9"/>
    <n v="-21.68"/>
  </r>
  <r>
    <d v="2016-08-28T00:00:00"/>
    <x v="7"/>
    <x v="2"/>
    <x v="717"/>
    <x v="0"/>
    <x v="0"/>
    <x v="3"/>
    <s v="GBC ProClick Spines for 32-Hole Punch"/>
    <n v="10.02"/>
    <n v="4"/>
    <n v="-16.54"/>
  </r>
  <r>
    <d v="2016-08-28T00:00:00"/>
    <x v="7"/>
    <x v="2"/>
    <x v="717"/>
    <x v="0"/>
    <x v="1"/>
    <x v="11"/>
    <s v="Sauder Camden County Collection Libraries, Planked Cherry Finish"/>
    <n v="156.37"/>
    <n v="2"/>
    <n v="-52.89"/>
  </r>
  <r>
    <d v="2016-08-28T00:00:00"/>
    <x v="7"/>
    <x v="2"/>
    <x v="615"/>
    <x v="10"/>
    <x v="0"/>
    <x v="3"/>
    <s v="GBC VeloBinder Strips"/>
    <n v="18.43"/>
    <n v="8"/>
    <n v="-12.29"/>
  </r>
  <r>
    <d v="2016-08-29T00:00:00"/>
    <x v="7"/>
    <x v="2"/>
    <x v="81"/>
    <x v="1"/>
    <x v="0"/>
    <x v="0"/>
    <s v="Avery Personal Creations Heavyweight Cards"/>
    <n v="64.62"/>
    <n v="7"/>
    <n v="22.62"/>
  </r>
  <r>
    <d v="2016-08-29T00:00:00"/>
    <x v="7"/>
    <x v="2"/>
    <x v="81"/>
    <x v="1"/>
    <x v="2"/>
    <x v="9"/>
    <s v="SanDisk Ultra 64 GB MicroSDHC Class 10 Memory Card"/>
    <n v="95.98"/>
    <n v="3"/>
    <n v="-10.8"/>
  </r>
  <r>
    <d v="2016-08-29T00:00:00"/>
    <x v="7"/>
    <x v="2"/>
    <x v="81"/>
    <x v="1"/>
    <x v="0"/>
    <x v="3"/>
    <s v="Avery Hidden Tab Dividers for Binding Systems"/>
    <n v="1.79"/>
    <n v="3"/>
    <n v="-3.04"/>
  </r>
  <r>
    <d v="2016-08-29T00:00:00"/>
    <x v="7"/>
    <x v="2"/>
    <x v="692"/>
    <x v="38"/>
    <x v="0"/>
    <x v="14"/>
    <s v="Acme Forged Steel Scissors with Black Enamel Handles"/>
    <n v="27.93"/>
    <n v="3"/>
    <n v="8.1"/>
  </r>
  <r>
    <d v="2016-08-29T00:00:00"/>
    <x v="7"/>
    <x v="2"/>
    <x v="690"/>
    <x v="20"/>
    <x v="2"/>
    <x v="6"/>
    <s v="Samsung Replacement EH64AVFWE Premium Headset"/>
    <n v="22"/>
    <n v="4"/>
    <n v="5.5"/>
  </r>
  <r>
    <d v="2016-08-29T00:00:00"/>
    <x v="7"/>
    <x v="2"/>
    <x v="169"/>
    <x v="2"/>
    <x v="1"/>
    <x v="13"/>
    <s v="Barricks 18&quot; x 48&quot; Non-Folding Utility Table with Bottom Storage Shelf"/>
    <n v="241.92"/>
    <n v="4"/>
    <n v="-56.45"/>
  </r>
  <r>
    <d v="2016-08-29T00:00:00"/>
    <x v="7"/>
    <x v="2"/>
    <x v="169"/>
    <x v="2"/>
    <x v="1"/>
    <x v="11"/>
    <s v="O'Sullivan 5-Shelf Heavy-Duty Bookcases"/>
    <n v="163.88"/>
    <n v="4"/>
    <n v="-81.94"/>
  </r>
  <r>
    <d v="2016-08-29T00:00:00"/>
    <x v="7"/>
    <x v="2"/>
    <x v="169"/>
    <x v="2"/>
    <x v="0"/>
    <x v="3"/>
    <s v="Fellowes Black Plastic Comb Bindings"/>
    <n v="3.49"/>
    <n v="2"/>
    <n v="-2.79"/>
  </r>
  <r>
    <d v="2016-08-29T00:00:00"/>
    <x v="7"/>
    <x v="2"/>
    <x v="169"/>
    <x v="2"/>
    <x v="0"/>
    <x v="7"/>
    <s v="Revere Boxed Rubber Bands by Revere"/>
    <n v="10.58"/>
    <n v="7"/>
    <n v="-2.38"/>
  </r>
  <r>
    <d v="2016-08-30T00:00:00"/>
    <x v="7"/>
    <x v="2"/>
    <x v="487"/>
    <x v="2"/>
    <x v="2"/>
    <x v="6"/>
    <s v="Aastra 57i VoIP phone"/>
    <n v="290.89999999999998"/>
    <n v="3"/>
    <n v="-67.88"/>
  </r>
  <r>
    <d v="2016-08-30T00:00:00"/>
    <x v="7"/>
    <x v="2"/>
    <x v="487"/>
    <x v="2"/>
    <x v="0"/>
    <x v="2"/>
    <s v="File Shuttle II and Handi-File, Black"/>
    <n v="54.22"/>
    <n v="2"/>
    <n v="3.39"/>
  </r>
  <r>
    <d v="2016-08-30T00:00:00"/>
    <x v="7"/>
    <x v="2"/>
    <x v="487"/>
    <x v="2"/>
    <x v="1"/>
    <x v="5"/>
    <s v="Hon 2090 Â“Pillow SoftÂ” Series Mid Back Swivel/Tilt Chairs"/>
    <n v="786.74"/>
    <n v="4"/>
    <n v="-258.5"/>
  </r>
  <r>
    <d v="2016-08-30T00:00:00"/>
    <x v="7"/>
    <x v="2"/>
    <x v="487"/>
    <x v="2"/>
    <x v="0"/>
    <x v="1"/>
    <s v="Round Specialty Laser Printer Labels"/>
    <n v="100.24"/>
    <n v="10"/>
    <n v="33.83"/>
  </r>
  <r>
    <d v="2016-08-30T00:00:00"/>
    <x v="7"/>
    <x v="2"/>
    <x v="487"/>
    <x v="2"/>
    <x v="0"/>
    <x v="3"/>
    <s v="GBC Premium Transparent Covers with Diagonal Lined Pattern"/>
    <n v="37.76"/>
    <n v="6"/>
    <n v="-27.69"/>
  </r>
  <r>
    <d v="2016-08-30T00:00:00"/>
    <x v="7"/>
    <x v="2"/>
    <x v="100"/>
    <x v="3"/>
    <x v="1"/>
    <x v="8"/>
    <s v="Executive Impressions 10&quot; Spectator Wall Clock"/>
    <n v="47.04"/>
    <n v="4"/>
    <n v="15.99"/>
  </r>
  <r>
    <d v="2016-08-30T00:00:00"/>
    <x v="7"/>
    <x v="2"/>
    <x v="100"/>
    <x v="3"/>
    <x v="2"/>
    <x v="6"/>
    <s v="Panasonic KX TS3282W Corded phone"/>
    <n v="339.96"/>
    <n v="5"/>
    <n v="42.5"/>
  </r>
  <r>
    <d v="2016-08-31T00:00:00"/>
    <x v="7"/>
    <x v="2"/>
    <x v="633"/>
    <x v="0"/>
    <x v="0"/>
    <x v="2"/>
    <s v="Super Decoflex Portable Personal File"/>
    <n v="23.97"/>
    <n v="2"/>
    <n v="2.4"/>
  </r>
  <r>
    <d v="2016-09-01T00:00:00"/>
    <x v="8"/>
    <x v="2"/>
    <x v="692"/>
    <x v="20"/>
    <x v="2"/>
    <x v="9"/>
    <s v="Sabrent 4-Port USB 2.0 Hub"/>
    <n v="6.79"/>
    <n v="1"/>
    <n v="2.31"/>
  </r>
  <r>
    <d v="2016-09-01T00:00:00"/>
    <x v="8"/>
    <x v="2"/>
    <x v="692"/>
    <x v="20"/>
    <x v="0"/>
    <x v="0"/>
    <s v="Xerox 1881"/>
    <n v="24.56"/>
    <n v="2"/>
    <n v="11.54"/>
  </r>
  <r>
    <d v="2016-09-01T00:00:00"/>
    <x v="8"/>
    <x v="2"/>
    <x v="692"/>
    <x v="20"/>
    <x v="0"/>
    <x v="3"/>
    <s v="Acco Hanging Data Binders"/>
    <n v="3.05"/>
    <n v="1"/>
    <n v="1.07"/>
  </r>
  <r>
    <d v="2016-09-01T00:00:00"/>
    <x v="8"/>
    <x v="2"/>
    <x v="692"/>
    <x v="20"/>
    <x v="0"/>
    <x v="0"/>
    <s v="Xerox 1881"/>
    <n v="49.12"/>
    <n v="4"/>
    <n v="23.09"/>
  </r>
  <r>
    <d v="2016-09-01T00:00:00"/>
    <x v="8"/>
    <x v="2"/>
    <x v="692"/>
    <x v="20"/>
    <x v="0"/>
    <x v="3"/>
    <s v="GBC DocuBind P400 Electric Binding System"/>
    <n v="4355.17"/>
    <n v="4"/>
    <n v="1415.43"/>
  </r>
  <r>
    <d v="2016-09-01T00:00:00"/>
    <x v="8"/>
    <x v="2"/>
    <x v="755"/>
    <x v="3"/>
    <x v="0"/>
    <x v="10"/>
    <s v="White Business Envelopes with Contemporary Seam, Recycled White Business Envelopes"/>
    <n v="21.88"/>
    <n v="2"/>
    <n v="10.94"/>
  </r>
  <r>
    <d v="2016-09-01T00:00:00"/>
    <x v="8"/>
    <x v="2"/>
    <x v="78"/>
    <x v="2"/>
    <x v="0"/>
    <x v="0"/>
    <s v="Telephone Message Books with Fax/Mobile Section, 5 1/2&quot; x 3 3/16&quot;"/>
    <n v="30.48"/>
    <n v="6"/>
    <n v="9.91"/>
  </r>
  <r>
    <d v="2016-09-01T00:00:00"/>
    <x v="8"/>
    <x v="2"/>
    <x v="78"/>
    <x v="2"/>
    <x v="2"/>
    <x v="6"/>
    <s v="Anker 36W 4-Port USB Wall Charger Travel Power Adapter for iPhone 5s 5c 5"/>
    <n v="23.99"/>
    <n v="2"/>
    <n v="-4.8"/>
  </r>
  <r>
    <d v="2016-09-01T00:00:00"/>
    <x v="8"/>
    <x v="2"/>
    <x v="78"/>
    <x v="2"/>
    <x v="0"/>
    <x v="7"/>
    <s v="Staples"/>
    <n v="16.690000000000001"/>
    <n v="7"/>
    <n v="5.42"/>
  </r>
  <r>
    <d v="2016-09-01T00:00:00"/>
    <x v="8"/>
    <x v="2"/>
    <x v="190"/>
    <x v="20"/>
    <x v="2"/>
    <x v="9"/>
    <s v="Enermax Aurora Lite Keyboard"/>
    <n v="468.9"/>
    <n v="6"/>
    <n v="206.32"/>
  </r>
  <r>
    <d v="2016-09-01T00:00:00"/>
    <x v="8"/>
    <x v="2"/>
    <x v="190"/>
    <x v="20"/>
    <x v="2"/>
    <x v="9"/>
    <s v="Memorex Mini Travel Drive 64 GB USB 2.0 Flash Drive"/>
    <n v="72.48"/>
    <n v="2"/>
    <n v="30.44"/>
  </r>
  <r>
    <d v="2016-09-01T00:00:00"/>
    <x v="8"/>
    <x v="2"/>
    <x v="190"/>
    <x v="20"/>
    <x v="0"/>
    <x v="14"/>
    <s v="Acme Value Line Scissors"/>
    <n v="10.95"/>
    <n v="3"/>
    <n v="3.29"/>
  </r>
  <r>
    <d v="2016-09-01T00:00:00"/>
    <x v="8"/>
    <x v="2"/>
    <x v="190"/>
    <x v="20"/>
    <x v="1"/>
    <x v="8"/>
    <s v="Howard Miller 14-1/2&quot; Diameter Chrome Round Wall Clock"/>
    <n v="191.82"/>
    <n v="3"/>
    <n v="61.38"/>
  </r>
  <r>
    <d v="2016-09-01T00:00:00"/>
    <x v="8"/>
    <x v="2"/>
    <x v="409"/>
    <x v="14"/>
    <x v="0"/>
    <x v="3"/>
    <s v="Wilson Jones Turn Tabs Binder Tool for Ring Binders"/>
    <n v="24.1"/>
    <n v="5"/>
    <n v="11.09"/>
  </r>
  <r>
    <d v="2016-09-01T00:00:00"/>
    <x v="8"/>
    <x v="2"/>
    <x v="409"/>
    <x v="14"/>
    <x v="2"/>
    <x v="6"/>
    <s v="Belkin Grip Candy Sheer Case / Cover for iPhone 5 and 5S"/>
    <n v="8.7799999999999994"/>
    <n v="1"/>
    <n v="2.2799999999999998"/>
  </r>
  <r>
    <d v="2016-09-01T00:00:00"/>
    <x v="8"/>
    <x v="2"/>
    <x v="409"/>
    <x v="14"/>
    <x v="0"/>
    <x v="12"/>
    <s v="Eureka The Boss Plus 12-Amp Hard Box Upright Vacuum, Red"/>
    <n v="376.74"/>
    <n v="4"/>
    <n v="71.16"/>
  </r>
  <r>
    <d v="2016-09-01T00:00:00"/>
    <x v="8"/>
    <x v="2"/>
    <x v="409"/>
    <x v="14"/>
    <x v="0"/>
    <x v="3"/>
    <s v="GBC Plastic Binding Combs"/>
    <n v="29.52"/>
    <n v="4"/>
    <n v="14.46"/>
  </r>
  <r>
    <d v="2016-09-01T00:00:00"/>
    <x v="8"/>
    <x v="2"/>
    <x v="409"/>
    <x v="14"/>
    <x v="0"/>
    <x v="4"/>
    <s v="Newell 315"/>
    <n v="11.96"/>
    <n v="2"/>
    <n v="2.99"/>
  </r>
  <r>
    <d v="2016-09-01T00:00:00"/>
    <x v="8"/>
    <x v="2"/>
    <x v="409"/>
    <x v="14"/>
    <x v="0"/>
    <x v="3"/>
    <s v="Wilson Jones 1&quot; Hanging DublLock Ring Binders"/>
    <n v="26.4"/>
    <n v="5"/>
    <n v="12.67"/>
  </r>
  <r>
    <d v="2016-09-01T00:00:00"/>
    <x v="8"/>
    <x v="2"/>
    <x v="162"/>
    <x v="3"/>
    <x v="0"/>
    <x v="10"/>
    <s v="Globe Weis Peel &amp; Seel First Class Envelopes"/>
    <n v="12.78"/>
    <n v="1"/>
    <n v="5.75"/>
  </r>
  <r>
    <d v="2016-09-02T00:00:00"/>
    <x v="8"/>
    <x v="2"/>
    <x v="502"/>
    <x v="20"/>
    <x v="0"/>
    <x v="4"/>
    <s v="Panasonic KP-150 Electric Pencil Sharpener"/>
    <n v="75.48"/>
    <n v="2"/>
    <n v="19.62"/>
  </r>
  <r>
    <d v="2016-09-02T00:00:00"/>
    <x v="8"/>
    <x v="2"/>
    <x v="502"/>
    <x v="20"/>
    <x v="1"/>
    <x v="8"/>
    <s v="Telescoping Adjustable Floor Lamp"/>
    <n v="39.979999999999997"/>
    <n v="2"/>
    <n v="10"/>
  </r>
  <r>
    <d v="2016-09-02T00:00:00"/>
    <x v="8"/>
    <x v="2"/>
    <x v="331"/>
    <x v="21"/>
    <x v="0"/>
    <x v="7"/>
    <s v="Colored Push Pins"/>
    <n v="1.81"/>
    <n v="1"/>
    <n v="0.65"/>
  </r>
  <r>
    <d v="2016-09-02T00:00:00"/>
    <x v="8"/>
    <x v="2"/>
    <x v="331"/>
    <x v="21"/>
    <x v="0"/>
    <x v="3"/>
    <s v="ACCOHIDE 3-Ring Binder, Blue, 1&quot;"/>
    <n v="8.26"/>
    <n v="2"/>
    <n v="3.88"/>
  </r>
  <r>
    <d v="2016-09-02T00:00:00"/>
    <x v="8"/>
    <x v="2"/>
    <x v="381"/>
    <x v="3"/>
    <x v="0"/>
    <x v="2"/>
    <s v="Tenex File Box, Personal Filing Tote with Lid, Black"/>
    <n v="46.53"/>
    <n v="3"/>
    <n v="12.1"/>
  </r>
  <r>
    <d v="2016-09-02T00:00:00"/>
    <x v="8"/>
    <x v="2"/>
    <x v="556"/>
    <x v="1"/>
    <x v="0"/>
    <x v="1"/>
    <s v="Self-Adhesive Address Labels for Typewriters by Universal"/>
    <n v="29.24"/>
    <n v="5"/>
    <n v="9.8699999999999992"/>
  </r>
  <r>
    <d v="2016-09-02T00:00:00"/>
    <x v="8"/>
    <x v="2"/>
    <x v="556"/>
    <x v="1"/>
    <x v="0"/>
    <x v="2"/>
    <s v="Rogers Deluxe File Chest"/>
    <n v="35.17"/>
    <n v="2"/>
    <n v="-8.35"/>
  </r>
  <r>
    <d v="2016-09-02T00:00:00"/>
    <x v="8"/>
    <x v="2"/>
    <x v="556"/>
    <x v="1"/>
    <x v="2"/>
    <x v="15"/>
    <s v="Okidata C610n Printer"/>
    <n v="1362.9"/>
    <n v="3"/>
    <n v="-19.47"/>
  </r>
  <r>
    <d v="2016-09-02T00:00:00"/>
    <x v="8"/>
    <x v="2"/>
    <x v="398"/>
    <x v="1"/>
    <x v="1"/>
    <x v="8"/>
    <s v="Deflect-o DuraMat Antistatic Studded Beveled Mat for Medium Pile Carpeting"/>
    <n v="84.27"/>
    <n v="2"/>
    <n v="-75.84"/>
  </r>
  <r>
    <d v="2016-09-02T00:00:00"/>
    <x v="8"/>
    <x v="2"/>
    <x v="364"/>
    <x v="25"/>
    <x v="0"/>
    <x v="3"/>
    <s v="Heavy-Duty E-Z-D Binders"/>
    <n v="22.91"/>
    <n v="7"/>
    <n v="-17.57"/>
  </r>
  <r>
    <d v="2016-09-02T00:00:00"/>
    <x v="8"/>
    <x v="2"/>
    <x v="364"/>
    <x v="25"/>
    <x v="0"/>
    <x v="12"/>
    <s v="Belkin F9M820V08 8 Outlet Surge"/>
    <n v="309.45999999999998"/>
    <n v="9"/>
    <n v="34.81"/>
  </r>
  <r>
    <d v="2016-09-02T00:00:00"/>
    <x v="8"/>
    <x v="2"/>
    <x v="364"/>
    <x v="25"/>
    <x v="0"/>
    <x v="4"/>
    <s v="Zebra Zazzle Fluorescent Highlighters"/>
    <n v="19.46"/>
    <n v="4"/>
    <n v="3.4"/>
  </r>
  <r>
    <d v="2016-09-02T00:00:00"/>
    <x v="8"/>
    <x v="2"/>
    <x v="364"/>
    <x v="25"/>
    <x v="1"/>
    <x v="13"/>
    <s v="Hon Racetrack Conference Tables"/>
    <n v="472.52"/>
    <n v="3"/>
    <n v="-149.63"/>
  </r>
  <r>
    <d v="2016-09-02T00:00:00"/>
    <x v="8"/>
    <x v="2"/>
    <x v="364"/>
    <x v="25"/>
    <x v="2"/>
    <x v="9"/>
    <s v="Plantronics Savi W720 Multi-Device Wireless Headset System"/>
    <n v="1012.68"/>
    <n v="3"/>
    <n v="303.8"/>
  </r>
  <r>
    <d v="2016-09-02T00:00:00"/>
    <x v="8"/>
    <x v="2"/>
    <x v="364"/>
    <x v="25"/>
    <x v="0"/>
    <x v="3"/>
    <s v="GBC Plasticlear Binding Covers"/>
    <n v="17.22"/>
    <n v="5"/>
    <n v="-12.63"/>
  </r>
  <r>
    <d v="2016-09-02T00:00:00"/>
    <x v="8"/>
    <x v="2"/>
    <x v="614"/>
    <x v="22"/>
    <x v="2"/>
    <x v="16"/>
    <s v="Hewlett Packard 610 Color Digital Copier / Printer"/>
    <n v="999.98"/>
    <n v="2"/>
    <n v="449.99"/>
  </r>
  <r>
    <d v="2016-09-02T00:00:00"/>
    <x v="8"/>
    <x v="2"/>
    <x v="476"/>
    <x v="0"/>
    <x v="0"/>
    <x v="3"/>
    <s v="Acco PRESSTEX Data Binder with Storage Hooks, Dark Blue, 9 1/2&quot; X 11&quot;"/>
    <n v="8.61"/>
    <n v="8"/>
    <n v="-13.34"/>
  </r>
  <r>
    <d v="2016-09-02T00:00:00"/>
    <x v="8"/>
    <x v="2"/>
    <x v="476"/>
    <x v="0"/>
    <x v="2"/>
    <x v="9"/>
    <s v="LogitechÂ MX Performance Wireless Mouse"/>
    <n v="159.56"/>
    <n v="5"/>
    <n v="33.909999999999997"/>
  </r>
  <r>
    <d v="2016-09-02T00:00:00"/>
    <x v="8"/>
    <x v="2"/>
    <x v="383"/>
    <x v="22"/>
    <x v="1"/>
    <x v="5"/>
    <s v="Global Leather Task Chair, Black"/>
    <n v="215.98"/>
    <n v="3"/>
    <n v="-2.7"/>
  </r>
  <r>
    <d v="2016-09-02T00:00:00"/>
    <x v="8"/>
    <x v="2"/>
    <x v="383"/>
    <x v="22"/>
    <x v="0"/>
    <x v="10"/>
    <s v="Inter-Office Recycled Envelopes, Brown Kraft, Button-String,10&quot; x 13&quot; , 100/Box"/>
    <n v="65.94"/>
    <n v="3"/>
    <n v="30.99"/>
  </r>
  <r>
    <d v="2016-09-02T00:00:00"/>
    <x v="8"/>
    <x v="2"/>
    <x v="336"/>
    <x v="3"/>
    <x v="1"/>
    <x v="8"/>
    <s v="Ultra Door Pull Handle"/>
    <n v="94.68"/>
    <n v="9"/>
    <n v="31.24"/>
  </r>
  <r>
    <d v="2016-09-02T00:00:00"/>
    <x v="8"/>
    <x v="2"/>
    <x v="336"/>
    <x v="3"/>
    <x v="0"/>
    <x v="2"/>
    <s v="Akro Stacking Bins"/>
    <n v="23.67"/>
    <n v="3"/>
    <n v="0.95"/>
  </r>
  <r>
    <d v="2016-09-02T00:00:00"/>
    <x v="8"/>
    <x v="2"/>
    <x v="336"/>
    <x v="3"/>
    <x v="2"/>
    <x v="6"/>
    <s v="Cisco Unified IP Phone 7945G VoIP phone"/>
    <n v="1091.17"/>
    <n v="4"/>
    <n v="68.2"/>
  </r>
  <r>
    <d v="2016-09-02T00:00:00"/>
    <x v="8"/>
    <x v="2"/>
    <x v="336"/>
    <x v="3"/>
    <x v="0"/>
    <x v="4"/>
    <s v="Blackstonian Pencils"/>
    <n v="18.690000000000001"/>
    <n v="7"/>
    <n v="5.23"/>
  </r>
  <r>
    <d v="2016-09-02T00:00:00"/>
    <x v="8"/>
    <x v="2"/>
    <x v="336"/>
    <x v="3"/>
    <x v="1"/>
    <x v="13"/>
    <s v="Chromcraft Rectangular Conference Tables"/>
    <n v="568.73"/>
    <n v="3"/>
    <n v="28.44"/>
  </r>
  <r>
    <d v="2016-09-02T00:00:00"/>
    <x v="8"/>
    <x v="2"/>
    <x v="336"/>
    <x v="3"/>
    <x v="0"/>
    <x v="3"/>
    <s v="SpineVue Locking Slant-D Ring Binders by Cardinal"/>
    <n v="7.31"/>
    <n v="1"/>
    <n v="2.56"/>
  </r>
  <r>
    <d v="2016-09-03T00:00:00"/>
    <x v="8"/>
    <x v="2"/>
    <x v="125"/>
    <x v="2"/>
    <x v="0"/>
    <x v="3"/>
    <s v="GBC Ibimaster 500 Manual ProClick Binding System"/>
    <n v="1141.47"/>
    <n v="5"/>
    <n v="-760.98"/>
  </r>
  <r>
    <d v="2016-09-03T00:00:00"/>
    <x v="8"/>
    <x v="2"/>
    <x v="125"/>
    <x v="2"/>
    <x v="2"/>
    <x v="6"/>
    <s v="Cisco SPA301"/>
    <n v="280.77999999999997"/>
    <n v="3"/>
    <n v="-46.8"/>
  </r>
  <r>
    <d v="2016-09-03T00:00:00"/>
    <x v="8"/>
    <x v="2"/>
    <x v="488"/>
    <x v="1"/>
    <x v="1"/>
    <x v="8"/>
    <s v="Tenex &quot;The Solids&quot; Textured Chair Mats"/>
    <n v="83.95"/>
    <n v="3"/>
    <n v="-90.25"/>
  </r>
  <r>
    <d v="2016-09-03T00:00:00"/>
    <x v="8"/>
    <x v="2"/>
    <x v="246"/>
    <x v="1"/>
    <x v="0"/>
    <x v="3"/>
    <s v="XtraLife ClearVue Slant-D Ring Binder, White, 3&quot;"/>
    <n v="8.81"/>
    <n v="3"/>
    <n v="-14.97"/>
  </r>
  <r>
    <d v="2016-09-03T00:00:00"/>
    <x v="8"/>
    <x v="2"/>
    <x v="76"/>
    <x v="37"/>
    <x v="0"/>
    <x v="0"/>
    <s v="Adams Phone Message Book, 200 Message Capacity, 8 1/16Â” x 11Â”"/>
    <n v="48.16"/>
    <n v="7"/>
    <n v="22.15"/>
  </r>
  <r>
    <d v="2016-09-03T00:00:00"/>
    <x v="8"/>
    <x v="2"/>
    <x v="612"/>
    <x v="21"/>
    <x v="0"/>
    <x v="2"/>
    <s v="Crate-A-Files"/>
    <n v="54.5"/>
    <n v="5"/>
    <n v="14.17"/>
  </r>
  <r>
    <d v="2016-09-03T00:00:00"/>
    <x v="8"/>
    <x v="2"/>
    <x v="563"/>
    <x v="8"/>
    <x v="0"/>
    <x v="3"/>
    <s v="Heavy-Duty E-Z-D Binders"/>
    <n v="87.28"/>
    <n v="8"/>
    <n v="41.02"/>
  </r>
  <r>
    <d v="2016-09-03T00:00:00"/>
    <x v="8"/>
    <x v="2"/>
    <x v="221"/>
    <x v="36"/>
    <x v="1"/>
    <x v="11"/>
    <s v="Sauder Camden County Collection Libraries, Planked Cherry Finish"/>
    <n v="344.94"/>
    <n v="3"/>
    <n v="31.04"/>
  </r>
  <r>
    <d v="2016-09-03T00:00:00"/>
    <x v="8"/>
    <x v="2"/>
    <x v="221"/>
    <x v="36"/>
    <x v="1"/>
    <x v="8"/>
    <s v="Eldon Expressions Wood Desk Accessories, Oak"/>
    <n v="14.76"/>
    <n v="2"/>
    <n v="4.28"/>
  </r>
  <r>
    <d v="2016-09-03T00:00:00"/>
    <x v="8"/>
    <x v="2"/>
    <x v="221"/>
    <x v="36"/>
    <x v="0"/>
    <x v="3"/>
    <s v="Acco Expandable Hanging Binders"/>
    <n v="12.76"/>
    <n v="2"/>
    <n v="5.87"/>
  </r>
  <r>
    <d v="2016-09-03T00:00:00"/>
    <x v="8"/>
    <x v="2"/>
    <x v="221"/>
    <x v="36"/>
    <x v="0"/>
    <x v="1"/>
    <s v="Avery 486"/>
    <n v="58.48"/>
    <n v="8"/>
    <n v="27.49"/>
  </r>
  <r>
    <d v="2016-09-03T00:00:00"/>
    <x v="8"/>
    <x v="2"/>
    <x v="751"/>
    <x v="1"/>
    <x v="1"/>
    <x v="11"/>
    <s v="Safco Value Mate Steel Bookcase, Baked Enamel Finish on Steel, Black"/>
    <n v="198.74"/>
    <n v="4"/>
    <n v="0"/>
  </r>
  <r>
    <d v="2016-09-03T00:00:00"/>
    <x v="8"/>
    <x v="2"/>
    <x v="719"/>
    <x v="10"/>
    <x v="0"/>
    <x v="0"/>
    <s v="Wirebound Four 2-3/4 x 5 Forms per Page, 400 Sets per Book"/>
    <n v="30.96"/>
    <n v="6"/>
    <n v="11.22"/>
  </r>
  <r>
    <d v="2016-09-04T00:00:00"/>
    <x v="8"/>
    <x v="2"/>
    <x v="325"/>
    <x v="0"/>
    <x v="0"/>
    <x v="4"/>
    <s v="Faber Castell Col-Erase Pencils"/>
    <n v="3.91"/>
    <n v="1"/>
    <n v="1.03"/>
  </r>
  <r>
    <d v="2016-09-04T00:00:00"/>
    <x v="8"/>
    <x v="2"/>
    <x v="325"/>
    <x v="0"/>
    <x v="0"/>
    <x v="4"/>
    <s v="BOSTON Ranger #55 Pencil Sharpener, Black"/>
    <n v="62.38"/>
    <n v="3"/>
    <n v="7.02"/>
  </r>
  <r>
    <d v="2016-09-04T00:00:00"/>
    <x v="8"/>
    <x v="2"/>
    <x v="107"/>
    <x v="20"/>
    <x v="1"/>
    <x v="8"/>
    <s v="Howard Miller 16&quot; Diameter Gallery Wall Clock"/>
    <n v="63.94"/>
    <n v="1"/>
    <n v="24.94"/>
  </r>
  <r>
    <d v="2016-09-04T00:00:00"/>
    <x v="8"/>
    <x v="2"/>
    <x v="107"/>
    <x v="20"/>
    <x v="0"/>
    <x v="3"/>
    <s v="Plastic Binding Combs"/>
    <n v="60.6"/>
    <n v="5"/>
    <n v="20.45"/>
  </r>
  <r>
    <d v="2016-09-04T00:00:00"/>
    <x v="8"/>
    <x v="2"/>
    <x v="107"/>
    <x v="20"/>
    <x v="0"/>
    <x v="14"/>
    <s v="Acme Preferred Stainless Steel Scissors"/>
    <n v="22.72"/>
    <n v="4"/>
    <n v="6.59"/>
  </r>
  <r>
    <d v="2016-09-04T00:00:00"/>
    <x v="8"/>
    <x v="2"/>
    <x v="16"/>
    <x v="15"/>
    <x v="0"/>
    <x v="0"/>
    <s v="RSVP Cards &amp; Envelopes, Blank White, 8-1/2&quot; X 11&quot;, 24 Cards/25 Envelopes/Set"/>
    <n v="12.19"/>
    <n v="3"/>
    <n v="4.1100000000000003"/>
  </r>
  <r>
    <d v="2016-09-04T00:00:00"/>
    <x v="8"/>
    <x v="2"/>
    <x v="16"/>
    <x v="15"/>
    <x v="0"/>
    <x v="12"/>
    <s v="Belkin 5 Outlet SurgeMaster Power Centers"/>
    <n v="87.17"/>
    <n v="2"/>
    <n v="8.7200000000000006"/>
  </r>
  <r>
    <d v="2016-09-04T00:00:00"/>
    <x v="8"/>
    <x v="2"/>
    <x v="16"/>
    <x v="15"/>
    <x v="0"/>
    <x v="4"/>
    <s v="Prismacolor Color Pencil Set"/>
    <n v="31.74"/>
    <n v="2"/>
    <n v="8.33"/>
  </r>
  <r>
    <d v="2016-09-04T00:00:00"/>
    <x v="8"/>
    <x v="2"/>
    <x v="266"/>
    <x v="5"/>
    <x v="1"/>
    <x v="8"/>
    <s v="Coloredge Poster Frame"/>
    <n v="42.6"/>
    <n v="3"/>
    <n v="16.61"/>
  </r>
  <r>
    <d v="2016-09-04T00:00:00"/>
    <x v="8"/>
    <x v="2"/>
    <x v="266"/>
    <x v="5"/>
    <x v="0"/>
    <x v="3"/>
    <s v="Poly Designer Cover &amp; Back"/>
    <n v="113.94"/>
    <n v="6"/>
    <n v="54.69"/>
  </r>
  <r>
    <d v="2016-09-04T00:00:00"/>
    <x v="8"/>
    <x v="2"/>
    <x v="266"/>
    <x v="5"/>
    <x v="0"/>
    <x v="2"/>
    <s v="Fellowes Neat Ideas Storage Cubes"/>
    <n v="129.91999999999999"/>
    <n v="4"/>
    <n v="5.2"/>
  </r>
  <r>
    <d v="2016-09-04T00:00:00"/>
    <x v="8"/>
    <x v="2"/>
    <x v="266"/>
    <x v="5"/>
    <x v="0"/>
    <x v="4"/>
    <s v="Nontoxic Chalk"/>
    <n v="5.28"/>
    <n v="3"/>
    <n v="2.5299999999999998"/>
  </r>
  <r>
    <d v="2016-09-04T00:00:00"/>
    <x v="8"/>
    <x v="2"/>
    <x v="132"/>
    <x v="28"/>
    <x v="0"/>
    <x v="2"/>
    <s v="Hot File 7-Pocket, Floor Stand"/>
    <n v="535.41"/>
    <n v="3"/>
    <n v="160.62"/>
  </r>
  <r>
    <d v="2016-09-04T00:00:00"/>
    <x v="8"/>
    <x v="2"/>
    <x v="2"/>
    <x v="24"/>
    <x v="0"/>
    <x v="10"/>
    <s v="Staple envelope"/>
    <n v="16.559999999999999"/>
    <n v="2"/>
    <n v="7.78"/>
  </r>
  <r>
    <d v="2016-09-04T00:00:00"/>
    <x v="8"/>
    <x v="2"/>
    <x v="2"/>
    <x v="24"/>
    <x v="2"/>
    <x v="9"/>
    <s v="Sony Micro Vault Click 16 GB USB 2.0 Flash Drive"/>
    <n v="279.95"/>
    <n v="5"/>
    <n v="67.19"/>
  </r>
  <r>
    <d v="2016-09-04T00:00:00"/>
    <x v="8"/>
    <x v="2"/>
    <x v="355"/>
    <x v="13"/>
    <x v="0"/>
    <x v="0"/>
    <s v="Xerox 1886"/>
    <n v="239.5"/>
    <n v="5"/>
    <n v="114.96"/>
  </r>
  <r>
    <d v="2016-09-04T00:00:00"/>
    <x v="8"/>
    <x v="2"/>
    <x v="24"/>
    <x v="3"/>
    <x v="1"/>
    <x v="8"/>
    <s v="6&quot; Cubicle Wall Clock, Black"/>
    <n v="24.27"/>
    <n v="3"/>
    <n v="8.74"/>
  </r>
  <r>
    <d v="2016-09-04T00:00:00"/>
    <x v="8"/>
    <x v="2"/>
    <x v="24"/>
    <x v="3"/>
    <x v="2"/>
    <x v="16"/>
    <s v="Canon PC1060 Personal Laser Copier"/>
    <n v="2799.96"/>
    <n v="5"/>
    <n v="944.99"/>
  </r>
  <r>
    <d v="2016-09-05T00:00:00"/>
    <x v="8"/>
    <x v="2"/>
    <x v="104"/>
    <x v="2"/>
    <x v="1"/>
    <x v="8"/>
    <s v="Howard Miller 13-3/4&quot; Diameter Brushed Chrome Round Wall Clock"/>
    <n v="82.8"/>
    <n v="2"/>
    <n v="10.35"/>
  </r>
  <r>
    <d v="2016-09-05T00:00:00"/>
    <x v="8"/>
    <x v="2"/>
    <x v="500"/>
    <x v="14"/>
    <x v="1"/>
    <x v="8"/>
    <s v="Aluminum Document Frame"/>
    <n v="12.22"/>
    <n v="1"/>
    <n v="3.67"/>
  </r>
  <r>
    <d v="2016-09-05T00:00:00"/>
    <x v="8"/>
    <x v="2"/>
    <x v="500"/>
    <x v="14"/>
    <x v="0"/>
    <x v="2"/>
    <s v="Fellowes Bankers Box Staxonsteel Drawer File/Stacking System"/>
    <n v="194.94"/>
    <n v="3"/>
    <n v="23.39"/>
  </r>
  <r>
    <d v="2016-09-05T00:00:00"/>
    <x v="8"/>
    <x v="2"/>
    <x v="500"/>
    <x v="14"/>
    <x v="0"/>
    <x v="2"/>
    <s v="Eldon Mobile Mega Data Cart  Mega Stackable  Add-On Trays"/>
    <n v="70.95"/>
    <n v="3"/>
    <n v="20.58"/>
  </r>
  <r>
    <d v="2016-09-05T00:00:00"/>
    <x v="8"/>
    <x v="2"/>
    <x v="500"/>
    <x v="14"/>
    <x v="0"/>
    <x v="0"/>
    <s v="Xerox Color Copier Paper, 11&quot; x 17&quot;, Ream"/>
    <n v="91.36"/>
    <n v="4"/>
    <n v="42.03"/>
  </r>
  <r>
    <d v="2016-09-05T00:00:00"/>
    <x v="8"/>
    <x v="2"/>
    <x v="500"/>
    <x v="14"/>
    <x v="1"/>
    <x v="5"/>
    <s v="Office Star - Ergonomically Designed Knee Chair"/>
    <n v="242.94"/>
    <n v="3"/>
    <n v="29.15"/>
  </r>
  <r>
    <d v="2016-09-05T00:00:00"/>
    <x v="8"/>
    <x v="2"/>
    <x v="500"/>
    <x v="14"/>
    <x v="0"/>
    <x v="1"/>
    <s v="Avery 520"/>
    <n v="22.05"/>
    <n v="7"/>
    <n v="10.58"/>
  </r>
  <r>
    <d v="2016-09-05T00:00:00"/>
    <x v="8"/>
    <x v="2"/>
    <x v="546"/>
    <x v="30"/>
    <x v="2"/>
    <x v="6"/>
    <s v="Geemarc AmpliPOWER60"/>
    <n v="278.39999999999998"/>
    <n v="3"/>
    <n v="80.739999999999995"/>
  </r>
  <r>
    <d v="2016-09-05T00:00:00"/>
    <x v="8"/>
    <x v="2"/>
    <x v="671"/>
    <x v="42"/>
    <x v="0"/>
    <x v="4"/>
    <s v="Panasonic KP-380BK Classic Electric Pencil Sharpener"/>
    <n v="107.94"/>
    <n v="3"/>
    <n v="26.99"/>
  </r>
  <r>
    <d v="2016-09-05T00:00:00"/>
    <x v="8"/>
    <x v="2"/>
    <x v="278"/>
    <x v="0"/>
    <x v="1"/>
    <x v="5"/>
    <s v="Situations Contoured Folding Chairs, 4/Set"/>
    <n v="347.8"/>
    <n v="7"/>
    <n v="-24.84"/>
  </r>
  <r>
    <d v="2016-09-05T00:00:00"/>
    <x v="8"/>
    <x v="2"/>
    <x v="44"/>
    <x v="3"/>
    <x v="2"/>
    <x v="9"/>
    <s v="HP Standard 104 key PS/2 Keyboard"/>
    <n v="116"/>
    <n v="8"/>
    <n v="29"/>
  </r>
  <r>
    <d v="2016-09-05T00:00:00"/>
    <x v="8"/>
    <x v="2"/>
    <x v="29"/>
    <x v="2"/>
    <x v="0"/>
    <x v="3"/>
    <s v="C-Line Peel &amp; Stick Add-On Filing Pockets, 8-3/4 x 5-1/8, 10/Pack"/>
    <n v="9.56"/>
    <n v="5"/>
    <n v="-7.33"/>
  </r>
  <r>
    <d v="2016-09-05T00:00:00"/>
    <x v="8"/>
    <x v="2"/>
    <x v="406"/>
    <x v="15"/>
    <x v="0"/>
    <x v="10"/>
    <s v="Staple envelope"/>
    <n v="23.47"/>
    <n v="3"/>
    <n v="7.63"/>
  </r>
  <r>
    <d v="2016-09-05T00:00:00"/>
    <x v="8"/>
    <x v="2"/>
    <x v="406"/>
    <x v="15"/>
    <x v="0"/>
    <x v="3"/>
    <s v="Wilson Jones Ledger-Size, Piano-Hinge Binder, 2&quot;, Blue"/>
    <n v="86.06"/>
    <n v="7"/>
    <n v="-63.11"/>
  </r>
  <r>
    <d v="2016-09-05T00:00:00"/>
    <x v="8"/>
    <x v="2"/>
    <x v="406"/>
    <x v="15"/>
    <x v="2"/>
    <x v="6"/>
    <s v="Nortel Networks T7316 E Nt8 B27"/>
    <n v="108.78"/>
    <n v="2"/>
    <n v="6.8"/>
  </r>
  <r>
    <d v="2016-09-05T00:00:00"/>
    <x v="8"/>
    <x v="2"/>
    <x v="406"/>
    <x v="15"/>
    <x v="0"/>
    <x v="0"/>
    <s v="Xerox 1971"/>
    <n v="10.27"/>
    <n v="3"/>
    <n v="3.21"/>
  </r>
  <r>
    <d v="2016-09-05T00:00:00"/>
    <x v="8"/>
    <x v="2"/>
    <x v="292"/>
    <x v="0"/>
    <x v="0"/>
    <x v="12"/>
    <s v="Eureka The Boss Plus 12-Amp Hard Box Upright Vacuum, Red"/>
    <n v="62.79"/>
    <n v="3"/>
    <n v="-166.39"/>
  </r>
  <r>
    <d v="2016-09-05T00:00:00"/>
    <x v="8"/>
    <x v="2"/>
    <x v="292"/>
    <x v="0"/>
    <x v="0"/>
    <x v="7"/>
    <s v="Advantus Map Pennant Flags and Round Head Tacks"/>
    <n v="28.44"/>
    <n v="9"/>
    <n v="4.2699999999999996"/>
  </r>
  <r>
    <d v="2016-09-05T00:00:00"/>
    <x v="8"/>
    <x v="2"/>
    <x v="343"/>
    <x v="3"/>
    <x v="0"/>
    <x v="0"/>
    <s v="14-7/8 x 11 Blue Bar Computer Printout Paper"/>
    <n v="96.08"/>
    <n v="2"/>
    <n v="46.12"/>
  </r>
  <r>
    <d v="2016-09-05T00:00:00"/>
    <x v="8"/>
    <x v="2"/>
    <x v="343"/>
    <x v="3"/>
    <x v="0"/>
    <x v="3"/>
    <s v="Angle-D Binders with Locking Rings, Label Holders"/>
    <n v="11.68"/>
    <n v="2"/>
    <n v="3.94"/>
  </r>
  <r>
    <d v="2016-09-05T00:00:00"/>
    <x v="8"/>
    <x v="2"/>
    <x v="343"/>
    <x v="3"/>
    <x v="0"/>
    <x v="7"/>
    <s v="Advantus Push Pins"/>
    <n v="4.3600000000000003"/>
    <n v="2"/>
    <n v="1.79"/>
  </r>
  <r>
    <d v="2016-09-05T00:00:00"/>
    <x v="8"/>
    <x v="2"/>
    <x v="286"/>
    <x v="0"/>
    <x v="0"/>
    <x v="0"/>
    <s v="Xerox 202"/>
    <n v="25.92"/>
    <n v="5"/>
    <n v="9.07"/>
  </r>
  <r>
    <d v="2016-09-05T00:00:00"/>
    <x v="8"/>
    <x v="2"/>
    <x v="286"/>
    <x v="0"/>
    <x v="0"/>
    <x v="7"/>
    <s v="Staples"/>
    <n v="15.81"/>
    <n v="8"/>
    <n v="5.34"/>
  </r>
  <r>
    <d v="2016-09-05T00:00:00"/>
    <x v="8"/>
    <x v="2"/>
    <x v="286"/>
    <x v="0"/>
    <x v="0"/>
    <x v="0"/>
    <s v="Xerox 1930"/>
    <n v="10.37"/>
    <n v="2"/>
    <n v="3.76"/>
  </r>
  <r>
    <d v="2016-09-05T00:00:00"/>
    <x v="8"/>
    <x v="2"/>
    <x v="20"/>
    <x v="20"/>
    <x v="0"/>
    <x v="0"/>
    <s v="Xerox 1885"/>
    <n v="192.16"/>
    <n v="4"/>
    <n v="92.24"/>
  </r>
  <r>
    <d v="2016-09-05T00:00:00"/>
    <x v="8"/>
    <x v="2"/>
    <x v="397"/>
    <x v="0"/>
    <x v="0"/>
    <x v="2"/>
    <s v="Eldon Base for stackable storage shelf, platinum"/>
    <n v="93.46"/>
    <n v="3"/>
    <n v="-17.52"/>
  </r>
  <r>
    <d v="2016-09-05T00:00:00"/>
    <x v="8"/>
    <x v="2"/>
    <x v="13"/>
    <x v="6"/>
    <x v="0"/>
    <x v="1"/>
    <s v="Avery 50"/>
    <n v="25.06"/>
    <n v="2"/>
    <n v="11.78"/>
  </r>
  <r>
    <d v="2016-09-05T00:00:00"/>
    <x v="8"/>
    <x v="2"/>
    <x v="13"/>
    <x v="6"/>
    <x v="1"/>
    <x v="13"/>
    <s v="Chromcraft Bull-Nose Wood 48&quot; x 96&quot; Rectangular Conference Tables"/>
    <n v="1652.94"/>
    <n v="3"/>
    <n v="314.06"/>
  </r>
  <r>
    <d v="2016-09-05T00:00:00"/>
    <x v="8"/>
    <x v="2"/>
    <x v="720"/>
    <x v="1"/>
    <x v="0"/>
    <x v="0"/>
    <s v="Xerox 196"/>
    <n v="9.25"/>
    <n v="2"/>
    <n v="3.35"/>
  </r>
  <r>
    <d v="2016-09-05T00:00:00"/>
    <x v="8"/>
    <x v="2"/>
    <x v="496"/>
    <x v="10"/>
    <x v="0"/>
    <x v="3"/>
    <s v="Recycled Easel Ring Binders"/>
    <n v="8.9499999999999993"/>
    <n v="2"/>
    <n v="-7.46"/>
  </r>
  <r>
    <d v="2016-09-05T00:00:00"/>
    <x v="8"/>
    <x v="2"/>
    <x v="496"/>
    <x v="10"/>
    <x v="0"/>
    <x v="3"/>
    <s v="Pressboard Hanging Data Binders for Unburst Sheets"/>
    <n v="8.86"/>
    <n v="6"/>
    <n v="-6.49"/>
  </r>
  <r>
    <d v="2016-09-05T00:00:00"/>
    <x v="8"/>
    <x v="2"/>
    <x v="496"/>
    <x v="10"/>
    <x v="1"/>
    <x v="5"/>
    <s v="Global Push Button Manager's Chair, Indigo"/>
    <n v="85.25"/>
    <n v="2"/>
    <n v="-1.22"/>
  </r>
  <r>
    <d v="2016-09-05T00:00:00"/>
    <x v="8"/>
    <x v="2"/>
    <x v="551"/>
    <x v="0"/>
    <x v="1"/>
    <x v="8"/>
    <s v="Executive Impressions 12&quot; Wall Clock"/>
    <n v="21.2"/>
    <n v="3"/>
    <n v="-11.66"/>
  </r>
  <r>
    <d v="2016-09-05T00:00:00"/>
    <x v="8"/>
    <x v="2"/>
    <x v="622"/>
    <x v="2"/>
    <x v="1"/>
    <x v="8"/>
    <s v="6&quot; Cubicle Wall Clock, Black"/>
    <n v="58.25"/>
    <n v="9"/>
    <n v="11.65"/>
  </r>
  <r>
    <d v="2016-09-05T00:00:00"/>
    <x v="8"/>
    <x v="2"/>
    <x v="622"/>
    <x v="2"/>
    <x v="1"/>
    <x v="5"/>
    <s v="Global Task Chair, Black"/>
    <n v="71.25"/>
    <n v="2"/>
    <n v="-19.34"/>
  </r>
  <r>
    <d v="2016-09-05T00:00:00"/>
    <x v="8"/>
    <x v="2"/>
    <x v="622"/>
    <x v="2"/>
    <x v="0"/>
    <x v="4"/>
    <s v="Newell 329"/>
    <n v="7.87"/>
    <n v="3"/>
    <n v="0.59"/>
  </r>
  <r>
    <d v="2016-09-05T00:00:00"/>
    <x v="8"/>
    <x v="2"/>
    <x v="622"/>
    <x v="2"/>
    <x v="1"/>
    <x v="5"/>
    <s v="Global Comet Stacking Arm Chair"/>
    <n v="887.27"/>
    <n v="3"/>
    <n v="-63.38"/>
  </r>
  <r>
    <d v="2016-09-05T00:00:00"/>
    <x v="8"/>
    <x v="2"/>
    <x v="623"/>
    <x v="20"/>
    <x v="2"/>
    <x v="6"/>
    <s v="LF Elite 3D Dazzle Designer Hard Case Cover, Lf Stylus Pen and Wiper For Apple Iphone 5c Mini Lite"/>
    <n v="43.6"/>
    <n v="4"/>
    <n v="12.21"/>
  </r>
  <r>
    <d v="2016-09-06T00:00:00"/>
    <x v="8"/>
    <x v="2"/>
    <x v="727"/>
    <x v="28"/>
    <x v="0"/>
    <x v="12"/>
    <s v="Fellowes Basic Home/Office Series Surge Protectors"/>
    <n v="77.88"/>
    <n v="6"/>
    <n v="22.59"/>
  </r>
  <r>
    <d v="2016-09-06T00:00:00"/>
    <x v="8"/>
    <x v="2"/>
    <x v="541"/>
    <x v="20"/>
    <x v="2"/>
    <x v="9"/>
    <s v="Maxell 4.7GB DVD+RW 3/Pack"/>
    <n v="31.86"/>
    <n v="2"/>
    <n v="11.15"/>
  </r>
  <r>
    <d v="2016-09-06T00:00:00"/>
    <x v="8"/>
    <x v="2"/>
    <x v="541"/>
    <x v="20"/>
    <x v="1"/>
    <x v="11"/>
    <s v="Atlantic Metals Mobile 5-Shelf Bookcases, Custom Colors"/>
    <n v="722.35"/>
    <n v="3"/>
    <n v="90.29"/>
  </r>
  <r>
    <d v="2016-09-06T00:00:00"/>
    <x v="8"/>
    <x v="2"/>
    <x v="366"/>
    <x v="25"/>
    <x v="0"/>
    <x v="10"/>
    <s v="Blue String-Tie &amp; Button Interoffice Envelopes, 10 x 13"/>
    <n v="95.95"/>
    <n v="3"/>
    <n v="29.99"/>
  </r>
  <r>
    <d v="2016-09-06T00:00:00"/>
    <x v="8"/>
    <x v="2"/>
    <x v="366"/>
    <x v="25"/>
    <x v="0"/>
    <x v="3"/>
    <s v="Pressboard Data Binders by Wilson Jones"/>
    <n v="3.2"/>
    <n v="2"/>
    <n v="-2.46"/>
  </r>
  <r>
    <d v="2016-09-06T00:00:00"/>
    <x v="8"/>
    <x v="2"/>
    <x v="100"/>
    <x v="0"/>
    <x v="0"/>
    <x v="2"/>
    <s v="Tenex Personal Project File with Scoop Front Design, Black"/>
    <n v="10.78"/>
    <n v="1"/>
    <n v="0.81"/>
  </r>
  <r>
    <d v="2016-09-06T00:00:00"/>
    <x v="8"/>
    <x v="2"/>
    <x v="515"/>
    <x v="0"/>
    <x v="0"/>
    <x v="0"/>
    <s v="Advantus Motivational Note Cards"/>
    <n v="41.92"/>
    <n v="4"/>
    <n v="15.2"/>
  </r>
  <r>
    <d v="2016-09-06T00:00:00"/>
    <x v="8"/>
    <x v="2"/>
    <x v="515"/>
    <x v="0"/>
    <x v="2"/>
    <x v="6"/>
    <s v="AT&amp;T CL83451 4-Handset Telephone"/>
    <n v="329.58"/>
    <n v="2"/>
    <n v="37.08"/>
  </r>
  <r>
    <d v="2016-09-08T00:00:00"/>
    <x v="8"/>
    <x v="2"/>
    <x v="643"/>
    <x v="0"/>
    <x v="0"/>
    <x v="2"/>
    <s v="Super Decoflex Portable Personal File"/>
    <n v="35.950000000000003"/>
    <n v="3"/>
    <n v="3.6"/>
  </r>
  <r>
    <d v="2016-09-08T00:00:00"/>
    <x v="8"/>
    <x v="2"/>
    <x v="643"/>
    <x v="0"/>
    <x v="1"/>
    <x v="11"/>
    <s v="Riverside Palais Royal Lawyers Bookcase, Royale Cherry Finish"/>
    <n v="2396.27"/>
    <n v="4"/>
    <n v="-317.14999999999998"/>
  </r>
  <r>
    <d v="2016-09-08T00:00:00"/>
    <x v="8"/>
    <x v="2"/>
    <x v="643"/>
    <x v="0"/>
    <x v="0"/>
    <x v="2"/>
    <s v="Contico 72&quot;H Heavy-Duty Storage System"/>
    <n v="131.13999999999999"/>
    <n v="4"/>
    <n v="-32.78"/>
  </r>
  <r>
    <d v="2016-09-08T00:00:00"/>
    <x v="8"/>
    <x v="2"/>
    <x v="643"/>
    <x v="0"/>
    <x v="2"/>
    <x v="9"/>
    <s v="Sony 64GB Class 10 Micro SDHC R40 Memory Card"/>
    <n v="57.58"/>
    <n v="2"/>
    <n v="0.72"/>
  </r>
  <r>
    <d v="2016-09-08T00:00:00"/>
    <x v="8"/>
    <x v="2"/>
    <x v="139"/>
    <x v="3"/>
    <x v="0"/>
    <x v="3"/>
    <s v="Square Ring Data Binders, Rigid 75 Pt. Covers, 11&quot; x 14-7/8&quot;"/>
    <n v="33.020000000000003"/>
    <n v="2"/>
    <n v="11.56"/>
  </r>
  <r>
    <d v="2016-09-08T00:00:00"/>
    <x v="8"/>
    <x v="2"/>
    <x v="139"/>
    <x v="3"/>
    <x v="0"/>
    <x v="3"/>
    <s v="Premium Transparent Presentation Covers by GBC"/>
    <n v="67.14"/>
    <n v="4"/>
    <n v="23.5"/>
  </r>
  <r>
    <d v="2016-09-08T00:00:00"/>
    <x v="8"/>
    <x v="2"/>
    <x v="64"/>
    <x v="32"/>
    <x v="1"/>
    <x v="11"/>
    <s v="Bush Westfield Collection Bookcases, Dark Cherry Finish"/>
    <n v="173.94"/>
    <n v="3"/>
    <n v="13.92"/>
  </r>
  <r>
    <d v="2016-09-08T00:00:00"/>
    <x v="8"/>
    <x v="2"/>
    <x v="64"/>
    <x v="32"/>
    <x v="0"/>
    <x v="1"/>
    <s v="Avery 52"/>
    <n v="14.76"/>
    <n v="4"/>
    <n v="6.94"/>
  </r>
  <r>
    <d v="2016-09-08T00:00:00"/>
    <x v="8"/>
    <x v="2"/>
    <x v="145"/>
    <x v="1"/>
    <x v="1"/>
    <x v="8"/>
    <s v="Executive Impressions 12&quot; Wall Clock"/>
    <n v="14.14"/>
    <n v="2"/>
    <n v="-7.77"/>
  </r>
  <r>
    <d v="2016-09-08T00:00:00"/>
    <x v="8"/>
    <x v="2"/>
    <x v="145"/>
    <x v="1"/>
    <x v="1"/>
    <x v="13"/>
    <s v="Bretford CR8500 Series Meeting Room Furniture"/>
    <n v="601.47"/>
    <n v="3"/>
    <n v="-300.74"/>
  </r>
  <r>
    <d v="2016-09-08T00:00:00"/>
    <x v="8"/>
    <x v="2"/>
    <x v="53"/>
    <x v="20"/>
    <x v="0"/>
    <x v="12"/>
    <s v="Kensington 7 Outlet MasterPiece Power Center with Fax/Phone Line Protection"/>
    <n v="207.48"/>
    <n v="1"/>
    <n v="62.24"/>
  </r>
  <r>
    <d v="2016-09-08T00:00:00"/>
    <x v="8"/>
    <x v="2"/>
    <x v="127"/>
    <x v="0"/>
    <x v="0"/>
    <x v="4"/>
    <s v="Boston 1645 Deluxe Heavier-Duty Electric Pencil Sharpener"/>
    <n v="70.37"/>
    <n v="2"/>
    <n v="6.16"/>
  </r>
  <r>
    <d v="2016-09-08T00:00:00"/>
    <x v="8"/>
    <x v="2"/>
    <x v="127"/>
    <x v="0"/>
    <x v="2"/>
    <x v="6"/>
    <s v="Belkin SportFit Armband For iPhone 5s/5c, Fuchsia"/>
    <n v="59.96"/>
    <n v="5"/>
    <n v="21.74"/>
  </r>
  <r>
    <d v="2016-09-08T00:00:00"/>
    <x v="8"/>
    <x v="2"/>
    <x v="747"/>
    <x v="25"/>
    <x v="2"/>
    <x v="9"/>
    <s v="Memorex Froggy Flash Drive 4 GB"/>
    <n v="35.17"/>
    <n v="4"/>
    <n v="8.35"/>
  </r>
  <r>
    <d v="2016-09-08T00:00:00"/>
    <x v="8"/>
    <x v="2"/>
    <x v="747"/>
    <x v="25"/>
    <x v="0"/>
    <x v="0"/>
    <s v="Petty Cash Envelope"/>
    <n v="64.7"/>
    <n v="3"/>
    <n v="23.46"/>
  </r>
  <r>
    <d v="2016-09-08T00:00:00"/>
    <x v="8"/>
    <x v="2"/>
    <x v="137"/>
    <x v="3"/>
    <x v="1"/>
    <x v="13"/>
    <s v="Lesro Round Back Collection Coffee Table, End Table"/>
    <n v="146.04"/>
    <n v="1"/>
    <n v="-12.78"/>
  </r>
  <r>
    <d v="2016-09-08T00:00:00"/>
    <x v="8"/>
    <x v="2"/>
    <x v="546"/>
    <x v="22"/>
    <x v="1"/>
    <x v="8"/>
    <s v="Howard Miller 11-1/2&quot; Diameter Grantwood Wall Clock"/>
    <n v="43.13"/>
    <n v="1"/>
    <n v="14.66"/>
  </r>
  <r>
    <d v="2016-09-08T00:00:00"/>
    <x v="8"/>
    <x v="2"/>
    <x v="546"/>
    <x v="22"/>
    <x v="0"/>
    <x v="0"/>
    <s v="Ampad Gold Fibre Wirebound Steno Books, 6&quot; x 9&quot;, Gregg Ruled"/>
    <n v="30.87"/>
    <n v="7"/>
    <n v="14.2"/>
  </r>
  <r>
    <d v="2016-09-08T00:00:00"/>
    <x v="8"/>
    <x v="2"/>
    <x v="760"/>
    <x v="3"/>
    <x v="0"/>
    <x v="4"/>
    <s v="Eberhard Faber 3 1/2&quot; Golf Pencils"/>
    <n v="14.88"/>
    <n v="2"/>
    <n v="3.72"/>
  </r>
  <r>
    <d v="2016-09-08T00:00:00"/>
    <x v="8"/>
    <x v="2"/>
    <x v="760"/>
    <x v="3"/>
    <x v="0"/>
    <x v="0"/>
    <s v="Xerox 1900"/>
    <n v="34.24"/>
    <n v="8"/>
    <n v="15.41"/>
  </r>
  <r>
    <d v="2016-09-08T00:00:00"/>
    <x v="8"/>
    <x v="2"/>
    <x v="760"/>
    <x v="3"/>
    <x v="0"/>
    <x v="2"/>
    <s v="Mini 13-1/2 Capacity Data Binder Rack, Pearl"/>
    <n v="261.74"/>
    <n v="2"/>
    <n v="65.44"/>
  </r>
  <r>
    <d v="2016-09-09T00:00:00"/>
    <x v="8"/>
    <x v="2"/>
    <x v="350"/>
    <x v="20"/>
    <x v="0"/>
    <x v="3"/>
    <s v="Cardinal EasyOpen D-Ring Binders"/>
    <n v="14.62"/>
    <n v="2"/>
    <n v="5.48"/>
  </r>
  <r>
    <d v="2016-09-09T00:00:00"/>
    <x v="8"/>
    <x v="2"/>
    <x v="372"/>
    <x v="3"/>
    <x v="0"/>
    <x v="3"/>
    <s v="VariCap6 Expandable Binder"/>
    <n v="55.36"/>
    <n v="4"/>
    <n v="18.68"/>
  </r>
  <r>
    <d v="2016-09-09T00:00:00"/>
    <x v="8"/>
    <x v="2"/>
    <x v="474"/>
    <x v="0"/>
    <x v="1"/>
    <x v="8"/>
    <s v="Eldon Expressions Punched Metal &amp; Wood Desk Accessories, Black &amp; Cherry"/>
    <n v="15.01"/>
    <n v="4"/>
    <n v="-12.01"/>
  </r>
  <r>
    <d v="2016-09-10T00:00:00"/>
    <x v="8"/>
    <x v="2"/>
    <x v="672"/>
    <x v="20"/>
    <x v="0"/>
    <x v="2"/>
    <s v="Acco Perma 2700 Stacking Storage Drawers"/>
    <n v="59.48"/>
    <n v="2"/>
    <n v="8.92"/>
  </r>
  <r>
    <d v="2016-09-10T00:00:00"/>
    <x v="8"/>
    <x v="2"/>
    <x v="672"/>
    <x v="20"/>
    <x v="0"/>
    <x v="0"/>
    <s v="Wirebound Message Books, Four 2 3/4 x 5 White Forms per Page"/>
    <n v="6.69"/>
    <n v="1"/>
    <n v="3.08"/>
  </r>
  <r>
    <d v="2016-09-10T00:00:00"/>
    <x v="8"/>
    <x v="2"/>
    <x v="651"/>
    <x v="15"/>
    <x v="0"/>
    <x v="4"/>
    <s v="Boston Model 1800 Electric Pencil Sharpener, Gray"/>
    <n v="67.56"/>
    <n v="3"/>
    <n v="8.4499999999999993"/>
  </r>
  <r>
    <d v="2016-09-10T00:00:00"/>
    <x v="8"/>
    <x v="2"/>
    <x v="73"/>
    <x v="0"/>
    <x v="1"/>
    <x v="13"/>
    <s v="KI Adjustable-Height Table"/>
    <n v="300.93"/>
    <n v="5"/>
    <n v="-34.39"/>
  </r>
  <r>
    <d v="2016-09-10T00:00:00"/>
    <x v="8"/>
    <x v="2"/>
    <x v="73"/>
    <x v="0"/>
    <x v="2"/>
    <x v="6"/>
    <s v="Polycom VVX 310 VoIP phone"/>
    <n v="719.96"/>
    <n v="5"/>
    <n v="54"/>
  </r>
  <r>
    <d v="2016-09-10T00:00:00"/>
    <x v="8"/>
    <x v="2"/>
    <x v="571"/>
    <x v="16"/>
    <x v="2"/>
    <x v="6"/>
    <s v="Geemarc AmpliPOWER60"/>
    <n v="519.67999999999995"/>
    <n v="7"/>
    <n v="58.46"/>
  </r>
  <r>
    <d v="2016-09-10T00:00:00"/>
    <x v="8"/>
    <x v="2"/>
    <x v="741"/>
    <x v="22"/>
    <x v="0"/>
    <x v="1"/>
    <s v="Avery 487"/>
    <n v="7.38"/>
    <n v="2"/>
    <n v="3.47"/>
  </r>
  <r>
    <d v="2016-09-10T00:00:00"/>
    <x v="8"/>
    <x v="2"/>
    <x v="741"/>
    <x v="22"/>
    <x v="0"/>
    <x v="3"/>
    <s v="Storex Dura Pro Binders"/>
    <n v="14.26"/>
    <n v="3"/>
    <n v="4.46"/>
  </r>
  <r>
    <d v="2016-09-10T00:00:00"/>
    <x v="8"/>
    <x v="2"/>
    <x v="741"/>
    <x v="22"/>
    <x v="0"/>
    <x v="0"/>
    <s v="Xerox 1945"/>
    <n v="81.98"/>
    <n v="2"/>
    <n v="40.17"/>
  </r>
  <r>
    <d v="2016-09-10T00:00:00"/>
    <x v="8"/>
    <x v="2"/>
    <x v="741"/>
    <x v="22"/>
    <x v="0"/>
    <x v="3"/>
    <s v="JM Magazine Binder"/>
    <n v="39.619999999999997"/>
    <n v="3"/>
    <n v="13.87"/>
  </r>
  <r>
    <d v="2016-09-10T00:00:00"/>
    <x v="8"/>
    <x v="2"/>
    <x v="265"/>
    <x v="3"/>
    <x v="0"/>
    <x v="3"/>
    <s v="Ibico EB-19 Dual Function Manual Binding System"/>
    <n v="276.77999999999997"/>
    <n v="2"/>
    <n v="89.95"/>
  </r>
  <r>
    <d v="2016-09-11T00:00:00"/>
    <x v="8"/>
    <x v="2"/>
    <x v="708"/>
    <x v="3"/>
    <x v="0"/>
    <x v="0"/>
    <s v="Wirebound Message Books, Two 4 1/4&quot; x 5&quot; Forms per Page"/>
    <n v="7.61"/>
    <n v="1"/>
    <n v="3.58"/>
  </r>
  <r>
    <d v="2016-09-11T00:00:00"/>
    <x v="8"/>
    <x v="2"/>
    <x v="708"/>
    <x v="3"/>
    <x v="2"/>
    <x v="9"/>
    <s v="LogitechÂ P710e Mobile Speakerphone"/>
    <n v="3347.37"/>
    <n v="13"/>
    <n v="636"/>
  </r>
  <r>
    <d v="2016-09-11T00:00:00"/>
    <x v="8"/>
    <x v="2"/>
    <x v="186"/>
    <x v="2"/>
    <x v="0"/>
    <x v="0"/>
    <s v="Xerox 1972"/>
    <n v="8.4499999999999993"/>
    <n v="2"/>
    <n v="2.64"/>
  </r>
  <r>
    <d v="2016-09-11T00:00:00"/>
    <x v="8"/>
    <x v="2"/>
    <x v="186"/>
    <x v="2"/>
    <x v="2"/>
    <x v="6"/>
    <s v="Cisco 8x8 Inc. 6753i IP Business Phone System"/>
    <n v="728.95"/>
    <n v="9"/>
    <n v="-157.94"/>
  </r>
  <r>
    <d v="2016-09-11T00:00:00"/>
    <x v="8"/>
    <x v="2"/>
    <x v="327"/>
    <x v="10"/>
    <x v="0"/>
    <x v="3"/>
    <s v="GBC Standard Therm-A-Bind Covers"/>
    <n v="22.43"/>
    <n v="3"/>
    <n v="-17.940000000000001"/>
  </r>
  <r>
    <d v="2016-09-11T00:00:00"/>
    <x v="8"/>
    <x v="2"/>
    <x v="327"/>
    <x v="10"/>
    <x v="0"/>
    <x v="2"/>
    <s v="Staple magnet"/>
    <n v="37.520000000000003"/>
    <n v="5"/>
    <n v="3.75"/>
  </r>
  <r>
    <d v="2016-09-11T00:00:00"/>
    <x v="8"/>
    <x v="2"/>
    <x v="453"/>
    <x v="6"/>
    <x v="2"/>
    <x v="16"/>
    <s v="Canon PC-428 Personal Copier"/>
    <n v="1599.92"/>
    <n v="8"/>
    <n v="751.96"/>
  </r>
  <r>
    <d v="2016-09-11T00:00:00"/>
    <x v="8"/>
    <x v="2"/>
    <x v="453"/>
    <x v="6"/>
    <x v="0"/>
    <x v="10"/>
    <s v="#10 Self-Seal White Envelopes"/>
    <n v="11.09"/>
    <n v="1"/>
    <n v="5.43"/>
  </r>
  <r>
    <d v="2016-09-11T00:00:00"/>
    <x v="8"/>
    <x v="2"/>
    <x v="632"/>
    <x v="3"/>
    <x v="0"/>
    <x v="2"/>
    <s v="Stur-D-Stor Shelving, Vertical 5-Shelf: 72&quot;H x 36&quot;W x 18 1/2&quot;D"/>
    <n v="332.94"/>
    <n v="3"/>
    <n v="6.66"/>
  </r>
  <r>
    <d v="2016-09-11T00:00:00"/>
    <x v="8"/>
    <x v="2"/>
    <x v="632"/>
    <x v="3"/>
    <x v="0"/>
    <x v="3"/>
    <s v="GBC Standard Therm-A-Bind Covers"/>
    <n v="39.869999999999997"/>
    <n v="2"/>
    <n v="12.96"/>
  </r>
  <r>
    <d v="2016-09-11T00:00:00"/>
    <x v="8"/>
    <x v="2"/>
    <x v="335"/>
    <x v="42"/>
    <x v="2"/>
    <x v="6"/>
    <s v="Plantronics Encore H101 Dual EarpiecesÂ Headset"/>
    <n v="224.75"/>
    <n v="5"/>
    <n v="62.93"/>
  </r>
  <r>
    <d v="2016-09-11T00:00:00"/>
    <x v="8"/>
    <x v="2"/>
    <x v="423"/>
    <x v="1"/>
    <x v="0"/>
    <x v="1"/>
    <s v="Smead Alpha-Z Color-Coded Name Labels First Letter Starter Set"/>
    <n v="6"/>
    <n v="2"/>
    <n v="2.1"/>
  </r>
  <r>
    <d v="2016-09-11T00:00:00"/>
    <x v="8"/>
    <x v="2"/>
    <x v="423"/>
    <x v="1"/>
    <x v="0"/>
    <x v="3"/>
    <s v="Insertable Tab Indexes For Data Binders"/>
    <n v="1.91"/>
    <n v="3"/>
    <n v="-3.24"/>
  </r>
  <r>
    <d v="2016-09-11T00:00:00"/>
    <x v="8"/>
    <x v="2"/>
    <x v="49"/>
    <x v="12"/>
    <x v="0"/>
    <x v="4"/>
    <s v="Crayola Anti Dust Chalk, 12/Pack"/>
    <n v="2.91"/>
    <n v="2"/>
    <n v="0.91"/>
  </r>
  <r>
    <d v="2016-09-11T00:00:00"/>
    <x v="8"/>
    <x v="2"/>
    <x v="49"/>
    <x v="12"/>
    <x v="0"/>
    <x v="0"/>
    <s v="Xerox 1976"/>
    <n v="20.74"/>
    <n v="4"/>
    <n v="7.26"/>
  </r>
  <r>
    <d v="2016-09-11T00:00:00"/>
    <x v="8"/>
    <x v="2"/>
    <x v="49"/>
    <x v="12"/>
    <x v="0"/>
    <x v="0"/>
    <s v="Great White Multi-Use Recycled Paper (20Lb. and 84 Bright)"/>
    <n v="9.57"/>
    <n v="2"/>
    <n v="2.99"/>
  </r>
  <r>
    <d v="2016-09-11T00:00:00"/>
    <x v="8"/>
    <x v="2"/>
    <x v="361"/>
    <x v="0"/>
    <x v="0"/>
    <x v="10"/>
    <s v="Cameo Buff Policy Envelopes"/>
    <n v="99.57"/>
    <n v="2"/>
    <n v="33.6"/>
  </r>
  <r>
    <d v="2016-09-12T00:00:00"/>
    <x v="8"/>
    <x v="2"/>
    <x v="624"/>
    <x v="26"/>
    <x v="1"/>
    <x v="8"/>
    <s v="C-Line Cubicle Keepers Polyproplyene Holder With Velcro Backings"/>
    <n v="15.14"/>
    <n v="4"/>
    <n v="3.59"/>
  </r>
  <r>
    <d v="2016-09-12T00:00:00"/>
    <x v="8"/>
    <x v="2"/>
    <x v="624"/>
    <x v="26"/>
    <x v="1"/>
    <x v="5"/>
    <s v="Hon 4070 Series Pagoda Armless Upholstered Stacking Chairs"/>
    <n v="466.77"/>
    <n v="2"/>
    <n v="52.51"/>
  </r>
  <r>
    <d v="2016-09-12T00:00:00"/>
    <x v="8"/>
    <x v="2"/>
    <x v="624"/>
    <x v="26"/>
    <x v="1"/>
    <x v="8"/>
    <s v="Eldon Expressions Desk Accessory, Wood Photo Frame, Mahogany"/>
    <n v="15.23"/>
    <n v="1"/>
    <n v="1.71"/>
  </r>
  <r>
    <d v="2016-09-12T00:00:00"/>
    <x v="8"/>
    <x v="2"/>
    <x v="624"/>
    <x v="26"/>
    <x v="0"/>
    <x v="1"/>
    <s v="Avery 509"/>
    <n v="6.26"/>
    <n v="3"/>
    <n v="2.04"/>
  </r>
  <r>
    <d v="2016-09-12T00:00:00"/>
    <x v="8"/>
    <x v="2"/>
    <x v="582"/>
    <x v="22"/>
    <x v="0"/>
    <x v="7"/>
    <s v="OIC Bulk Pack Metal Binder Clips"/>
    <n v="10.47"/>
    <n v="3"/>
    <n v="4.82"/>
  </r>
  <r>
    <d v="2016-09-12T00:00:00"/>
    <x v="8"/>
    <x v="2"/>
    <x v="582"/>
    <x v="22"/>
    <x v="0"/>
    <x v="1"/>
    <s v="Avery 487"/>
    <n v="11.07"/>
    <n v="3"/>
    <n v="5.2"/>
  </r>
  <r>
    <d v="2016-09-12T00:00:00"/>
    <x v="8"/>
    <x v="2"/>
    <x v="582"/>
    <x v="22"/>
    <x v="0"/>
    <x v="3"/>
    <s v="GBC Instant Report Kit"/>
    <n v="20.7"/>
    <n v="4"/>
    <n v="7.76"/>
  </r>
  <r>
    <d v="2016-09-12T00:00:00"/>
    <x v="8"/>
    <x v="2"/>
    <x v="202"/>
    <x v="6"/>
    <x v="2"/>
    <x v="9"/>
    <s v="ImationÂ 30456 USBÂ Flash DriveÂ 8GB"/>
    <n v="20.7"/>
    <n v="3"/>
    <n v="1.66"/>
  </r>
  <r>
    <d v="2016-09-12T00:00:00"/>
    <x v="8"/>
    <x v="2"/>
    <x v="202"/>
    <x v="6"/>
    <x v="0"/>
    <x v="7"/>
    <s v="Staples"/>
    <n v="11.34"/>
    <n v="3"/>
    <n v="5.22"/>
  </r>
  <r>
    <d v="2016-09-12T00:00:00"/>
    <x v="8"/>
    <x v="2"/>
    <x v="202"/>
    <x v="6"/>
    <x v="0"/>
    <x v="2"/>
    <s v="Rogers Jumbo File, Granite"/>
    <n v="67.900000000000006"/>
    <n v="5"/>
    <n v="0.68"/>
  </r>
  <r>
    <d v="2016-09-12T00:00:00"/>
    <x v="8"/>
    <x v="2"/>
    <x v="202"/>
    <x v="6"/>
    <x v="1"/>
    <x v="5"/>
    <s v="Hon Olson Stacker Chairs"/>
    <n v="1059.1199999999999"/>
    <n v="4"/>
    <n v="307.14"/>
  </r>
  <r>
    <d v="2016-09-12T00:00:00"/>
    <x v="8"/>
    <x v="2"/>
    <x v="571"/>
    <x v="14"/>
    <x v="0"/>
    <x v="0"/>
    <s v="Xerox 1991"/>
    <n v="68.52"/>
    <n v="3"/>
    <n v="31.52"/>
  </r>
  <r>
    <d v="2016-09-12T00:00:00"/>
    <x v="8"/>
    <x v="2"/>
    <x v="675"/>
    <x v="26"/>
    <x v="2"/>
    <x v="6"/>
    <s v="Lunatik TT5L-002 Taktik Strike Impact Protection System for iPhone 5"/>
    <n v="146.94999999999999"/>
    <n v="3"/>
    <n v="9.18"/>
  </r>
  <r>
    <d v="2016-09-12T00:00:00"/>
    <x v="8"/>
    <x v="2"/>
    <x v="675"/>
    <x v="26"/>
    <x v="1"/>
    <x v="5"/>
    <s v="Global Stack Chair without Arms, Black"/>
    <n v="83.14"/>
    <n v="4"/>
    <n v="5.2"/>
  </r>
  <r>
    <d v="2016-09-12T00:00:00"/>
    <x v="8"/>
    <x v="2"/>
    <x v="212"/>
    <x v="20"/>
    <x v="1"/>
    <x v="8"/>
    <s v="DAX Contemporary Wood Frame with Silver Metal Mat, Desktop, 11 x 14 Size"/>
    <n v="40.479999999999997"/>
    <n v="2"/>
    <n v="14.57"/>
  </r>
  <r>
    <d v="2016-09-13T00:00:00"/>
    <x v="8"/>
    <x v="2"/>
    <x v="199"/>
    <x v="40"/>
    <x v="0"/>
    <x v="2"/>
    <s v="Rogers Jumbo File, Granite"/>
    <n v="40.74"/>
    <n v="3"/>
    <n v="0.41"/>
  </r>
  <r>
    <d v="2016-09-13T00:00:00"/>
    <x v="8"/>
    <x v="2"/>
    <x v="199"/>
    <x v="40"/>
    <x v="0"/>
    <x v="1"/>
    <s v="Avery 49"/>
    <n v="14.4"/>
    <n v="5"/>
    <n v="7.06"/>
  </r>
  <r>
    <d v="2016-09-13T00:00:00"/>
    <x v="8"/>
    <x v="2"/>
    <x v="199"/>
    <x v="40"/>
    <x v="2"/>
    <x v="6"/>
    <s v="BlueLounge Milo Smartphone Stand, White/Metallic"/>
    <n v="149.94999999999999"/>
    <n v="5"/>
    <n v="41.99"/>
  </r>
  <r>
    <d v="2016-09-13T00:00:00"/>
    <x v="8"/>
    <x v="2"/>
    <x v="199"/>
    <x v="40"/>
    <x v="0"/>
    <x v="14"/>
    <s v="Elite 5&quot; Scissors"/>
    <n v="16.899999999999999"/>
    <n v="2"/>
    <n v="5.07"/>
  </r>
  <r>
    <d v="2016-09-13T00:00:00"/>
    <x v="8"/>
    <x v="2"/>
    <x v="199"/>
    <x v="40"/>
    <x v="0"/>
    <x v="0"/>
    <s v="Things To Do Today Pad"/>
    <n v="17.61"/>
    <n v="3"/>
    <n v="8.4499999999999993"/>
  </r>
  <r>
    <d v="2016-09-13T00:00:00"/>
    <x v="8"/>
    <x v="2"/>
    <x v="199"/>
    <x v="40"/>
    <x v="0"/>
    <x v="12"/>
    <s v="Harmony Air Purifier"/>
    <n v="378"/>
    <n v="2"/>
    <n v="136.08000000000001"/>
  </r>
  <r>
    <d v="2016-09-13T00:00:00"/>
    <x v="8"/>
    <x v="2"/>
    <x v="199"/>
    <x v="40"/>
    <x v="0"/>
    <x v="0"/>
    <s v="Adams Telephone Message Book W/Dividers/Space For Phone Numbers, 5 1/4&quot;X8 1/2&quot;, 300/Messages"/>
    <n v="17.64"/>
    <n v="3"/>
    <n v="8.64"/>
  </r>
  <r>
    <d v="2016-09-13T00:00:00"/>
    <x v="8"/>
    <x v="2"/>
    <x v="199"/>
    <x v="40"/>
    <x v="0"/>
    <x v="2"/>
    <s v="Fellowes Mobile File Cart, Black"/>
    <n v="373.08"/>
    <n v="6"/>
    <n v="100.73"/>
  </r>
  <r>
    <d v="2016-09-13T00:00:00"/>
    <x v="8"/>
    <x v="2"/>
    <x v="199"/>
    <x v="40"/>
    <x v="1"/>
    <x v="8"/>
    <s v="Electrix Architect's Clamp-On Swing Arm Lamp, Black"/>
    <n v="1336.44"/>
    <n v="14"/>
    <n v="387.57"/>
  </r>
  <r>
    <d v="2016-09-13T00:00:00"/>
    <x v="8"/>
    <x v="2"/>
    <x v="199"/>
    <x v="40"/>
    <x v="2"/>
    <x v="6"/>
    <s v="Mediabridge Sport Armband iPhone 5s"/>
    <n v="29.97"/>
    <n v="3"/>
    <n v="0.3"/>
  </r>
  <r>
    <d v="2016-09-14T00:00:00"/>
    <x v="8"/>
    <x v="2"/>
    <x v="672"/>
    <x v="9"/>
    <x v="0"/>
    <x v="0"/>
    <s v="Xerox 224"/>
    <n v="25.92"/>
    <n v="4"/>
    <n v="12.44"/>
  </r>
  <r>
    <d v="2016-09-14T00:00:00"/>
    <x v="8"/>
    <x v="2"/>
    <x v="68"/>
    <x v="20"/>
    <x v="2"/>
    <x v="6"/>
    <s v="Wi-Ex zBoost YX540 Cellular Phone Signal Booster"/>
    <n v="437.85"/>
    <n v="3"/>
    <n v="131.36000000000001"/>
  </r>
  <r>
    <d v="2016-09-14T00:00:00"/>
    <x v="8"/>
    <x v="2"/>
    <x v="68"/>
    <x v="20"/>
    <x v="0"/>
    <x v="3"/>
    <s v="GBC DocuBind 200 Manual Binding Machine"/>
    <n v="673.57"/>
    <n v="2"/>
    <n v="252.59"/>
  </r>
  <r>
    <d v="2016-09-15T00:00:00"/>
    <x v="8"/>
    <x v="2"/>
    <x v="622"/>
    <x v="2"/>
    <x v="0"/>
    <x v="0"/>
    <s v="Xerox 1968"/>
    <n v="5.34"/>
    <n v="1"/>
    <n v="1.87"/>
  </r>
  <r>
    <d v="2016-09-15T00:00:00"/>
    <x v="8"/>
    <x v="2"/>
    <x v="512"/>
    <x v="20"/>
    <x v="0"/>
    <x v="3"/>
    <s v="GBC DocuBind 300 Electric Binding Machine"/>
    <n v="841.57"/>
    <n v="2"/>
    <n v="294.55"/>
  </r>
  <r>
    <d v="2016-09-15T00:00:00"/>
    <x v="8"/>
    <x v="2"/>
    <x v="751"/>
    <x v="22"/>
    <x v="0"/>
    <x v="0"/>
    <s v="TOPS &quot;Important Message&quot; Pads, Canary, 4-1/4 x 5-1/2, 50 Sheets per Pad"/>
    <n v="21.4"/>
    <n v="5"/>
    <n v="10.06"/>
  </r>
  <r>
    <d v="2016-09-15T00:00:00"/>
    <x v="8"/>
    <x v="2"/>
    <x v="751"/>
    <x v="22"/>
    <x v="0"/>
    <x v="3"/>
    <s v="Cardinal Slant-D Ring Binder, Heavy Gauge Vinyl"/>
    <n v="48.66"/>
    <n v="7"/>
    <n v="15.82"/>
  </r>
  <r>
    <d v="2016-09-15T00:00:00"/>
    <x v="8"/>
    <x v="2"/>
    <x v="514"/>
    <x v="34"/>
    <x v="0"/>
    <x v="3"/>
    <s v="Avery Heavy-Duty EZD View Binder with Locking Rings"/>
    <n v="20.420000000000002"/>
    <n v="4"/>
    <n v="6.64"/>
  </r>
  <r>
    <d v="2016-09-15T00:00:00"/>
    <x v="8"/>
    <x v="2"/>
    <x v="514"/>
    <x v="34"/>
    <x v="1"/>
    <x v="13"/>
    <s v="Bretford Rectangular Conference Table Tops"/>
    <n v="1128.3900000000001"/>
    <n v="3"/>
    <n v="259.52999999999997"/>
  </r>
  <r>
    <d v="2016-09-15T00:00:00"/>
    <x v="8"/>
    <x v="2"/>
    <x v="475"/>
    <x v="22"/>
    <x v="0"/>
    <x v="4"/>
    <s v="SANFORD Major Accent Highlighters"/>
    <n v="35.4"/>
    <n v="5"/>
    <n v="13.45"/>
  </r>
  <r>
    <d v="2016-09-16T00:00:00"/>
    <x v="8"/>
    <x v="2"/>
    <x v="288"/>
    <x v="3"/>
    <x v="0"/>
    <x v="0"/>
    <s v="Xerox 1966"/>
    <n v="12.96"/>
    <n v="2"/>
    <n v="6.35"/>
  </r>
  <r>
    <d v="2016-09-16T00:00:00"/>
    <x v="8"/>
    <x v="2"/>
    <x v="435"/>
    <x v="3"/>
    <x v="1"/>
    <x v="11"/>
    <s v="Sauder Forest Hills Library with Doors, Woodland Oak Finish"/>
    <n v="273.67"/>
    <n v="2"/>
    <n v="-12.88"/>
  </r>
  <r>
    <d v="2016-09-16T00:00:00"/>
    <x v="8"/>
    <x v="2"/>
    <x v="435"/>
    <x v="3"/>
    <x v="0"/>
    <x v="12"/>
    <s v="Eureka Sanitaire  Multi-Pro Heavy-Duty Upright, Disposable Bags"/>
    <n v="17.48"/>
    <n v="4"/>
    <n v="4.54"/>
  </r>
  <r>
    <d v="2016-09-16T00:00:00"/>
    <x v="8"/>
    <x v="2"/>
    <x v="234"/>
    <x v="4"/>
    <x v="1"/>
    <x v="5"/>
    <s v="Global Value Mid-Back Manager's Chair, Gray"/>
    <n v="121.78"/>
    <n v="2"/>
    <n v="30.45"/>
  </r>
  <r>
    <d v="2016-09-17T00:00:00"/>
    <x v="8"/>
    <x v="2"/>
    <x v="763"/>
    <x v="3"/>
    <x v="0"/>
    <x v="4"/>
    <s v="Turquoise Lead Holder with Pocket Clip"/>
    <n v="20.100000000000001"/>
    <n v="3"/>
    <n v="6.63"/>
  </r>
  <r>
    <d v="2016-09-17T00:00:00"/>
    <x v="8"/>
    <x v="2"/>
    <x v="763"/>
    <x v="3"/>
    <x v="2"/>
    <x v="6"/>
    <s v="Panasonic Kx-TS550"/>
    <n v="73.58"/>
    <n v="2"/>
    <n v="8.2799999999999994"/>
  </r>
  <r>
    <d v="2016-09-17T00:00:00"/>
    <x v="8"/>
    <x v="2"/>
    <x v="763"/>
    <x v="3"/>
    <x v="0"/>
    <x v="0"/>
    <s v="Xerox 1995"/>
    <n v="6.48"/>
    <n v="1"/>
    <n v="3.11"/>
  </r>
  <r>
    <d v="2016-09-17T00:00:00"/>
    <x v="8"/>
    <x v="2"/>
    <x v="106"/>
    <x v="4"/>
    <x v="2"/>
    <x v="15"/>
    <s v="Lexmark X 9575 Professional All-in-One Color Printer"/>
    <n v="396"/>
    <n v="4"/>
    <n v="190.08"/>
  </r>
  <r>
    <d v="2016-09-17T00:00:00"/>
    <x v="8"/>
    <x v="2"/>
    <x v="174"/>
    <x v="41"/>
    <x v="2"/>
    <x v="6"/>
    <s v="Wi-Ex zBoost YX540 Cellular Phone Signal Booster"/>
    <n v="437.85"/>
    <n v="3"/>
    <n v="131.36000000000001"/>
  </r>
  <r>
    <d v="2016-09-17T00:00:00"/>
    <x v="8"/>
    <x v="2"/>
    <x v="174"/>
    <x v="41"/>
    <x v="1"/>
    <x v="8"/>
    <s v="C-Line Cubicle Keepers Polyproplyene Holder w/Velcro Back, 8-1/2x11, 25/Bx"/>
    <n v="109.48"/>
    <n v="2"/>
    <n v="33.94"/>
  </r>
  <r>
    <d v="2016-09-17T00:00:00"/>
    <x v="8"/>
    <x v="2"/>
    <x v="694"/>
    <x v="22"/>
    <x v="1"/>
    <x v="5"/>
    <s v="Harbour Creations 67200 Series Stacking Chairs"/>
    <n v="113.89"/>
    <n v="2"/>
    <n v="9.9700000000000006"/>
  </r>
  <r>
    <d v="2016-09-17T00:00:00"/>
    <x v="8"/>
    <x v="2"/>
    <x v="694"/>
    <x v="22"/>
    <x v="2"/>
    <x v="6"/>
    <s v="Clarity 53712"/>
    <n v="105.58"/>
    <n v="2"/>
    <n v="7.92"/>
  </r>
  <r>
    <d v="2016-09-17T00:00:00"/>
    <x v="8"/>
    <x v="2"/>
    <x v="399"/>
    <x v="20"/>
    <x v="0"/>
    <x v="3"/>
    <s v="Avery Arch Ring Binders"/>
    <n v="232.4"/>
    <n v="5"/>
    <n v="78.44"/>
  </r>
  <r>
    <d v="2016-09-17T00:00:00"/>
    <x v="8"/>
    <x v="2"/>
    <x v="14"/>
    <x v="18"/>
    <x v="0"/>
    <x v="4"/>
    <s v="Sanford Liquid Accent Highlighters"/>
    <n v="33.4"/>
    <n v="5"/>
    <n v="12.36"/>
  </r>
  <r>
    <d v="2016-09-17T00:00:00"/>
    <x v="8"/>
    <x v="2"/>
    <x v="99"/>
    <x v="32"/>
    <x v="1"/>
    <x v="8"/>
    <s v="C-Line Magnetic Cubicle Keepers, Clear Polypropylene"/>
    <n v="14.82"/>
    <n v="3"/>
    <n v="6.22"/>
  </r>
  <r>
    <d v="2016-09-17T00:00:00"/>
    <x v="8"/>
    <x v="2"/>
    <x v="99"/>
    <x v="32"/>
    <x v="1"/>
    <x v="8"/>
    <s v="Howard Miller 14-1/2&quot; Diameter Chrome Round Wall Clock"/>
    <n v="191.82"/>
    <n v="3"/>
    <n v="61.38"/>
  </r>
  <r>
    <d v="2016-09-17T00:00:00"/>
    <x v="8"/>
    <x v="2"/>
    <x v="350"/>
    <x v="10"/>
    <x v="0"/>
    <x v="2"/>
    <s v="Safco Industrial Shelving"/>
    <n v="295.39999999999998"/>
    <n v="5"/>
    <n v="-62.77"/>
  </r>
  <r>
    <d v="2016-09-17T00:00:00"/>
    <x v="8"/>
    <x v="2"/>
    <x v="684"/>
    <x v="22"/>
    <x v="0"/>
    <x v="1"/>
    <s v="Avery 481"/>
    <n v="12.32"/>
    <n v="4"/>
    <n v="5.91"/>
  </r>
  <r>
    <d v="2016-09-18T00:00:00"/>
    <x v="8"/>
    <x v="2"/>
    <x v="700"/>
    <x v="20"/>
    <x v="0"/>
    <x v="3"/>
    <s v="Avery Binding System Hidden Tab Executive Style Index Sets"/>
    <n v="4.62"/>
    <n v="1"/>
    <n v="1.73"/>
  </r>
  <r>
    <d v="2016-09-18T00:00:00"/>
    <x v="8"/>
    <x v="2"/>
    <x v="555"/>
    <x v="16"/>
    <x v="1"/>
    <x v="13"/>
    <s v="Chromcraft Round Conference Tables"/>
    <n v="383.44"/>
    <n v="4"/>
    <n v="-167.32"/>
  </r>
  <r>
    <d v="2016-09-18T00:00:00"/>
    <x v="8"/>
    <x v="2"/>
    <x v="481"/>
    <x v="33"/>
    <x v="1"/>
    <x v="5"/>
    <s v="Office Star - Professional Matrix Back Chair with 2-to-1 Synchro Tilt and Mesh Fabric Seat"/>
    <n v="350.98"/>
    <n v="1"/>
    <n v="84.24"/>
  </r>
  <r>
    <d v="2016-09-18T00:00:00"/>
    <x v="8"/>
    <x v="2"/>
    <x v="481"/>
    <x v="33"/>
    <x v="0"/>
    <x v="0"/>
    <s v="Southworth Parchment Paper &amp; Envelopes"/>
    <n v="13.08"/>
    <n v="2"/>
    <n v="6.02"/>
  </r>
  <r>
    <d v="2016-09-18T00:00:00"/>
    <x v="8"/>
    <x v="2"/>
    <x v="481"/>
    <x v="33"/>
    <x v="0"/>
    <x v="2"/>
    <s v="Tennsco Double-Tier Lockers"/>
    <n v="900.08"/>
    <n v="4"/>
    <n v="117.01"/>
  </r>
  <r>
    <d v="2016-09-18T00:00:00"/>
    <x v="8"/>
    <x v="2"/>
    <x v="9"/>
    <x v="10"/>
    <x v="1"/>
    <x v="8"/>
    <s v="Eldon Pizzaz Desk Accessories"/>
    <n v="5.35"/>
    <n v="3"/>
    <n v="1.61"/>
  </r>
  <r>
    <d v="2016-09-18T00:00:00"/>
    <x v="8"/>
    <x v="2"/>
    <x v="9"/>
    <x v="10"/>
    <x v="1"/>
    <x v="5"/>
    <s v="Situations Contoured Folding Chairs, 4/Set"/>
    <n v="99.37"/>
    <n v="2"/>
    <n v="-7.1"/>
  </r>
  <r>
    <d v="2016-09-18T00:00:00"/>
    <x v="8"/>
    <x v="2"/>
    <x v="9"/>
    <x v="10"/>
    <x v="0"/>
    <x v="4"/>
    <s v="Eldon Spacemaker Box, Quick-Snap Lid, Clear"/>
    <n v="2.67"/>
    <n v="1"/>
    <n v="0.37"/>
  </r>
  <r>
    <d v="2016-09-18T00:00:00"/>
    <x v="8"/>
    <x v="2"/>
    <x v="226"/>
    <x v="20"/>
    <x v="1"/>
    <x v="5"/>
    <s v="Global Leather Executive Chair"/>
    <n v="631.78"/>
    <n v="2"/>
    <n v="140.4"/>
  </r>
  <r>
    <d v="2016-09-18T00:00:00"/>
    <x v="8"/>
    <x v="2"/>
    <x v="226"/>
    <x v="20"/>
    <x v="1"/>
    <x v="8"/>
    <s v="DAX Two-Tone Silver Metal Document Frame"/>
    <n v="60.72"/>
    <n v="3"/>
    <n v="26.11"/>
  </r>
  <r>
    <d v="2016-09-18T00:00:00"/>
    <x v="8"/>
    <x v="2"/>
    <x v="487"/>
    <x v="16"/>
    <x v="0"/>
    <x v="1"/>
    <s v="Avery 480"/>
    <n v="3"/>
    <n v="1"/>
    <n v="1.05"/>
  </r>
  <r>
    <d v="2016-09-18T00:00:00"/>
    <x v="8"/>
    <x v="2"/>
    <x v="638"/>
    <x v="3"/>
    <x v="1"/>
    <x v="5"/>
    <s v="Global Troy Executive Leather Low-Back Tilter"/>
    <n v="801.57"/>
    <n v="2"/>
    <n v="50.1"/>
  </r>
  <r>
    <d v="2016-09-18T00:00:00"/>
    <x v="8"/>
    <x v="2"/>
    <x v="638"/>
    <x v="3"/>
    <x v="0"/>
    <x v="0"/>
    <s v="Xerox 1945"/>
    <n v="368.91"/>
    <n v="9"/>
    <n v="180.77"/>
  </r>
  <r>
    <d v="2016-09-18T00:00:00"/>
    <x v="8"/>
    <x v="2"/>
    <x v="638"/>
    <x v="3"/>
    <x v="1"/>
    <x v="5"/>
    <s v="Global High-Back Leather Tilter, Burgundy"/>
    <n v="885.53"/>
    <n v="9"/>
    <n v="-99.62"/>
  </r>
  <r>
    <d v="2016-09-18T00:00:00"/>
    <x v="8"/>
    <x v="2"/>
    <x v="649"/>
    <x v="3"/>
    <x v="2"/>
    <x v="6"/>
    <s v="Polycom CX300 Desktop Phone USB VoIP phone"/>
    <n v="239.98"/>
    <n v="2"/>
    <n v="24"/>
  </r>
  <r>
    <d v="2016-09-19T00:00:00"/>
    <x v="8"/>
    <x v="2"/>
    <x v="469"/>
    <x v="1"/>
    <x v="1"/>
    <x v="5"/>
    <s v="Global Troy Executive Leather Low-Back Tilter"/>
    <n v="701.37"/>
    <n v="2"/>
    <n v="-50.1"/>
  </r>
  <r>
    <d v="2016-09-19T00:00:00"/>
    <x v="8"/>
    <x v="2"/>
    <x v="469"/>
    <x v="1"/>
    <x v="0"/>
    <x v="3"/>
    <s v="Avery Binding System Hidden Tab Executive Style Index Sets"/>
    <n v="2.31"/>
    <n v="2"/>
    <n v="-3.46"/>
  </r>
  <r>
    <d v="2016-09-19T00:00:00"/>
    <x v="8"/>
    <x v="2"/>
    <x v="511"/>
    <x v="43"/>
    <x v="0"/>
    <x v="2"/>
    <s v="Hot File 7-Pocket, Floor Stand"/>
    <n v="1606.23"/>
    <n v="9"/>
    <n v="481.87"/>
  </r>
  <r>
    <d v="2016-09-19T00:00:00"/>
    <x v="8"/>
    <x v="2"/>
    <x v="511"/>
    <x v="43"/>
    <x v="0"/>
    <x v="0"/>
    <s v="Adams Telephone Message Book W/Dividers/Space For Phone Numbers, 5 1/4&quot;X8 1/2&quot;, 200/Messages"/>
    <n v="17.04"/>
    <n v="3"/>
    <n v="7.67"/>
  </r>
  <r>
    <d v="2016-09-19T00:00:00"/>
    <x v="8"/>
    <x v="2"/>
    <x v="511"/>
    <x v="43"/>
    <x v="0"/>
    <x v="3"/>
    <s v="JM Magazine Binder"/>
    <n v="49.53"/>
    <n v="3"/>
    <n v="23.77"/>
  </r>
  <r>
    <d v="2016-09-19T00:00:00"/>
    <x v="8"/>
    <x v="2"/>
    <x v="511"/>
    <x v="43"/>
    <x v="1"/>
    <x v="5"/>
    <s v="Lifetime Advantage Folding Chairs, 4/Carton"/>
    <n v="872.32"/>
    <n v="4"/>
    <n v="244.25"/>
  </r>
  <r>
    <d v="2016-09-19T00:00:00"/>
    <x v="8"/>
    <x v="2"/>
    <x v="308"/>
    <x v="3"/>
    <x v="0"/>
    <x v="0"/>
    <s v="Xerox Color Copier Paper, 11&quot; x 17&quot;, Ream"/>
    <n v="159.88"/>
    <n v="7"/>
    <n v="73.540000000000006"/>
  </r>
  <r>
    <d v="2016-09-19T00:00:00"/>
    <x v="8"/>
    <x v="2"/>
    <x v="26"/>
    <x v="23"/>
    <x v="0"/>
    <x v="3"/>
    <s v="Storex DuraTech Recycled Plastic Frosted Binders"/>
    <n v="25.44"/>
    <n v="6"/>
    <n v="12.72"/>
  </r>
  <r>
    <d v="2016-09-19T00:00:00"/>
    <x v="8"/>
    <x v="2"/>
    <x v="26"/>
    <x v="23"/>
    <x v="0"/>
    <x v="14"/>
    <s v="Acme Forged Steel Scissors with Black Enamel Handles"/>
    <n v="27.93"/>
    <n v="3"/>
    <n v="8.1"/>
  </r>
  <r>
    <d v="2016-09-19T00:00:00"/>
    <x v="8"/>
    <x v="2"/>
    <x v="633"/>
    <x v="4"/>
    <x v="0"/>
    <x v="14"/>
    <s v="Letter Slitter"/>
    <n v="5.04"/>
    <n v="2"/>
    <n v="0.15"/>
  </r>
  <r>
    <d v="2016-09-19T00:00:00"/>
    <x v="8"/>
    <x v="2"/>
    <x v="633"/>
    <x v="4"/>
    <x v="2"/>
    <x v="9"/>
    <s v="Logitech Wireless Marathon Mouse M705"/>
    <n v="249.95"/>
    <n v="5"/>
    <n v="107.48"/>
  </r>
  <r>
    <d v="2016-09-19T00:00:00"/>
    <x v="8"/>
    <x v="2"/>
    <x v="64"/>
    <x v="2"/>
    <x v="1"/>
    <x v="8"/>
    <s v="Nu-Dell Oak Frame"/>
    <n v="25.63"/>
    <n v="3"/>
    <n v="3.84"/>
  </r>
  <r>
    <d v="2016-09-19T00:00:00"/>
    <x v="8"/>
    <x v="2"/>
    <x v="684"/>
    <x v="3"/>
    <x v="0"/>
    <x v="3"/>
    <s v="Cardinal Holdit Business Card Pockets"/>
    <n v="11.95"/>
    <n v="3"/>
    <n v="4.18"/>
  </r>
  <r>
    <d v="2016-09-19T00:00:00"/>
    <x v="8"/>
    <x v="2"/>
    <x v="684"/>
    <x v="3"/>
    <x v="0"/>
    <x v="14"/>
    <s v="Kleencut Forged Office Shears by Acme United Corporation"/>
    <n v="6.24"/>
    <n v="3"/>
    <n v="1.87"/>
  </r>
  <r>
    <d v="2016-09-19T00:00:00"/>
    <x v="8"/>
    <x v="2"/>
    <x v="584"/>
    <x v="43"/>
    <x v="0"/>
    <x v="2"/>
    <s v="Home/Office Personal File Carts"/>
    <n v="69.52"/>
    <n v="2"/>
    <n v="17.38"/>
  </r>
  <r>
    <d v="2016-09-19T00:00:00"/>
    <x v="8"/>
    <x v="2"/>
    <x v="136"/>
    <x v="3"/>
    <x v="0"/>
    <x v="3"/>
    <s v="Avery Heavy-Duty EZD  Binder With Locking Rings"/>
    <n v="8.93"/>
    <n v="2"/>
    <n v="3.12"/>
  </r>
  <r>
    <d v="2016-09-20T00:00:00"/>
    <x v="8"/>
    <x v="2"/>
    <x v="129"/>
    <x v="3"/>
    <x v="0"/>
    <x v="0"/>
    <s v="Strathmore Photo Frame Cards"/>
    <n v="65.790000000000006"/>
    <n v="9"/>
    <n v="30.26"/>
  </r>
  <r>
    <d v="2016-09-20T00:00:00"/>
    <x v="8"/>
    <x v="2"/>
    <x v="129"/>
    <x v="3"/>
    <x v="0"/>
    <x v="3"/>
    <s v="Fellowes PB200 Plastic Comb Binding Machine"/>
    <n v="271.98"/>
    <n v="2"/>
    <n v="88.39"/>
  </r>
  <r>
    <d v="2016-09-20T00:00:00"/>
    <x v="8"/>
    <x v="2"/>
    <x v="129"/>
    <x v="3"/>
    <x v="0"/>
    <x v="4"/>
    <s v="Newell 343"/>
    <n v="11.76"/>
    <n v="4"/>
    <n v="3.18"/>
  </r>
  <r>
    <d v="2016-09-20T00:00:00"/>
    <x v="8"/>
    <x v="2"/>
    <x v="129"/>
    <x v="3"/>
    <x v="0"/>
    <x v="0"/>
    <s v="Xerox 1944"/>
    <n v="77.52"/>
    <n v="2"/>
    <n v="37.979999999999997"/>
  </r>
  <r>
    <d v="2016-09-20T00:00:00"/>
    <x v="8"/>
    <x v="2"/>
    <x v="129"/>
    <x v="3"/>
    <x v="0"/>
    <x v="3"/>
    <s v="Ibico Plastic Spiral Binding Combs"/>
    <n v="48.64"/>
    <n v="2"/>
    <n v="15.81"/>
  </r>
  <r>
    <d v="2016-09-20T00:00:00"/>
    <x v="8"/>
    <x v="2"/>
    <x v="76"/>
    <x v="25"/>
    <x v="1"/>
    <x v="8"/>
    <s v="Dana Swing-Arm Lamps"/>
    <n v="17.09"/>
    <n v="2"/>
    <n v="1.07"/>
  </r>
  <r>
    <d v="2016-09-20T00:00:00"/>
    <x v="8"/>
    <x v="2"/>
    <x v="76"/>
    <x v="25"/>
    <x v="1"/>
    <x v="5"/>
    <s v="Global High-Back Leather Tilter, Burgundy"/>
    <n v="98.39"/>
    <n v="1"/>
    <n v="-11.07"/>
  </r>
  <r>
    <d v="2016-09-20T00:00:00"/>
    <x v="8"/>
    <x v="2"/>
    <x v="276"/>
    <x v="20"/>
    <x v="0"/>
    <x v="12"/>
    <s v="Honeywell Quietcare HEPA Air Cleaner"/>
    <n v="393.25"/>
    <n v="5"/>
    <n v="129.77000000000001"/>
  </r>
  <r>
    <d v="2016-09-20T00:00:00"/>
    <x v="8"/>
    <x v="2"/>
    <x v="647"/>
    <x v="14"/>
    <x v="0"/>
    <x v="3"/>
    <s v="GBC Poly Designer Binding Covers"/>
    <n v="83.7"/>
    <n v="5"/>
    <n v="41.01"/>
  </r>
  <r>
    <d v="2016-09-20T00:00:00"/>
    <x v="8"/>
    <x v="2"/>
    <x v="631"/>
    <x v="22"/>
    <x v="1"/>
    <x v="11"/>
    <s v="O'Sullivan 5-Shelf Heavy-Duty Bookcases"/>
    <n v="163.88"/>
    <n v="2"/>
    <n v="40.97"/>
  </r>
  <r>
    <d v="2016-09-22T00:00:00"/>
    <x v="8"/>
    <x v="2"/>
    <x v="562"/>
    <x v="15"/>
    <x v="0"/>
    <x v="4"/>
    <s v="Berol Giant Pencil Sharpener"/>
    <n v="40.78"/>
    <n v="3"/>
    <n v="4.59"/>
  </r>
  <r>
    <d v="2016-09-22T00:00:00"/>
    <x v="8"/>
    <x v="2"/>
    <x v="562"/>
    <x v="15"/>
    <x v="2"/>
    <x v="6"/>
    <s v="PayAnywhere Card Reader"/>
    <n v="63.94"/>
    <n v="8"/>
    <n v="5.59"/>
  </r>
  <r>
    <d v="2016-09-22T00:00:00"/>
    <x v="8"/>
    <x v="2"/>
    <x v="517"/>
    <x v="2"/>
    <x v="0"/>
    <x v="4"/>
    <s v="Newell 348"/>
    <n v="7.87"/>
    <n v="3"/>
    <n v="0.89"/>
  </r>
  <r>
    <d v="2016-09-22T00:00:00"/>
    <x v="8"/>
    <x v="2"/>
    <x v="482"/>
    <x v="16"/>
    <x v="0"/>
    <x v="3"/>
    <s v="Acco Suede Grain Vinyl Round Ring Binder"/>
    <n v="7.51"/>
    <n v="9"/>
    <n v="-6"/>
  </r>
  <r>
    <d v="2016-09-22T00:00:00"/>
    <x v="8"/>
    <x v="2"/>
    <x v="482"/>
    <x v="16"/>
    <x v="0"/>
    <x v="1"/>
    <s v="Avery Address/Shipping Labels for Typewriters, 4&quot; x 2&quot;"/>
    <n v="16.559999999999999"/>
    <n v="2"/>
    <n v="5.8"/>
  </r>
  <r>
    <d v="2016-09-22T00:00:00"/>
    <x v="8"/>
    <x v="2"/>
    <x v="326"/>
    <x v="5"/>
    <x v="1"/>
    <x v="8"/>
    <s v="G.E. Longer-Life Indoor Recessed Floodlight Bulbs"/>
    <n v="13.28"/>
    <n v="2"/>
    <n v="6.37"/>
  </r>
  <r>
    <d v="2016-09-22T00:00:00"/>
    <x v="8"/>
    <x v="2"/>
    <x v="629"/>
    <x v="2"/>
    <x v="0"/>
    <x v="1"/>
    <s v="Avery 476"/>
    <n v="16.52"/>
    <n v="5"/>
    <n v="5.37"/>
  </r>
  <r>
    <d v="2016-09-22T00:00:00"/>
    <x v="8"/>
    <x v="2"/>
    <x v="381"/>
    <x v="20"/>
    <x v="0"/>
    <x v="2"/>
    <s v="Sortfiler Multipurpose Personal File Organizer, Black"/>
    <n v="128.34"/>
    <n v="6"/>
    <n v="37.22"/>
  </r>
  <r>
    <d v="2016-09-22T00:00:00"/>
    <x v="8"/>
    <x v="2"/>
    <x v="461"/>
    <x v="18"/>
    <x v="0"/>
    <x v="0"/>
    <s v="Xerox 1895"/>
    <n v="35.880000000000003"/>
    <n v="6"/>
    <n v="16.149999999999999"/>
  </r>
  <r>
    <d v="2016-09-22T00:00:00"/>
    <x v="8"/>
    <x v="2"/>
    <x v="436"/>
    <x v="26"/>
    <x v="1"/>
    <x v="8"/>
    <s v="Aluminum Document Frame"/>
    <n v="68.430000000000007"/>
    <n v="7"/>
    <n v="8.5500000000000007"/>
  </r>
  <r>
    <d v="2016-09-22T00:00:00"/>
    <x v="8"/>
    <x v="2"/>
    <x v="10"/>
    <x v="21"/>
    <x v="1"/>
    <x v="8"/>
    <s v="DAX Two-Tone Rosewood/Black Document Frame, Desktop, 5 x 7"/>
    <n v="18.96"/>
    <n v="2"/>
    <n v="7.58"/>
  </r>
  <r>
    <d v="2016-09-22T00:00:00"/>
    <x v="8"/>
    <x v="2"/>
    <x v="70"/>
    <x v="10"/>
    <x v="0"/>
    <x v="10"/>
    <s v="Blue String-Tie &amp; Button Interoffice Envelopes, 10 x 13"/>
    <n v="63.97"/>
    <n v="2"/>
    <n v="19.989999999999998"/>
  </r>
  <r>
    <d v="2016-09-22T00:00:00"/>
    <x v="8"/>
    <x v="2"/>
    <x v="361"/>
    <x v="14"/>
    <x v="0"/>
    <x v="0"/>
    <s v="RSVP Cards &amp; Envelopes, Blank White, 8-1/2&quot; X 11&quot;, 24 Cards/25 Envelopes/Set"/>
    <n v="35.56"/>
    <n v="7"/>
    <n v="16.71"/>
  </r>
  <r>
    <d v="2016-09-22T00:00:00"/>
    <x v="8"/>
    <x v="2"/>
    <x v="361"/>
    <x v="14"/>
    <x v="2"/>
    <x v="6"/>
    <s v="Panasonic KX TS208W Corded phone"/>
    <n v="97.98"/>
    <n v="2"/>
    <n v="27.43"/>
  </r>
  <r>
    <d v="2016-09-23T00:00:00"/>
    <x v="8"/>
    <x v="2"/>
    <x v="254"/>
    <x v="10"/>
    <x v="1"/>
    <x v="8"/>
    <s v="Rubbermaid ClusterMat Chairmats, Mat Size- 66&quot; x 60&quot;, Lip 20&quot; x 11&quot; -90 Degree Angle"/>
    <n v="532.70000000000005"/>
    <n v="6"/>
    <n v="-26.64"/>
  </r>
  <r>
    <d v="2016-09-23T00:00:00"/>
    <x v="8"/>
    <x v="2"/>
    <x v="254"/>
    <x v="10"/>
    <x v="0"/>
    <x v="4"/>
    <s v="Dixon Ticonderoga Maple Cedar Pencil, #2"/>
    <n v="4.91"/>
    <n v="2"/>
    <n v="0.31"/>
  </r>
  <r>
    <d v="2016-09-23T00:00:00"/>
    <x v="8"/>
    <x v="2"/>
    <x v="277"/>
    <x v="4"/>
    <x v="0"/>
    <x v="2"/>
    <s v="Eldon Mobile Mega Data Cart  Mega Stackable  Add-On Trays"/>
    <n v="118.25"/>
    <n v="5"/>
    <n v="34.29"/>
  </r>
  <r>
    <d v="2016-09-23T00:00:00"/>
    <x v="8"/>
    <x v="2"/>
    <x v="277"/>
    <x v="4"/>
    <x v="1"/>
    <x v="5"/>
    <s v="Hon Mobius Operator's Chair"/>
    <n v="368.97"/>
    <n v="3"/>
    <n v="81.17"/>
  </r>
  <r>
    <d v="2016-09-23T00:00:00"/>
    <x v="8"/>
    <x v="2"/>
    <x v="507"/>
    <x v="22"/>
    <x v="0"/>
    <x v="14"/>
    <s v="Acme Design Stainless Steel Bent Scissors"/>
    <n v="13.68"/>
    <n v="2"/>
    <n v="3.69"/>
  </r>
  <r>
    <d v="2016-09-23T00:00:00"/>
    <x v="8"/>
    <x v="2"/>
    <x v="762"/>
    <x v="3"/>
    <x v="0"/>
    <x v="10"/>
    <s v="Poly String Tie Envelopes"/>
    <n v="4.08"/>
    <n v="2"/>
    <n v="1.92"/>
  </r>
  <r>
    <d v="2016-09-23T00:00:00"/>
    <x v="8"/>
    <x v="2"/>
    <x v="762"/>
    <x v="3"/>
    <x v="0"/>
    <x v="1"/>
    <s v="Avery 51"/>
    <n v="18.899999999999999"/>
    <n v="3"/>
    <n v="8.69"/>
  </r>
  <r>
    <d v="2016-09-23T00:00:00"/>
    <x v="8"/>
    <x v="2"/>
    <x v="748"/>
    <x v="20"/>
    <x v="0"/>
    <x v="3"/>
    <s v="3-ring staple pack"/>
    <n v="10.53"/>
    <n v="7"/>
    <n v="3.68"/>
  </r>
  <r>
    <d v="2016-09-23T00:00:00"/>
    <x v="8"/>
    <x v="2"/>
    <x v="179"/>
    <x v="10"/>
    <x v="0"/>
    <x v="0"/>
    <s v="Xerox 1970"/>
    <n v="11.95"/>
    <n v="3"/>
    <n v="4.03"/>
  </r>
  <r>
    <d v="2016-09-23T00:00:00"/>
    <x v="8"/>
    <x v="2"/>
    <x v="179"/>
    <x v="10"/>
    <x v="1"/>
    <x v="8"/>
    <s v="Eldon 400 Class Desk Accessories, Black Carbon"/>
    <n v="28"/>
    <n v="4"/>
    <n v="7.7"/>
  </r>
  <r>
    <d v="2016-09-23T00:00:00"/>
    <x v="8"/>
    <x v="2"/>
    <x v="179"/>
    <x v="10"/>
    <x v="0"/>
    <x v="3"/>
    <s v="Fellowes Black Plastic Comb Bindings"/>
    <n v="12.2"/>
    <n v="7"/>
    <n v="-9.76"/>
  </r>
  <r>
    <d v="2016-09-23T00:00:00"/>
    <x v="8"/>
    <x v="2"/>
    <x v="679"/>
    <x v="22"/>
    <x v="0"/>
    <x v="3"/>
    <s v="ACCOHIDE 3-Ring Binder, Blue, 1&quot;"/>
    <n v="13.22"/>
    <n v="4"/>
    <n v="4.46"/>
  </r>
  <r>
    <d v="2016-09-23T00:00:00"/>
    <x v="8"/>
    <x v="2"/>
    <x v="679"/>
    <x v="22"/>
    <x v="1"/>
    <x v="5"/>
    <s v="Global Deluxe Steno Chair"/>
    <n v="184.75"/>
    <n v="3"/>
    <n v="-20.78"/>
  </r>
  <r>
    <d v="2016-09-24T00:00:00"/>
    <x v="8"/>
    <x v="2"/>
    <x v="500"/>
    <x v="10"/>
    <x v="1"/>
    <x v="5"/>
    <s v="Office Star - Contemporary Task Swivel Chair"/>
    <n v="155.37"/>
    <n v="2"/>
    <n v="-13.32"/>
  </r>
  <r>
    <d v="2016-09-24T00:00:00"/>
    <x v="8"/>
    <x v="2"/>
    <x v="174"/>
    <x v="3"/>
    <x v="0"/>
    <x v="2"/>
    <s v="Tennsco Lockers, Gray"/>
    <n v="41.96"/>
    <n v="2"/>
    <n v="2.94"/>
  </r>
  <r>
    <d v="2016-09-24T00:00:00"/>
    <x v="8"/>
    <x v="2"/>
    <x v="174"/>
    <x v="3"/>
    <x v="0"/>
    <x v="0"/>
    <s v="REDIFORM Incoming/Outgoing Call Register, 11&quot; X 8 1/2&quot;, 100 Messages"/>
    <n v="41.7"/>
    <n v="5"/>
    <n v="20.85"/>
  </r>
  <r>
    <d v="2016-09-24T00:00:00"/>
    <x v="8"/>
    <x v="2"/>
    <x v="615"/>
    <x v="3"/>
    <x v="1"/>
    <x v="8"/>
    <s v="Nu-Dell Executive Frame"/>
    <n v="63.2"/>
    <n v="5"/>
    <n v="23.38"/>
  </r>
  <r>
    <d v="2016-09-24T00:00:00"/>
    <x v="8"/>
    <x v="2"/>
    <x v="750"/>
    <x v="26"/>
    <x v="1"/>
    <x v="8"/>
    <s v="Electrix 20W Halogen Replacement Bulb for Zoom-In Desk Lamp"/>
    <n v="21.44"/>
    <n v="2"/>
    <n v="7.5"/>
  </r>
  <r>
    <d v="2016-09-24T00:00:00"/>
    <x v="8"/>
    <x v="2"/>
    <x v="750"/>
    <x v="26"/>
    <x v="0"/>
    <x v="2"/>
    <s v="Sensible Storage WireTech Storage Systems"/>
    <n v="511.06"/>
    <n v="9"/>
    <n v="-95.82"/>
  </r>
  <r>
    <d v="2016-09-24T00:00:00"/>
    <x v="8"/>
    <x v="2"/>
    <x v="157"/>
    <x v="39"/>
    <x v="0"/>
    <x v="3"/>
    <s v="Avery Heavy-Duty EZD View Binder with Locking Rings"/>
    <n v="6.38"/>
    <n v="1"/>
    <n v="2.93"/>
  </r>
  <r>
    <d v="2016-09-24T00:00:00"/>
    <x v="8"/>
    <x v="2"/>
    <x v="157"/>
    <x v="39"/>
    <x v="0"/>
    <x v="0"/>
    <s v="Xerox 232"/>
    <n v="6.48"/>
    <n v="1"/>
    <n v="3.11"/>
  </r>
  <r>
    <d v="2016-09-24T00:00:00"/>
    <x v="8"/>
    <x v="2"/>
    <x v="131"/>
    <x v="18"/>
    <x v="1"/>
    <x v="8"/>
    <s v="Deflect-o DuraMat Lighweight, Studded, Beveled Mat for Low Pile Carpeting"/>
    <n v="127.95"/>
    <n v="3"/>
    <n v="21.75"/>
  </r>
  <r>
    <d v="2016-09-24T00:00:00"/>
    <x v="8"/>
    <x v="2"/>
    <x v="521"/>
    <x v="1"/>
    <x v="0"/>
    <x v="3"/>
    <s v="GBC ProClick 150 Presentation Binding System"/>
    <n v="442.37"/>
    <n v="7"/>
    <n v="-729.91"/>
  </r>
  <r>
    <d v="2016-09-24T00:00:00"/>
    <x v="8"/>
    <x v="2"/>
    <x v="150"/>
    <x v="3"/>
    <x v="0"/>
    <x v="10"/>
    <s v="Tyvek Interoffice Envelopes, 9 1/2&quot; x 12 1/2&quot;, 100/Box"/>
    <n v="304.89999999999998"/>
    <n v="5"/>
    <n v="143.30000000000001"/>
  </r>
  <r>
    <d v="2016-09-24T00:00:00"/>
    <x v="8"/>
    <x v="2"/>
    <x v="150"/>
    <x v="3"/>
    <x v="1"/>
    <x v="5"/>
    <s v="Hon Olson Stacker Stools"/>
    <n v="563.24"/>
    <n v="5"/>
    <n v="56.32"/>
  </r>
  <r>
    <d v="2016-09-25T00:00:00"/>
    <x v="8"/>
    <x v="2"/>
    <x v="579"/>
    <x v="12"/>
    <x v="1"/>
    <x v="13"/>
    <s v="Bevis Boat-Shaped Conference Table"/>
    <n v="393.17"/>
    <n v="3"/>
    <n v="-204.45"/>
  </r>
  <r>
    <d v="2016-09-25T00:00:00"/>
    <x v="8"/>
    <x v="2"/>
    <x v="62"/>
    <x v="0"/>
    <x v="0"/>
    <x v="1"/>
    <s v="Avery 499"/>
    <n v="15.94"/>
    <n v="4"/>
    <n v="5.18"/>
  </r>
  <r>
    <d v="2016-09-25T00:00:00"/>
    <x v="8"/>
    <x v="2"/>
    <x v="124"/>
    <x v="11"/>
    <x v="0"/>
    <x v="0"/>
    <s v="REDIFORM Incoming/Outgoing Call Register, 11&quot; X 8 1/2&quot;, 100 Messages"/>
    <n v="60.05"/>
    <n v="9"/>
    <n v="22.52"/>
  </r>
  <r>
    <d v="2016-09-25T00:00:00"/>
    <x v="8"/>
    <x v="2"/>
    <x v="124"/>
    <x v="11"/>
    <x v="0"/>
    <x v="3"/>
    <s v="GBC Poly Designer Binding Covers"/>
    <n v="5.0199999999999996"/>
    <n v="1"/>
    <n v="-3.52"/>
  </r>
  <r>
    <d v="2016-09-25T00:00:00"/>
    <x v="8"/>
    <x v="2"/>
    <x v="621"/>
    <x v="3"/>
    <x v="0"/>
    <x v="4"/>
    <s v="BIC Brite Liner Highlighters"/>
    <n v="16.559999999999999"/>
    <n v="4"/>
    <n v="6.96"/>
  </r>
  <r>
    <d v="2016-09-25T00:00:00"/>
    <x v="8"/>
    <x v="2"/>
    <x v="571"/>
    <x v="21"/>
    <x v="2"/>
    <x v="9"/>
    <s v="Logitech Wireless Headset h800"/>
    <n v="499.95"/>
    <n v="5"/>
    <n v="174.98"/>
  </r>
  <r>
    <d v="2016-09-25T00:00:00"/>
    <x v="8"/>
    <x v="2"/>
    <x v="571"/>
    <x v="21"/>
    <x v="0"/>
    <x v="4"/>
    <s v="Manco Dry-Lighter Erasable Highlighter"/>
    <n v="3.04"/>
    <n v="1"/>
    <n v="1.03"/>
  </r>
  <r>
    <d v="2016-09-25T00:00:00"/>
    <x v="8"/>
    <x v="2"/>
    <x v="571"/>
    <x v="21"/>
    <x v="1"/>
    <x v="5"/>
    <s v="Global Fabric Manager's Chair, Dark Gray"/>
    <n v="201.96"/>
    <n v="2"/>
    <n v="50.49"/>
  </r>
  <r>
    <d v="2016-09-25T00:00:00"/>
    <x v="8"/>
    <x v="2"/>
    <x v="571"/>
    <x v="21"/>
    <x v="1"/>
    <x v="8"/>
    <s v="Eldon Expressions Mahogany Wood Desk Collection"/>
    <n v="68.64"/>
    <n v="11"/>
    <n v="17.16"/>
  </r>
  <r>
    <d v="2016-09-25T00:00:00"/>
    <x v="8"/>
    <x v="2"/>
    <x v="578"/>
    <x v="10"/>
    <x v="0"/>
    <x v="12"/>
    <s v="Hoover Shoulder Vac Commercial Portable Vacuum"/>
    <n v="286.26"/>
    <n v="1"/>
    <n v="17.89"/>
  </r>
  <r>
    <d v="2016-09-25T00:00:00"/>
    <x v="8"/>
    <x v="2"/>
    <x v="578"/>
    <x v="10"/>
    <x v="0"/>
    <x v="2"/>
    <s v="Eldon Gobal File Keepers"/>
    <n v="24.22"/>
    <n v="2"/>
    <n v="-4.84"/>
  </r>
  <r>
    <d v="2016-09-25T00:00:00"/>
    <x v="8"/>
    <x v="2"/>
    <x v="578"/>
    <x v="10"/>
    <x v="0"/>
    <x v="2"/>
    <s v="SAFCO Commercial Wire Shelving, Black"/>
    <n v="331.54"/>
    <n v="3"/>
    <n v="-82.88"/>
  </r>
  <r>
    <d v="2016-09-25T00:00:00"/>
    <x v="8"/>
    <x v="2"/>
    <x v="322"/>
    <x v="3"/>
    <x v="1"/>
    <x v="11"/>
    <s v="Atlantic Metals Mobile 4-Shelf Bookcases, Custom Colors"/>
    <n v="477.67"/>
    <n v="2"/>
    <n v="84.29"/>
  </r>
  <r>
    <d v="2016-09-25T00:00:00"/>
    <x v="8"/>
    <x v="2"/>
    <x v="275"/>
    <x v="3"/>
    <x v="0"/>
    <x v="0"/>
    <s v="Ampad Evidence Wirebond Steno Books, 6&quot; x 9&quot;"/>
    <n v="10.9"/>
    <n v="5"/>
    <n v="5.12"/>
  </r>
  <r>
    <d v="2016-09-25T00:00:00"/>
    <x v="8"/>
    <x v="2"/>
    <x v="275"/>
    <x v="3"/>
    <x v="0"/>
    <x v="1"/>
    <s v="Alphabetical Labels for Top Tab Filing"/>
    <n v="29.6"/>
    <n v="2"/>
    <n v="14.8"/>
  </r>
  <r>
    <d v="2016-09-25T00:00:00"/>
    <x v="8"/>
    <x v="2"/>
    <x v="275"/>
    <x v="3"/>
    <x v="0"/>
    <x v="1"/>
    <s v="Avery 513"/>
    <n v="4.9800000000000004"/>
    <n v="1"/>
    <n v="2.29"/>
  </r>
  <r>
    <d v="2016-09-25T00:00:00"/>
    <x v="8"/>
    <x v="2"/>
    <x v="275"/>
    <x v="3"/>
    <x v="2"/>
    <x v="16"/>
    <s v="Canon PC-428 Personal Copier"/>
    <n v="479.98"/>
    <n v="3"/>
    <n v="161.99"/>
  </r>
  <r>
    <d v="2016-09-25T00:00:00"/>
    <x v="8"/>
    <x v="2"/>
    <x v="275"/>
    <x v="3"/>
    <x v="2"/>
    <x v="6"/>
    <s v="SmartStand Mobile Device Holder, Assorted Colors"/>
    <n v="44.74"/>
    <n v="8"/>
    <n v="4.47"/>
  </r>
  <r>
    <d v="2016-09-25T00:00:00"/>
    <x v="8"/>
    <x v="2"/>
    <x v="275"/>
    <x v="3"/>
    <x v="0"/>
    <x v="4"/>
    <s v="Newell 346"/>
    <n v="5.76"/>
    <n v="2"/>
    <n v="1.67"/>
  </r>
  <r>
    <d v="2016-09-25T00:00:00"/>
    <x v="8"/>
    <x v="2"/>
    <x v="275"/>
    <x v="3"/>
    <x v="1"/>
    <x v="5"/>
    <s v="Global Airflow Leather Mesh Back Chair, Black"/>
    <n v="483.14"/>
    <n v="4"/>
    <n v="60.39"/>
  </r>
  <r>
    <d v="2016-09-26T00:00:00"/>
    <x v="8"/>
    <x v="2"/>
    <x v="40"/>
    <x v="1"/>
    <x v="1"/>
    <x v="5"/>
    <s v="Hon 4700 Series Mobuis Mid-Back Task Chairs with Adjustable Arms"/>
    <n v="747.56"/>
    <n v="3"/>
    <n v="-96.11"/>
  </r>
  <r>
    <d v="2016-09-26T00:00:00"/>
    <x v="8"/>
    <x v="2"/>
    <x v="40"/>
    <x v="1"/>
    <x v="0"/>
    <x v="10"/>
    <s v="Staple envelope"/>
    <n v="8.93"/>
    <n v="2"/>
    <n v="3.35"/>
  </r>
  <r>
    <d v="2016-09-26T00:00:00"/>
    <x v="8"/>
    <x v="2"/>
    <x v="562"/>
    <x v="3"/>
    <x v="1"/>
    <x v="11"/>
    <s v="Bestar Classic Bookcase"/>
    <n v="424.96"/>
    <n v="5"/>
    <n v="20"/>
  </r>
  <r>
    <d v="2016-09-26T00:00:00"/>
    <x v="8"/>
    <x v="2"/>
    <x v="188"/>
    <x v="22"/>
    <x v="0"/>
    <x v="12"/>
    <s v="Belkin 7 Outlet SurgeMaster II"/>
    <n v="236.88"/>
    <n v="6"/>
    <n v="66.33"/>
  </r>
  <r>
    <d v="2016-09-26T00:00:00"/>
    <x v="8"/>
    <x v="2"/>
    <x v="188"/>
    <x v="22"/>
    <x v="0"/>
    <x v="0"/>
    <s v="Universal Premium White Copier/Laser Paper (20Lb. and 87 Bright)"/>
    <n v="29.9"/>
    <n v="5"/>
    <n v="14.65"/>
  </r>
  <r>
    <d v="2016-09-26T00:00:00"/>
    <x v="8"/>
    <x v="2"/>
    <x v="188"/>
    <x v="22"/>
    <x v="2"/>
    <x v="9"/>
    <s v="Micro Innovations USB RF Wireless Keyboard with Mouse"/>
    <n v="100"/>
    <n v="4"/>
    <n v="21"/>
  </r>
  <r>
    <d v="2016-09-26T00:00:00"/>
    <x v="8"/>
    <x v="2"/>
    <x v="345"/>
    <x v="30"/>
    <x v="0"/>
    <x v="0"/>
    <s v="Hammermill Color Copier Paper (28Lb. and 96 Bright)"/>
    <n v="9.99"/>
    <n v="1"/>
    <n v="4.5"/>
  </r>
  <r>
    <d v="2016-09-26T00:00:00"/>
    <x v="8"/>
    <x v="2"/>
    <x v="250"/>
    <x v="3"/>
    <x v="0"/>
    <x v="2"/>
    <s v="Advantus Rolling Storage Box"/>
    <n v="51.45"/>
    <n v="3"/>
    <n v="13.89"/>
  </r>
  <r>
    <d v="2016-09-26T00:00:00"/>
    <x v="8"/>
    <x v="2"/>
    <x v="250"/>
    <x v="3"/>
    <x v="0"/>
    <x v="1"/>
    <s v="Avery 494"/>
    <n v="7.83"/>
    <n v="3"/>
    <n v="3.6"/>
  </r>
  <r>
    <d v="2016-09-26T00:00:00"/>
    <x v="8"/>
    <x v="2"/>
    <x v="250"/>
    <x v="3"/>
    <x v="0"/>
    <x v="4"/>
    <s v="SANFORD Major Accent Highlighters"/>
    <n v="35.4"/>
    <n v="5"/>
    <n v="13.45"/>
  </r>
  <r>
    <d v="2016-09-26T00:00:00"/>
    <x v="8"/>
    <x v="2"/>
    <x v="250"/>
    <x v="3"/>
    <x v="0"/>
    <x v="0"/>
    <s v="Great White Multi-Use Recycled Paper (20Lb. and 84 Bright)"/>
    <n v="29.9"/>
    <n v="5"/>
    <n v="13.46"/>
  </r>
  <r>
    <d v="2016-09-26T00:00:00"/>
    <x v="8"/>
    <x v="2"/>
    <x v="360"/>
    <x v="3"/>
    <x v="0"/>
    <x v="0"/>
    <s v="Xerox 1905"/>
    <n v="12.96"/>
    <n v="2"/>
    <n v="6.22"/>
  </r>
  <r>
    <d v="2016-09-26T00:00:00"/>
    <x v="8"/>
    <x v="2"/>
    <x v="451"/>
    <x v="16"/>
    <x v="2"/>
    <x v="9"/>
    <s v="LogitechÂ VX Revolution Cordless Laser Mouse for Notebooks (Black)"/>
    <n v="431.98"/>
    <n v="3"/>
    <n v="-75.599999999999994"/>
  </r>
  <r>
    <d v="2016-09-26T00:00:00"/>
    <x v="8"/>
    <x v="2"/>
    <x v="59"/>
    <x v="0"/>
    <x v="0"/>
    <x v="3"/>
    <s v="Ibico Recycled Linen-Style Covers"/>
    <n v="15.62"/>
    <n v="2"/>
    <n v="-25"/>
  </r>
  <r>
    <d v="2016-09-26T00:00:00"/>
    <x v="8"/>
    <x v="2"/>
    <x v="382"/>
    <x v="0"/>
    <x v="0"/>
    <x v="12"/>
    <s v="Hoover Commercial Lightweight Upright Vacuum with E-Z Empty Dirt Cup"/>
    <n v="93.03"/>
    <n v="2"/>
    <n v="-251.19"/>
  </r>
  <r>
    <d v="2016-09-26T00:00:00"/>
    <x v="8"/>
    <x v="2"/>
    <x v="382"/>
    <x v="0"/>
    <x v="1"/>
    <x v="5"/>
    <s v="High-Back Leather Manager's Chair"/>
    <n v="454.97"/>
    <n v="5"/>
    <n v="-136.49"/>
  </r>
  <r>
    <d v="2016-09-26T00:00:00"/>
    <x v="8"/>
    <x v="2"/>
    <x v="719"/>
    <x v="0"/>
    <x v="0"/>
    <x v="3"/>
    <s v="GBC Recycled VeloBinder Covers"/>
    <n v="6.82"/>
    <n v="2"/>
    <n v="-11.59"/>
  </r>
  <r>
    <d v="2016-09-27T00:00:00"/>
    <x v="8"/>
    <x v="2"/>
    <x v="312"/>
    <x v="0"/>
    <x v="1"/>
    <x v="11"/>
    <s v="O'Sullivan Plantations 2-Door Library in Landvery Oak"/>
    <n v="956.66"/>
    <n v="7"/>
    <n v="-225.1"/>
  </r>
  <r>
    <d v="2016-09-27T00:00:00"/>
    <x v="8"/>
    <x v="2"/>
    <x v="291"/>
    <x v="10"/>
    <x v="0"/>
    <x v="3"/>
    <s v="Recycled Pressboard Report Cover with Reinforced Top Hinge"/>
    <n v="2.91"/>
    <n v="3"/>
    <n v="-2.0299999999999998"/>
  </r>
  <r>
    <d v="2016-09-27T00:00:00"/>
    <x v="8"/>
    <x v="2"/>
    <x v="661"/>
    <x v="22"/>
    <x v="2"/>
    <x v="6"/>
    <s v="Samsung Galaxy S4"/>
    <n v="1001.58"/>
    <n v="2"/>
    <n v="125.2"/>
  </r>
  <r>
    <d v="2016-09-27T00:00:00"/>
    <x v="8"/>
    <x v="2"/>
    <x v="229"/>
    <x v="4"/>
    <x v="0"/>
    <x v="0"/>
    <s v="Xerox 1965"/>
    <n v="17.940000000000001"/>
    <n v="3"/>
    <n v="8.7899999999999991"/>
  </r>
  <r>
    <d v="2016-09-27T00:00:00"/>
    <x v="8"/>
    <x v="2"/>
    <x v="229"/>
    <x v="4"/>
    <x v="0"/>
    <x v="4"/>
    <s v="Binney &amp; Smith Crayola Metallic Colored Pencils, 8-Color Set"/>
    <n v="13.89"/>
    <n v="3"/>
    <n v="4.58"/>
  </r>
  <r>
    <d v="2016-09-28T00:00:00"/>
    <x v="8"/>
    <x v="2"/>
    <x v="22"/>
    <x v="1"/>
    <x v="0"/>
    <x v="0"/>
    <s v="Xerox 1960"/>
    <n v="99.14"/>
    <n v="4"/>
    <n v="30.98"/>
  </r>
  <r>
    <d v="2016-09-29T00:00:00"/>
    <x v="8"/>
    <x v="2"/>
    <x v="637"/>
    <x v="2"/>
    <x v="0"/>
    <x v="1"/>
    <s v="Avery 483"/>
    <n v="15.94"/>
    <n v="4"/>
    <n v="5.18"/>
  </r>
  <r>
    <d v="2016-09-29T00:00:00"/>
    <x v="8"/>
    <x v="2"/>
    <x v="570"/>
    <x v="18"/>
    <x v="0"/>
    <x v="4"/>
    <s v="Newell 328"/>
    <n v="40.880000000000003"/>
    <n v="7"/>
    <n v="10.63"/>
  </r>
  <r>
    <d v="2016-09-29T00:00:00"/>
    <x v="8"/>
    <x v="2"/>
    <x v="255"/>
    <x v="3"/>
    <x v="0"/>
    <x v="0"/>
    <s v="Xerox 1887"/>
    <n v="18.97"/>
    <n v="1"/>
    <n v="9.11"/>
  </r>
  <r>
    <d v="2016-09-29T00:00:00"/>
    <x v="8"/>
    <x v="2"/>
    <x v="519"/>
    <x v="33"/>
    <x v="2"/>
    <x v="9"/>
    <s v="Logitech G500s Laser Gaming Mouse with Adjustable Weight Tuning"/>
    <n v="209.97"/>
    <n v="3"/>
    <n v="71.39"/>
  </r>
  <r>
    <d v="2016-09-29T00:00:00"/>
    <x v="8"/>
    <x v="2"/>
    <x v="519"/>
    <x v="33"/>
    <x v="0"/>
    <x v="3"/>
    <s v="Premium Transparent Presentation Covers by GBC"/>
    <n v="62.94"/>
    <n v="3"/>
    <n v="30.21"/>
  </r>
  <r>
    <d v="2016-09-29T00:00:00"/>
    <x v="8"/>
    <x v="2"/>
    <x v="519"/>
    <x v="33"/>
    <x v="0"/>
    <x v="4"/>
    <s v="Sanford Colorific Colored Pencils, 12/Box"/>
    <n v="25.92"/>
    <n v="9"/>
    <n v="7.78"/>
  </r>
  <r>
    <d v="2016-09-29T00:00:00"/>
    <x v="8"/>
    <x v="2"/>
    <x v="539"/>
    <x v="3"/>
    <x v="0"/>
    <x v="3"/>
    <s v="Avery Self-Adhesive Photo Pockets for Polaroid Photos"/>
    <n v="27.24"/>
    <n v="5"/>
    <n v="9.5299999999999994"/>
  </r>
  <r>
    <d v="2016-09-29T00:00:00"/>
    <x v="8"/>
    <x v="2"/>
    <x v="441"/>
    <x v="12"/>
    <x v="0"/>
    <x v="4"/>
    <s v="Newell 351"/>
    <n v="10.5"/>
    <n v="4"/>
    <n v="1.18"/>
  </r>
  <r>
    <d v="2016-09-29T00:00:00"/>
    <x v="8"/>
    <x v="2"/>
    <x v="442"/>
    <x v="11"/>
    <x v="2"/>
    <x v="6"/>
    <s v="Wilson Electronics DB Pro Signal Booster"/>
    <n v="859.2"/>
    <n v="3"/>
    <n v="75.180000000000007"/>
  </r>
  <r>
    <d v="2016-09-29T00:00:00"/>
    <x v="8"/>
    <x v="2"/>
    <x v="505"/>
    <x v="3"/>
    <x v="2"/>
    <x v="9"/>
    <s v="Memorex Mini Travel Drive 64 GB USB 2.0 Flash Drive"/>
    <n v="36.24"/>
    <n v="1"/>
    <n v="15.22"/>
  </r>
  <r>
    <d v="2016-09-30T00:00:00"/>
    <x v="8"/>
    <x v="2"/>
    <x v="605"/>
    <x v="1"/>
    <x v="0"/>
    <x v="3"/>
    <s v="Pressboard Covers with Storage Hooks, 9 1/2&quot; x 11&quot;, Light Blue"/>
    <n v="1.96"/>
    <n v="2"/>
    <n v="-3.24"/>
  </r>
  <r>
    <d v="2016-09-30T00:00:00"/>
    <x v="8"/>
    <x v="2"/>
    <x v="193"/>
    <x v="20"/>
    <x v="1"/>
    <x v="11"/>
    <s v="O'Sullivan Elevations Bookcase, Cherry Finish"/>
    <n v="523.91999999999996"/>
    <n v="5"/>
    <n v="-26.2"/>
  </r>
  <r>
    <d v="2016-10-01T00:00:00"/>
    <x v="9"/>
    <x v="2"/>
    <x v="280"/>
    <x v="3"/>
    <x v="1"/>
    <x v="5"/>
    <s v="Global Value Mid-Back Manager's Chair, Gray"/>
    <n v="194.85"/>
    <n v="4"/>
    <n v="12.18"/>
  </r>
  <r>
    <d v="2016-10-01T00:00:00"/>
    <x v="9"/>
    <x v="2"/>
    <x v="393"/>
    <x v="18"/>
    <x v="2"/>
    <x v="6"/>
    <s v="Plantronics CordlessÂ Phone HeadsetÂ with In-line Volume - M214C"/>
    <n v="69.900000000000006"/>
    <n v="2"/>
    <n v="18.87"/>
  </r>
  <r>
    <d v="2016-10-01T00:00:00"/>
    <x v="9"/>
    <x v="2"/>
    <x v="393"/>
    <x v="18"/>
    <x v="1"/>
    <x v="8"/>
    <s v="Westinghouse Clip-On Gooseneck Lamps"/>
    <n v="41.85"/>
    <n v="5"/>
    <n v="10.88"/>
  </r>
  <r>
    <d v="2016-10-01T00:00:00"/>
    <x v="9"/>
    <x v="2"/>
    <x v="193"/>
    <x v="20"/>
    <x v="1"/>
    <x v="13"/>
    <s v="Chromcraft Bull-Nose Wood 48&quot; x 96&quot; Rectangular Conference Tables"/>
    <n v="330.59"/>
    <n v="1"/>
    <n v="-115.71"/>
  </r>
  <r>
    <d v="2016-10-01T00:00:00"/>
    <x v="9"/>
    <x v="2"/>
    <x v="459"/>
    <x v="0"/>
    <x v="2"/>
    <x v="9"/>
    <s v="ImationÂ 16GB Mini TravelDrive USB 2.0Â Flash Drive"/>
    <n v="79.510000000000005"/>
    <n v="3"/>
    <n v="20.87"/>
  </r>
  <r>
    <d v="2016-10-01T00:00:00"/>
    <x v="9"/>
    <x v="2"/>
    <x v="459"/>
    <x v="0"/>
    <x v="0"/>
    <x v="0"/>
    <s v="Easy-staple paper"/>
    <n v="28.35"/>
    <n v="1"/>
    <n v="9.57"/>
  </r>
  <r>
    <d v="2016-10-01T00:00:00"/>
    <x v="9"/>
    <x v="2"/>
    <x v="295"/>
    <x v="16"/>
    <x v="0"/>
    <x v="3"/>
    <s v="Avery Non-Stick Binders"/>
    <n v="5.39"/>
    <n v="4"/>
    <n v="-4.49"/>
  </r>
  <r>
    <d v="2016-10-01T00:00:00"/>
    <x v="9"/>
    <x v="2"/>
    <x v="295"/>
    <x v="16"/>
    <x v="0"/>
    <x v="4"/>
    <s v="Staples in misc. colors"/>
    <n v="30.98"/>
    <n v="8"/>
    <n v="5.03"/>
  </r>
  <r>
    <d v="2016-10-02T00:00:00"/>
    <x v="9"/>
    <x v="2"/>
    <x v="676"/>
    <x v="20"/>
    <x v="0"/>
    <x v="12"/>
    <s v="Kensington 6 Outlet Guardian Standard Surge Protector"/>
    <n v="61.44"/>
    <n v="3"/>
    <n v="16.59"/>
  </r>
  <r>
    <d v="2016-10-02T00:00:00"/>
    <x v="9"/>
    <x v="2"/>
    <x v="760"/>
    <x v="12"/>
    <x v="0"/>
    <x v="3"/>
    <s v="Premier Elliptical Ring Binder, Black"/>
    <n v="54.79"/>
    <n v="6"/>
    <n v="-40.18"/>
  </r>
  <r>
    <d v="2016-10-02T00:00:00"/>
    <x v="9"/>
    <x v="2"/>
    <x v="498"/>
    <x v="18"/>
    <x v="0"/>
    <x v="2"/>
    <s v="Acco Perma 4000 Stacking Storage Drawers"/>
    <n v="32.479999999999997"/>
    <n v="2"/>
    <n v="4.87"/>
  </r>
  <r>
    <d v="2016-10-02T00:00:00"/>
    <x v="9"/>
    <x v="2"/>
    <x v="498"/>
    <x v="18"/>
    <x v="2"/>
    <x v="16"/>
    <s v="Canon imageCLASS 2200 Advanced Copier"/>
    <n v="17499.95"/>
    <n v="5"/>
    <n v="8399.98"/>
  </r>
  <r>
    <d v="2016-10-02T00:00:00"/>
    <x v="9"/>
    <x v="2"/>
    <x v="498"/>
    <x v="18"/>
    <x v="0"/>
    <x v="3"/>
    <s v="Ibico Ibimaster 300 Manual Binding System"/>
    <n v="735.98"/>
    <n v="2"/>
    <n v="331.19"/>
  </r>
  <r>
    <d v="2016-10-02T00:00:00"/>
    <x v="9"/>
    <x v="2"/>
    <x v="498"/>
    <x v="18"/>
    <x v="0"/>
    <x v="3"/>
    <s v="Acco Pressboard Covers with Storage Hooks, 14 7/8&quot; x 11&quot;, Light Blue"/>
    <n v="34.369999999999997"/>
    <n v="7"/>
    <n v="16.84"/>
  </r>
  <r>
    <d v="2016-10-02T00:00:00"/>
    <x v="9"/>
    <x v="2"/>
    <x v="498"/>
    <x v="18"/>
    <x v="0"/>
    <x v="4"/>
    <s v="Stanley Bostitch Contemporary Electric Pencil Sharpeners"/>
    <n v="33.96"/>
    <n v="2"/>
    <n v="9.51"/>
  </r>
  <r>
    <d v="2016-10-03T00:00:00"/>
    <x v="9"/>
    <x v="2"/>
    <x v="19"/>
    <x v="0"/>
    <x v="0"/>
    <x v="10"/>
    <s v="Staple envelope"/>
    <n v="15.65"/>
    <n v="2"/>
    <n v="5.09"/>
  </r>
  <r>
    <d v="2016-10-03T00:00:00"/>
    <x v="9"/>
    <x v="2"/>
    <x v="185"/>
    <x v="20"/>
    <x v="1"/>
    <x v="5"/>
    <s v="Office Star - Contemporary Task Swivel Chair"/>
    <n v="599.29"/>
    <n v="6"/>
    <n v="93.22"/>
  </r>
  <r>
    <d v="2016-10-03T00:00:00"/>
    <x v="9"/>
    <x v="2"/>
    <x v="609"/>
    <x v="0"/>
    <x v="1"/>
    <x v="8"/>
    <s v="Eldon Expressions Desk Accessory, Wood Photo Frame, Mahogany"/>
    <n v="38.08"/>
    <n v="5"/>
    <n v="-29.51"/>
  </r>
  <r>
    <d v="2016-10-03T00:00:00"/>
    <x v="9"/>
    <x v="2"/>
    <x v="474"/>
    <x v="3"/>
    <x v="0"/>
    <x v="1"/>
    <s v="Smead Alpha-Z Color-Coded Second Alphabetical Labels and Starter Set"/>
    <n v="6.16"/>
    <n v="2"/>
    <n v="2.96"/>
  </r>
  <r>
    <d v="2016-10-03T00:00:00"/>
    <x v="9"/>
    <x v="2"/>
    <x v="474"/>
    <x v="3"/>
    <x v="1"/>
    <x v="5"/>
    <s v="Global Deluxe High-Back Manager's Chair"/>
    <n v="915.14"/>
    <n v="4"/>
    <n v="102.95"/>
  </r>
  <r>
    <d v="2016-10-03T00:00:00"/>
    <x v="9"/>
    <x v="2"/>
    <x v="474"/>
    <x v="3"/>
    <x v="0"/>
    <x v="0"/>
    <s v="Xerox 1900"/>
    <n v="8.56"/>
    <n v="2"/>
    <n v="3.85"/>
  </r>
  <r>
    <d v="2016-10-03T00:00:00"/>
    <x v="9"/>
    <x v="2"/>
    <x v="474"/>
    <x v="3"/>
    <x v="0"/>
    <x v="0"/>
    <s v="Xerox 1891"/>
    <n v="97.82"/>
    <n v="2"/>
    <n v="45.98"/>
  </r>
  <r>
    <d v="2016-10-04T00:00:00"/>
    <x v="9"/>
    <x v="2"/>
    <x v="541"/>
    <x v="0"/>
    <x v="0"/>
    <x v="10"/>
    <s v="Laser &amp; Ink Jet Business Envelopes"/>
    <n v="59.75"/>
    <n v="7"/>
    <n v="19.420000000000002"/>
  </r>
  <r>
    <d v="2016-10-04T00:00:00"/>
    <x v="9"/>
    <x v="2"/>
    <x v="108"/>
    <x v="43"/>
    <x v="0"/>
    <x v="3"/>
    <s v="Ibico Plastic Spiral Binding Combs"/>
    <n v="30.4"/>
    <n v="1"/>
    <n v="13.98"/>
  </r>
  <r>
    <d v="2016-10-04T00:00:00"/>
    <x v="9"/>
    <x v="2"/>
    <x v="108"/>
    <x v="43"/>
    <x v="2"/>
    <x v="16"/>
    <s v="Hewlett Packard LaserJet 3310 Copier"/>
    <n v="5399.91"/>
    <n v="9"/>
    <n v="2591.96"/>
  </r>
  <r>
    <d v="2016-10-04T00:00:00"/>
    <x v="9"/>
    <x v="2"/>
    <x v="108"/>
    <x v="43"/>
    <x v="0"/>
    <x v="2"/>
    <s v="Letter Size File"/>
    <n v="119.1"/>
    <n v="3"/>
    <n v="34.54"/>
  </r>
  <r>
    <d v="2016-10-04T00:00:00"/>
    <x v="9"/>
    <x v="2"/>
    <x v="7"/>
    <x v="36"/>
    <x v="1"/>
    <x v="13"/>
    <s v="Bush Andora Conference Table, Maple/Graphite Gray Finish"/>
    <n v="239.37"/>
    <n v="2"/>
    <n v="-23.94"/>
  </r>
  <r>
    <d v="2016-10-04T00:00:00"/>
    <x v="9"/>
    <x v="2"/>
    <x v="123"/>
    <x v="16"/>
    <x v="2"/>
    <x v="6"/>
    <s v="Samsung HM1900 Bluetooth Headset"/>
    <n v="52.68"/>
    <n v="3"/>
    <n v="19.760000000000002"/>
  </r>
  <r>
    <d v="2016-10-04T00:00:00"/>
    <x v="9"/>
    <x v="2"/>
    <x v="123"/>
    <x v="16"/>
    <x v="1"/>
    <x v="8"/>
    <s v="Magna Visual Magnetic Picture Hangers"/>
    <n v="11.57"/>
    <n v="3"/>
    <n v="2.6"/>
  </r>
  <r>
    <d v="2016-10-06T00:00:00"/>
    <x v="9"/>
    <x v="2"/>
    <x v="657"/>
    <x v="39"/>
    <x v="0"/>
    <x v="3"/>
    <s v="Avery Binding System Hidden Tab Executive Style Index Sets"/>
    <n v="28.85"/>
    <n v="5"/>
    <n v="14.43"/>
  </r>
  <r>
    <d v="2016-10-06T00:00:00"/>
    <x v="9"/>
    <x v="2"/>
    <x v="162"/>
    <x v="26"/>
    <x v="2"/>
    <x v="15"/>
    <s v="Zebra GK420t Direct Thermal/Thermal Transfer Printer"/>
    <n v="703.71"/>
    <n v="6"/>
    <n v="-938.28"/>
  </r>
  <r>
    <d v="2016-10-06T00:00:00"/>
    <x v="9"/>
    <x v="2"/>
    <x v="162"/>
    <x v="26"/>
    <x v="0"/>
    <x v="3"/>
    <s v="Recycled Easel Ring Binders"/>
    <n v="17.899999999999999"/>
    <n v="4"/>
    <n v="-14.92"/>
  </r>
  <r>
    <d v="2016-10-06T00:00:00"/>
    <x v="9"/>
    <x v="2"/>
    <x v="162"/>
    <x v="26"/>
    <x v="0"/>
    <x v="3"/>
    <s v="Avery Framed View Binder, EZD Ring (Locking), Navy, 1 1/2&quot;"/>
    <n v="11.98"/>
    <n v="4"/>
    <n v="-9.18"/>
  </r>
  <r>
    <d v="2016-10-06T00:00:00"/>
    <x v="9"/>
    <x v="2"/>
    <x v="162"/>
    <x v="26"/>
    <x v="2"/>
    <x v="9"/>
    <s v="Memorex 25GB 6X Branded Blu-Ray Recordable Disc, 15/Pack"/>
    <n v="67.959999999999994"/>
    <n v="5"/>
    <n v="0.85"/>
  </r>
  <r>
    <d v="2016-10-07T00:00:00"/>
    <x v="9"/>
    <x v="2"/>
    <x v="560"/>
    <x v="3"/>
    <x v="0"/>
    <x v="3"/>
    <s v="GBC Recycled VeloBinder Covers"/>
    <n v="27.26"/>
    <n v="2"/>
    <n v="8.86"/>
  </r>
  <r>
    <d v="2016-10-07T00:00:00"/>
    <x v="9"/>
    <x v="2"/>
    <x v="729"/>
    <x v="22"/>
    <x v="2"/>
    <x v="15"/>
    <s v="Okidata C331dn Printer"/>
    <n v="837.6"/>
    <n v="3"/>
    <n v="62.82"/>
  </r>
  <r>
    <d v="2016-10-07T00:00:00"/>
    <x v="9"/>
    <x v="2"/>
    <x v="204"/>
    <x v="3"/>
    <x v="0"/>
    <x v="0"/>
    <s v="Astroparche Fine Business Paper"/>
    <n v="10.56"/>
    <n v="2"/>
    <n v="5.07"/>
  </r>
  <r>
    <d v="2016-10-07T00:00:00"/>
    <x v="9"/>
    <x v="2"/>
    <x v="299"/>
    <x v="2"/>
    <x v="0"/>
    <x v="1"/>
    <s v="Avery 511"/>
    <n v="4.93"/>
    <n v="2"/>
    <n v="1.72"/>
  </r>
  <r>
    <d v="2016-10-07T00:00:00"/>
    <x v="9"/>
    <x v="2"/>
    <x v="260"/>
    <x v="22"/>
    <x v="0"/>
    <x v="7"/>
    <s v="Alliance Super-Size Bands, Assorted Sizes"/>
    <n v="93.36"/>
    <n v="12"/>
    <n v="0.93"/>
  </r>
  <r>
    <d v="2016-10-08T00:00:00"/>
    <x v="9"/>
    <x v="2"/>
    <x v="620"/>
    <x v="0"/>
    <x v="1"/>
    <x v="8"/>
    <s v="Contemporary Wood/Metal Frame"/>
    <n v="51.71"/>
    <n v="8"/>
    <n v="-32.32"/>
  </r>
  <r>
    <d v="2016-10-08T00:00:00"/>
    <x v="9"/>
    <x v="2"/>
    <x v="264"/>
    <x v="3"/>
    <x v="0"/>
    <x v="0"/>
    <s v="Xerox 1925"/>
    <n v="61.96"/>
    <n v="2"/>
    <n v="27.88"/>
  </r>
  <r>
    <d v="2016-10-08T00:00:00"/>
    <x v="9"/>
    <x v="2"/>
    <x v="725"/>
    <x v="0"/>
    <x v="0"/>
    <x v="1"/>
    <s v="Avery 50"/>
    <n v="60.14"/>
    <n v="6"/>
    <n v="20.3"/>
  </r>
  <r>
    <d v="2016-10-08T00:00:00"/>
    <x v="9"/>
    <x v="2"/>
    <x v="440"/>
    <x v="25"/>
    <x v="0"/>
    <x v="2"/>
    <s v="Fellowes Econo/Stor Drawers"/>
    <n v="387.72"/>
    <n v="5"/>
    <n v="-67.849999999999994"/>
  </r>
  <r>
    <d v="2016-10-09T00:00:00"/>
    <x v="9"/>
    <x v="2"/>
    <x v="634"/>
    <x v="10"/>
    <x v="2"/>
    <x v="6"/>
    <s v="Mediabridge Sport Armband iPhone 5s"/>
    <n v="23.98"/>
    <n v="4"/>
    <n v="-15.58"/>
  </r>
  <r>
    <d v="2016-10-09T00:00:00"/>
    <x v="9"/>
    <x v="2"/>
    <x v="457"/>
    <x v="2"/>
    <x v="0"/>
    <x v="0"/>
    <s v="Xerox 1947"/>
    <n v="19.14"/>
    <n v="4"/>
    <n v="5.98"/>
  </r>
  <r>
    <d v="2016-10-09T00:00:00"/>
    <x v="9"/>
    <x v="2"/>
    <x v="457"/>
    <x v="2"/>
    <x v="1"/>
    <x v="8"/>
    <s v="Luxo Professional Magnifying Clamp-On Fluorescent Lamps"/>
    <n v="332.83"/>
    <n v="4"/>
    <n v="-24.96"/>
  </r>
  <r>
    <d v="2016-10-09T00:00:00"/>
    <x v="9"/>
    <x v="2"/>
    <x v="713"/>
    <x v="12"/>
    <x v="0"/>
    <x v="4"/>
    <s v="Newell 310"/>
    <n v="1.41"/>
    <n v="1"/>
    <n v="0.16"/>
  </r>
  <r>
    <d v="2016-10-09T00:00:00"/>
    <x v="9"/>
    <x v="2"/>
    <x v="713"/>
    <x v="12"/>
    <x v="1"/>
    <x v="8"/>
    <s v="Tenex 46&quot; x 60&quot; Computer Anti-Static Chairmat, Rectangular Shaped"/>
    <n v="169.57"/>
    <n v="2"/>
    <n v="0"/>
  </r>
  <r>
    <d v="2016-10-10T00:00:00"/>
    <x v="9"/>
    <x v="2"/>
    <x v="732"/>
    <x v="25"/>
    <x v="0"/>
    <x v="14"/>
    <s v="Martin-Yale Premier Letter Opener"/>
    <n v="20.61"/>
    <n v="2"/>
    <n v="-4.38"/>
  </r>
  <r>
    <d v="2016-10-10T00:00:00"/>
    <x v="9"/>
    <x v="2"/>
    <x v="732"/>
    <x v="25"/>
    <x v="0"/>
    <x v="3"/>
    <s v="Presstex Flexible Ring Binders"/>
    <n v="4.0999999999999996"/>
    <n v="3"/>
    <n v="-2.73"/>
  </r>
  <r>
    <d v="2016-10-10T00:00:00"/>
    <x v="9"/>
    <x v="2"/>
    <x v="369"/>
    <x v="26"/>
    <x v="1"/>
    <x v="11"/>
    <s v="Bush Westfield Collection Bookcases, Dark Cherry Finish, Fully Assembled"/>
    <n v="90.88"/>
    <n v="3"/>
    <n v="-190.85"/>
  </r>
  <r>
    <d v="2016-10-10T00:00:00"/>
    <x v="9"/>
    <x v="2"/>
    <x v="369"/>
    <x v="26"/>
    <x v="2"/>
    <x v="6"/>
    <s v="iOttie HLCRIO102 Car Mount"/>
    <n v="15.99"/>
    <n v="1"/>
    <n v="-3"/>
  </r>
  <r>
    <d v="2016-10-10T00:00:00"/>
    <x v="9"/>
    <x v="2"/>
    <x v="369"/>
    <x v="26"/>
    <x v="1"/>
    <x v="5"/>
    <s v="Global Manager's Adjustable Task Chair, Storm"/>
    <n v="120.78"/>
    <n v="1"/>
    <n v="13.59"/>
  </r>
  <r>
    <d v="2016-10-10T00:00:00"/>
    <x v="9"/>
    <x v="2"/>
    <x v="494"/>
    <x v="0"/>
    <x v="1"/>
    <x v="8"/>
    <s v="Eldon 400 Class Desk Accessories, Black Carbon"/>
    <n v="14"/>
    <n v="4"/>
    <n v="-6.3"/>
  </r>
  <r>
    <d v="2016-10-10T00:00:00"/>
    <x v="9"/>
    <x v="2"/>
    <x v="494"/>
    <x v="0"/>
    <x v="0"/>
    <x v="3"/>
    <s v="Wilson Jones Ledger-Size, Piano-Hinge Binder, 2&quot;, Blue"/>
    <n v="16.39"/>
    <n v="2"/>
    <n v="-26.23"/>
  </r>
  <r>
    <d v="2016-10-11T00:00:00"/>
    <x v="9"/>
    <x v="2"/>
    <x v="287"/>
    <x v="1"/>
    <x v="0"/>
    <x v="4"/>
    <s v="Avery Fluorescent Highlighter Four-Color Set"/>
    <n v="5.34"/>
    <n v="2"/>
    <n v="0.67"/>
  </r>
  <r>
    <d v="2016-10-11T00:00:00"/>
    <x v="9"/>
    <x v="2"/>
    <x v="287"/>
    <x v="1"/>
    <x v="0"/>
    <x v="4"/>
    <s v="Newell 309"/>
    <n v="27.72"/>
    <n v="3"/>
    <n v="3.47"/>
  </r>
  <r>
    <d v="2016-10-13T00:00:00"/>
    <x v="9"/>
    <x v="2"/>
    <x v="164"/>
    <x v="3"/>
    <x v="0"/>
    <x v="0"/>
    <s v="Xerox 195"/>
    <n v="20.04"/>
    <n v="3"/>
    <n v="9.6199999999999992"/>
  </r>
  <r>
    <d v="2016-10-13T00:00:00"/>
    <x v="9"/>
    <x v="2"/>
    <x v="164"/>
    <x v="3"/>
    <x v="0"/>
    <x v="0"/>
    <s v="Xerox 1880"/>
    <n v="35.44"/>
    <n v="1"/>
    <n v="16.66"/>
  </r>
  <r>
    <d v="2016-10-13T00:00:00"/>
    <x v="9"/>
    <x v="2"/>
    <x v="164"/>
    <x v="3"/>
    <x v="0"/>
    <x v="4"/>
    <s v="Sanford Colorific Colored Pencils, 12/Box"/>
    <n v="11.52"/>
    <n v="4"/>
    <n v="3.46"/>
  </r>
  <r>
    <d v="2016-10-13T00:00:00"/>
    <x v="9"/>
    <x v="2"/>
    <x v="164"/>
    <x v="3"/>
    <x v="0"/>
    <x v="7"/>
    <s v="Ideal Clamps"/>
    <n v="4.0199999999999996"/>
    <n v="2"/>
    <n v="1.97"/>
  </r>
  <r>
    <d v="2016-10-13T00:00:00"/>
    <x v="9"/>
    <x v="2"/>
    <x v="164"/>
    <x v="3"/>
    <x v="0"/>
    <x v="3"/>
    <s v="GBC Wire Binding Strips"/>
    <n v="76.180000000000007"/>
    <n v="3"/>
    <n v="26.66"/>
  </r>
  <r>
    <d v="2016-10-13T00:00:00"/>
    <x v="9"/>
    <x v="2"/>
    <x v="164"/>
    <x v="3"/>
    <x v="0"/>
    <x v="14"/>
    <s v="Fiskars Softgrip Scissors"/>
    <n v="65.88"/>
    <n v="6"/>
    <n v="18.45"/>
  </r>
  <r>
    <d v="2016-10-13T00:00:00"/>
    <x v="9"/>
    <x v="2"/>
    <x v="164"/>
    <x v="3"/>
    <x v="1"/>
    <x v="8"/>
    <s v="Longer-Life Soft White Bulbs"/>
    <n v="43.12"/>
    <n v="14"/>
    <n v="20.7"/>
  </r>
  <r>
    <d v="2016-10-13T00:00:00"/>
    <x v="9"/>
    <x v="2"/>
    <x v="479"/>
    <x v="26"/>
    <x v="1"/>
    <x v="13"/>
    <s v="Hon 5100 Series Wood Tables"/>
    <n v="727.45"/>
    <n v="5"/>
    <n v="-465.57"/>
  </r>
  <r>
    <d v="2016-10-13T00:00:00"/>
    <x v="9"/>
    <x v="2"/>
    <x v="479"/>
    <x v="26"/>
    <x v="1"/>
    <x v="8"/>
    <s v="Executive Impressions 8-1/2&quot; Career Panel/Partition Cubicle Clock"/>
    <n v="24.96"/>
    <n v="3"/>
    <n v="4.37"/>
  </r>
  <r>
    <d v="2016-10-13T00:00:00"/>
    <x v="9"/>
    <x v="2"/>
    <x v="454"/>
    <x v="0"/>
    <x v="2"/>
    <x v="9"/>
    <s v="Razer Kraken PRO Over Ear PC and Music Headset"/>
    <n v="191.98"/>
    <n v="3"/>
    <n v="24"/>
  </r>
  <r>
    <d v="2016-10-13T00:00:00"/>
    <x v="9"/>
    <x v="2"/>
    <x v="454"/>
    <x v="0"/>
    <x v="0"/>
    <x v="0"/>
    <s v="Array Memo Cubes"/>
    <n v="8.2899999999999991"/>
    <n v="2"/>
    <n v="3"/>
  </r>
  <r>
    <d v="2016-10-13T00:00:00"/>
    <x v="9"/>
    <x v="2"/>
    <x v="454"/>
    <x v="0"/>
    <x v="1"/>
    <x v="8"/>
    <s v="Tenex &quot;The Solids&quot; Textured Chair Mats"/>
    <n v="139.91999999999999"/>
    <n v="5"/>
    <n v="-150.41"/>
  </r>
  <r>
    <d v="2016-10-13T00:00:00"/>
    <x v="9"/>
    <x v="2"/>
    <x v="454"/>
    <x v="0"/>
    <x v="0"/>
    <x v="4"/>
    <s v="Newell 334"/>
    <n v="15.87"/>
    <n v="1"/>
    <n v="1.19"/>
  </r>
  <r>
    <d v="2016-10-13T00:00:00"/>
    <x v="9"/>
    <x v="2"/>
    <x v="454"/>
    <x v="0"/>
    <x v="0"/>
    <x v="3"/>
    <s v="Avery Non-Stick Binders"/>
    <n v="6.29"/>
    <n v="7"/>
    <n v="-11"/>
  </r>
  <r>
    <d v="2016-10-13T00:00:00"/>
    <x v="9"/>
    <x v="2"/>
    <x v="620"/>
    <x v="20"/>
    <x v="0"/>
    <x v="4"/>
    <s v="BIC Liqua Brite Liner"/>
    <n v="34.700000000000003"/>
    <n v="5"/>
    <n v="12.49"/>
  </r>
  <r>
    <d v="2016-10-13T00:00:00"/>
    <x v="9"/>
    <x v="2"/>
    <x v="620"/>
    <x v="20"/>
    <x v="0"/>
    <x v="2"/>
    <s v="Fellowes Bases and Tops For Staxonsteel/High-Stak Systems"/>
    <n v="99.87"/>
    <n v="3"/>
    <n v="23.97"/>
  </r>
  <r>
    <d v="2016-10-13T00:00:00"/>
    <x v="9"/>
    <x v="2"/>
    <x v="620"/>
    <x v="20"/>
    <x v="0"/>
    <x v="0"/>
    <s v="Computer Printout Paper with Letter-Trim Perforations"/>
    <n v="37.94"/>
    <n v="2"/>
    <n v="18.21"/>
  </r>
  <r>
    <d v="2016-10-13T00:00:00"/>
    <x v="9"/>
    <x v="2"/>
    <x v="620"/>
    <x v="20"/>
    <x v="0"/>
    <x v="1"/>
    <s v="Avery White Multi-Purpose Labels"/>
    <n v="24.9"/>
    <n v="5"/>
    <n v="11.45"/>
  </r>
  <r>
    <d v="2016-10-13T00:00:00"/>
    <x v="9"/>
    <x v="2"/>
    <x v="620"/>
    <x v="20"/>
    <x v="1"/>
    <x v="8"/>
    <s v="Howard Miller Distant Time Traveler Alarm Clock"/>
    <n v="82.26"/>
    <n v="3"/>
    <n v="33.729999999999997"/>
  </r>
  <r>
    <d v="2016-10-14T00:00:00"/>
    <x v="9"/>
    <x v="2"/>
    <x v="85"/>
    <x v="22"/>
    <x v="2"/>
    <x v="9"/>
    <s v="WD My Passport Ultra 500GB Portable External Hard Drive"/>
    <n v="177"/>
    <n v="3"/>
    <n v="30.09"/>
  </r>
  <r>
    <d v="2016-10-14T00:00:00"/>
    <x v="9"/>
    <x v="2"/>
    <x v="180"/>
    <x v="25"/>
    <x v="1"/>
    <x v="5"/>
    <s v="SAFCO Folding Chair Trolley"/>
    <n v="102.59"/>
    <n v="1"/>
    <n v="10.26"/>
  </r>
  <r>
    <d v="2016-10-14T00:00:00"/>
    <x v="9"/>
    <x v="2"/>
    <x v="180"/>
    <x v="25"/>
    <x v="2"/>
    <x v="9"/>
    <s v="Maxell 4.7GB DVD-R"/>
    <n v="22.7"/>
    <n v="1"/>
    <n v="5.96"/>
  </r>
  <r>
    <d v="2016-10-14T00:00:00"/>
    <x v="9"/>
    <x v="2"/>
    <x v="180"/>
    <x v="25"/>
    <x v="0"/>
    <x v="0"/>
    <s v="Xerox 1944"/>
    <n v="93.02"/>
    <n v="3"/>
    <n v="33.72"/>
  </r>
  <r>
    <d v="2016-10-14T00:00:00"/>
    <x v="9"/>
    <x v="2"/>
    <x v="180"/>
    <x v="25"/>
    <x v="0"/>
    <x v="14"/>
    <s v="Staple remover"/>
    <n v="12.77"/>
    <n v="2"/>
    <n v="1.44"/>
  </r>
  <r>
    <d v="2016-10-14T00:00:00"/>
    <x v="9"/>
    <x v="2"/>
    <x v="180"/>
    <x v="25"/>
    <x v="0"/>
    <x v="10"/>
    <s v="White Business Envelopes with Contemporary Seam, Recycled White Business Envelopes"/>
    <n v="35.01"/>
    <n v="4"/>
    <n v="13.13"/>
  </r>
  <r>
    <d v="2016-10-14T00:00:00"/>
    <x v="9"/>
    <x v="2"/>
    <x v="180"/>
    <x v="25"/>
    <x v="0"/>
    <x v="0"/>
    <s v="Xerox 1916"/>
    <n v="39.15"/>
    <n v="1"/>
    <n v="14.68"/>
  </r>
  <r>
    <d v="2016-10-14T00:00:00"/>
    <x v="9"/>
    <x v="2"/>
    <x v="203"/>
    <x v="20"/>
    <x v="2"/>
    <x v="6"/>
    <s v="Motorola L703CM"/>
    <n v="1091.93"/>
    <n v="7"/>
    <n v="272.98"/>
  </r>
  <r>
    <d v="2016-10-14T00:00:00"/>
    <x v="9"/>
    <x v="2"/>
    <x v="203"/>
    <x v="20"/>
    <x v="0"/>
    <x v="0"/>
    <s v="Xerox 1908"/>
    <n v="111.96"/>
    <n v="2"/>
    <n v="54.86"/>
  </r>
  <r>
    <d v="2016-10-14T00:00:00"/>
    <x v="9"/>
    <x v="2"/>
    <x v="737"/>
    <x v="21"/>
    <x v="2"/>
    <x v="9"/>
    <s v="Plantronics CS510 - Over-the-Head monaural Wireless Headset System"/>
    <n v="1649.75"/>
    <n v="5"/>
    <n v="544.41999999999996"/>
  </r>
  <r>
    <d v="2016-10-15T00:00:00"/>
    <x v="9"/>
    <x v="2"/>
    <x v="715"/>
    <x v="27"/>
    <x v="0"/>
    <x v="0"/>
    <s v="Xerox 1982"/>
    <n v="45.68"/>
    <n v="2"/>
    <n v="21.01"/>
  </r>
  <r>
    <d v="2016-10-15T00:00:00"/>
    <x v="9"/>
    <x v="2"/>
    <x v="715"/>
    <x v="27"/>
    <x v="0"/>
    <x v="0"/>
    <s v="Xerox 1986"/>
    <n v="60.12"/>
    <n v="9"/>
    <n v="28.86"/>
  </r>
  <r>
    <d v="2016-10-15T00:00:00"/>
    <x v="9"/>
    <x v="2"/>
    <x v="715"/>
    <x v="27"/>
    <x v="0"/>
    <x v="3"/>
    <s v="Acco Data Flex Cable Posts For Top &amp; Bottom Load Binders, 6&quot; Capacity"/>
    <n v="41.72"/>
    <n v="5"/>
    <n v="13.04"/>
  </r>
  <r>
    <d v="2016-10-15T00:00:00"/>
    <x v="9"/>
    <x v="2"/>
    <x v="715"/>
    <x v="27"/>
    <x v="0"/>
    <x v="0"/>
    <s v="Recycled Desk Saver Line &quot;While You Were Out&quot; Book, 5 1/2&quot; X 4&quot;"/>
    <n v="71.599999999999994"/>
    <n v="8"/>
    <n v="32.94"/>
  </r>
  <r>
    <d v="2016-10-15T00:00:00"/>
    <x v="9"/>
    <x v="2"/>
    <x v="33"/>
    <x v="39"/>
    <x v="0"/>
    <x v="1"/>
    <s v="Avery 49"/>
    <n v="20.16"/>
    <n v="7"/>
    <n v="9.8800000000000008"/>
  </r>
  <r>
    <d v="2016-10-15T00:00:00"/>
    <x v="9"/>
    <x v="2"/>
    <x v="33"/>
    <x v="39"/>
    <x v="0"/>
    <x v="1"/>
    <s v="Avery 508"/>
    <n v="29.46"/>
    <n v="6"/>
    <n v="14.44"/>
  </r>
  <r>
    <d v="2016-10-15T00:00:00"/>
    <x v="9"/>
    <x v="2"/>
    <x v="33"/>
    <x v="39"/>
    <x v="0"/>
    <x v="12"/>
    <s v="Hoover Upright Vacuum With Dirt Cup"/>
    <n v="868.59"/>
    <n v="3"/>
    <n v="251.89"/>
  </r>
  <r>
    <d v="2016-10-15T00:00:00"/>
    <x v="9"/>
    <x v="2"/>
    <x v="33"/>
    <x v="39"/>
    <x v="0"/>
    <x v="0"/>
    <s v="Xerox 1999"/>
    <n v="12.96"/>
    <n v="2"/>
    <n v="6.22"/>
  </r>
  <r>
    <d v="2016-10-15T00:00:00"/>
    <x v="9"/>
    <x v="2"/>
    <x v="33"/>
    <x v="39"/>
    <x v="2"/>
    <x v="6"/>
    <s v="Samsung Replacement EH64AVFWE Premium Headset"/>
    <n v="5.5"/>
    <n v="1"/>
    <n v="1.38"/>
  </r>
  <r>
    <d v="2016-10-15T00:00:00"/>
    <x v="9"/>
    <x v="2"/>
    <x v="33"/>
    <x v="39"/>
    <x v="0"/>
    <x v="3"/>
    <s v="Ibico Plastic Spiral Binding Combs"/>
    <n v="121.6"/>
    <n v="4"/>
    <n v="55.94"/>
  </r>
  <r>
    <d v="2016-10-15T00:00:00"/>
    <x v="9"/>
    <x v="2"/>
    <x v="87"/>
    <x v="6"/>
    <x v="0"/>
    <x v="3"/>
    <s v="GBC Twin Loop Wire Binding Elements"/>
    <n v="232.96"/>
    <n v="7"/>
    <n v="116.48"/>
  </r>
  <r>
    <d v="2016-10-15T00:00:00"/>
    <x v="9"/>
    <x v="2"/>
    <x v="87"/>
    <x v="6"/>
    <x v="0"/>
    <x v="10"/>
    <s v="#10 Self-Seal White Envelopes"/>
    <n v="66.540000000000006"/>
    <n v="6"/>
    <n v="32.6"/>
  </r>
  <r>
    <d v="2016-10-15T00:00:00"/>
    <x v="9"/>
    <x v="2"/>
    <x v="87"/>
    <x v="6"/>
    <x v="0"/>
    <x v="12"/>
    <s v="Holmes Odor Grabber"/>
    <n v="43.26"/>
    <n v="3"/>
    <n v="14.28"/>
  </r>
  <r>
    <d v="2016-10-16T00:00:00"/>
    <x v="9"/>
    <x v="2"/>
    <x v="555"/>
    <x v="20"/>
    <x v="1"/>
    <x v="13"/>
    <s v="Chromcraft Rectangular Conference Tables"/>
    <n v="142.18"/>
    <n v="1"/>
    <n v="-37.92"/>
  </r>
  <r>
    <d v="2016-10-17T00:00:00"/>
    <x v="9"/>
    <x v="2"/>
    <x v="646"/>
    <x v="3"/>
    <x v="0"/>
    <x v="3"/>
    <s v="Avery Durable Plastic 1&quot; Binders"/>
    <n v="18.16"/>
    <n v="5"/>
    <n v="6.58"/>
  </r>
  <r>
    <d v="2016-10-17T00:00:00"/>
    <x v="9"/>
    <x v="2"/>
    <x v="588"/>
    <x v="3"/>
    <x v="1"/>
    <x v="11"/>
    <s v="Safco Value Mate Steel Bookcase, Baked Enamel Finish on Steel, Black"/>
    <n v="120.67"/>
    <n v="2"/>
    <n v="21.29"/>
  </r>
  <r>
    <d v="2016-10-17T00:00:00"/>
    <x v="9"/>
    <x v="2"/>
    <x v="658"/>
    <x v="24"/>
    <x v="2"/>
    <x v="6"/>
    <s v="Panasonic KX-TG9541B DECT 6.0 Digital 2-Line Expandable Cordless Phone With Digital Answering System"/>
    <n v="449.97"/>
    <n v="3"/>
    <n v="220.49"/>
  </r>
  <r>
    <d v="2016-10-17T00:00:00"/>
    <x v="9"/>
    <x v="2"/>
    <x v="658"/>
    <x v="24"/>
    <x v="0"/>
    <x v="12"/>
    <s v="Honeywell Enviracaire Portable HEPA Air Cleaner for 16' x 20' Room"/>
    <n v="1927.59"/>
    <n v="7"/>
    <n v="751.76"/>
  </r>
  <r>
    <d v="2016-10-17T00:00:00"/>
    <x v="9"/>
    <x v="2"/>
    <x v="245"/>
    <x v="23"/>
    <x v="1"/>
    <x v="11"/>
    <s v="O'Sullivan Living Dimensions 2-Shelf Bookcases"/>
    <n v="120.98"/>
    <n v="1"/>
    <n v="12.1"/>
  </r>
  <r>
    <d v="2016-10-17T00:00:00"/>
    <x v="9"/>
    <x v="2"/>
    <x v="245"/>
    <x v="23"/>
    <x v="0"/>
    <x v="3"/>
    <s v="GBC ProClick 150 Presentation Binding System"/>
    <n v="315.98"/>
    <n v="1"/>
    <n v="148.51"/>
  </r>
  <r>
    <d v="2016-10-18T00:00:00"/>
    <x v="9"/>
    <x v="2"/>
    <x v="287"/>
    <x v="12"/>
    <x v="1"/>
    <x v="5"/>
    <s v="Global Deluxe Steno Chair"/>
    <n v="307.92"/>
    <n v="5"/>
    <n v="-34.64"/>
  </r>
  <r>
    <d v="2016-10-20T00:00:00"/>
    <x v="9"/>
    <x v="2"/>
    <x v="321"/>
    <x v="10"/>
    <x v="0"/>
    <x v="4"/>
    <s v="Premium Writing Pencils, Soft, #2 by Central Association for the Blind"/>
    <n v="7.15"/>
    <n v="3"/>
    <n v="0.72"/>
  </r>
  <r>
    <d v="2016-10-20T00:00:00"/>
    <x v="9"/>
    <x v="2"/>
    <x v="250"/>
    <x v="0"/>
    <x v="0"/>
    <x v="0"/>
    <s v="Black Print Carbonless Snap-Off Rapid Letter, 8 1/2&quot; x 7&quot;"/>
    <n v="51.02"/>
    <n v="7"/>
    <n v="15.94"/>
  </r>
  <r>
    <d v="2016-10-20T00:00:00"/>
    <x v="9"/>
    <x v="2"/>
    <x v="250"/>
    <x v="0"/>
    <x v="0"/>
    <x v="7"/>
    <s v="Staples"/>
    <n v="25.25"/>
    <n v="4"/>
    <n v="7.89"/>
  </r>
  <r>
    <d v="2016-10-20T00:00:00"/>
    <x v="9"/>
    <x v="2"/>
    <x v="250"/>
    <x v="0"/>
    <x v="1"/>
    <x v="5"/>
    <s v="Office Star - Ergonomically Designed Knee Chair"/>
    <n v="56.69"/>
    <n v="1"/>
    <n v="-14.58"/>
  </r>
  <r>
    <d v="2016-10-20T00:00:00"/>
    <x v="9"/>
    <x v="2"/>
    <x v="55"/>
    <x v="14"/>
    <x v="2"/>
    <x v="6"/>
    <s v="iKross Bluetooth Portable Keyboard + Cell Phone Stand Holder + Brush for Apple iPhone 5S 5C 5, 4S 4"/>
    <n v="125.7"/>
    <n v="6"/>
    <n v="35.200000000000003"/>
  </r>
  <r>
    <d v="2016-10-20T00:00:00"/>
    <x v="9"/>
    <x v="2"/>
    <x v="55"/>
    <x v="14"/>
    <x v="2"/>
    <x v="6"/>
    <s v="Pyle PMP37LED"/>
    <n v="191.98"/>
    <n v="2"/>
    <n v="51.83"/>
  </r>
  <r>
    <d v="2016-10-20T00:00:00"/>
    <x v="9"/>
    <x v="2"/>
    <x v="55"/>
    <x v="14"/>
    <x v="0"/>
    <x v="2"/>
    <s v="Woodgrain Magazine Files by Perma"/>
    <n v="20.86"/>
    <n v="7"/>
    <n v="1.46"/>
  </r>
  <r>
    <d v="2016-10-20T00:00:00"/>
    <x v="9"/>
    <x v="2"/>
    <x v="597"/>
    <x v="3"/>
    <x v="0"/>
    <x v="3"/>
    <s v="Fellowes Twister Kit, Gray/Clear, 3/pkg"/>
    <n v="19.3"/>
    <n v="3"/>
    <n v="6.03"/>
  </r>
  <r>
    <d v="2016-10-20T00:00:00"/>
    <x v="9"/>
    <x v="2"/>
    <x v="607"/>
    <x v="6"/>
    <x v="1"/>
    <x v="8"/>
    <s v="Aluminum Document Frame"/>
    <n v="61.1"/>
    <n v="5"/>
    <n v="18.329999999999998"/>
  </r>
  <r>
    <d v="2016-10-20T00:00:00"/>
    <x v="9"/>
    <x v="2"/>
    <x v="168"/>
    <x v="3"/>
    <x v="1"/>
    <x v="5"/>
    <s v="Hon Every-Day Chair Series Swivel Task Chairs"/>
    <n v="387.14"/>
    <n v="4"/>
    <n v="4.84"/>
  </r>
  <r>
    <d v="2016-10-21T00:00:00"/>
    <x v="9"/>
    <x v="2"/>
    <x v="521"/>
    <x v="37"/>
    <x v="0"/>
    <x v="3"/>
    <s v="Wilson Jones Â“SnapÂ” Scratch Pad Binder Tool for Ring Binders"/>
    <n v="23.2"/>
    <n v="4"/>
    <n v="10.44"/>
  </r>
  <r>
    <d v="2016-10-21T00:00:00"/>
    <x v="9"/>
    <x v="2"/>
    <x v="521"/>
    <x v="37"/>
    <x v="0"/>
    <x v="14"/>
    <s v="Staple remover"/>
    <n v="7.36"/>
    <n v="2"/>
    <n v="0.15"/>
  </r>
  <r>
    <d v="2016-10-21T00:00:00"/>
    <x v="9"/>
    <x v="2"/>
    <x v="521"/>
    <x v="37"/>
    <x v="0"/>
    <x v="2"/>
    <s v="Pizazz Global Quick File"/>
    <n v="104.79"/>
    <n v="7"/>
    <n v="29.34"/>
  </r>
  <r>
    <d v="2016-10-21T00:00:00"/>
    <x v="9"/>
    <x v="2"/>
    <x v="521"/>
    <x v="37"/>
    <x v="1"/>
    <x v="11"/>
    <s v="Atlantic Metals Mobile 3-Shelf Bookcases, Custom Colors"/>
    <n v="1043.92"/>
    <n v="4"/>
    <n v="271.42"/>
  </r>
  <r>
    <d v="2016-10-21T00:00:00"/>
    <x v="9"/>
    <x v="2"/>
    <x v="685"/>
    <x v="3"/>
    <x v="0"/>
    <x v="0"/>
    <s v="Rediform Wirebound &quot;Phone Memo&quot; Message Book, 11 x 5-3/4"/>
    <n v="22.92"/>
    <n v="3"/>
    <n v="11.23"/>
  </r>
  <r>
    <d v="2016-10-21T00:00:00"/>
    <x v="9"/>
    <x v="2"/>
    <x v="264"/>
    <x v="3"/>
    <x v="0"/>
    <x v="2"/>
    <s v="Belkin 19&quot; Vented Equipment Shelf, Black"/>
    <n v="154.44"/>
    <n v="3"/>
    <n v="1.54"/>
  </r>
  <r>
    <d v="2016-10-21T00:00:00"/>
    <x v="9"/>
    <x v="2"/>
    <x v="168"/>
    <x v="7"/>
    <x v="0"/>
    <x v="3"/>
    <s v="Avery Reinforcements for Hole-Punch Pages"/>
    <n v="7.92"/>
    <n v="4"/>
    <n v="3.56"/>
  </r>
  <r>
    <d v="2016-10-21T00:00:00"/>
    <x v="9"/>
    <x v="2"/>
    <x v="773"/>
    <x v="36"/>
    <x v="2"/>
    <x v="9"/>
    <s v="Logitech Desktop MK120 Mouse and keyboard Combo"/>
    <n v="98.16"/>
    <n v="6"/>
    <n v="9.82"/>
  </r>
  <r>
    <d v="2016-10-21T00:00:00"/>
    <x v="9"/>
    <x v="2"/>
    <x v="743"/>
    <x v="10"/>
    <x v="2"/>
    <x v="6"/>
    <s v="Panasonic KX TS208W Corded phone"/>
    <n v="235.15"/>
    <n v="8"/>
    <n v="-47.03"/>
  </r>
  <r>
    <d v="2016-10-21T00:00:00"/>
    <x v="9"/>
    <x v="2"/>
    <x v="197"/>
    <x v="10"/>
    <x v="1"/>
    <x v="13"/>
    <s v="Chromcraft Bull-Nose Wood 48&quot; x 96&quot; Rectangular Conference Tables"/>
    <n v="661.18"/>
    <n v="2"/>
    <n v="-231.41"/>
  </r>
  <r>
    <d v="2016-10-21T00:00:00"/>
    <x v="9"/>
    <x v="2"/>
    <x v="285"/>
    <x v="17"/>
    <x v="0"/>
    <x v="4"/>
    <s v="Panasonic KP-150 Electric Pencil Sharpener"/>
    <n v="113.22"/>
    <n v="3"/>
    <n v="29.44"/>
  </r>
  <r>
    <d v="2016-10-21T00:00:00"/>
    <x v="9"/>
    <x v="2"/>
    <x v="285"/>
    <x v="17"/>
    <x v="0"/>
    <x v="0"/>
    <s v="Xerox 193"/>
    <n v="35.880000000000003"/>
    <n v="6"/>
    <n v="17.579999999999998"/>
  </r>
  <r>
    <d v="2016-10-21T00:00:00"/>
    <x v="9"/>
    <x v="2"/>
    <x v="285"/>
    <x v="17"/>
    <x v="0"/>
    <x v="3"/>
    <s v="Ibico EPK-21 Electric Binding System"/>
    <n v="4535.9799999999996"/>
    <n v="3"/>
    <n v="1644.29"/>
  </r>
  <r>
    <d v="2016-10-21T00:00:00"/>
    <x v="9"/>
    <x v="2"/>
    <x v="60"/>
    <x v="15"/>
    <x v="0"/>
    <x v="2"/>
    <s v="Tenex Personal Filing Tote With Secure Closure Lid, Black/Frost"/>
    <n v="111.67"/>
    <n v="9"/>
    <n v="6.98"/>
  </r>
  <r>
    <d v="2016-10-21T00:00:00"/>
    <x v="9"/>
    <x v="2"/>
    <x v="453"/>
    <x v="0"/>
    <x v="2"/>
    <x v="9"/>
    <s v="SanDisk Ultra 32 GB MicroSDHC Class 10 Memory Card"/>
    <n v="106.08"/>
    <n v="6"/>
    <n v="-9.2799999999999994"/>
  </r>
  <r>
    <d v="2016-10-21T00:00:00"/>
    <x v="9"/>
    <x v="2"/>
    <x v="246"/>
    <x v="3"/>
    <x v="1"/>
    <x v="5"/>
    <s v="Office Star Flex Back Scooter Chair with Aluminum Finish Frame"/>
    <n v="242.14"/>
    <n v="3"/>
    <n v="12.11"/>
  </r>
  <r>
    <d v="2016-10-21T00:00:00"/>
    <x v="9"/>
    <x v="2"/>
    <x v="246"/>
    <x v="3"/>
    <x v="0"/>
    <x v="4"/>
    <s v="Newell Chalk Holder"/>
    <n v="12.39"/>
    <n v="3"/>
    <n v="5.7"/>
  </r>
  <r>
    <d v="2016-10-21T00:00:00"/>
    <x v="9"/>
    <x v="2"/>
    <x v="246"/>
    <x v="3"/>
    <x v="1"/>
    <x v="8"/>
    <s v="Eldon Expressions Wood and Plastic Desk Accessories, Oak"/>
    <n v="19.96"/>
    <n v="2"/>
    <n v="5.59"/>
  </r>
  <r>
    <d v="2016-10-21T00:00:00"/>
    <x v="9"/>
    <x v="2"/>
    <x v="246"/>
    <x v="3"/>
    <x v="0"/>
    <x v="2"/>
    <s v="SAFCO Boltless Steel Shelving"/>
    <n v="340.92"/>
    <n v="3"/>
    <n v="3.41"/>
  </r>
  <r>
    <d v="2016-10-21T00:00:00"/>
    <x v="9"/>
    <x v="2"/>
    <x v="64"/>
    <x v="16"/>
    <x v="1"/>
    <x v="8"/>
    <s v="Seth Thomas 14&quot; Day/Date Wall Clock"/>
    <n v="45.57"/>
    <n v="2"/>
    <n v="9.68"/>
  </r>
  <r>
    <d v="2016-10-21T00:00:00"/>
    <x v="9"/>
    <x v="2"/>
    <x v="64"/>
    <x v="16"/>
    <x v="0"/>
    <x v="3"/>
    <s v="GBC Personal VeloBind Strips"/>
    <n v="28.75"/>
    <n v="8"/>
    <n v="-21.08"/>
  </r>
  <r>
    <d v="2016-10-22T00:00:00"/>
    <x v="9"/>
    <x v="2"/>
    <x v="725"/>
    <x v="14"/>
    <x v="1"/>
    <x v="8"/>
    <s v="Eldon 200 Class Desk Accessories"/>
    <n v="31.4"/>
    <n v="5"/>
    <n v="10.050000000000001"/>
  </r>
  <r>
    <d v="2016-10-22T00:00:00"/>
    <x v="9"/>
    <x v="2"/>
    <x v="34"/>
    <x v="6"/>
    <x v="1"/>
    <x v="8"/>
    <s v="Eldon Expressions Wood and Plastic Desk Accessories, Oak"/>
    <n v="39.92"/>
    <n v="4"/>
    <n v="11.18"/>
  </r>
  <r>
    <d v="2016-10-22T00:00:00"/>
    <x v="9"/>
    <x v="2"/>
    <x v="493"/>
    <x v="22"/>
    <x v="0"/>
    <x v="0"/>
    <s v="Xerox 1986"/>
    <n v="6.68"/>
    <n v="1"/>
    <n v="3.21"/>
  </r>
  <r>
    <d v="2016-10-22T00:00:00"/>
    <x v="9"/>
    <x v="2"/>
    <x v="493"/>
    <x v="22"/>
    <x v="0"/>
    <x v="4"/>
    <s v="Prang Drawing Pencil Set"/>
    <n v="8.34"/>
    <n v="3"/>
    <n v="2.25"/>
  </r>
  <r>
    <d v="2016-10-22T00:00:00"/>
    <x v="9"/>
    <x v="2"/>
    <x v="493"/>
    <x v="22"/>
    <x v="1"/>
    <x v="8"/>
    <s v="Linden 12&quot; Wall Clock With Oak Frame"/>
    <n v="101.94"/>
    <n v="3"/>
    <n v="30.58"/>
  </r>
  <r>
    <d v="2016-10-23T00:00:00"/>
    <x v="9"/>
    <x v="2"/>
    <x v="50"/>
    <x v="20"/>
    <x v="0"/>
    <x v="0"/>
    <s v="Snap-A-Way Black Print Carbonless Ruled Speed Letter, Triplicate"/>
    <n v="379.4"/>
    <n v="10"/>
    <n v="178.32"/>
  </r>
  <r>
    <d v="2016-10-23T00:00:00"/>
    <x v="9"/>
    <x v="2"/>
    <x v="252"/>
    <x v="1"/>
    <x v="1"/>
    <x v="8"/>
    <s v="DAX Cubicle Frames - 8x10"/>
    <n v="16.16"/>
    <n v="7"/>
    <n v="-12.12"/>
  </r>
  <r>
    <d v="2016-10-23T00:00:00"/>
    <x v="9"/>
    <x v="2"/>
    <x v="252"/>
    <x v="1"/>
    <x v="0"/>
    <x v="0"/>
    <s v="Xerox 1929"/>
    <n v="54.82"/>
    <n v="3"/>
    <n v="17.82"/>
  </r>
  <r>
    <d v="2016-10-23T00:00:00"/>
    <x v="9"/>
    <x v="2"/>
    <x v="314"/>
    <x v="22"/>
    <x v="0"/>
    <x v="7"/>
    <s v="Advantus SlideClip Paper Clips"/>
    <n v="17.05"/>
    <n v="5"/>
    <n v="8.18"/>
  </r>
  <r>
    <d v="2016-10-24T00:00:00"/>
    <x v="9"/>
    <x v="2"/>
    <x v="197"/>
    <x v="3"/>
    <x v="2"/>
    <x v="9"/>
    <s v="Micro Innovations USB RF Wireless Keyboard with Mouse"/>
    <n v="100"/>
    <n v="4"/>
    <n v="21"/>
  </r>
  <r>
    <d v="2016-10-24T00:00:00"/>
    <x v="9"/>
    <x v="2"/>
    <x v="197"/>
    <x v="3"/>
    <x v="2"/>
    <x v="9"/>
    <s v="LogitechÂ VX Revolution Cordless Laser Mouse for Notebooks (Black)"/>
    <n v="359.98"/>
    <n v="2"/>
    <n v="21.6"/>
  </r>
  <r>
    <d v="2016-10-24T00:00:00"/>
    <x v="9"/>
    <x v="2"/>
    <x v="651"/>
    <x v="15"/>
    <x v="2"/>
    <x v="6"/>
    <s v="Apple iPhone 5C"/>
    <n v="239.98"/>
    <n v="3"/>
    <n v="18"/>
  </r>
  <r>
    <d v="2016-10-24T00:00:00"/>
    <x v="9"/>
    <x v="2"/>
    <x v="331"/>
    <x v="3"/>
    <x v="2"/>
    <x v="9"/>
    <s v="Razer Tiamat Over Ear 7.1 Surround Sound PC Gaming Headset"/>
    <n v="199.99"/>
    <n v="1"/>
    <n v="86"/>
  </r>
  <r>
    <d v="2016-10-24T00:00:00"/>
    <x v="9"/>
    <x v="2"/>
    <x v="359"/>
    <x v="0"/>
    <x v="0"/>
    <x v="0"/>
    <s v="Eureka Recycled Copy Paper 8 1/2&quot; x 11&quot;, Ream"/>
    <n v="15.55"/>
    <n v="3"/>
    <n v="5.44"/>
  </r>
  <r>
    <d v="2016-10-24T00:00:00"/>
    <x v="9"/>
    <x v="2"/>
    <x v="341"/>
    <x v="3"/>
    <x v="2"/>
    <x v="9"/>
    <s v="NETGEAR N750 Dual Band Wi-Fi Gigabit Router"/>
    <n v="450"/>
    <n v="5"/>
    <n v="162"/>
  </r>
  <r>
    <d v="2016-10-25T00:00:00"/>
    <x v="9"/>
    <x v="2"/>
    <x v="65"/>
    <x v="16"/>
    <x v="2"/>
    <x v="6"/>
    <s v="Panasonic KX-TG9471B"/>
    <n v="783.96"/>
    <n v="5"/>
    <n v="78.400000000000006"/>
  </r>
  <r>
    <d v="2016-10-27T00:00:00"/>
    <x v="9"/>
    <x v="2"/>
    <x v="617"/>
    <x v="20"/>
    <x v="1"/>
    <x v="8"/>
    <s v="Electrix 20W Halogen Replacement Bulb for Zoom-In Desk Lamp"/>
    <n v="40.200000000000003"/>
    <n v="3"/>
    <n v="19.3"/>
  </r>
  <r>
    <d v="2016-10-27T00:00:00"/>
    <x v="9"/>
    <x v="2"/>
    <x v="244"/>
    <x v="3"/>
    <x v="0"/>
    <x v="12"/>
    <s v="Staple holder"/>
    <n v="43.92"/>
    <n v="4"/>
    <n v="11.86"/>
  </r>
  <r>
    <d v="2016-10-27T00:00:00"/>
    <x v="9"/>
    <x v="2"/>
    <x v="244"/>
    <x v="3"/>
    <x v="0"/>
    <x v="3"/>
    <s v="Acco Data Flex Cable Posts For Top &amp; Bottom Load Binders, 6&quot; Capacity"/>
    <n v="25.03"/>
    <n v="3"/>
    <n v="7.82"/>
  </r>
  <r>
    <d v="2016-10-27T00:00:00"/>
    <x v="9"/>
    <x v="2"/>
    <x v="346"/>
    <x v="6"/>
    <x v="1"/>
    <x v="5"/>
    <s v="Global Executive Mid-Back Manager's Chair"/>
    <n v="290.98"/>
    <n v="1"/>
    <n v="75.650000000000006"/>
  </r>
  <r>
    <d v="2016-10-27T00:00:00"/>
    <x v="9"/>
    <x v="2"/>
    <x v="205"/>
    <x v="3"/>
    <x v="0"/>
    <x v="3"/>
    <s v="Avery Legal 4-Ring Binder"/>
    <n v="67.14"/>
    <n v="4"/>
    <n v="25.18"/>
  </r>
  <r>
    <d v="2016-10-27T00:00:00"/>
    <x v="9"/>
    <x v="2"/>
    <x v="346"/>
    <x v="20"/>
    <x v="1"/>
    <x v="5"/>
    <s v="Metal Folding Chairs, Beige, 4/Carton"/>
    <n v="427.64"/>
    <n v="14"/>
    <n v="80.78"/>
  </r>
  <r>
    <d v="2016-10-27T00:00:00"/>
    <x v="9"/>
    <x v="2"/>
    <x v="346"/>
    <x v="20"/>
    <x v="0"/>
    <x v="7"/>
    <s v="Advantus Push Pins, Aluminum Head"/>
    <n v="40.67"/>
    <n v="7"/>
    <n v="12.61"/>
  </r>
  <r>
    <d v="2016-10-27T00:00:00"/>
    <x v="9"/>
    <x v="2"/>
    <x v="346"/>
    <x v="20"/>
    <x v="0"/>
    <x v="2"/>
    <s v="Rogers Profile Extra Capacity Storage Tub"/>
    <n v="33.479999999999997"/>
    <n v="2"/>
    <n v="1.34"/>
  </r>
  <r>
    <d v="2016-10-27T00:00:00"/>
    <x v="9"/>
    <x v="2"/>
    <x v="346"/>
    <x v="20"/>
    <x v="0"/>
    <x v="3"/>
    <s v="Prestige Round Ring Binders"/>
    <n v="9.73"/>
    <n v="2"/>
    <n v="3.28"/>
  </r>
  <r>
    <d v="2016-10-28T00:00:00"/>
    <x v="9"/>
    <x v="2"/>
    <x v="657"/>
    <x v="3"/>
    <x v="0"/>
    <x v="2"/>
    <s v="Personal Filing Tote with Lid, Black/Gray"/>
    <n v="93.06"/>
    <n v="6"/>
    <n v="26.06"/>
  </r>
  <r>
    <d v="2016-10-28T00:00:00"/>
    <x v="9"/>
    <x v="2"/>
    <x v="657"/>
    <x v="3"/>
    <x v="2"/>
    <x v="6"/>
    <s v="Adtran 1202752G1"/>
    <n v="302.38"/>
    <n v="3"/>
    <n v="22.68"/>
  </r>
  <r>
    <d v="2016-10-28T00:00:00"/>
    <x v="9"/>
    <x v="2"/>
    <x v="104"/>
    <x v="23"/>
    <x v="0"/>
    <x v="0"/>
    <s v="Xerox 223"/>
    <n v="32.4"/>
    <n v="5"/>
    <n v="15.55"/>
  </r>
  <r>
    <d v="2016-10-28T00:00:00"/>
    <x v="9"/>
    <x v="2"/>
    <x v="104"/>
    <x v="23"/>
    <x v="0"/>
    <x v="2"/>
    <s v="Tennsco Stur-D-Stor Boltless Shelving, 5 Shelves, 24&quot; Deep, Sand"/>
    <n v="1082.48"/>
    <n v="8"/>
    <n v="10.82"/>
  </r>
  <r>
    <d v="2016-10-28T00:00:00"/>
    <x v="9"/>
    <x v="2"/>
    <x v="104"/>
    <x v="23"/>
    <x v="0"/>
    <x v="0"/>
    <s v="Xerox 1939"/>
    <n v="56.91"/>
    <n v="3"/>
    <n v="27.32"/>
  </r>
  <r>
    <d v="2016-10-28T00:00:00"/>
    <x v="9"/>
    <x v="2"/>
    <x v="104"/>
    <x v="23"/>
    <x v="1"/>
    <x v="8"/>
    <s v="Floodlight Indoor Halogen Bulbs, 1 Bulb per Pack, 60 Watts"/>
    <n v="77.599999999999994"/>
    <n v="4"/>
    <n v="38.020000000000003"/>
  </r>
  <r>
    <d v="2016-10-28T00:00:00"/>
    <x v="9"/>
    <x v="2"/>
    <x v="104"/>
    <x v="23"/>
    <x v="0"/>
    <x v="3"/>
    <s v="Avery Premier Heavy-Duty Binder with Round Locking Rings"/>
    <n v="14.28"/>
    <n v="1"/>
    <n v="6.57"/>
  </r>
  <r>
    <d v="2016-10-28T00:00:00"/>
    <x v="9"/>
    <x v="2"/>
    <x v="756"/>
    <x v="3"/>
    <x v="0"/>
    <x v="0"/>
    <s v="Southworth Structures Collection"/>
    <n v="50.96"/>
    <n v="7"/>
    <n v="25.48"/>
  </r>
  <r>
    <d v="2016-10-28T00:00:00"/>
    <x v="9"/>
    <x v="2"/>
    <x v="756"/>
    <x v="3"/>
    <x v="0"/>
    <x v="3"/>
    <s v="Square Ring Data Binders, Rigid 75 Pt. Covers, 11&quot; x 14-7/8&quot;"/>
    <n v="49.54"/>
    <n v="3"/>
    <n v="17.34"/>
  </r>
  <r>
    <d v="2016-10-28T00:00:00"/>
    <x v="9"/>
    <x v="2"/>
    <x v="190"/>
    <x v="16"/>
    <x v="1"/>
    <x v="8"/>
    <s v="24-Hour Round Wall Clock"/>
    <n v="47.95"/>
    <n v="3"/>
    <n v="13.79"/>
  </r>
  <r>
    <d v="2016-10-28T00:00:00"/>
    <x v="9"/>
    <x v="2"/>
    <x v="190"/>
    <x v="16"/>
    <x v="0"/>
    <x v="3"/>
    <s v="Large Capacity Hanging Post Binders"/>
    <n v="37.43"/>
    <n v="5"/>
    <n v="-29.94"/>
  </r>
  <r>
    <d v="2016-10-28T00:00:00"/>
    <x v="9"/>
    <x v="2"/>
    <x v="190"/>
    <x v="16"/>
    <x v="1"/>
    <x v="8"/>
    <s v="Eldon Radial Chair Mat for Low to Medium Pile Carpets"/>
    <n v="63.97"/>
    <n v="2"/>
    <n v="0"/>
  </r>
  <r>
    <d v="2016-10-28T00:00:00"/>
    <x v="9"/>
    <x v="2"/>
    <x v="190"/>
    <x v="16"/>
    <x v="1"/>
    <x v="8"/>
    <s v="Howard Miller 13-1/2&quot; Diameter Rosebrook Wall Clock"/>
    <n v="165.05"/>
    <n v="3"/>
    <n v="41.26"/>
  </r>
  <r>
    <d v="2016-10-28T00:00:00"/>
    <x v="9"/>
    <x v="2"/>
    <x v="436"/>
    <x v="25"/>
    <x v="0"/>
    <x v="3"/>
    <s v="XtraLife ClearVue Slant-D Ring Binder, White, 3&quot;"/>
    <n v="17.62"/>
    <n v="4"/>
    <n v="-14.09"/>
  </r>
  <r>
    <d v="2016-10-28T00:00:00"/>
    <x v="9"/>
    <x v="2"/>
    <x v="287"/>
    <x v="16"/>
    <x v="0"/>
    <x v="3"/>
    <s v="Canvas Sectional Post Binders"/>
    <n v="38.19"/>
    <n v="5"/>
    <n v="-26.73"/>
  </r>
  <r>
    <d v="2016-10-28T00:00:00"/>
    <x v="9"/>
    <x v="2"/>
    <x v="268"/>
    <x v="20"/>
    <x v="0"/>
    <x v="4"/>
    <s v="BIC Brite Liner Highlighters"/>
    <n v="12.42"/>
    <n v="3"/>
    <n v="5.22"/>
  </r>
  <r>
    <d v="2016-10-28T00:00:00"/>
    <x v="9"/>
    <x v="2"/>
    <x v="668"/>
    <x v="20"/>
    <x v="1"/>
    <x v="8"/>
    <s v="Tenex Chairmat w/ Average Lip, 45&quot; x 53&quot;"/>
    <n v="756.8"/>
    <n v="5"/>
    <n v="75.680000000000007"/>
  </r>
  <r>
    <d v="2016-10-29T00:00:00"/>
    <x v="9"/>
    <x v="2"/>
    <x v="140"/>
    <x v="23"/>
    <x v="0"/>
    <x v="2"/>
    <s v="Rogers Jumbo File, Granite"/>
    <n v="40.74"/>
    <n v="3"/>
    <n v="0.41"/>
  </r>
  <r>
    <d v="2016-10-29T00:00:00"/>
    <x v="9"/>
    <x v="2"/>
    <x v="140"/>
    <x v="23"/>
    <x v="0"/>
    <x v="12"/>
    <s v="Commercial WindTunnel Clean Air Upright Vacuum, Replacement Belts, Filtration Bags"/>
    <n v="11.67"/>
    <n v="3"/>
    <n v="3.03"/>
  </r>
  <r>
    <d v="2016-10-29T00:00:00"/>
    <x v="9"/>
    <x v="2"/>
    <x v="682"/>
    <x v="14"/>
    <x v="1"/>
    <x v="8"/>
    <s v="Electrix 20W Halogen Replacement Bulb for Zoom-In Desk Lamp"/>
    <n v="67"/>
    <n v="5"/>
    <n v="32.159999999999997"/>
  </r>
  <r>
    <d v="2016-10-29T00:00:00"/>
    <x v="9"/>
    <x v="2"/>
    <x v="564"/>
    <x v="3"/>
    <x v="0"/>
    <x v="3"/>
    <s v="XtraLife ClearVue Slant-D Ring Binder, White, 3&quot;"/>
    <n v="11.74"/>
    <n v="1"/>
    <n v="3.82"/>
  </r>
  <r>
    <d v="2016-10-30T00:00:00"/>
    <x v="9"/>
    <x v="2"/>
    <x v="80"/>
    <x v="14"/>
    <x v="0"/>
    <x v="4"/>
    <s v="Newell 312"/>
    <n v="11.68"/>
    <n v="2"/>
    <n v="3.5"/>
  </r>
  <r>
    <d v="2016-10-30T00:00:00"/>
    <x v="9"/>
    <x v="2"/>
    <x v="150"/>
    <x v="20"/>
    <x v="0"/>
    <x v="3"/>
    <s v="GBC Personal VeloBind Strips"/>
    <n v="28.75"/>
    <n v="3"/>
    <n v="10.06"/>
  </r>
  <r>
    <d v="2016-10-30T00:00:00"/>
    <x v="9"/>
    <x v="2"/>
    <x v="150"/>
    <x v="20"/>
    <x v="0"/>
    <x v="4"/>
    <s v="Boston KS Multi-Size Manual Pencil Sharpener"/>
    <n v="114.95"/>
    <n v="5"/>
    <n v="32.19"/>
  </r>
  <r>
    <d v="2016-10-30T00:00:00"/>
    <x v="9"/>
    <x v="2"/>
    <x v="530"/>
    <x v="3"/>
    <x v="0"/>
    <x v="7"/>
    <s v="Assorted Color Push Pins"/>
    <n v="3.62"/>
    <n v="2"/>
    <n v="1.19"/>
  </r>
  <r>
    <d v="2016-10-31T00:00:00"/>
    <x v="9"/>
    <x v="2"/>
    <x v="649"/>
    <x v="2"/>
    <x v="1"/>
    <x v="5"/>
    <s v="Hon Olson Stacker Stools"/>
    <n v="492.84"/>
    <n v="5"/>
    <n v="-14.08"/>
  </r>
  <r>
    <d v="2016-10-31T00:00:00"/>
    <x v="9"/>
    <x v="2"/>
    <x v="104"/>
    <x v="3"/>
    <x v="0"/>
    <x v="2"/>
    <s v="Dual Level, Single-Width Filing Carts"/>
    <n v="1085.42"/>
    <n v="7"/>
    <n v="282.20999999999998"/>
  </r>
  <r>
    <d v="2016-10-31T00:00:00"/>
    <x v="9"/>
    <x v="2"/>
    <x v="251"/>
    <x v="16"/>
    <x v="0"/>
    <x v="0"/>
    <s v="Xerox 1898"/>
    <n v="32.06"/>
    <n v="6"/>
    <n v="11.22"/>
  </r>
  <r>
    <d v="2016-10-31T00:00:00"/>
    <x v="9"/>
    <x v="2"/>
    <x v="698"/>
    <x v="39"/>
    <x v="0"/>
    <x v="14"/>
    <s v="Fiskars Softgrip Scissors"/>
    <n v="21.96"/>
    <n v="2"/>
    <n v="6.15"/>
  </r>
  <r>
    <d v="2016-10-31T00:00:00"/>
    <x v="9"/>
    <x v="2"/>
    <x v="698"/>
    <x v="39"/>
    <x v="1"/>
    <x v="5"/>
    <s v="Hon Mobius Operator's Chair"/>
    <n v="368.97"/>
    <n v="3"/>
    <n v="81.17"/>
  </r>
  <r>
    <d v="2016-10-31T00:00:00"/>
    <x v="9"/>
    <x v="2"/>
    <x v="698"/>
    <x v="39"/>
    <x v="0"/>
    <x v="4"/>
    <s v="Newell 31"/>
    <n v="12.39"/>
    <n v="3"/>
    <n v="3.47"/>
  </r>
  <r>
    <d v="2016-10-31T00:00:00"/>
    <x v="9"/>
    <x v="2"/>
    <x v="698"/>
    <x v="39"/>
    <x v="0"/>
    <x v="2"/>
    <s v="Carina Mini System Audio Rack, Model AR050B"/>
    <n v="332.94"/>
    <n v="3"/>
    <n v="9.99"/>
  </r>
  <r>
    <d v="2016-10-31T00:00:00"/>
    <x v="9"/>
    <x v="2"/>
    <x v="472"/>
    <x v="3"/>
    <x v="1"/>
    <x v="5"/>
    <s v="Office Star - Professional Matrix Back Chair with 2-to-1 Synchro Tilt and Mesh Fabric Seat"/>
    <n v="1403.92"/>
    <n v="5"/>
    <n v="70.2"/>
  </r>
  <r>
    <d v="2016-11-01T00:00:00"/>
    <x v="10"/>
    <x v="2"/>
    <x v="307"/>
    <x v="6"/>
    <x v="2"/>
    <x v="6"/>
    <s v="LF Elite 3D Dazzle Designer Hard Case Cover, Lf Stylus Pen and Wiper For Apple Iphone 5c Mini Lite"/>
    <n v="21.8"/>
    <n v="2"/>
    <n v="6.1"/>
  </r>
  <r>
    <d v="2016-11-01T00:00:00"/>
    <x v="10"/>
    <x v="2"/>
    <x v="307"/>
    <x v="6"/>
    <x v="0"/>
    <x v="10"/>
    <s v="Airmail Envelopes"/>
    <n v="251.79"/>
    <n v="3"/>
    <n v="118.34"/>
  </r>
  <r>
    <d v="2016-11-01T00:00:00"/>
    <x v="10"/>
    <x v="2"/>
    <x v="599"/>
    <x v="0"/>
    <x v="0"/>
    <x v="2"/>
    <s v="Tenex Personal Filing Tote With Secure Closure Lid, Black/Frost"/>
    <n v="111.67"/>
    <n v="9"/>
    <n v="6.98"/>
  </r>
  <r>
    <d v="2016-11-01T00:00:00"/>
    <x v="10"/>
    <x v="2"/>
    <x v="21"/>
    <x v="1"/>
    <x v="2"/>
    <x v="9"/>
    <s v="Maxell 4.7GB DVD-R"/>
    <n v="68.11"/>
    <n v="3"/>
    <n v="17.88"/>
  </r>
  <r>
    <d v="2016-11-03T00:00:00"/>
    <x v="10"/>
    <x v="2"/>
    <x v="68"/>
    <x v="30"/>
    <x v="0"/>
    <x v="4"/>
    <s v="Hunt PowerHouse Electric Pencil Sharpener, Blue"/>
    <n v="75.959999999999994"/>
    <n v="2"/>
    <n v="22.79"/>
  </r>
  <r>
    <d v="2016-11-03T00:00:00"/>
    <x v="10"/>
    <x v="2"/>
    <x v="68"/>
    <x v="30"/>
    <x v="0"/>
    <x v="3"/>
    <s v="Avery Durable Plastic 1&quot; Binders"/>
    <n v="27.24"/>
    <n v="6"/>
    <n v="13.35"/>
  </r>
  <r>
    <d v="2016-11-03T00:00:00"/>
    <x v="10"/>
    <x v="2"/>
    <x v="582"/>
    <x v="22"/>
    <x v="0"/>
    <x v="4"/>
    <s v="Newell 332"/>
    <n v="8.82"/>
    <n v="3"/>
    <n v="2.38"/>
  </r>
  <r>
    <d v="2016-11-03T00:00:00"/>
    <x v="10"/>
    <x v="2"/>
    <x v="766"/>
    <x v="3"/>
    <x v="1"/>
    <x v="5"/>
    <s v="Global Deluxe High-Back Office Chair in Storm"/>
    <n v="217.58"/>
    <n v="2"/>
    <n v="-29.92"/>
  </r>
  <r>
    <d v="2016-11-03T00:00:00"/>
    <x v="10"/>
    <x v="2"/>
    <x v="766"/>
    <x v="3"/>
    <x v="2"/>
    <x v="9"/>
    <s v="Kensington K72356US Mouse-in-a-Box USB Desktop Mouse"/>
    <n v="82.95"/>
    <n v="5"/>
    <n v="29.03"/>
  </r>
  <r>
    <d v="2016-11-03T00:00:00"/>
    <x v="10"/>
    <x v="2"/>
    <x v="766"/>
    <x v="3"/>
    <x v="0"/>
    <x v="1"/>
    <s v="Avery 50"/>
    <n v="87.71"/>
    <n v="7"/>
    <n v="41.22"/>
  </r>
  <r>
    <d v="2016-11-03T00:00:00"/>
    <x v="10"/>
    <x v="2"/>
    <x v="766"/>
    <x v="3"/>
    <x v="0"/>
    <x v="12"/>
    <s v="Honeywell Enviracaire Portable HEPA Air Cleaner for 16' x 20' Room"/>
    <n v="1101.48"/>
    <n v="4"/>
    <n v="429.58"/>
  </r>
  <r>
    <d v="2016-11-03T00:00:00"/>
    <x v="10"/>
    <x v="2"/>
    <x v="358"/>
    <x v="5"/>
    <x v="0"/>
    <x v="7"/>
    <s v="Advantus Plastic Paper Clips"/>
    <n v="20"/>
    <n v="4"/>
    <n v="9.6"/>
  </r>
  <r>
    <d v="2016-11-03T00:00:00"/>
    <x v="10"/>
    <x v="2"/>
    <x v="358"/>
    <x v="5"/>
    <x v="0"/>
    <x v="4"/>
    <s v="Economy #2 Pencils"/>
    <n v="7.98"/>
    <n v="3"/>
    <n v="2.0699999999999998"/>
  </r>
  <r>
    <d v="2016-11-03T00:00:00"/>
    <x v="10"/>
    <x v="2"/>
    <x v="358"/>
    <x v="5"/>
    <x v="1"/>
    <x v="8"/>
    <s v="Magna Visual Magnetic Picture Hangers"/>
    <n v="24.1"/>
    <n v="5"/>
    <n v="9.16"/>
  </r>
  <r>
    <d v="2016-11-03T00:00:00"/>
    <x v="10"/>
    <x v="2"/>
    <x v="358"/>
    <x v="5"/>
    <x v="0"/>
    <x v="4"/>
    <s v="Boston 16750 Black Compact Battery Pencil Sharpener"/>
    <n v="8.75"/>
    <n v="1"/>
    <n v="2.63"/>
  </r>
  <r>
    <d v="2016-11-03T00:00:00"/>
    <x v="10"/>
    <x v="2"/>
    <x v="358"/>
    <x v="5"/>
    <x v="1"/>
    <x v="13"/>
    <s v="Global Adaptabilities Conference Tables"/>
    <n v="842.94"/>
    <n v="3"/>
    <n v="160.16"/>
  </r>
  <r>
    <d v="2016-11-03T00:00:00"/>
    <x v="10"/>
    <x v="2"/>
    <x v="21"/>
    <x v="3"/>
    <x v="0"/>
    <x v="7"/>
    <s v="Stockwell Push Pins"/>
    <n v="15.26"/>
    <n v="7"/>
    <n v="5.04"/>
  </r>
  <r>
    <d v="2016-11-03T00:00:00"/>
    <x v="10"/>
    <x v="2"/>
    <x v="21"/>
    <x v="3"/>
    <x v="0"/>
    <x v="12"/>
    <s v="Holmes 99% HEPA Air Purifier"/>
    <n v="43.32"/>
    <n v="2"/>
    <n v="14.3"/>
  </r>
  <r>
    <d v="2016-11-03T00:00:00"/>
    <x v="10"/>
    <x v="2"/>
    <x v="21"/>
    <x v="3"/>
    <x v="0"/>
    <x v="3"/>
    <s v="Avery Durable Plastic 1&quot; Binders"/>
    <n v="43.58"/>
    <n v="12"/>
    <n v="15.8"/>
  </r>
  <r>
    <d v="2016-11-03T00:00:00"/>
    <x v="10"/>
    <x v="2"/>
    <x v="21"/>
    <x v="3"/>
    <x v="0"/>
    <x v="0"/>
    <s v="Xerox 1892"/>
    <n v="116.28"/>
    <n v="3"/>
    <n v="56.98"/>
  </r>
  <r>
    <d v="2016-11-03T00:00:00"/>
    <x v="10"/>
    <x v="2"/>
    <x v="21"/>
    <x v="3"/>
    <x v="0"/>
    <x v="3"/>
    <s v="Fellowes Black Plastic Comb Bindings"/>
    <n v="9.3000000000000007"/>
    <n v="2"/>
    <n v="3.02"/>
  </r>
  <r>
    <d v="2016-11-03T00:00:00"/>
    <x v="10"/>
    <x v="2"/>
    <x v="21"/>
    <x v="3"/>
    <x v="0"/>
    <x v="0"/>
    <s v="Xerox 22"/>
    <n v="19.440000000000001"/>
    <n v="3"/>
    <n v="9.33"/>
  </r>
  <r>
    <d v="2016-11-03T00:00:00"/>
    <x v="10"/>
    <x v="2"/>
    <x v="21"/>
    <x v="3"/>
    <x v="0"/>
    <x v="0"/>
    <s v="Multicolor Computer Printout Paper"/>
    <n v="314.55"/>
    <n v="3"/>
    <n v="150.97999999999999"/>
  </r>
  <r>
    <d v="2016-11-03T00:00:00"/>
    <x v="10"/>
    <x v="2"/>
    <x v="225"/>
    <x v="0"/>
    <x v="0"/>
    <x v="0"/>
    <s v="Xerox 1978"/>
    <n v="9.25"/>
    <n v="2"/>
    <n v="3.35"/>
  </r>
  <r>
    <d v="2016-11-03T00:00:00"/>
    <x v="10"/>
    <x v="2"/>
    <x v="262"/>
    <x v="11"/>
    <x v="0"/>
    <x v="3"/>
    <s v="Avery Reinforcements for Hole-Punch Pages"/>
    <n v="4.16"/>
    <n v="7"/>
    <n v="-3.47"/>
  </r>
  <r>
    <d v="2016-11-03T00:00:00"/>
    <x v="10"/>
    <x v="2"/>
    <x v="262"/>
    <x v="11"/>
    <x v="2"/>
    <x v="15"/>
    <s v="Okidata B401 Printer"/>
    <n v="179.99"/>
    <n v="3"/>
    <n v="-251.99"/>
  </r>
  <r>
    <d v="2016-11-03T00:00:00"/>
    <x v="10"/>
    <x v="2"/>
    <x v="425"/>
    <x v="2"/>
    <x v="2"/>
    <x v="9"/>
    <s v="NETGEAR N750 Dual Band Wi-Fi Gigabit Router"/>
    <n v="72"/>
    <n v="1"/>
    <n v="14.4"/>
  </r>
  <r>
    <d v="2016-11-03T00:00:00"/>
    <x v="10"/>
    <x v="2"/>
    <x v="425"/>
    <x v="2"/>
    <x v="1"/>
    <x v="5"/>
    <s v="Bevis Steel Folding Chairs"/>
    <n v="470.16"/>
    <n v="7"/>
    <n v="-13.43"/>
  </r>
  <r>
    <d v="2016-11-04T00:00:00"/>
    <x v="10"/>
    <x v="2"/>
    <x v="554"/>
    <x v="5"/>
    <x v="0"/>
    <x v="7"/>
    <s v="OIC Colored Binder Clips, Assorted Sizes"/>
    <n v="10.74"/>
    <n v="3"/>
    <n v="5.26"/>
  </r>
  <r>
    <d v="2016-11-04T00:00:00"/>
    <x v="10"/>
    <x v="2"/>
    <x v="756"/>
    <x v="22"/>
    <x v="1"/>
    <x v="8"/>
    <s v="Tenex &quot;The Solids&quot; Textured Chair Mats"/>
    <n v="209.88"/>
    <n v="3"/>
    <n v="35.68"/>
  </r>
  <r>
    <d v="2016-11-04T00:00:00"/>
    <x v="10"/>
    <x v="2"/>
    <x v="384"/>
    <x v="3"/>
    <x v="1"/>
    <x v="8"/>
    <s v="Advantus Panel Wall Acrylic Frame"/>
    <n v="38.29"/>
    <n v="7"/>
    <n v="16.46"/>
  </r>
  <r>
    <d v="2016-11-04T00:00:00"/>
    <x v="10"/>
    <x v="2"/>
    <x v="426"/>
    <x v="3"/>
    <x v="0"/>
    <x v="4"/>
    <s v="Boston Heavy-Duty Trimline Electric Pencil Sharpeners"/>
    <n v="192.8"/>
    <n v="4"/>
    <n v="55.91"/>
  </r>
  <r>
    <d v="2016-11-04T00:00:00"/>
    <x v="10"/>
    <x v="2"/>
    <x v="609"/>
    <x v="11"/>
    <x v="0"/>
    <x v="14"/>
    <s v="Serrated Blade or Curved Handle Hand Letter Openers"/>
    <n v="17.579999999999998"/>
    <n v="7"/>
    <n v="-4.18"/>
  </r>
  <r>
    <d v="2016-11-04T00:00:00"/>
    <x v="10"/>
    <x v="2"/>
    <x v="609"/>
    <x v="11"/>
    <x v="1"/>
    <x v="5"/>
    <s v="Office Star - Contemporary Task Swivel chair with Loop Arms, Charcoal"/>
    <n v="104.78"/>
    <n v="1"/>
    <n v="-14.41"/>
  </r>
  <r>
    <d v="2016-11-04T00:00:00"/>
    <x v="10"/>
    <x v="2"/>
    <x v="609"/>
    <x v="11"/>
    <x v="0"/>
    <x v="0"/>
    <s v="Southworth 25% Cotton Premium Laser Paper and Envelopes"/>
    <n v="47.95"/>
    <n v="3"/>
    <n v="16.78"/>
  </r>
  <r>
    <d v="2016-11-04T00:00:00"/>
    <x v="10"/>
    <x v="2"/>
    <x v="609"/>
    <x v="11"/>
    <x v="1"/>
    <x v="5"/>
    <s v="Global Enterprise Series Seating High-Back Swivel/Tilt Chairs"/>
    <n v="650.35"/>
    <n v="3"/>
    <n v="-97.55"/>
  </r>
  <r>
    <d v="2016-11-04T00:00:00"/>
    <x v="10"/>
    <x v="2"/>
    <x v="609"/>
    <x v="11"/>
    <x v="0"/>
    <x v="1"/>
    <s v="Dot Matrix Printer Tape Reel Labels, White, 5000/Box"/>
    <n v="629.17999999999995"/>
    <n v="8"/>
    <n v="228.08"/>
  </r>
  <r>
    <d v="2016-11-04T00:00:00"/>
    <x v="10"/>
    <x v="2"/>
    <x v="609"/>
    <x v="11"/>
    <x v="0"/>
    <x v="0"/>
    <s v="Xerox 1887"/>
    <n v="15.18"/>
    <n v="1"/>
    <n v="5.31"/>
  </r>
  <r>
    <d v="2016-11-04T00:00:00"/>
    <x v="10"/>
    <x v="2"/>
    <x v="591"/>
    <x v="16"/>
    <x v="1"/>
    <x v="8"/>
    <s v="Ultra Door Pull Handle"/>
    <n v="50.5"/>
    <n v="6"/>
    <n v="8.2100000000000009"/>
  </r>
  <r>
    <d v="2016-11-04T00:00:00"/>
    <x v="10"/>
    <x v="2"/>
    <x v="249"/>
    <x v="3"/>
    <x v="0"/>
    <x v="3"/>
    <s v="Tuff Stuff Recycled Round Ring Binders"/>
    <n v="7.71"/>
    <n v="2"/>
    <n v="2.8"/>
  </r>
  <r>
    <d v="2016-11-04T00:00:00"/>
    <x v="10"/>
    <x v="2"/>
    <x v="249"/>
    <x v="3"/>
    <x v="0"/>
    <x v="3"/>
    <s v="Acco Economy Flexible Poly Round Ring Binder"/>
    <n v="4.18"/>
    <n v="1"/>
    <n v="1.31"/>
  </r>
  <r>
    <d v="2016-11-04T00:00:00"/>
    <x v="10"/>
    <x v="2"/>
    <x v="249"/>
    <x v="3"/>
    <x v="0"/>
    <x v="0"/>
    <s v="Xerox 229"/>
    <n v="38.880000000000003"/>
    <n v="6"/>
    <n v="18.66"/>
  </r>
  <r>
    <d v="2016-11-04T00:00:00"/>
    <x v="10"/>
    <x v="2"/>
    <x v="727"/>
    <x v="25"/>
    <x v="0"/>
    <x v="2"/>
    <s v="Eldon Portable Mobile Manager"/>
    <n v="45.25"/>
    <n v="2"/>
    <n v="3.96"/>
  </r>
  <r>
    <d v="2016-11-04T00:00:00"/>
    <x v="10"/>
    <x v="2"/>
    <x v="727"/>
    <x v="25"/>
    <x v="1"/>
    <x v="13"/>
    <s v="BPI Conference Tables"/>
    <n v="876.3"/>
    <n v="10"/>
    <n v="-292.10000000000002"/>
  </r>
  <r>
    <d v="2016-11-04T00:00:00"/>
    <x v="10"/>
    <x v="2"/>
    <x v="727"/>
    <x v="25"/>
    <x v="0"/>
    <x v="14"/>
    <s v="Premier Electric Letter Opener"/>
    <n v="185.38"/>
    <n v="2"/>
    <n v="-34.76"/>
  </r>
  <r>
    <d v="2016-11-04T00:00:00"/>
    <x v="10"/>
    <x v="2"/>
    <x v="204"/>
    <x v="3"/>
    <x v="2"/>
    <x v="15"/>
    <s v="Okidata B400 Printer"/>
    <n v="686.4"/>
    <n v="2"/>
    <n v="77.22"/>
  </r>
  <r>
    <d v="2016-11-04T00:00:00"/>
    <x v="10"/>
    <x v="2"/>
    <x v="533"/>
    <x v="0"/>
    <x v="1"/>
    <x v="8"/>
    <s v="DAX Two-Tone Rosewood/Black Document Frame, Desktop, 5 x 7"/>
    <n v="11.38"/>
    <n v="3"/>
    <n v="-5.69"/>
  </r>
  <r>
    <d v="2016-11-04T00:00:00"/>
    <x v="10"/>
    <x v="2"/>
    <x v="533"/>
    <x v="0"/>
    <x v="1"/>
    <x v="8"/>
    <s v="Deflect-o EconoMat Studded, No Bevel Mat for Low Pile Carpeting"/>
    <n v="66.11"/>
    <n v="4"/>
    <n v="-84.29"/>
  </r>
  <r>
    <d v="2016-11-05T00:00:00"/>
    <x v="10"/>
    <x v="2"/>
    <x v="431"/>
    <x v="3"/>
    <x v="0"/>
    <x v="3"/>
    <s v="Cardinal Holdit Data Disk Pockets"/>
    <n v="29.12"/>
    <n v="5"/>
    <n v="9.83"/>
  </r>
  <r>
    <d v="2016-11-05T00:00:00"/>
    <x v="10"/>
    <x v="2"/>
    <x v="756"/>
    <x v="2"/>
    <x v="2"/>
    <x v="6"/>
    <s v="Anker Astro Mini 3000mAh Ultra-Compact Portable Charger"/>
    <n v="23.99"/>
    <n v="2"/>
    <n v="-15.99"/>
  </r>
  <r>
    <d v="2016-11-05T00:00:00"/>
    <x v="10"/>
    <x v="2"/>
    <x v="287"/>
    <x v="0"/>
    <x v="1"/>
    <x v="13"/>
    <s v="Laminate Occasional Tables"/>
    <n v="863.13"/>
    <n v="8"/>
    <n v="-160.30000000000001"/>
  </r>
  <r>
    <d v="2016-11-05T00:00:00"/>
    <x v="10"/>
    <x v="2"/>
    <x v="287"/>
    <x v="0"/>
    <x v="0"/>
    <x v="3"/>
    <s v="Storex Dura Pro Binders"/>
    <n v="3.56"/>
    <n v="3"/>
    <n v="-6.24"/>
  </r>
  <r>
    <d v="2016-11-05T00:00:00"/>
    <x v="10"/>
    <x v="2"/>
    <x v="287"/>
    <x v="0"/>
    <x v="1"/>
    <x v="11"/>
    <s v="O'Sullivan Plantations 2-Door Library in Landvery Oak"/>
    <n v="956.66"/>
    <n v="7"/>
    <n v="-225.1"/>
  </r>
  <r>
    <d v="2016-11-05T00:00:00"/>
    <x v="10"/>
    <x v="2"/>
    <x v="287"/>
    <x v="0"/>
    <x v="0"/>
    <x v="3"/>
    <s v="Premium Transparent Presentation Covers by GBC"/>
    <n v="12.59"/>
    <n v="3"/>
    <n v="-20.14"/>
  </r>
  <r>
    <d v="2016-11-05T00:00:00"/>
    <x v="10"/>
    <x v="2"/>
    <x v="287"/>
    <x v="0"/>
    <x v="2"/>
    <x v="9"/>
    <s v="Logitech Wireless Headset H600 Over-The-Head Design"/>
    <n v="171.96"/>
    <n v="5"/>
    <n v="45.14"/>
  </r>
  <r>
    <d v="2016-11-05T00:00:00"/>
    <x v="10"/>
    <x v="2"/>
    <x v="415"/>
    <x v="18"/>
    <x v="0"/>
    <x v="3"/>
    <s v="Premium Transparent Presentation Covers by GBC"/>
    <n v="104.9"/>
    <n v="5"/>
    <n v="50.35"/>
  </r>
  <r>
    <d v="2016-11-05T00:00:00"/>
    <x v="10"/>
    <x v="2"/>
    <x v="415"/>
    <x v="18"/>
    <x v="0"/>
    <x v="4"/>
    <s v="Prismacolor Color Pencil Set"/>
    <n v="39.68"/>
    <n v="2"/>
    <n v="16.27"/>
  </r>
  <r>
    <d v="2016-11-05T00:00:00"/>
    <x v="10"/>
    <x v="2"/>
    <x v="415"/>
    <x v="18"/>
    <x v="0"/>
    <x v="1"/>
    <s v="Avery 503"/>
    <n v="51.75"/>
    <n v="5"/>
    <n v="24.84"/>
  </r>
  <r>
    <d v="2016-11-05T00:00:00"/>
    <x v="10"/>
    <x v="2"/>
    <x v="343"/>
    <x v="3"/>
    <x v="0"/>
    <x v="3"/>
    <s v="GBC Twin Loop Wire Binding Elements"/>
    <n v="53.25"/>
    <n v="2"/>
    <n v="19.97"/>
  </r>
  <r>
    <d v="2016-11-05T00:00:00"/>
    <x v="10"/>
    <x v="2"/>
    <x v="438"/>
    <x v="0"/>
    <x v="0"/>
    <x v="1"/>
    <s v="Avery 490"/>
    <n v="11.84"/>
    <n v="1"/>
    <n v="4.4400000000000004"/>
  </r>
  <r>
    <d v="2016-11-05T00:00:00"/>
    <x v="10"/>
    <x v="2"/>
    <x v="377"/>
    <x v="22"/>
    <x v="2"/>
    <x v="9"/>
    <s v="Cherry 142-key Programmable Keyboard"/>
    <n v="479.72"/>
    <n v="4"/>
    <n v="52.77"/>
  </r>
  <r>
    <d v="2016-11-05T00:00:00"/>
    <x v="10"/>
    <x v="2"/>
    <x v="564"/>
    <x v="3"/>
    <x v="2"/>
    <x v="9"/>
    <s v="KeyTronicÂ E03601U1 -Â KeyboardÂ - Beige"/>
    <n v="72"/>
    <n v="4"/>
    <n v="12.96"/>
  </r>
  <r>
    <d v="2016-11-05T00:00:00"/>
    <x v="10"/>
    <x v="2"/>
    <x v="564"/>
    <x v="3"/>
    <x v="1"/>
    <x v="5"/>
    <s v="Harbour Creations 67200 Series Stacking Chairs"/>
    <n v="113.89"/>
    <n v="2"/>
    <n v="9.9700000000000006"/>
  </r>
  <r>
    <d v="2016-11-05T00:00:00"/>
    <x v="10"/>
    <x v="2"/>
    <x v="564"/>
    <x v="3"/>
    <x v="0"/>
    <x v="10"/>
    <s v="Strathmore #10 Envelopes, Ultimate White"/>
    <n v="158.13"/>
    <n v="3"/>
    <n v="77.48"/>
  </r>
  <r>
    <d v="2016-11-05T00:00:00"/>
    <x v="10"/>
    <x v="2"/>
    <x v="395"/>
    <x v="6"/>
    <x v="1"/>
    <x v="8"/>
    <s v="3M Polarizing Task Lamp with Clamp Arm, Light Gray"/>
    <n v="273.95999999999998"/>
    <n v="2"/>
    <n v="71.23"/>
  </r>
  <r>
    <d v="2016-11-05T00:00:00"/>
    <x v="10"/>
    <x v="2"/>
    <x v="395"/>
    <x v="6"/>
    <x v="2"/>
    <x v="9"/>
    <s v="Microsoft Natural Ergonomic Keyboard 4000"/>
    <n v="89.97"/>
    <n v="3"/>
    <n v="18.89"/>
  </r>
  <r>
    <d v="2016-11-05T00:00:00"/>
    <x v="10"/>
    <x v="2"/>
    <x v="395"/>
    <x v="6"/>
    <x v="1"/>
    <x v="8"/>
    <s v="Tenex Chairmat w/ Average Lip, 45&quot; x 53&quot;"/>
    <n v="756.8"/>
    <n v="5"/>
    <n v="75.680000000000007"/>
  </r>
  <r>
    <d v="2016-11-06T00:00:00"/>
    <x v="10"/>
    <x v="2"/>
    <x v="471"/>
    <x v="3"/>
    <x v="1"/>
    <x v="5"/>
    <s v="Global Task Chair, Black"/>
    <n v="81.42"/>
    <n v="2"/>
    <n v="-9.16"/>
  </r>
  <r>
    <d v="2016-11-06T00:00:00"/>
    <x v="10"/>
    <x v="2"/>
    <x v="471"/>
    <x v="3"/>
    <x v="1"/>
    <x v="8"/>
    <s v="Eldon Cleatmat Plus Chair Mats for High Pile Carpets"/>
    <n v="238.56"/>
    <n v="3"/>
    <n v="26.24"/>
  </r>
  <r>
    <d v="2016-11-06T00:00:00"/>
    <x v="10"/>
    <x v="2"/>
    <x v="254"/>
    <x v="16"/>
    <x v="1"/>
    <x v="5"/>
    <s v="High-Back Leather Manager's Chair"/>
    <n v="207.98"/>
    <n v="2"/>
    <n v="-28.6"/>
  </r>
  <r>
    <d v="2016-11-06T00:00:00"/>
    <x v="10"/>
    <x v="2"/>
    <x v="254"/>
    <x v="16"/>
    <x v="0"/>
    <x v="0"/>
    <s v="Embossed Ink Jet Note Cards"/>
    <n v="36.11"/>
    <n v="2"/>
    <n v="12.64"/>
  </r>
  <r>
    <d v="2016-11-06T00:00:00"/>
    <x v="10"/>
    <x v="2"/>
    <x v="254"/>
    <x v="16"/>
    <x v="1"/>
    <x v="8"/>
    <s v="Executive Impressions 14&quot; Contract Wall Clock"/>
    <n v="35.57"/>
    <n v="2"/>
    <n v="5.78"/>
  </r>
  <r>
    <d v="2016-11-06T00:00:00"/>
    <x v="10"/>
    <x v="2"/>
    <x v="254"/>
    <x v="16"/>
    <x v="0"/>
    <x v="0"/>
    <s v="Eaton Premium Continuous-Feed Paper, 25% Cotton, Letter Size, White, 1000 Shts/Box"/>
    <n v="88.77"/>
    <n v="2"/>
    <n v="31.07"/>
  </r>
  <r>
    <d v="2016-11-06T00:00:00"/>
    <x v="10"/>
    <x v="2"/>
    <x v="576"/>
    <x v="3"/>
    <x v="0"/>
    <x v="2"/>
    <s v="Eldon Portable Mobile Manager"/>
    <n v="84.84"/>
    <n v="3"/>
    <n v="22.91"/>
  </r>
  <r>
    <d v="2016-11-07T00:00:00"/>
    <x v="10"/>
    <x v="2"/>
    <x v="655"/>
    <x v="22"/>
    <x v="0"/>
    <x v="3"/>
    <s v="Wilson Jones International Size A4 Ring Binders"/>
    <n v="27.68"/>
    <n v="2"/>
    <n v="9.69"/>
  </r>
  <r>
    <d v="2016-11-07T00:00:00"/>
    <x v="10"/>
    <x v="2"/>
    <x v="673"/>
    <x v="3"/>
    <x v="0"/>
    <x v="3"/>
    <s v="Fellowes Binding Cases"/>
    <n v="37.44"/>
    <n v="4"/>
    <n v="11.7"/>
  </r>
  <r>
    <d v="2016-11-07T00:00:00"/>
    <x v="10"/>
    <x v="2"/>
    <x v="673"/>
    <x v="3"/>
    <x v="0"/>
    <x v="3"/>
    <s v="Ibico Plastic and Wire Spiral Binding Combs"/>
    <n v="26.98"/>
    <n v="4"/>
    <n v="8.77"/>
  </r>
  <r>
    <d v="2016-11-07T00:00:00"/>
    <x v="10"/>
    <x v="2"/>
    <x v="673"/>
    <x v="3"/>
    <x v="0"/>
    <x v="14"/>
    <s v="Acme Preferred Stainless Steel Scissors"/>
    <n v="11.36"/>
    <n v="2"/>
    <n v="3.29"/>
  </r>
  <r>
    <d v="2016-11-07T00:00:00"/>
    <x v="10"/>
    <x v="2"/>
    <x v="673"/>
    <x v="3"/>
    <x v="0"/>
    <x v="1"/>
    <s v="Avery 486"/>
    <n v="14.62"/>
    <n v="2"/>
    <n v="6.87"/>
  </r>
  <r>
    <d v="2016-11-07T00:00:00"/>
    <x v="10"/>
    <x v="2"/>
    <x v="595"/>
    <x v="3"/>
    <x v="1"/>
    <x v="8"/>
    <s v="C-Line Magnetic Cubicle Keepers, Clear Polypropylene"/>
    <n v="14.82"/>
    <n v="3"/>
    <n v="6.22"/>
  </r>
  <r>
    <d v="2016-11-07T00:00:00"/>
    <x v="10"/>
    <x v="2"/>
    <x v="491"/>
    <x v="10"/>
    <x v="2"/>
    <x v="9"/>
    <s v="Plantronics Audio 478 Stereo USB Headset"/>
    <n v="119.98"/>
    <n v="3"/>
    <n v="22.5"/>
  </r>
  <r>
    <d v="2016-11-07T00:00:00"/>
    <x v="10"/>
    <x v="2"/>
    <x v="204"/>
    <x v="23"/>
    <x v="0"/>
    <x v="7"/>
    <s v="Rubber Band Ball"/>
    <n v="14.96"/>
    <n v="4"/>
    <n v="0.3"/>
  </r>
  <r>
    <d v="2016-11-07T00:00:00"/>
    <x v="10"/>
    <x v="2"/>
    <x v="577"/>
    <x v="3"/>
    <x v="0"/>
    <x v="0"/>
    <s v="Wirebound Four 2-3/4 x 5 Forms per Page, 400 Sets per Book"/>
    <n v="12.9"/>
    <n v="2"/>
    <n v="6.32"/>
  </r>
  <r>
    <d v="2016-11-07T00:00:00"/>
    <x v="10"/>
    <x v="2"/>
    <x v="415"/>
    <x v="46"/>
    <x v="1"/>
    <x v="5"/>
    <s v="Global Troy Executive Leather Low-Back Tilter"/>
    <n v="1603.14"/>
    <n v="4"/>
    <n v="100.2"/>
  </r>
  <r>
    <d v="2016-11-07T00:00:00"/>
    <x v="10"/>
    <x v="2"/>
    <x v="399"/>
    <x v="20"/>
    <x v="2"/>
    <x v="6"/>
    <s v="AT&amp;T SB67148 SynJ"/>
    <n v="263.95999999999998"/>
    <n v="4"/>
    <n v="71.27"/>
  </r>
  <r>
    <d v="2016-11-07T00:00:00"/>
    <x v="10"/>
    <x v="2"/>
    <x v="399"/>
    <x v="20"/>
    <x v="2"/>
    <x v="6"/>
    <s v="Jabra Supreme Plus Driver EditionÂ Headset"/>
    <n v="359.97"/>
    <n v="3"/>
    <n v="100.79"/>
  </r>
  <r>
    <d v="2016-11-07T00:00:00"/>
    <x v="10"/>
    <x v="2"/>
    <x v="399"/>
    <x v="20"/>
    <x v="0"/>
    <x v="0"/>
    <s v="Xerox 23"/>
    <n v="12.96"/>
    <n v="2"/>
    <n v="6.22"/>
  </r>
  <r>
    <d v="2016-11-07T00:00:00"/>
    <x v="10"/>
    <x v="2"/>
    <x v="399"/>
    <x v="20"/>
    <x v="0"/>
    <x v="2"/>
    <s v="Eldon Base for stackable storage shelf, platinum"/>
    <n v="116.82"/>
    <n v="3"/>
    <n v="5.84"/>
  </r>
  <r>
    <d v="2016-11-07T00:00:00"/>
    <x v="10"/>
    <x v="2"/>
    <x v="399"/>
    <x v="20"/>
    <x v="0"/>
    <x v="3"/>
    <s v="Ibico EB-19 Dual Function Manual Binding System"/>
    <n v="276.77999999999997"/>
    <n v="2"/>
    <n v="89.95"/>
  </r>
  <r>
    <d v="2016-11-07T00:00:00"/>
    <x v="10"/>
    <x v="2"/>
    <x v="283"/>
    <x v="0"/>
    <x v="1"/>
    <x v="8"/>
    <s v="Executive Impressions 14&quot; Contract Wall Clock with Quartz Movement"/>
    <n v="44.46"/>
    <n v="5"/>
    <n v="-17.78"/>
  </r>
  <r>
    <d v="2016-11-07T00:00:00"/>
    <x v="10"/>
    <x v="2"/>
    <x v="283"/>
    <x v="0"/>
    <x v="0"/>
    <x v="2"/>
    <s v="Mini 13-1/2 Capacity Data Binder Rack, Pearl"/>
    <n v="314.08999999999997"/>
    <n v="3"/>
    <n v="19.63"/>
  </r>
  <r>
    <d v="2016-11-07T00:00:00"/>
    <x v="10"/>
    <x v="2"/>
    <x v="44"/>
    <x v="3"/>
    <x v="2"/>
    <x v="9"/>
    <s v="NETGEAR AC1750 Dual Band GigabitÂ Smart WiFi Router"/>
    <n v="479.97"/>
    <n v="3"/>
    <n v="163.19"/>
  </r>
  <r>
    <d v="2016-11-07T00:00:00"/>
    <x v="10"/>
    <x v="2"/>
    <x v="437"/>
    <x v="3"/>
    <x v="0"/>
    <x v="3"/>
    <s v="GBC VeloBinder Manual Binding System"/>
    <n v="57.58"/>
    <n v="2"/>
    <n v="20.149999999999999"/>
  </r>
  <r>
    <d v="2016-11-08T00:00:00"/>
    <x v="10"/>
    <x v="2"/>
    <x v="704"/>
    <x v="5"/>
    <x v="1"/>
    <x v="11"/>
    <s v="Bush Somerset Collection Bookcase"/>
    <n v="261.95999999999998"/>
    <n v="2"/>
    <n v="41.91"/>
  </r>
  <r>
    <d v="2016-11-08T00:00:00"/>
    <x v="10"/>
    <x v="2"/>
    <x v="704"/>
    <x v="5"/>
    <x v="1"/>
    <x v="5"/>
    <s v="Hon Deluxe Fabric Upholstered Stacking Chairs, Rounded Back"/>
    <n v="731.94"/>
    <n v="3"/>
    <n v="219.58"/>
  </r>
  <r>
    <d v="2016-11-09T00:00:00"/>
    <x v="10"/>
    <x v="2"/>
    <x v="413"/>
    <x v="3"/>
    <x v="2"/>
    <x v="9"/>
    <s v="Logitech Wireless Gaming Headset G930"/>
    <n v="479.97"/>
    <n v="3"/>
    <n v="177.59"/>
  </r>
  <r>
    <d v="2016-11-10T00:00:00"/>
    <x v="10"/>
    <x v="2"/>
    <x v="593"/>
    <x v="3"/>
    <x v="0"/>
    <x v="2"/>
    <s v="File Shuttle I and Handi-File"/>
    <n v="155.82"/>
    <n v="7"/>
    <n v="42.07"/>
  </r>
  <r>
    <d v="2016-11-10T00:00:00"/>
    <x v="10"/>
    <x v="2"/>
    <x v="593"/>
    <x v="3"/>
    <x v="0"/>
    <x v="3"/>
    <s v="Binding Machine Supplies"/>
    <n v="70.010000000000005"/>
    <n v="3"/>
    <n v="24.5"/>
  </r>
  <r>
    <d v="2016-11-10T00:00:00"/>
    <x v="10"/>
    <x v="2"/>
    <x v="684"/>
    <x v="3"/>
    <x v="0"/>
    <x v="3"/>
    <s v="ACCOHIDE 3-Ring Binder, Blue, 1&quot;"/>
    <n v="13.22"/>
    <n v="4"/>
    <n v="4.46"/>
  </r>
  <r>
    <d v="2016-11-10T00:00:00"/>
    <x v="10"/>
    <x v="2"/>
    <x v="684"/>
    <x v="3"/>
    <x v="0"/>
    <x v="0"/>
    <s v="Xerox 1996"/>
    <n v="32.4"/>
    <n v="5"/>
    <n v="15.55"/>
  </r>
  <r>
    <d v="2016-11-10T00:00:00"/>
    <x v="10"/>
    <x v="2"/>
    <x v="587"/>
    <x v="4"/>
    <x v="0"/>
    <x v="4"/>
    <s v="Newell 315"/>
    <n v="41.86"/>
    <n v="7"/>
    <n v="10.47"/>
  </r>
  <r>
    <d v="2016-11-10T00:00:00"/>
    <x v="10"/>
    <x v="2"/>
    <x v="192"/>
    <x v="10"/>
    <x v="0"/>
    <x v="14"/>
    <s v="Staple remover"/>
    <n v="14.72"/>
    <n v="5"/>
    <n v="-3.31"/>
  </r>
  <r>
    <d v="2016-11-10T00:00:00"/>
    <x v="10"/>
    <x v="2"/>
    <x v="192"/>
    <x v="10"/>
    <x v="0"/>
    <x v="2"/>
    <s v="Acco Perma 4000 Stacking Storage Drawers"/>
    <n v="38.979999999999997"/>
    <n v="3"/>
    <n v="-2.44"/>
  </r>
  <r>
    <d v="2016-11-10T00:00:00"/>
    <x v="10"/>
    <x v="2"/>
    <x v="367"/>
    <x v="10"/>
    <x v="0"/>
    <x v="1"/>
    <s v="Avery File Folder Labels"/>
    <n v="9.2200000000000006"/>
    <n v="4"/>
    <n v="3.34"/>
  </r>
  <r>
    <d v="2016-11-10T00:00:00"/>
    <x v="10"/>
    <x v="2"/>
    <x v="367"/>
    <x v="10"/>
    <x v="2"/>
    <x v="6"/>
    <s v="Square Credit Card Reader"/>
    <n v="41.96"/>
    <n v="7"/>
    <n v="-9.7899999999999991"/>
  </r>
  <r>
    <d v="2016-11-10T00:00:00"/>
    <x v="10"/>
    <x v="2"/>
    <x v="367"/>
    <x v="10"/>
    <x v="0"/>
    <x v="0"/>
    <s v="Xerox 1882"/>
    <n v="89.57"/>
    <n v="2"/>
    <n v="32.47"/>
  </r>
  <r>
    <d v="2016-11-10T00:00:00"/>
    <x v="10"/>
    <x v="2"/>
    <x v="367"/>
    <x v="10"/>
    <x v="0"/>
    <x v="0"/>
    <s v="Wirebound Message Books, Four 2 3/4&quot; x 5&quot; Forms per Page, 600 Sets per Book"/>
    <n v="22.25"/>
    <n v="3"/>
    <n v="7.51"/>
  </r>
  <r>
    <d v="2016-11-10T00:00:00"/>
    <x v="10"/>
    <x v="2"/>
    <x v="367"/>
    <x v="10"/>
    <x v="0"/>
    <x v="12"/>
    <s v="Eureka The Boss Plus 12-Amp Hard Box Upright Vacuum, Red"/>
    <n v="334.88"/>
    <n v="4"/>
    <n v="29.3"/>
  </r>
  <r>
    <d v="2016-11-10T00:00:00"/>
    <x v="10"/>
    <x v="2"/>
    <x v="367"/>
    <x v="10"/>
    <x v="1"/>
    <x v="8"/>
    <s v="DAX Natural Wood-Tone Poster Frame"/>
    <n v="148.29"/>
    <n v="7"/>
    <n v="29.66"/>
  </r>
  <r>
    <d v="2016-11-10T00:00:00"/>
    <x v="10"/>
    <x v="2"/>
    <x v="367"/>
    <x v="10"/>
    <x v="0"/>
    <x v="0"/>
    <s v="Xerox 1924"/>
    <n v="4.62"/>
    <n v="1"/>
    <n v="1.68"/>
  </r>
  <r>
    <d v="2016-11-10T00:00:00"/>
    <x v="10"/>
    <x v="2"/>
    <x v="367"/>
    <x v="10"/>
    <x v="2"/>
    <x v="9"/>
    <s v="Memorex 25GB 6X Branded Blu-Ray Recordable Disc, 30/Pack"/>
    <n v="178.92"/>
    <n v="7"/>
    <n v="-29.07"/>
  </r>
  <r>
    <d v="2016-11-10T00:00:00"/>
    <x v="10"/>
    <x v="2"/>
    <x v="367"/>
    <x v="10"/>
    <x v="0"/>
    <x v="3"/>
    <s v="GBC Twin Loop Wire Binding Elements"/>
    <n v="69.89"/>
    <n v="7"/>
    <n v="-46.59"/>
  </r>
  <r>
    <d v="2016-11-10T00:00:00"/>
    <x v="10"/>
    <x v="2"/>
    <x v="282"/>
    <x v="0"/>
    <x v="2"/>
    <x v="9"/>
    <s v="Kensington SlimBlade Notebook Wireless Mouse with Nano Receiver"/>
    <n v="279.94"/>
    <n v="7"/>
    <n v="48.99"/>
  </r>
  <r>
    <d v="2016-11-10T00:00:00"/>
    <x v="10"/>
    <x v="2"/>
    <x v="666"/>
    <x v="24"/>
    <x v="1"/>
    <x v="8"/>
    <s v="3M Polarizing Light Filter Sleeves"/>
    <n v="37.299999999999997"/>
    <n v="2"/>
    <n v="17.16"/>
  </r>
  <r>
    <d v="2016-11-10T00:00:00"/>
    <x v="10"/>
    <x v="2"/>
    <x v="666"/>
    <x v="24"/>
    <x v="0"/>
    <x v="3"/>
    <s v="Wilson Jones Ledger-Size, Piano-Hinge Binder, 2&quot;, Blue"/>
    <n v="81.96"/>
    <n v="2"/>
    <n v="39.340000000000003"/>
  </r>
  <r>
    <d v="2016-11-10T00:00:00"/>
    <x v="10"/>
    <x v="2"/>
    <x v="562"/>
    <x v="20"/>
    <x v="0"/>
    <x v="3"/>
    <s v="Canvas Sectional Post Binders"/>
    <n v="20.37"/>
    <n v="1"/>
    <n v="7.38"/>
  </r>
  <r>
    <d v="2016-11-10T00:00:00"/>
    <x v="10"/>
    <x v="2"/>
    <x v="562"/>
    <x v="20"/>
    <x v="0"/>
    <x v="3"/>
    <s v="Wilson Jones Century Plastic Molded Ring Binders"/>
    <n v="49.85"/>
    <n v="3"/>
    <n v="16.82"/>
  </r>
  <r>
    <d v="2016-11-10T00:00:00"/>
    <x v="10"/>
    <x v="2"/>
    <x v="170"/>
    <x v="3"/>
    <x v="0"/>
    <x v="0"/>
    <s v="Embossed Ink Jet Note Cards"/>
    <n v="67.709999999999994"/>
    <n v="3"/>
    <n v="32.5"/>
  </r>
  <r>
    <d v="2016-11-10T00:00:00"/>
    <x v="10"/>
    <x v="2"/>
    <x v="170"/>
    <x v="3"/>
    <x v="0"/>
    <x v="12"/>
    <s v="Belkin F9S820V06 8 Outlet Surge"/>
    <n v="129.91999999999999"/>
    <n v="4"/>
    <n v="38.979999999999997"/>
  </r>
  <r>
    <d v="2016-11-10T00:00:00"/>
    <x v="10"/>
    <x v="2"/>
    <x v="170"/>
    <x v="3"/>
    <x v="1"/>
    <x v="8"/>
    <s v="Howard Miller 11-1/2&quot; Diameter Ridgewood Wall Clock"/>
    <n v="467.46"/>
    <n v="9"/>
    <n v="191.66"/>
  </r>
  <r>
    <d v="2016-11-10T00:00:00"/>
    <x v="10"/>
    <x v="2"/>
    <x v="170"/>
    <x v="3"/>
    <x v="0"/>
    <x v="0"/>
    <s v="Xerox 1933"/>
    <n v="61.4"/>
    <n v="5"/>
    <n v="28.86"/>
  </r>
  <r>
    <d v="2016-11-10T00:00:00"/>
    <x v="10"/>
    <x v="2"/>
    <x v="170"/>
    <x v="3"/>
    <x v="0"/>
    <x v="2"/>
    <s v="Standard Rollaway File with Lock"/>
    <n v="720.76"/>
    <n v="4"/>
    <n v="187.4"/>
  </r>
  <r>
    <d v="2016-11-10T00:00:00"/>
    <x v="10"/>
    <x v="2"/>
    <x v="170"/>
    <x v="3"/>
    <x v="0"/>
    <x v="3"/>
    <s v="Peel &amp; Stick Add-On Corner Pockets"/>
    <n v="5.18"/>
    <n v="3"/>
    <n v="1.81"/>
  </r>
  <r>
    <d v="2016-11-10T00:00:00"/>
    <x v="10"/>
    <x v="2"/>
    <x v="170"/>
    <x v="3"/>
    <x v="0"/>
    <x v="4"/>
    <s v="Newell 338"/>
    <n v="14.7"/>
    <n v="5"/>
    <n v="3.97"/>
  </r>
  <r>
    <d v="2016-11-10T00:00:00"/>
    <x v="10"/>
    <x v="2"/>
    <x v="151"/>
    <x v="3"/>
    <x v="1"/>
    <x v="8"/>
    <s v="Eldon Expressions Wood and Plastic Desk Accessories, Oak"/>
    <n v="9.98"/>
    <n v="1"/>
    <n v="2.79"/>
  </r>
  <r>
    <d v="2016-11-10T00:00:00"/>
    <x v="10"/>
    <x v="2"/>
    <x v="644"/>
    <x v="3"/>
    <x v="0"/>
    <x v="2"/>
    <s v="Acco Perma 2700 Stacking Storage Drawers"/>
    <n v="29.74"/>
    <n v="1"/>
    <n v="4.46"/>
  </r>
  <r>
    <d v="2016-11-10T00:00:00"/>
    <x v="10"/>
    <x v="2"/>
    <x v="9"/>
    <x v="10"/>
    <x v="0"/>
    <x v="0"/>
    <s v="Xerox 227"/>
    <n v="31.1"/>
    <n v="6"/>
    <n v="10.89"/>
  </r>
  <r>
    <d v="2016-11-10T00:00:00"/>
    <x v="10"/>
    <x v="2"/>
    <x v="48"/>
    <x v="39"/>
    <x v="2"/>
    <x v="6"/>
    <s v="Samsung Convoy 3"/>
    <n v="221.98"/>
    <n v="2"/>
    <n v="62.15"/>
  </r>
  <r>
    <d v="2016-11-10T00:00:00"/>
    <x v="10"/>
    <x v="2"/>
    <x v="48"/>
    <x v="39"/>
    <x v="1"/>
    <x v="11"/>
    <s v="Sauder Facets Collection Library, Sky Alder Finish"/>
    <n v="341.96"/>
    <n v="2"/>
    <n v="54.71"/>
  </r>
  <r>
    <d v="2016-11-10T00:00:00"/>
    <x v="10"/>
    <x v="2"/>
    <x v="72"/>
    <x v="20"/>
    <x v="0"/>
    <x v="3"/>
    <s v="Presstex Flexible Ring Binders"/>
    <n v="3.64"/>
    <n v="1"/>
    <n v="1.37"/>
  </r>
  <r>
    <d v="2016-11-10T00:00:00"/>
    <x v="10"/>
    <x v="2"/>
    <x v="72"/>
    <x v="20"/>
    <x v="2"/>
    <x v="6"/>
    <s v="BlackBerry Q10"/>
    <n v="881.93"/>
    <n v="7"/>
    <n v="220.48"/>
  </r>
  <r>
    <d v="2016-11-11T00:00:00"/>
    <x v="10"/>
    <x v="2"/>
    <x v="741"/>
    <x v="20"/>
    <x v="2"/>
    <x v="9"/>
    <s v="Micropad Numeric Keypads"/>
    <n v="59.97"/>
    <n v="3"/>
    <n v="14.99"/>
  </r>
  <r>
    <d v="2016-11-11T00:00:00"/>
    <x v="10"/>
    <x v="2"/>
    <x v="741"/>
    <x v="20"/>
    <x v="0"/>
    <x v="2"/>
    <s v="Safco Steel Mobile File Cart"/>
    <n v="83.36"/>
    <n v="1"/>
    <n v="20.84"/>
  </r>
  <r>
    <d v="2016-11-11T00:00:00"/>
    <x v="10"/>
    <x v="2"/>
    <x v="653"/>
    <x v="1"/>
    <x v="2"/>
    <x v="9"/>
    <s v="Belkin F8E887 USB Wired Ergonomic Keyboard"/>
    <n v="95.97"/>
    <n v="4"/>
    <n v="1.2"/>
  </r>
  <r>
    <d v="2016-11-11T00:00:00"/>
    <x v="10"/>
    <x v="2"/>
    <x v="653"/>
    <x v="1"/>
    <x v="1"/>
    <x v="5"/>
    <s v="Global Chrome Stack Chair"/>
    <n v="47.99"/>
    <n v="2"/>
    <n v="-2.06"/>
  </r>
  <r>
    <d v="2016-11-11T00:00:00"/>
    <x v="10"/>
    <x v="2"/>
    <x v="437"/>
    <x v="14"/>
    <x v="2"/>
    <x v="6"/>
    <s v="Digium D40 VoIP phone"/>
    <n v="257.98"/>
    <n v="2"/>
    <n v="74.81"/>
  </r>
  <r>
    <d v="2016-11-11T00:00:00"/>
    <x v="10"/>
    <x v="2"/>
    <x v="328"/>
    <x v="3"/>
    <x v="1"/>
    <x v="8"/>
    <s v="Eldon Regeneration Recycled Desk Accessories, Smoke"/>
    <n v="6.96"/>
    <n v="4"/>
    <n v="2.23"/>
  </r>
  <r>
    <d v="2016-11-11T00:00:00"/>
    <x v="10"/>
    <x v="2"/>
    <x v="162"/>
    <x v="16"/>
    <x v="0"/>
    <x v="3"/>
    <s v="Ibico Standard Transparent Covers"/>
    <n v="9.89"/>
    <n v="2"/>
    <n v="-6.92"/>
  </r>
  <r>
    <d v="2016-11-11T00:00:00"/>
    <x v="10"/>
    <x v="2"/>
    <x v="162"/>
    <x v="16"/>
    <x v="0"/>
    <x v="12"/>
    <s v="Sanyo 2.5 Cubic Foot Mid-Size Office Refrigerators"/>
    <n v="671.54"/>
    <n v="3"/>
    <n v="50.37"/>
  </r>
  <r>
    <d v="2016-11-11T00:00:00"/>
    <x v="10"/>
    <x v="2"/>
    <x v="615"/>
    <x v="20"/>
    <x v="0"/>
    <x v="2"/>
    <s v="Staple magnet"/>
    <n v="28.14"/>
    <n v="3"/>
    <n v="7.88"/>
  </r>
  <r>
    <d v="2016-11-11T00:00:00"/>
    <x v="10"/>
    <x v="2"/>
    <x v="615"/>
    <x v="20"/>
    <x v="2"/>
    <x v="9"/>
    <s v="KeyTronicÂ E03601U1 -Â KeyboardÂ - Beige"/>
    <n v="36"/>
    <n v="2"/>
    <n v="6.48"/>
  </r>
  <r>
    <d v="2016-11-11T00:00:00"/>
    <x v="10"/>
    <x v="2"/>
    <x v="615"/>
    <x v="20"/>
    <x v="0"/>
    <x v="4"/>
    <s v="Boston School Pro Electric Pencil Sharpener, 1670"/>
    <n v="92.94"/>
    <n v="3"/>
    <n v="25.09"/>
  </r>
  <r>
    <d v="2016-11-11T00:00:00"/>
    <x v="10"/>
    <x v="2"/>
    <x v="615"/>
    <x v="20"/>
    <x v="1"/>
    <x v="5"/>
    <s v="Global Wood Trimmed Manager's Task Chair, Khaki"/>
    <n v="245.65"/>
    <n v="3"/>
    <n v="8.19"/>
  </r>
  <r>
    <d v="2016-11-11T00:00:00"/>
    <x v="10"/>
    <x v="2"/>
    <x v="615"/>
    <x v="20"/>
    <x v="0"/>
    <x v="3"/>
    <s v="Deluxe Heavy-Duty Vinyl Round Ring Binder"/>
    <n v="55.01"/>
    <n v="3"/>
    <n v="17.190000000000001"/>
  </r>
  <r>
    <d v="2016-11-11T00:00:00"/>
    <x v="10"/>
    <x v="2"/>
    <x v="615"/>
    <x v="20"/>
    <x v="0"/>
    <x v="3"/>
    <s v="XtraLife ClearVue Slant-D Ring Binder, White, 3&quot;"/>
    <n v="35.229999999999997"/>
    <n v="3"/>
    <n v="11.45"/>
  </r>
  <r>
    <d v="2016-11-11T00:00:00"/>
    <x v="10"/>
    <x v="2"/>
    <x v="269"/>
    <x v="3"/>
    <x v="1"/>
    <x v="8"/>
    <s v="Magnifier Swing Arm Lamp"/>
    <n v="41.96"/>
    <n v="2"/>
    <n v="10.91"/>
  </r>
  <r>
    <d v="2016-11-11T00:00:00"/>
    <x v="10"/>
    <x v="2"/>
    <x v="269"/>
    <x v="3"/>
    <x v="1"/>
    <x v="5"/>
    <s v="Hon Every-Day Series Multi-Task Chairs"/>
    <n v="451.15"/>
    <n v="3"/>
    <n v="0"/>
  </r>
  <r>
    <d v="2016-11-11T00:00:00"/>
    <x v="10"/>
    <x v="2"/>
    <x v="269"/>
    <x v="3"/>
    <x v="0"/>
    <x v="3"/>
    <s v="Avery Poly Binder Pockets"/>
    <n v="31.5"/>
    <n v="11"/>
    <n v="11.03"/>
  </r>
  <r>
    <d v="2016-11-11T00:00:00"/>
    <x v="10"/>
    <x v="2"/>
    <x v="756"/>
    <x v="18"/>
    <x v="1"/>
    <x v="13"/>
    <s v="Balt Solid Wood Round Tables"/>
    <n v="2678.94"/>
    <n v="6"/>
    <n v="241.1"/>
  </r>
  <r>
    <d v="2016-11-11T00:00:00"/>
    <x v="10"/>
    <x v="2"/>
    <x v="774"/>
    <x v="1"/>
    <x v="0"/>
    <x v="4"/>
    <s v="Newell 332"/>
    <n v="14.11"/>
    <n v="6"/>
    <n v="1.23"/>
  </r>
  <r>
    <d v="2016-11-12T00:00:00"/>
    <x v="10"/>
    <x v="2"/>
    <x v="102"/>
    <x v="12"/>
    <x v="0"/>
    <x v="3"/>
    <s v="Avery Durable Slant Ring Binders With Label Holder"/>
    <n v="6.27"/>
    <n v="5"/>
    <n v="-4.5999999999999996"/>
  </r>
  <r>
    <d v="2016-11-12T00:00:00"/>
    <x v="10"/>
    <x v="2"/>
    <x v="102"/>
    <x v="12"/>
    <x v="0"/>
    <x v="3"/>
    <s v="Round Ring Binders"/>
    <n v="4.37"/>
    <n v="7"/>
    <n v="-3.35"/>
  </r>
  <r>
    <d v="2016-11-12T00:00:00"/>
    <x v="10"/>
    <x v="2"/>
    <x v="102"/>
    <x v="12"/>
    <x v="2"/>
    <x v="9"/>
    <s v="Micropad Numeric Keypads"/>
    <n v="31.98"/>
    <n v="2"/>
    <n v="2"/>
  </r>
  <r>
    <d v="2016-11-12T00:00:00"/>
    <x v="10"/>
    <x v="2"/>
    <x v="136"/>
    <x v="18"/>
    <x v="0"/>
    <x v="10"/>
    <s v="Tyvek  Top-Opening Peel &amp; Seel  Envelopes, Gray"/>
    <n v="287.52"/>
    <n v="8"/>
    <n v="129.38"/>
  </r>
  <r>
    <d v="2016-11-12T00:00:00"/>
    <x v="10"/>
    <x v="2"/>
    <x v="136"/>
    <x v="18"/>
    <x v="0"/>
    <x v="12"/>
    <s v="Belkin F9H710-06 7 Outlet SurgeMaster Surge Protector"/>
    <n v="37.68"/>
    <n v="2"/>
    <n v="10.55"/>
  </r>
  <r>
    <d v="2016-11-12T00:00:00"/>
    <x v="10"/>
    <x v="2"/>
    <x v="136"/>
    <x v="18"/>
    <x v="0"/>
    <x v="0"/>
    <s v="Xerox 1896"/>
    <n v="19.98"/>
    <n v="2"/>
    <n v="8.99"/>
  </r>
  <r>
    <d v="2016-11-12T00:00:00"/>
    <x v="10"/>
    <x v="2"/>
    <x v="136"/>
    <x v="18"/>
    <x v="0"/>
    <x v="4"/>
    <s v="Newell 332"/>
    <n v="20.58"/>
    <n v="7"/>
    <n v="5.56"/>
  </r>
  <r>
    <d v="2016-11-12T00:00:00"/>
    <x v="10"/>
    <x v="2"/>
    <x v="136"/>
    <x v="18"/>
    <x v="0"/>
    <x v="3"/>
    <s v="Cardinal Slant-D Ring Binders"/>
    <n v="17.38"/>
    <n v="2"/>
    <n v="8.69"/>
  </r>
  <r>
    <d v="2016-11-12T00:00:00"/>
    <x v="10"/>
    <x v="2"/>
    <x v="530"/>
    <x v="10"/>
    <x v="1"/>
    <x v="5"/>
    <s v="Global Leather and Oak Executive Chair, Black"/>
    <n v="1474.8"/>
    <n v="7"/>
    <n v="-21.07"/>
  </r>
  <r>
    <d v="2016-11-12T00:00:00"/>
    <x v="10"/>
    <x v="2"/>
    <x v="530"/>
    <x v="10"/>
    <x v="0"/>
    <x v="12"/>
    <s v="Holmes Replacement Filter for HEPA Air Cleaner, Very Large Room, HEPA Filter"/>
    <n v="110.1"/>
    <n v="2"/>
    <n v="33.03"/>
  </r>
  <r>
    <d v="2016-11-12T00:00:00"/>
    <x v="10"/>
    <x v="2"/>
    <x v="530"/>
    <x v="10"/>
    <x v="0"/>
    <x v="7"/>
    <s v="OIC Bulk Pack Metal Binder Clips"/>
    <n v="16.75"/>
    <n v="6"/>
    <n v="5.44"/>
  </r>
  <r>
    <d v="2016-11-12T00:00:00"/>
    <x v="10"/>
    <x v="2"/>
    <x v="530"/>
    <x v="10"/>
    <x v="1"/>
    <x v="5"/>
    <s v="Hon Deluxe Fabric Upholstered Stacking Chairs, Rounded Back"/>
    <n v="1537.07"/>
    <n v="9"/>
    <n v="0"/>
  </r>
  <r>
    <d v="2016-11-12T00:00:00"/>
    <x v="10"/>
    <x v="2"/>
    <x v="530"/>
    <x v="10"/>
    <x v="1"/>
    <x v="5"/>
    <s v="Hon 4070 Series Pagoda Round Back Stacking Chairs"/>
    <n v="449.37"/>
    <n v="2"/>
    <n v="-12.84"/>
  </r>
  <r>
    <d v="2016-11-12T00:00:00"/>
    <x v="10"/>
    <x v="2"/>
    <x v="233"/>
    <x v="3"/>
    <x v="2"/>
    <x v="6"/>
    <s v="Panasonic KX TS3282W Corded phone"/>
    <n v="203.98"/>
    <n v="3"/>
    <n v="25.5"/>
  </r>
  <r>
    <d v="2016-11-12T00:00:00"/>
    <x v="10"/>
    <x v="2"/>
    <x v="233"/>
    <x v="3"/>
    <x v="1"/>
    <x v="13"/>
    <s v="Global Adaptabilities Conference Tables"/>
    <n v="674.35"/>
    <n v="3"/>
    <n v="-8.43"/>
  </r>
  <r>
    <d v="2016-11-12T00:00:00"/>
    <x v="10"/>
    <x v="2"/>
    <x v="153"/>
    <x v="1"/>
    <x v="1"/>
    <x v="8"/>
    <s v="DAX Charcoal/Nickel-Tone Document Frame, 5 x 7"/>
    <n v="22.75"/>
    <n v="6"/>
    <n v="-8.5299999999999994"/>
  </r>
  <r>
    <d v="2016-11-13T00:00:00"/>
    <x v="10"/>
    <x v="2"/>
    <x v="365"/>
    <x v="22"/>
    <x v="0"/>
    <x v="4"/>
    <s v="Boston 16801 Nautilus Battery Pencil Sharpener"/>
    <n v="44.02"/>
    <n v="2"/>
    <n v="11.45"/>
  </r>
  <r>
    <d v="2016-11-13T00:00:00"/>
    <x v="10"/>
    <x v="2"/>
    <x v="106"/>
    <x v="25"/>
    <x v="0"/>
    <x v="14"/>
    <s v="Acme Forged Steel Scissors with Black Enamel Handles"/>
    <n v="52.14"/>
    <n v="7"/>
    <n v="5.87"/>
  </r>
  <r>
    <d v="2016-11-13T00:00:00"/>
    <x v="10"/>
    <x v="2"/>
    <x v="775"/>
    <x v="22"/>
    <x v="1"/>
    <x v="8"/>
    <s v="Eldon Image Series Desk Accessories, Burgundy"/>
    <n v="4.18"/>
    <n v="1"/>
    <n v="1.5"/>
  </r>
  <r>
    <d v="2016-11-13T00:00:00"/>
    <x v="10"/>
    <x v="2"/>
    <x v="684"/>
    <x v="2"/>
    <x v="0"/>
    <x v="0"/>
    <s v="White Computer Printout Paper by Universal"/>
    <n v="217.06"/>
    <n v="7"/>
    <n v="78.680000000000007"/>
  </r>
  <r>
    <d v="2016-11-13T00:00:00"/>
    <x v="10"/>
    <x v="2"/>
    <x v="162"/>
    <x v="1"/>
    <x v="0"/>
    <x v="3"/>
    <s v="XtraLife ClearVue Slant-D Ring Binders by Cardinal"/>
    <n v="3.14"/>
    <n v="2"/>
    <n v="-4.7"/>
  </r>
  <r>
    <d v="2016-11-13T00:00:00"/>
    <x v="10"/>
    <x v="2"/>
    <x v="38"/>
    <x v="20"/>
    <x v="0"/>
    <x v="2"/>
    <s v="Tenex File Box, Personal Filing Tote with Lid, Black"/>
    <n v="77.55"/>
    <n v="5"/>
    <n v="20.16"/>
  </r>
  <r>
    <d v="2016-11-13T00:00:00"/>
    <x v="10"/>
    <x v="2"/>
    <x v="38"/>
    <x v="20"/>
    <x v="0"/>
    <x v="2"/>
    <s v="Eldon Simplefile Box Office"/>
    <n v="24.88"/>
    <n v="2"/>
    <n v="6.97"/>
  </r>
  <r>
    <d v="2016-11-13T00:00:00"/>
    <x v="10"/>
    <x v="2"/>
    <x v="38"/>
    <x v="20"/>
    <x v="0"/>
    <x v="4"/>
    <s v="Boston Electric Pencil Sharpener, Model 1818, Charcoal Black"/>
    <n v="140.75"/>
    <n v="5"/>
    <n v="39.409999999999997"/>
  </r>
  <r>
    <d v="2016-11-13T00:00:00"/>
    <x v="10"/>
    <x v="2"/>
    <x v="38"/>
    <x v="20"/>
    <x v="0"/>
    <x v="2"/>
    <s v="Portable Personal File Box"/>
    <n v="36.630000000000003"/>
    <n v="3"/>
    <n v="9.89"/>
  </r>
  <r>
    <d v="2016-11-13T00:00:00"/>
    <x v="10"/>
    <x v="2"/>
    <x v="324"/>
    <x v="39"/>
    <x v="1"/>
    <x v="8"/>
    <s v="Master Giant Foot Doorstop, Safety Yellow"/>
    <n v="30.36"/>
    <n v="4"/>
    <n v="13.05"/>
  </r>
  <r>
    <d v="2016-11-13T00:00:00"/>
    <x v="10"/>
    <x v="2"/>
    <x v="619"/>
    <x v="20"/>
    <x v="2"/>
    <x v="6"/>
    <s v="Xiaomi Mi3"/>
    <n v="2279.96"/>
    <n v="4"/>
    <n v="592.79"/>
  </r>
  <r>
    <d v="2016-11-13T00:00:00"/>
    <x v="10"/>
    <x v="2"/>
    <x v="619"/>
    <x v="20"/>
    <x v="0"/>
    <x v="1"/>
    <s v="Avery 499"/>
    <n v="14.94"/>
    <n v="3"/>
    <n v="6.87"/>
  </r>
  <r>
    <d v="2016-11-13T00:00:00"/>
    <x v="10"/>
    <x v="2"/>
    <x v="675"/>
    <x v="22"/>
    <x v="1"/>
    <x v="8"/>
    <s v="DAX Solid Wood Frames"/>
    <n v="19.54"/>
    <n v="2"/>
    <n v="7.23"/>
  </r>
  <r>
    <d v="2016-11-14T00:00:00"/>
    <x v="10"/>
    <x v="2"/>
    <x v="158"/>
    <x v="4"/>
    <x v="2"/>
    <x v="9"/>
    <s v="Logitech diNovo Edge Keyboard"/>
    <n v="499.98"/>
    <n v="2"/>
    <n v="115"/>
  </r>
  <r>
    <d v="2016-11-14T00:00:00"/>
    <x v="10"/>
    <x v="2"/>
    <x v="158"/>
    <x v="4"/>
    <x v="0"/>
    <x v="0"/>
    <s v="Xerox 4200 Series MultiUse Premium Copy Paper (20Lb. and 84 Bright)"/>
    <n v="5.28"/>
    <n v="1"/>
    <n v="2.38"/>
  </r>
  <r>
    <d v="2016-11-14T00:00:00"/>
    <x v="10"/>
    <x v="2"/>
    <x v="158"/>
    <x v="4"/>
    <x v="0"/>
    <x v="3"/>
    <s v="ACCOHIDE 3-Ring Binder, Blue, 1&quot;"/>
    <n v="8.26"/>
    <n v="2"/>
    <n v="3.88"/>
  </r>
  <r>
    <d v="2016-11-14T00:00:00"/>
    <x v="10"/>
    <x v="2"/>
    <x v="776"/>
    <x v="3"/>
    <x v="0"/>
    <x v="1"/>
    <s v="Avery 52"/>
    <n v="7.38"/>
    <n v="2"/>
    <n v="3.47"/>
  </r>
  <r>
    <d v="2016-11-14T00:00:00"/>
    <x v="10"/>
    <x v="2"/>
    <x v="708"/>
    <x v="0"/>
    <x v="0"/>
    <x v="3"/>
    <s v="Binder Posts"/>
    <n v="2.2999999999999998"/>
    <n v="2"/>
    <n v="-3.9"/>
  </r>
  <r>
    <d v="2016-11-14T00:00:00"/>
    <x v="10"/>
    <x v="2"/>
    <x v="337"/>
    <x v="20"/>
    <x v="1"/>
    <x v="5"/>
    <s v="Hon GuestStacker Chair"/>
    <n v="408.01"/>
    <n v="2"/>
    <n v="72.53"/>
  </r>
  <r>
    <d v="2016-11-14T00:00:00"/>
    <x v="10"/>
    <x v="2"/>
    <x v="337"/>
    <x v="20"/>
    <x v="0"/>
    <x v="2"/>
    <s v="Tenex Personal Project File with Scoop Front Design, Black"/>
    <n v="40.44"/>
    <n v="3"/>
    <n v="10.51"/>
  </r>
  <r>
    <d v="2016-11-14T00:00:00"/>
    <x v="10"/>
    <x v="2"/>
    <x v="632"/>
    <x v="2"/>
    <x v="1"/>
    <x v="5"/>
    <s v="Global Ergonomic Managers Chair"/>
    <n v="380.06"/>
    <n v="3"/>
    <n v="-21.72"/>
  </r>
  <r>
    <d v="2016-11-14T00:00:00"/>
    <x v="10"/>
    <x v="2"/>
    <x v="632"/>
    <x v="2"/>
    <x v="2"/>
    <x v="16"/>
    <s v="Sharp AL-1530CS Digital Copier"/>
    <n v="1199.98"/>
    <n v="4"/>
    <n v="180"/>
  </r>
  <r>
    <d v="2016-11-14T00:00:00"/>
    <x v="10"/>
    <x v="2"/>
    <x v="632"/>
    <x v="2"/>
    <x v="1"/>
    <x v="8"/>
    <s v="DAX Contemporary Wood Frame with Silver Metal Mat, Desktop, 11 x 14 Size"/>
    <n v="48.58"/>
    <n v="3"/>
    <n v="9.7200000000000006"/>
  </r>
  <r>
    <d v="2016-11-14T00:00:00"/>
    <x v="10"/>
    <x v="2"/>
    <x v="560"/>
    <x v="3"/>
    <x v="0"/>
    <x v="4"/>
    <s v="Newell 35"/>
    <n v="9.84"/>
    <n v="3"/>
    <n v="2.85"/>
  </r>
  <r>
    <d v="2016-11-14T00:00:00"/>
    <x v="10"/>
    <x v="2"/>
    <x v="176"/>
    <x v="7"/>
    <x v="0"/>
    <x v="0"/>
    <s v="Tops Wirebound Message Log Books"/>
    <n v="16.45"/>
    <n v="5"/>
    <n v="7.57"/>
  </r>
  <r>
    <d v="2016-11-14T00:00:00"/>
    <x v="10"/>
    <x v="2"/>
    <x v="176"/>
    <x v="7"/>
    <x v="1"/>
    <x v="8"/>
    <s v="Stacking Trays by OIC"/>
    <n v="19.920000000000002"/>
    <n v="4"/>
    <n v="6.57"/>
  </r>
  <r>
    <d v="2016-11-14T00:00:00"/>
    <x v="10"/>
    <x v="2"/>
    <x v="361"/>
    <x v="36"/>
    <x v="2"/>
    <x v="6"/>
    <s v="BlueLounge Milo Smartphone Stand, White/Metallic"/>
    <n v="89.97"/>
    <n v="3"/>
    <n v="25.19"/>
  </r>
  <r>
    <d v="2016-11-14T00:00:00"/>
    <x v="10"/>
    <x v="2"/>
    <x v="0"/>
    <x v="20"/>
    <x v="2"/>
    <x v="6"/>
    <s v="SmartStand Mobile Device Holder, Assorted Colors"/>
    <n v="13.98"/>
    <n v="2"/>
    <n v="3.91"/>
  </r>
  <r>
    <d v="2016-11-14T00:00:00"/>
    <x v="10"/>
    <x v="2"/>
    <x v="0"/>
    <x v="20"/>
    <x v="0"/>
    <x v="4"/>
    <s v="Boston Home &amp; Office Model 2000 Electric Pencil Sharpeners"/>
    <n v="23.65"/>
    <n v="1"/>
    <n v="6.15"/>
  </r>
  <r>
    <d v="2016-11-15T00:00:00"/>
    <x v="10"/>
    <x v="2"/>
    <x v="660"/>
    <x v="3"/>
    <x v="2"/>
    <x v="9"/>
    <s v="ImationÂ 16GB Mini TravelDrive USB 2.0Â Flash Drive"/>
    <n v="99.39"/>
    <n v="3"/>
    <n v="40.75"/>
  </r>
  <r>
    <d v="2016-11-15T00:00:00"/>
    <x v="10"/>
    <x v="2"/>
    <x v="614"/>
    <x v="3"/>
    <x v="0"/>
    <x v="3"/>
    <s v="Fellowes PB500 Electric Punch Plastic Comb Binding Machine with Manual Bind"/>
    <n v="1016.79"/>
    <n v="1"/>
    <n v="381.3"/>
  </r>
  <r>
    <d v="2016-11-15T00:00:00"/>
    <x v="10"/>
    <x v="2"/>
    <x v="614"/>
    <x v="3"/>
    <x v="0"/>
    <x v="3"/>
    <s v="Avery Self-Adhesive Photo Pockets for Polaroid Photos"/>
    <n v="38.14"/>
    <n v="7"/>
    <n v="13.35"/>
  </r>
  <r>
    <d v="2016-11-15T00:00:00"/>
    <x v="10"/>
    <x v="2"/>
    <x v="123"/>
    <x v="3"/>
    <x v="2"/>
    <x v="6"/>
    <s v="Polycom SoundPoint IP 450 VoIP phone"/>
    <n v="361.38"/>
    <n v="2"/>
    <n v="27.1"/>
  </r>
  <r>
    <d v="2016-11-15T00:00:00"/>
    <x v="10"/>
    <x v="2"/>
    <x v="402"/>
    <x v="25"/>
    <x v="1"/>
    <x v="13"/>
    <s v="Hon Racetrack Conference Tables"/>
    <n v="630.02"/>
    <n v="4"/>
    <n v="-199.51"/>
  </r>
  <r>
    <d v="2016-11-16T00:00:00"/>
    <x v="10"/>
    <x v="2"/>
    <x v="131"/>
    <x v="31"/>
    <x v="0"/>
    <x v="10"/>
    <s v="Staple envelope"/>
    <n v="28.4"/>
    <n v="5"/>
    <n v="13.35"/>
  </r>
  <r>
    <d v="2016-11-16T00:00:00"/>
    <x v="10"/>
    <x v="2"/>
    <x v="24"/>
    <x v="3"/>
    <x v="0"/>
    <x v="3"/>
    <s v="Round Ring Binders"/>
    <n v="8.32"/>
    <n v="5"/>
    <n v="2.81"/>
  </r>
  <r>
    <d v="2016-11-17T00:00:00"/>
    <x v="10"/>
    <x v="2"/>
    <x v="389"/>
    <x v="31"/>
    <x v="0"/>
    <x v="3"/>
    <s v="Avery Non-Stick Binders"/>
    <n v="10.78"/>
    <n v="3"/>
    <n v="3.37"/>
  </r>
  <r>
    <d v="2016-11-17T00:00:00"/>
    <x v="10"/>
    <x v="2"/>
    <x v="497"/>
    <x v="0"/>
    <x v="2"/>
    <x v="6"/>
    <s v="Apple EarPods with Remote and Mic"/>
    <n v="67.180000000000007"/>
    <n v="3"/>
    <n v="6.72"/>
  </r>
  <r>
    <d v="2016-11-17T00:00:00"/>
    <x v="10"/>
    <x v="2"/>
    <x v="497"/>
    <x v="0"/>
    <x v="0"/>
    <x v="0"/>
    <s v="TOPS Voice Message Log Book, Flash Format"/>
    <n v="15.23"/>
    <n v="4"/>
    <n v="5.52"/>
  </r>
  <r>
    <d v="2016-11-17T00:00:00"/>
    <x v="10"/>
    <x v="2"/>
    <x v="631"/>
    <x v="3"/>
    <x v="0"/>
    <x v="14"/>
    <s v="Acme Tagit Stainless Steel Antibacterial Scissors"/>
    <n v="49.5"/>
    <n v="5"/>
    <n v="13.37"/>
  </r>
  <r>
    <d v="2016-11-18T00:00:00"/>
    <x v="10"/>
    <x v="2"/>
    <x v="299"/>
    <x v="39"/>
    <x v="0"/>
    <x v="2"/>
    <s v="Tennsco Snap-Together Open Shelving Units, Starter Sets and Add-On Units"/>
    <n v="1117.92"/>
    <n v="4"/>
    <n v="55.9"/>
  </r>
  <r>
    <d v="2016-11-18T00:00:00"/>
    <x v="10"/>
    <x v="2"/>
    <x v="188"/>
    <x v="0"/>
    <x v="0"/>
    <x v="4"/>
    <s v="4009 Highlighters by Sanford"/>
    <n v="6.37"/>
    <n v="2"/>
    <n v="1.03"/>
  </r>
  <r>
    <d v="2016-11-18T00:00:00"/>
    <x v="10"/>
    <x v="2"/>
    <x v="188"/>
    <x v="0"/>
    <x v="0"/>
    <x v="1"/>
    <s v="Avery 4027 File Folder Labels for Dot Matrix Printers, 5000 Labels per Box, White"/>
    <n v="48.85"/>
    <n v="2"/>
    <n v="15.88"/>
  </r>
  <r>
    <d v="2016-11-18T00:00:00"/>
    <x v="10"/>
    <x v="2"/>
    <x v="188"/>
    <x v="0"/>
    <x v="0"/>
    <x v="0"/>
    <s v="Xerox 1881"/>
    <n v="19.649999999999999"/>
    <n v="2"/>
    <n v="6.63"/>
  </r>
  <r>
    <d v="2016-11-18T00:00:00"/>
    <x v="10"/>
    <x v="2"/>
    <x v="188"/>
    <x v="0"/>
    <x v="1"/>
    <x v="5"/>
    <s v="Global Value Steno Chair, Gray"/>
    <n v="255.11"/>
    <n v="6"/>
    <n v="-18.22"/>
  </r>
  <r>
    <d v="2016-11-18T00:00:00"/>
    <x v="10"/>
    <x v="2"/>
    <x v="191"/>
    <x v="10"/>
    <x v="0"/>
    <x v="12"/>
    <s v="Holmes 99% HEPA Air Purifier"/>
    <n v="103.97"/>
    <n v="6"/>
    <n v="16.89"/>
  </r>
  <r>
    <d v="2016-11-18T00:00:00"/>
    <x v="10"/>
    <x v="2"/>
    <x v="492"/>
    <x v="3"/>
    <x v="2"/>
    <x v="6"/>
    <s v="Grandstream GXP2100 Mainstream Business Phone"/>
    <n v="61.19"/>
    <n v="1"/>
    <n v="6.12"/>
  </r>
  <r>
    <d v="2016-11-18T00:00:00"/>
    <x v="10"/>
    <x v="2"/>
    <x v="492"/>
    <x v="3"/>
    <x v="0"/>
    <x v="12"/>
    <s v="Fellowes Command Center 5-outlet power strip"/>
    <n v="67.84"/>
    <n v="1"/>
    <n v="18.32"/>
  </r>
  <r>
    <d v="2016-11-18T00:00:00"/>
    <x v="10"/>
    <x v="2"/>
    <x v="63"/>
    <x v="14"/>
    <x v="1"/>
    <x v="5"/>
    <s v="Novimex Swivel Fabric Task Chair"/>
    <n v="301.95999999999998"/>
    <n v="2"/>
    <n v="33.22"/>
  </r>
  <r>
    <d v="2016-11-18T00:00:00"/>
    <x v="10"/>
    <x v="2"/>
    <x v="385"/>
    <x v="33"/>
    <x v="2"/>
    <x v="9"/>
    <s v="LogitechÂ Z-906 Speaker sys - home theater - 5.1-CH"/>
    <n v="1319.96"/>
    <n v="4"/>
    <n v="527.98"/>
  </r>
  <r>
    <d v="2016-11-18T00:00:00"/>
    <x v="10"/>
    <x v="2"/>
    <x v="190"/>
    <x v="3"/>
    <x v="2"/>
    <x v="9"/>
    <s v="WD My Passport Ultra 2TB Portable External Hard Drive"/>
    <n v="595"/>
    <n v="5"/>
    <n v="95.2"/>
  </r>
  <r>
    <d v="2016-11-18T00:00:00"/>
    <x v="10"/>
    <x v="2"/>
    <x v="737"/>
    <x v="3"/>
    <x v="0"/>
    <x v="3"/>
    <s v="Recycled Premium Regency Composition Covers"/>
    <n v="61.12"/>
    <n v="5"/>
    <n v="22.16"/>
  </r>
  <r>
    <d v="2016-11-19T00:00:00"/>
    <x v="10"/>
    <x v="2"/>
    <x v="724"/>
    <x v="20"/>
    <x v="0"/>
    <x v="3"/>
    <s v="Avery Hanging File Binders"/>
    <n v="14.35"/>
    <n v="3"/>
    <n v="4.66"/>
  </r>
  <r>
    <d v="2016-11-19T00:00:00"/>
    <x v="10"/>
    <x v="2"/>
    <x v="724"/>
    <x v="20"/>
    <x v="0"/>
    <x v="2"/>
    <s v="Fellowes Neat Ideas Storage Cubes"/>
    <n v="64.959999999999994"/>
    <n v="2"/>
    <n v="2.6"/>
  </r>
  <r>
    <d v="2016-11-19T00:00:00"/>
    <x v="10"/>
    <x v="2"/>
    <x v="724"/>
    <x v="20"/>
    <x v="0"/>
    <x v="2"/>
    <s v="Advantus Rolling Storage Box"/>
    <n v="68.599999999999994"/>
    <n v="4"/>
    <n v="18.52"/>
  </r>
  <r>
    <d v="2016-11-19T00:00:00"/>
    <x v="10"/>
    <x v="2"/>
    <x v="281"/>
    <x v="0"/>
    <x v="0"/>
    <x v="2"/>
    <s v="Tennsco Lockers, Gray"/>
    <n v="100.7"/>
    <n v="6"/>
    <n v="-16.36"/>
  </r>
  <r>
    <d v="2016-11-19T00:00:00"/>
    <x v="10"/>
    <x v="2"/>
    <x v="281"/>
    <x v="0"/>
    <x v="1"/>
    <x v="8"/>
    <s v="GE General Purpose, Extra Long Life, Showcase &amp; Floodlight Incandescent Bulbs"/>
    <n v="2.33"/>
    <n v="2"/>
    <n v="-0.76"/>
  </r>
  <r>
    <d v="2016-11-19T00:00:00"/>
    <x v="10"/>
    <x v="2"/>
    <x v="281"/>
    <x v="0"/>
    <x v="0"/>
    <x v="3"/>
    <s v="GBC Standard Recycled Report Covers, Clear Plastic Sheets"/>
    <n v="10.78"/>
    <n v="5"/>
    <n v="-17.25"/>
  </r>
  <r>
    <d v="2016-11-19T00:00:00"/>
    <x v="10"/>
    <x v="2"/>
    <x v="281"/>
    <x v="0"/>
    <x v="0"/>
    <x v="7"/>
    <s v="Staples"/>
    <n v="58.37"/>
    <n v="12"/>
    <n v="21.89"/>
  </r>
  <r>
    <d v="2016-11-19T00:00:00"/>
    <x v="10"/>
    <x v="2"/>
    <x v="281"/>
    <x v="0"/>
    <x v="0"/>
    <x v="10"/>
    <s v="Recycled Interoffice Envelopes with Re-Use-A-Seal Closure, 10 x 13"/>
    <n v="40.97"/>
    <n v="3"/>
    <n v="13.83"/>
  </r>
  <r>
    <d v="2016-11-19T00:00:00"/>
    <x v="10"/>
    <x v="2"/>
    <x v="281"/>
    <x v="0"/>
    <x v="2"/>
    <x v="6"/>
    <s v="invisibleSHIELD by ZAGG Smudge-Free Screen Protector"/>
    <n v="71.959999999999994"/>
    <n v="5"/>
    <n v="25.19"/>
  </r>
  <r>
    <d v="2016-11-19T00:00:00"/>
    <x v="10"/>
    <x v="2"/>
    <x v="281"/>
    <x v="0"/>
    <x v="0"/>
    <x v="0"/>
    <s v="Xerox 1905"/>
    <n v="10.37"/>
    <n v="2"/>
    <n v="3.63"/>
  </r>
  <r>
    <d v="2016-11-19T00:00:00"/>
    <x v="10"/>
    <x v="2"/>
    <x v="281"/>
    <x v="0"/>
    <x v="0"/>
    <x v="3"/>
    <s v="Avery Hidden Tab Dividers for Binding Systems"/>
    <n v="1.19"/>
    <n v="2"/>
    <n v="-2.0299999999999998"/>
  </r>
  <r>
    <d v="2016-11-19T00:00:00"/>
    <x v="10"/>
    <x v="2"/>
    <x v="70"/>
    <x v="20"/>
    <x v="0"/>
    <x v="4"/>
    <s v="Newell 340"/>
    <n v="17.28"/>
    <n v="6"/>
    <n v="5.01"/>
  </r>
  <r>
    <d v="2016-11-19T00:00:00"/>
    <x v="10"/>
    <x v="2"/>
    <x v="70"/>
    <x v="20"/>
    <x v="0"/>
    <x v="3"/>
    <s v="GBC Plastic Binding Combs"/>
    <n v="17.71"/>
    <n v="3"/>
    <n v="6.42"/>
  </r>
  <r>
    <d v="2016-11-19T00:00:00"/>
    <x v="10"/>
    <x v="2"/>
    <x v="676"/>
    <x v="18"/>
    <x v="0"/>
    <x v="12"/>
    <s v="Acco 6 Outlet Guardian Premium Plus Surge Suppressor"/>
    <n v="54.96"/>
    <n v="3"/>
    <n v="15.94"/>
  </r>
  <r>
    <d v="2016-11-19T00:00:00"/>
    <x v="10"/>
    <x v="2"/>
    <x v="235"/>
    <x v="25"/>
    <x v="0"/>
    <x v="4"/>
    <s v="Deluxe Chalkboard Eraser Cleaner"/>
    <n v="18.48"/>
    <n v="2"/>
    <n v="6.01"/>
  </r>
  <r>
    <d v="2016-11-19T00:00:00"/>
    <x v="10"/>
    <x v="2"/>
    <x v="11"/>
    <x v="20"/>
    <x v="0"/>
    <x v="12"/>
    <s v="Disposable Triple-Filter Dust Bags"/>
    <n v="8.74"/>
    <n v="2"/>
    <n v="2.27"/>
  </r>
  <r>
    <d v="2016-11-19T00:00:00"/>
    <x v="10"/>
    <x v="2"/>
    <x v="11"/>
    <x v="20"/>
    <x v="0"/>
    <x v="0"/>
    <s v="Recycled Desk Saver Line &quot;While You Were Out&quot; Book, 5 1/2&quot; X 4&quot;"/>
    <n v="44.75"/>
    <n v="5"/>
    <n v="20.59"/>
  </r>
  <r>
    <d v="2016-11-19T00:00:00"/>
    <x v="10"/>
    <x v="2"/>
    <x v="362"/>
    <x v="22"/>
    <x v="1"/>
    <x v="8"/>
    <s v="Tenex Chairmats For Use With Carpeted Floors"/>
    <n v="31.96"/>
    <n v="2"/>
    <n v="1.6"/>
  </r>
  <r>
    <d v="2016-11-20T00:00:00"/>
    <x v="10"/>
    <x v="2"/>
    <x v="608"/>
    <x v="39"/>
    <x v="0"/>
    <x v="1"/>
    <s v="Avery 519"/>
    <n v="14.62"/>
    <n v="2"/>
    <n v="6.87"/>
  </r>
  <r>
    <d v="2016-11-20T00:00:00"/>
    <x v="10"/>
    <x v="2"/>
    <x v="608"/>
    <x v="39"/>
    <x v="2"/>
    <x v="6"/>
    <s v="Avaya 5420 Digital phone"/>
    <n v="944.93"/>
    <n v="7"/>
    <n v="236.23"/>
  </r>
  <r>
    <d v="2016-11-20T00:00:00"/>
    <x v="10"/>
    <x v="2"/>
    <x v="327"/>
    <x v="10"/>
    <x v="0"/>
    <x v="7"/>
    <s v="Advantus SlideClip Paper Clips"/>
    <n v="19.100000000000001"/>
    <n v="7"/>
    <n v="6.68"/>
  </r>
  <r>
    <d v="2016-11-20T00:00:00"/>
    <x v="10"/>
    <x v="2"/>
    <x v="327"/>
    <x v="10"/>
    <x v="0"/>
    <x v="1"/>
    <s v="Avery 512"/>
    <n v="18.5"/>
    <n v="8"/>
    <n v="6.24"/>
  </r>
  <r>
    <d v="2016-11-20T00:00:00"/>
    <x v="10"/>
    <x v="2"/>
    <x v="327"/>
    <x v="10"/>
    <x v="2"/>
    <x v="9"/>
    <s v="Logitech Wireless Gaming Headset G930"/>
    <n v="255.98"/>
    <n v="2"/>
    <n v="54.4"/>
  </r>
  <r>
    <d v="2016-11-20T00:00:00"/>
    <x v="10"/>
    <x v="2"/>
    <x v="327"/>
    <x v="10"/>
    <x v="1"/>
    <x v="11"/>
    <s v="Bush Westfield Collection Bookcases, Medium Cherry Finish"/>
    <n v="86.97"/>
    <n v="3"/>
    <n v="-48.7"/>
  </r>
  <r>
    <d v="2016-11-20T00:00:00"/>
    <x v="10"/>
    <x v="2"/>
    <x v="156"/>
    <x v="10"/>
    <x v="0"/>
    <x v="0"/>
    <s v="Southworth 25% Cotton Granite Paper &amp; Envelopes"/>
    <n v="15.7"/>
    <n v="3"/>
    <n v="5.0999999999999996"/>
  </r>
  <r>
    <d v="2016-11-20T00:00:00"/>
    <x v="10"/>
    <x v="2"/>
    <x v="156"/>
    <x v="10"/>
    <x v="0"/>
    <x v="3"/>
    <s v="Acco 3-Hole Punch"/>
    <n v="2.63"/>
    <n v="2"/>
    <n v="-1.93"/>
  </r>
  <r>
    <d v="2016-11-20T00:00:00"/>
    <x v="10"/>
    <x v="2"/>
    <x v="156"/>
    <x v="10"/>
    <x v="0"/>
    <x v="3"/>
    <s v="Avery Recycled Flexi-View Covers for Binding Systems"/>
    <n v="14.43"/>
    <n v="3"/>
    <n v="-10.58"/>
  </r>
  <r>
    <d v="2016-11-20T00:00:00"/>
    <x v="10"/>
    <x v="2"/>
    <x v="17"/>
    <x v="0"/>
    <x v="1"/>
    <x v="5"/>
    <s v="Global Wood Trimmed Manager's Task Chair, Khaki"/>
    <n v="318.43"/>
    <n v="5"/>
    <n v="-77.33"/>
  </r>
  <r>
    <d v="2016-11-20T00:00:00"/>
    <x v="10"/>
    <x v="2"/>
    <x v="17"/>
    <x v="0"/>
    <x v="2"/>
    <x v="6"/>
    <s v="Samsung HM1900 Bluetooth Headset"/>
    <n v="122.92"/>
    <n v="7"/>
    <n v="46.1"/>
  </r>
  <r>
    <d v="2016-11-20T00:00:00"/>
    <x v="10"/>
    <x v="2"/>
    <x v="17"/>
    <x v="0"/>
    <x v="1"/>
    <x v="8"/>
    <s v="Eldon Wave Desk Accessories"/>
    <n v="7.07"/>
    <n v="3"/>
    <n v="-2.83"/>
  </r>
  <r>
    <d v="2016-11-20T00:00:00"/>
    <x v="10"/>
    <x v="2"/>
    <x v="302"/>
    <x v="18"/>
    <x v="0"/>
    <x v="0"/>
    <s v="Ampad Poly Cover Wirebound Steno Book, 6&quot; x 9&quot; Assorted Colors, Gregg Ruled"/>
    <n v="9.08"/>
    <n v="2"/>
    <n v="4.09"/>
  </r>
  <r>
    <d v="2016-11-20T00:00:00"/>
    <x v="10"/>
    <x v="2"/>
    <x v="302"/>
    <x v="18"/>
    <x v="0"/>
    <x v="0"/>
    <s v="Xerox 189"/>
    <n v="314.55"/>
    <n v="3"/>
    <n v="150.97999999999999"/>
  </r>
  <r>
    <d v="2016-11-20T00:00:00"/>
    <x v="10"/>
    <x v="2"/>
    <x v="302"/>
    <x v="18"/>
    <x v="0"/>
    <x v="3"/>
    <s v="Pressboard Covers with Storage Hooks, 9 1/2&quot; x 11&quot;, Light Blue"/>
    <n v="4.91"/>
    <n v="1"/>
    <n v="2.31"/>
  </r>
  <r>
    <d v="2016-11-20T00:00:00"/>
    <x v="10"/>
    <x v="2"/>
    <x v="15"/>
    <x v="0"/>
    <x v="2"/>
    <x v="6"/>
    <s v="Wireless Extenders zBoost YX545 SOHO Signal Booster"/>
    <n v="151.19"/>
    <n v="1"/>
    <n v="13.23"/>
  </r>
  <r>
    <d v="2016-11-20T00:00:00"/>
    <x v="10"/>
    <x v="2"/>
    <x v="91"/>
    <x v="3"/>
    <x v="0"/>
    <x v="12"/>
    <s v="Bravo II Megaboss 12-Amp Hard Body Upright, Replacement Belts, 2 Belts per Pack"/>
    <n v="39"/>
    <n v="12"/>
    <n v="11.31"/>
  </r>
  <r>
    <d v="2016-11-20T00:00:00"/>
    <x v="10"/>
    <x v="2"/>
    <x v="373"/>
    <x v="7"/>
    <x v="0"/>
    <x v="3"/>
    <s v="Wilson Jones Elliptical Ring 3 1/2&quot; Capacity Binders, 800 sheets"/>
    <n v="128.4"/>
    <n v="3"/>
    <n v="62.92"/>
  </r>
  <r>
    <d v="2016-11-20T00:00:00"/>
    <x v="10"/>
    <x v="2"/>
    <x v="410"/>
    <x v="16"/>
    <x v="1"/>
    <x v="11"/>
    <s v="O'Sullivan 2-Door Barrister Bookcase in Odessa Pine"/>
    <n v="289.57"/>
    <n v="2"/>
    <n v="10.86"/>
  </r>
  <r>
    <d v="2016-11-20T00:00:00"/>
    <x v="10"/>
    <x v="2"/>
    <x v="410"/>
    <x v="16"/>
    <x v="0"/>
    <x v="2"/>
    <s v="Akro-Mils 12-Gallon Tote"/>
    <n v="39.72"/>
    <n v="5"/>
    <n v="4.47"/>
  </r>
  <r>
    <d v="2016-11-20T00:00:00"/>
    <x v="10"/>
    <x v="2"/>
    <x v="410"/>
    <x v="16"/>
    <x v="2"/>
    <x v="6"/>
    <s v="Grandstream GXP2100 Mainstream Business Phone"/>
    <n v="244.77"/>
    <n v="4"/>
    <n v="24.48"/>
  </r>
  <r>
    <d v="2016-11-20T00:00:00"/>
    <x v="10"/>
    <x v="2"/>
    <x v="688"/>
    <x v="3"/>
    <x v="2"/>
    <x v="9"/>
    <s v="Sony Micro Vault Click 4 GB USB 2.0 Flash Drive"/>
    <n v="27.88"/>
    <n v="2"/>
    <n v="3.9"/>
  </r>
  <r>
    <d v="2016-11-21T00:00:00"/>
    <x v="10"/>
    <x v="2"/>
    <x v="645"/>
    <x v="11"/>
    <x v="1"/>
    <x v="5"/>
    <s v="Novimex Fabric Task Chair"/>
    <n v="195.14"/>
    <n v="4"/>
    <n v="-12.2"/>
  </r>
  <r>
    <d v="2016-11-21T00:00:00"/>
    <x v="10"/>
    <x v="2"/>
    <x v="491"/>
    <x v="30"/>
    <x v="0"/>
    <x v="0"/>
    <s v="Xerox 1987"/>
    <n v="40.46"/>
    <n v="7"/>
    <n v="19.829999999999998"/>
  </r>
  <r>
    <d v="2016-11-21T00:00:00"/>
    <x v="10"/>
    <x v="2"/>
    <x v="491"/>
    <x v="30"/>
    <x v="2"/>
    <x v="6"/>
    <s v="Logitech Mobile Speakerphone P710e -Â speaker phone"/>
    <n v="404.94"/>
    <n v="3"/>
    <n v="109.33"/>
  </r>
  <r>
    <d v="2016-11-21T00:00:00"/>
    <x v="10"/>
    <x v="2"/>
    <x v="74"/>
    <x v="10"/>
    <x v="2"/>
    <x v="15"/>
    <s v="Texas Instrument TI-15 Fraction Calculator"/>
    <n v="30.35"/>
    <n v="7"/>
    <n v="-24.28"/>
  </r>
  <r>
    <d v="2016-11-21T00:00:00"/>
    <x v="10"/>
    <x v="2"/>
    <x v="74"/>
    <x v="10"/>
    <x v="1"/>
    <x v="5"/>
    <s v="Global Value Steno Chair, Gray"/>
    <n v="127.55"/>
    <n v="3"/>
    <n v="-9.11"/>
  </r>
  <r>
    <d v="2016-11-21T00:00:00"/>
    <x v="10"/>
    <x v="2"/>
    <x v="74"/>
    <x v="10"/>
    <x v="1"/>
    <x v="8"/>
    <s v="Computer Room Manger, 14&quot;"/>
    <n v="77.95"/>
    <n v="3"/>
    <n v="15.59"/>
  </r>
  <r>
    <d v="2016-11-21T00:00:00"/>
    <x v="10"/>
    <x v="2"/>
    <x v="310"/>
    <x v="1"/>
    <x v="0"/>
    <x v="0"/>
    <s v="Xerox 1910"/>
    <n v="38.43"/>
    <n v="1"/>
    <n v="13.45"/>
  </r>
  <r>
    <d v="2016-11-21T00:00:00"/>
    <x v="10"/>
    <x v="2"/>
    <x v="310"/>
    <x v="1"/>
    <x v="0"/>
    <x v="2"/>
    <s v="Tenex Personal Project File with Scoop Front Design, Black"/>
    <n v="21.57"/>
    <n v="2"/>
    <n v="1.62"/>
  </r>
  <r>
    <d v="2016-11-21T00:00:00"/>
    <x v="10"/>
    <x v="2"/>
    <x v="310"/>
    <x v="1"/>
    <x v="2"/>
    <x v="9"/>
    <s v="Lenovo 17-Key USB Numeric Keypad"/>
    <n v="81.58"/>
    <n v="3"/>
    <n v="2.04"/>
  </r>
  <r>
    <d v="2016-11-21T00:00:00"/>
    <x v="10"/>
    <x v="2"/>
    <x v="30"/>
    <x v="20"/>
    <x v="0"/>
    <x v="0"/>
    <s v="Xerox 1975"/>
    <n v="12.96"/>
    <n v="2"/>
    <n v="6.35"/>
  </r>
  <r>
    <d v="2016-11-21T00:00:00"/>
    <x v="10"/>
    <x v="2"/>
    <x v="488"/>
    <x v="20"/>
    <x v="1"/>
    <x v="11"/>
    <s v="Hon Metal Bookcases, Putty"/>
    <n v="113.57"/>
    <n v="2"/>
    <n v="12.78"/>
  </r>
  <r>
    <d v="2016-11-21T00:00:00"/>
    <x v="10"/>
    <x v="2"/>
    <x v="495"/>
    <x v="3"/>
    <x v="0"/>
    <x v="0"/>
    <s v="Xerox 222"/>
    <n v="32.4"/>
    <n v="5"/>
    <n v="15.55"/>
  </r>
  <r>
    <d v="2016-11-22T00:00:00"/>
    <x v="10"/>
    <x v="2"/>
    <x v="735"/>
    <x v="20"/>
    <x v="1"/>
    <x v="8"/>
    <s v="Luxo Economy Swing Arm Lamp"/>
    <n v="39.880000000000003"/>
    <n v="2"/>
    <n v="11.17"/>
  </r>
  <r>
    <d v="2016-11-22T00:00:00"/>
    <x v="10"/>
    <x v="2"/>
    <x v="735"/>
    <x v="20"/>
    <x v="0"/>
    <x v="3"/>
    <s v="Acco Pressboard Covers with Storage Hooks, 9 1/2&quot; x 11&quot;, Executive Red"/>
    <n v="12.19"/>
    <n v="4"/>
    <n v="4.1100000000000003"/>
  </r>
  <r>
    <d v="2016-11-22T00:00:00"/>
    <x v="10"/>
    <x v="2"/>
    <x v="735"/>
    <x v="20"/>
    <x v="0"/>
    <x v="4"/>
    <s v="BIC Liqua Brite Liner"/>
    <n v="20.82"/>
    <n v="3"/>
    <n v="7.5"/>
  </r>
  <r>
    <d v="2016-11-22T00:00:00"/>
    <x v="10"/>
    <x v="2"/>
    <x v="122"/>
    <x v="14"/>
    <x v="0"/>
    <x v="3"/>
    <s v="Ibico Standard Transparent Covers"/>
    <n v="49.44"/>
    <n v="3"/>
    <n v="24.23"/>
  </r>
  <r>
    <d v="2016-11-22T00:00:00"/>
    <x v="10"/>
    <x v="2"/>
    <x v="617"/>
    <x v="0"/>
    <x v="0"/>
    <x v="3"/>
    <s v="Wilson Jones Impact Binders"/>
    <n v="6.22"/>
    <n v="6"/>
    <n v="-9.6300000000000008"/>
  </r>
  <r>
    <d v="2016-11-22T00:00:00"/>
    <x v="10"/>
    <x v="2"/>
    <x v="617"/>
    <x v="0"/>
    <x v="0"/>
    <x v="4"/>
    <s v="Newell 348"/>
    <n v="23.62"/>
    <n v="9"/>
    <n v="2.66"/>
  </r>
  <r>
    <d v="2016-11-22T00:00:00"/>
    <x v="10"/>
    <x v="2"/>
    <x v="617"/>
    <x v="0"/>
    <x v="2"/>
    <x v="9"/>
    <s v="KeyTronicÂ KT800P2 -Â KeyboardÂ - Black"/>
    <n v="24.03"/>
    <n v="2"/>
    <n v="-0.6"/>
  </r>
  <r>
    <d v="2016-11-22T00:00:00"/>
    <x v="10"/>
    <x v="2"/>
    <x v="617"/>
    <x v="0"/>
    <x v="0"/>
    <x v="1"/>
    <s v="Avery 494"/>
    <n v="2.09"/>
    <n v="1"/>
    <n v="0.68"/>
  </r>
  <r>
    <d v="2016-11-22T00:00:00"/>
    <x v="10"/>
    <x v="2"/>
    <x v="617"/>
    <x v="0"/>
    <x v="0"/>
    <x v="3"/>
    <s v="Accohide Poly Flexible Ring Binders"/>
    <n v="4.49"/>
    <n v="6"/>
    <n v="-6.73"/>
  </r>
  <r>
    <d v="2016-11-22T00:00:00"/>
    <x v="10"/>
    <x v="2"/>
    <x v="683"/>
    <x v="20"/>
    <x v="0"/>
    <x v="3"/>
    <s v="GBC Premium Transparent Covers with Diagonal Lined Pattern"/>
    <n v="134.27000000000001"/>
    <n v="8"/>
    <n v="47"/>
  </r>
  <r>
    <d v="2016-11-23T00:00:00"/>
    <x v="10"/>
    <x v="2"/>
    <x v="465"/>
    <x v="2"/>
    <x v="0"/>
    <x v="7"/>
    <s v="Advantus Map Pennant Flags and Round Head Tacks"/>
    <n v="15.8"/>
    <n v="5"/>
    <n v="2.37"/>
  </r>
  <r>
    <d v="2016-11-23T00:00:00"/>
    <x v="10"/>
    <x v="2"/>
    <x v="465"/>
    <x v="2"/>
    <x v="1"/>
    <x v="8"/>
    <s v="Nu-Dell Float Frame 11 x 14 1/2"/>
    <n v="14.37"/>
    <n v="2"/>
    <n v="3.95"/>
  </r>
  <r>
    <d v="2016-11-23T00:00:00"/>
    <x v="10"/>
    <x v="2"/>
    <x v="465"/>
    <x v="2"/>
    <x v="1"/>
    <x v="8"/>
    <s v="DAX Executive Solid Wood Document Frame, Desktop or Hang, Mahogany, 5 x 7"/>
    <n v="70.45"/>
    <n v="7"/>
    <n v="12.33"/>
  </r>
  <r>
    <d v="2016-11-24T00:00:00"/>
    <x v="10"/>
    <x v="2"/>
    <x v="342"/>
    <x v="2"/>
    <x v="0"/>
    <x v="7"/>
    <s v="Stockwell Gold Paper Clips"/>
    <n v="4.42"/>
    <n v="3"/>
    <n v="1.6"/>
  </r>
  <r>
    <d v="2016-11-24T00:00:00"/>
    <x v="10"/>
    <x v="2"/>
    <x v="115"/>
    <x v="20"/>
    <x v="0"/>
    <x v="3"/>
    <s v="Acco PRESSTEX Data Binder with Storage Hooks, Light Blue, 9 1/2&quot; X 11&quot;"/>
    <n v="17.22"/>
    <n v="4"/>
    <n v="6.03"/>
  </r>
  <r>
    <d v="2016-11-24T00:00:00"/>
    <x v="10"/>
    <x v="2"/>
    <x v="115"/>
    <x v="20"/>
    <x v="0"/>
    <x v="0"/>
    <s v="Xerox 196"/>
    <n v="11.56"/>
    <n v="2"/>
    <n v="5.66"/>
  </r>
  <r>
    <d v="2016-11-24T00:00:00"/>
    <x v="10"/>
    <x v="2"/>
    <x v="115"/>
    <x v="20"/>
    <x v="2"/>
    <x v="9"/>
    <s v="SanDisk Ultra 32 GB MicroSDHC Class 10 Memory Card"/>
    <n v="88.4"/>
    <n v="4"/>
    <n v="11.49"/>
  </r>
  <r>
    <d v="2016-11-24T00:00:00"/>
    <x v="10"/>
    <x v="2"/>
    <x v="115"/>
    <x v="20"/>
    <x v="0"/>
    <x v="0"/>
    <s v="Xerox 217"/>
    <n v="6.48"/>
    <n v="1"/>
    <n v="3.11"/>
  </r>
  <r>
    <d v="2016-11-24T00:00:00"/>
    <x v="10"/>
    <x v="2"/>
    <x v="538"/>
    <x v="3"/>
    <x v="2"/>
    <x v="6"/>
    <s v="iKross Bluetooth Portable Keyboard + Cell Phone Stand Holder + Brush for Apple iPhone 5S 5C 5, 4S 4"/>
    <n v="33.520000000000003"/>
    <n v="2"/>
    <n v="3.35"/>
  </r>
  <r>
    <d v="2016-11-24T00:00:00"/>
    <x v="10"/>
    <x v="2"/>
    <x v="538"/>
    <x v="3"/>
    <x v="1"/>
    <x v="8"/>
    <s v="DAX Value U-Channel Document Frames, Easel Back"/>
    <n v="9.94"/>
    <n v="2"/>
    <n v="3.08"/>
  </r>
  <r>
    <d v="2016-11-24T00:00:00"/>
    <x v="10"/>
    <x v="2"/>
    <x v="777"/>
    <x v="0"/>
    <x v="0"/>
    <x v="2"/>
    <s v="Sterilite Officeware Hinged File Box"/>
    <n v="41.92"/>
    <n v="5"/>
    <n v="3.67"/>
  </r>
  <r>
    <d v="2016-11-24T00:00:00"/>
    <x v="10"/>
    <x v="2"/>
    <x v="777"/>
    <x v="0"/>
    <x v="2"/>
    <x v="9"/>
    <s v="Logitech G19 Programmable Gaming Keyboard"/>
    <n v="297.58"/>
    <n v="3"/>
    <n v="-7.44"/>
  </r>
  <r>
    <d v="2016-11-24T00:00:00"/>
    <x v="10"/>
    <x v="2"/>
    <x v="777"/>
    <x v="0"/>
    <x v="0"/>
    <x v="7"/>
    <s v="Colored Push Pins"/>
    <n v="4.34"/>
    <n v="3"/>
    <n v="0.87"/>
  </r>
  <r>
    <d v="2016-11-24T00:00:00"/>
    <x v="10"/>
    <x v="2"/>
    <x v="777"/>
    <x v="0"/>
    <x v="2"/>
    <x v="9"/>
    <s v="Logitech G105 Gaming Keyboard"/>
    <n v="94.99"/>
    <n v="2"/>
    <n v="-2.37"/>
  </r>
  <r>
    <d v="2016-11-24T00:00:00"/>
    <x v="10"/>
    <x v="2"/>
    <x v="777"/>
    <x v="0"/>
    <x v="0"/>
    <x v="0"/>
    <s v="Xerox 1925"/>
    <n v="74.349999999999994"/>
    <n v="3"/>
    <n v="23.24"/>
  </r>
  <r>
    <d v="2016-11-24T00:00:00"/>
    <x v="10"/>
    <x v="2"/>
    <x v="777"/>
    <x v="0"/>
    <x v="0"/>
    <x v="4"/>
    <s v="Dixon My First Ticonderoga Pencil, #2"/>
    <n v="14.04"/>
    <n v="3"/>
    <n v="1.58"/>
  </r>
  <r>
    <d v="2016-11-24T00:00:00"/>
    <x v="10"/>
    <x v="2"/>
    <x v="778"/>
    <x v="11"/>
    <x v="0"/>
    <x v="0"/>
    <s v="IBM Multi-Purpose Copy Paper, 8 1/2 x 11&quot;, Case"/>
    <n v="24.78"/>
    <n v="1"/>
    <n v="7.75"/>
  </r>
  <r>
    <d v="2016-11-24T00:00:00"/>
    <x v="10"/>
    <x v="2"/>
    <x v="208"/>
    <x v="0"/>
    <x v="2"/>
    <x v="6"/>
    <s v="AT&amp;T 1080 Phone"/>
    <n v="657.55"/>
    <n v="6"/>
    <n v="49.32"/>
  </r>
  <r>
    <d v="2016-11-24T00:00:00"/>
    <x v="10"/>
    <x v="2"/>
    <x v="569"/>
    <x v="3"/>
    <x v="2"/>
    <x v="9"/>
    <s v="Plantronics CS510 - Over-the-Head monaural Wireless Headset System"/>
    <n v="659.9"/>
    <n v="2"/>
    <n v="217.77"/>
  </r>
  <r>
    <d v="2016-11-24T00:00:00"/>
    <x v="10"/>
    <x v="2"/>
    <x v="569"/>
    <x v="3"/>
    <x v="1"/>
    <x v="5"/>
    <s v="Global Leather Executive Chair"/>
    <n v="1684.75"/>
    <n v="6"/>
    <n v="210.59"/>
  </r>
  <r>
    <d v="2016-11-24T00:00:00"/>
    <x v="10"/>
    <x v="2"/>
    <x v="569"/>
    <x v="3"/>
    <x v="2"/>
    <x v="9"/>
    <s v="Logitech G500s Laser Gaming Mouse with Adjustable Weight Tuning"/>
    <n v="559.91999999999996"/>
    <n v="8"/>
    <n v="190.37"/>
  </r>
  <r>
    <d v="2016-11-24T00:00:00"/>
    <x v="10"/>
    <x v="2"/>
    <x v="482"/>
    <x v="22"/>
    <x v="0"/>
    <x v="3"/>
    <s v="Ibico Hi-Tech Manual Binding System"/>
    <n v="1219.96"/>
    <n v="5"/>
    <n v="381.24"/>
  </r>
  <r>
    <d v="2016-11-24T00:00:00"/>
    <x v="10"/>
    <x v="2"/>
    <x v="174"/>
    <x v="36"/>
    <x v="1"/>
    <x v="8"/>
    <s v="Howard Miller 11-1/2&quot; Diameter Ridgewood Wall Clock"/>
    <n v="207.76"/>
    <n v="4"/>
    <n v="85.18"/>
  </r>
  <r>
    <d v="2016-11-24T00:00:00"/>
    <x v="10"/>
    <x v="2"/>
    <x v="683"/>
    <x v="10"/>
    <x v="0"/>
    <x v="10"/>
    <s v="Brown Kraft Recycled Envelopes"/>
    <n v="40.75"/>
    <n v="3"/>
    <n v="15.28"/>
  </r>
  <r>
    <d v="2016-11-24T00:00:00"/>
    <x v="10"/>
    <x v="2"/>
    <x v="683"/>
    <x v="10"/>
    <x v="2"/>
    <x v="9"/>
    <s v="V7 USB Numeric Keypad"/>
    <n v="139.96"/>
    <n v="5"/>
    <n v="-22.74"/>
  </r>
  <r>
    <d v="2016-11-24T00:00:00"/>
    <x v="10"/>
    <x v="2"/>
    <x v="748"/>
    <x v="22"/>
    <x v="0"/>
    <x v="14"/>
    <s v="Elite 5&quot; Scissors"/>
    <n v="25.35"/>
    <n v="3"/>
    <n v="7.61"/>
  </r>
  <r>
    <d v="2016-11-24T00:00:00"/>
    <x v="10"/>
    <x v="2"/>
    <x v="528"/>
    <x v="22"/>
    <x v="1"/>
    <x v="8"/>
    <s v="Howard Miller Distant Time Traveler Alarm Clock"/>
    <n v="82.26"/>
    <n v="3"/>
    <n v="33.729999999999997"/>
  </r>
  <r>
    <d v="2016-11-24T00:00:00"/>
    <x v="10"/>
    <x v="2"/>
    <x v="90"/>
    <x v="16"/>
    <x v="1"/>
    <x v="11"/>
    <s v="O'Sullivan Cherrywood Estates Traditional Bookcase"/>
    <n v="339.92"/>
    <n v="5"/>
    <n v="8.5"/>
  </r>
  <r>
    <d v="2016-11-24T00:00:00"/>
    <x v="10"/>
    <x v="2"/>
    <x v="90"/>
    <x v="16"/>
    <x v="0"/>
    <x v="0"/>
    <s v="Tops Wirebound Message Log Books"/>
    <n v="10.53"/>
    <n v="4"/>
    <n v="3.42"/>
  </r>
  <r>
    <d v="2016-11-24T00:00:00"/>
    <x v="10"/>
    <x v="2"/>
    <x v="90"/>
    <x v="16"/>
    <x v="0"/>
    <x v="12"/>
    <s v="Fellowes Advanced Computer Series Surge Protectors"/>
    <n v="42.38"/>
    <n v="2"/>
    <n v="4.24"/>
  </r>
  <r>
    <d v="2016-11-25T00:00:00"/>
    <x v="10"/>
    <x v="2"/>
    <x v="631"/>
    <x v="16"/>
    <x v="0"/>
    <x v="0"/>
    <s v="Telephone Message Books with Fax/Mobile Section, 5 1/2&quot; x 3 3/16&quot;"/>
    <n v="5.08"/>
    <n v="1"/>
    <n v="1.65"/>
  </r>
  <r>
    <d v="2016-11-25T00:00:00"/>
    <x v="10"/>
    <x v="2"/>
    <x v="455"/>
    <x v="23"/>
    <x v="0"/>
    <x v="2"/>
    <s v="Fellowes Strictly Business Drawer File, Letter/Legal Size"/>
    <n v="563.4"/>
    <n v="4"/>
    <n v="67.61"/>
  </r>
  <r>
    <d v="2016-11-25T00:00:00"/>
    <x v="10"/>
    <x v="2"/>
    <x v="455"/>
    <x v="23"/>
    <x v="2"/>
    <x v="15"/>
    <s v="Konica Minolta magicolor 1690MF Multifunction Printer"/>
    <n v="319.92"/>
    <n v="8"/>
    <n v="118.37"/>
  </r>
  <r>
    <d v="2016-11-25T00:00:00"/>
    <x v="10"/>
    <x v="2"/>
    <x v="287"/>
    <x v="13"/>
    <x v="2"/>
    <x v="6"/>
    <s v="OtterBox Defender Series Case - Samsung Galaxy S4"/>
    <n v="59.98"/>
    <n v="2"/>
    <n v="17.989999999999998"/>
  </r>
  <r>
    <d v="2016-11-25T00:00:00"/>
    <x v="10"/>
    <x v="2"/>
    <x v="653"/>
    <x v="14"/>
    <x v="1"/>
    <x v="13"/>
    <s v="Chromcraft Round Conference Tables"/>
    <n v="1568.61"/>
    <n v="9"/>
    <n v="329.41"/>
  </r>
  <r>
    <d v="2016-11-25T00:00:00"/>
    <x v="10"/>
    <x v="2"/>
    <x v="653"/>
    <x v="14"/>
    <x v="0"/>
    <x v="3"/>
    <s v="Wilson Jones International Size A4 Ring Binders"/>
    <n v="17.3"/>
    <n v="1"/>
    <n v="8.3000000000000007"/>
  </r>
  <r>
    <d v="2016-11-25T00:00:00"/>
    <x v="10"/>
    <x v="2"/>
    <x v="653"/>
    <x v="14"/>
    <x v="2"/>
    <x v="9"/>
    <s v="Memorex Mini Travel Drive 32 GB USB 2.0 Flash Drive"/>
    <n v="160"/>
    <n v="8"/>
    <n v="62.4"/>
  </r>
  <r>
    <d v="2016-11-25T00:00:00"/>
    <x v="10"/>
    <x v="2"/>
    <x v="106"/>
    <x v="10"/>
    <x v="0"/>
    <x v="3"/>
    <s v="GBC Ibimaster 500 Manual ProClick Binding System"/>
    <n v="456.59"/>
    <n v="2"/>
    <n v="-304.39"/>
  </r>
  <r>
    <d v="2016-11-25T00:00:00"/>
    <x v="10"/>
    <x v="2"/>
    <x v="106"/>
    <x v="10"/>
    <x v="2"/>
    <x v="15"/>
    <s v="Cubify CubeX 3D Printer Double Head Print"/>
    <n v="4499.99"/>
    <n v="5"/>
    <n v="-6599.98"/>
  </r>
  <r>
    <d v="2016-11-25T00:00:00"/>
    <x v="10"/>
    <x v="2"/>
    <x v="106"/>
    <x v="10"/>
    <x v="2"/>
    <x v="9"/>
    <s v="NETGEAR RangeMax WNR1000 Wireless Router"/>
    <n v="59.98"/>
    <n v="3"/>
    <n v="12"/>
  </r>
  <r>
    <d v="2016-11-25T00:00:00"/>
    <x v="10"/>
    <x v="2"/>
    <x v="144"/>
    <x v="33"/>
    <x v="0"/>
    <x v="2"/>
    <s v="Sterilite Officeware Hinged File Box"/>
    <n v="73.36"/>
    <n v="7"/>
    <n v="19.809999999999999"/>
  </r>
  <r>
    <d v="2016-11-25T00:00:00"/>
    <x v="10"/>
    <x v="2"/>
    <x v="294"/>
    <x v="3"/>
    <x v="1"/>
    <x v="5"/>
    <s v="Padded Folding Chairs, Black, 4/Carton"/>
    <n v="194.35"/>
    <n v="3"/>
    <n v="19.440000000000001"/>
  </r>
  <r>
    <d v="2016-11-26T00:00:00"/>
    <x v="10"/>
    <x v="2"/>
    <x v="231"/>
    <x v="33"/>
    <x v="0"/>
    <x v="0"/>
    <s v="Easy-staple paper"/>
    <n v="70.98"/>
    <n v="7"/>
    <n v="34.78"/>
  </r>
  <r>
    <d v="2016-11-26T00:00:00"/>
    <x v="10"/>
    <x v="2"/>
    <x v="231"/>
    <x v="33"/>
    <x v="0"/>
    <x v="3"/>
    <s v="Surelock Post Binders"/>
    <n v="91.68"/>
    <n v="3"/>
    <n v="45.84"/>
  </r>
  <r>
    <d v="2016-11-26T00:00:00"/>
    <x v="10"/>
    <x v="2"/>
    <x v="231"/>
    <x v="33"/>
    <x v="0"/>
    <x v="3"/>
    <s v="Wilson Jones DublLock D-Ring Binders"/>
    <n v="33.75"/>
    <n v="5"/>
    <n v="16.88"/>
  </r>
  <r>
    <d v="2016-11-26T00:00:00"/>
    <x v="10"/>
    <x v="2"/>
    <x v="231"/>
    <x v="33"/>
    <x v="2"/>
    <x v="15"/>
    <s v="Hewlett-Packard Deskjet 3050a All-in-One Color Inkjet Printer"/>
    <n v="3040"/>
    <n v="8"/>
    <n v="1459.2"/>
  </r>
  <r>
    <d v="2016-11-26T00:00:00"/>
    <x v="10"/>
    <x v="2"/>
    <x v="498"/>
    <x v="22"/>
    <x v="0"/>
    <x v="3"/>
    <s v="Newell 3-Hole Punched Plastic Slotted Magazine Holders for Binders"/>
    <n v="7.31"/>
    <n v="2"/>
    <n v="2.56"/>
  </r>
  <r>
    <d v="2016-11-26T00:00:00"/>
    <x v="10"/>
    <x v="2"/>
    <x v="189"/>
    <x v="2"/>
    <x v="2"/>
    <x v="6"/>
    <s v="Mitel MiVoice 5330e IP Phone"/>
    <n v="494.98"/>
    <n v="3"/>
    <n v="-115.5"/>
  </r>
  <r>
    <d v="2016-11-26T00:00:00"/>
    <x v="10"/>
    <x v="2"/>
    <x v="205"/>
    <x v="16"/>
    <x v="0"/>
    <x v="3"/>
    <s v="Zipper Ring Binder Pockets"/>
    <n v="3.74"/>
    <n v="4"/>
    <n v="-2.62"/>
  </r>
  <r>
    <d v="2016-11-26T00:00:00"/>
    <x v="10"/>
    <x v="2"/>
    <x v="78"/>
    <x v="20"/>
    <x v="1"/>
    <x v="13"/>
    <s v="Bevis Oval Conference Table, Walnut"/>
    <n v="313.18"/>
    <n v="2"/>
    <n v="-120.05"/>
  </r>
  <r>
    <d v="2016-11-26T00:00:00"/>
    <x v="10"/>
    <x v="2"/>
    <x v="208"/>
    <x v="0"/>
    <x v="0"/>
    <x v="4"/>
    <s v="DIXON Ticonderoga Erasable Checking Pencils"/>
    <n v="17.86"/>
    <n v="4"/>
    <n v="4.24"/>
  </r>
  <r>
    <d v="2016-11-26T00:00:00"/>
    <x v="10"/>
    <x v="2"/>
    <x v="33"/>
    <x v="37"/>
    <x v="2"/>
    <x v="9"/>
    <s v="Micropad Numeric Keypads"/>
    <n v="59.97"/>
    <n v="3"/>
    <n v="14.99"/>
  </r>
  <r>
    <d v="2016-11-26T00:00:00"/>
    <x v="10"/>
    <x v="2"/>
    <x v="33"/>
    <x v="37"/>
    <x v="0"/>
    <x v="0"/>
    <s v="Xerox 1959"/>
    <n v="13.36"/>
    <n v="2"/>
    <n v="6.41"/>
  </r>
  <r>
    <d v="2016-11-26T00:00:00"/>
    <x v="10"/>
    <x v="2"/>
    <x v="281"/>
    <x v="2"/>
    <x v="0"/>
    <x v="3"/>
    <s v="Binding Machine Supplies"/>
    <n v="78.760000000000005"/>
    <n v="9"/>
    <n v="-57.76"/>
  </r>
  <r>
    <d v="2016-11-26T00:00:00"/>
    <x v="10"/>
    <x v="2"/>
    <x v="389"/>
    <x v="3"/>
    <x v="1"/>
    <x v="11"/>
    <s v="DMI Eclipse Executive Suite Bookcases"/>
    <n v="3406.66"/>
    <n v="8"/>
    <n v="160.31"/>
  </r>
  <r>
    <d v="2016-11-26T00:00:00"/>
    <x v="10"/>
    <x v="2"/>
    <x v="389"/>
    <x v="3"/>
    <x v="0"/>
    <x v="4"/>
    <s v="Newell 31"/>
    <n v="37.17"/>
    <n v="9"/>
    <n v="10.41"/>
  </r>
  <r>
    <d v="2016-11-26T00:00:00"/>
    <x v="10"/>
    <x v="2"/>
    <x v="389"/>
    <x v="3"/>
    <x v="0"/>
    <x v="12"/>
    <s v="Belkin F9S820V06 8 Outlet Surge"/>
    <n v="64.959999999999994"/>
    <n v="2"/>
    <n v="19.489999999999998"/>
  </r>
  <r>
    <d v="2016-11-26T00:00:00"/>
    <x v="10"/>
    <x v="2"/>
    <x v="389"/>
    <x v="3"/>
    <x v="1"/>
    <x v="8"/>
    <s v="GE 48&quot; Fluorescent Tube, Cool White Energy Saver, 34 Watts, 30/Box"/>
    <n v="595.38"/>
    <n v="6"/>
    <n v="297.69"/>
  </r>
  <r>
    <d v="2016-11-27T00:00:00"/>
    <x v="10"/>
    <x v="2"/>
    <x v="480"/>
    <x v="1"/>
    <x v="0"/>
    <x v="2"/>
    <s v="SAFCO Commercial Wire Shelving, 72h"/>
    <n v="97.98"/>
    <n v="2"/>
    <n v="-24.5"/>
  </r>
  <r>
    <d v="2016-11-27T00:00:00"/>
    <x v="10"/>
    <x v="2"/>
    <x v="480"/>
    <x v="1"/>
    <x v="2"/>
    <x v="9"/>
    <s v="Memorex Micro Travel Drive 8 GB"/>
    <n v="62.4"/>
    <n v="6"/>
    <n v="19.5"/>
  </r>
  <r>
    <d v="2016-11-27T00:00:00"/>
    <x v="10"/>
    <x v="2"/>
    <x v="583"/>
    <x v="12"/>
    <x v="2"/>
    <x v="6"/>
    <s v="Motorola Moto X"/>
    <n v="271.99"/>
    <n v="1"/>
    <n v="23.8"/>
  </r>
  <r>
    <d v="2016-11-27T00:00:00"/>
    <x v="10"/>
    <x v="2"/>
    <x v="668"/>
    <x v="14"/>
    <x v="0"/>
    <x v="12"/>
    <s v="Euro-Pro Shark Turbo Vacuum"/>
    <n v="167.29"/>
    <n v="6"/>
    <n v="29.74"/>
  </r>
  <r>
    <d v="2016-11-27T00:00:00"/>
    <x v="10"/>
    <x v="2"/>
    <x v="274"/>
    <x v="42"/>
    <x v="2"/>
    <x v="9"/>
    <s v="Verbatim 25 GB 6x Blu-ray Single Layer Recordable Disc, 3/Pack"/>
    <n v="34.950000000000003"/>
    <n v="5"/>
    <n v="15.38"/>
  </r>
  <r>
    <d v="2016-11-27T00:00:00"/>
    <x v="10"/>
    <x v="2"/>
    <x v="274"/>
    <x v="42"/>
    <x v="0"/>
    <x v="3"/>
    <s v="Ibico Plastic Spiral Binding Combs"/>
    <n v="152"/>
    <n v="5"/>
    <n v="69.92"/>
  </r>
  <r>
    <d v="2016-11-27T00:00:00"/>
    <x v="10"/>
    <x v="2"/>
    <x v="593"/>
    <x v="23"/>
    <x v="1"/>
    <x v="8"/>
    <s v="Ultra Door Pull Handle"/>
    <n v="31.56"/>
    <n v="3"/>
    <n v="10.41"/>
  </r>
  <r>
    <d v="2016-11-27T00:00:00"/>
    <x v="10"/>
    <x v="2"/>
    <x v="221"/>
    <x v="16"/>
    <x v="2"/>
    <x v="6"/>
    <s v="Wi-Ex zBoost YX540 Cellular Phone Signal Booster"/>
    <n v="116.76"/>
    <n v="1"/>
    <n v="14.6"/>
  </r>
  <r>
    <d v="2016-11-27T00:00:00"/>
    <x v="10"/>
    <x v="2"/>
    <x v="221"/>
    <x v="16"/>
    <x v="1"/>
    <x v="13"/>
    <s v="KI Adjustable-Height Table"/>
    <n v="331.02"/>
    <n v="7"/>
    <n v="-114.35"/>
  </r>
  <r>
    <d v="2016-11-27T00:00:00"/>
    <x v="10"/>
    <x v="2"/>
    <x v="752"/>
    <x v="12"/>
    <x v="0"/>
    <x v="2"/>
    <s v="Eldon Simplefile Box Office"/>
    <n v="39.81"/>
    <n v="4"/>
    <n v="3.98"/>
  </r>
  <r>
    <d v="2016-11-27T00:00:00"/>
    <x v="10"/>
    <x v="2"/>
    <x v="92"/>
    <x v="23"/>
    <x v="0"/>
    <x v="0"/>
    <s v="Xerox 215"/>
    <n v="25.92"/>
    <n v="4"/>
    <n v="12.44"/>
  </r>
  <r>
    <d v="2016-11-27T00:00:00"/>
    <x v="10"/>
    <x v="2"/>
    <x v="92"/>
    <x v="23"/>
    <x v="0"/>
    <x v="4"/>
    <s v="Newell 324"/>
    <n v="34.65"/>
    <n v="3"/>
    <n v="9.6999999999999993"/>
  </r>
  <r>
    <d v="2016-11-27T00:00:00"/>
    <x v="10"/>
    <x v="2"/>
    <x v="92"/>
    <x v="23"/>
    <x v="0"/>
    <x v="0"/>
    <s v="Xerox 1945"/>
    <n v="204.95"/>
    <n v="5"/>
    <n v="100.43"/>
  </r>
  <r>
    <d v="2016-11-27T00:00:00"/>
    <x v="10"/>
    <x v="2"/>
    <x v="92"/>
    <x v="23"/>
    <x v="0"/>
    <x v="3"/>
    <s v="GBC Pre-Punched Binding Paper, Plastic, White, 8-1/2&quot; x 11&quot;"/>
    <n v="79.95"/>
    <n v="5"/>
    <n v="38.380000000000003"/>
  </r>
  <r>
    <d v="2016-11-28T00:00:00"/>
    <x v="10"/>
    <x v="2"/>
    <x v="779"/>
    <x v="37"/>
    <x v="0"/>
    <x v="3"/>
    <s v="Avery Poly Binder Pockets"/>
    <n v="7.16"/>
    <n v="2"/>
    <n v="3.44"/>
  </r>
  <r>
    <d v="2016-11-28T00:00:00"/>
    <x v="10"/>
    <x v="2"/>
    <x v="8"/>
    <x v="16"/>
    <x v="0"/>
    <x v="3"/>
    <s v="ACCOHIDE Binder by Acco"/>
    <n v="7.43"/>
    <n v="6"/>
    <n v="-5.7"/>
  </r>
  <r>
    <d v="2016-11-28T00:00:00"/>
    <x v="10"/>
    <x v="2"/>
    <x v="211"/>
    <x v="4"/>
    <x v="1"/>
    <x v="5"/>
    <s v="Global Push Button Manager's Chair, Indigo"/>
    <n v="182.67"/>
    <n v="3"/>
    <n v="52.97"/>
  </r>
  <r>
    <d v="2016-11-28T00:00:00"/>
    <x v="10"/>
    <x v="2"/>
    <x v="211"/>
    <x v="4"/>
    <x v="2"/>
    <x v="9"/>
    <s v="Kingston Digital DataTraveler 32GB USB 2.0"/>
    <n v="101.7"/>
    <n v="6"/>
    <n v="6.1"/>
  </r>
  <r>
    <d v="2016-11-28T00:00:00"/>
    <x v="10"/>
    <x v="2"/>
    <x v="211"/>
    <x v="4"/>
    <x v="0"/>
    <x v="2"/>
    <s v="Tennsco Single-Tier Lockers"/>
    <n v="1126.02"/>
    <n v="3"/>
    <n v="56.3"/>
  </r>
  <r>
    <d v="2016-11-28T00:00:00"/>
    <x v="10"/>
    <x v="2"/>
    <x v="211"/>
    <x v="4"/>
    <x v="0"/>
    <x v="2"/>
    <s v="24 Capacity Maxi Data Binder Racks, Pearl"/>
    <n v="1263.3"/>
    <n v="6"/>
    <n v="315.83"/>
  </r>
  <r>
    <d v="2016-11-28T00:00:00"/>
    <x v="10"/>
    <x v="2"/>
    <x v="171"/>
    <x v="2"/>
    <x v="2"/>
    <x v="6"/>
    <s v="Wireless Extenders zBoost YX545 SOHO Signal Booster"/>
    <n v="340.18"/>
    <n v="3"/>
    <n v="-73.709999999999994"/>
  </r>
  <r>
    <d v="2016-11-28T00:00:00"/>
    <x v="10"/>
    <x v="2"/>
    <x v="171"/>
    <x v="2"/>
    <x v="0"/>
    <x v="7"/>
    <s v="Translucent Push Pins by OIC"/>
    <n v="12.67"/>
    <n v="8"/>
    <n v="2.69"/>
  </r>
  <r>
    <d v="2016-11-28T00:00:00"/>
    <x v="10"/>
    <x v="2"/>
    <x v="171"/>
    <x v="2"/>
    <x v="0"/>
    <x v="3"/>
    <s v="GBC Plasticlear Binding Covers"/>
    <n v="6.89"/>
    <n v="2"/>
    <n v="-5.05"/>
  </r>
  <r>
    <d v="2016-11-28T00:00:00"/>
    <x v="10"/>
    <x v="2"/>
    <x v="171"/>
    <x v="2"/>
    <x v="0"/>
    <x v="2"/>
    <s v="Tennsco Commercial Shelving"/>
    <n v="32.54"/>
    <n v="2"/>
    <n v="-7.73"/>
  </r>
  <r>
    <d v="2016-11-28T00:00:00"/>
    <x v="10"/>
    <x v="2"/>
    <x v="171"/>
    <x v="2"/>
    <x v="1"/>
    <x v="5"/>
    <s v="Situations Contoured Folding Chairs, 4/Set"/>
    <n v="347.8"/>
    <n v="7"/>
    <n v="-24.84"/>
  </r>
  <r>
    <d v="2016-11-29T00:00:00"/>
    <x v="10"/>
    <x v="2"/>
    <x v="317"/>
    <x v="0"/>
    <x v="2"/>
    <x v="9"/>
    <s v="Memorex Micro Travel Drive 32 GB"/>
    <n v="58.42"/>
    <n v="2"/>
    <n v="16.79"/>
  </r>
  <r>
    <d v="2016-11-29T00:00:00"/>
    <x v="10"/>
    <x v="2"/>
    <x v="108"/>
    <x v="1"/>
    <x v="1"/>
    <x v="8"/>
    <s v="Tenex Chairmat w/ Average Lip, 45&quot; x 53&quot;"/>
    <n v="242.18"/>
    <n v="4"/>
    <n v="-302.72000000000003"/>
  </r>
  <r>
    <d v="2016-11-30T00:00:00"/>
    <x v="10"/>
    <x v="2"/>
    <x v="622"/>
    <x v="25"/>
    <x v="2"/>
    <x v="6"/>
    <s v="AT&amp;T 17929 Lendline Telephone"/>
    <n v="36.19"/>
    <n v="1"/>
    <n v="2.71"/>
  </r>
  <r>
    <d v="2016-11-30T00:00:00"/>
    <x v="10"/>
    <x v="2"/>
    <x v="206"/>
    <x v="14"/>
    <x v="0"/>
    <x v="0"/>
    <s v="REDIFORM Incoming/Outgoing Call Register, 11&quot; X 8 1/2&quot;, 100 Messages"/>
    <n v="33.36"/>
    <n v="4"/>
    <n v="16.68"/>
  </r>
  <r>
    <d v="2016-11-30T00:00:00"/>
    <x v="10"/>
    <x v="2"/>
    <x v="206"/>
    <x v="14"/>
    <x v="0"/>
    <x v="0"/>
    <s v="Adams Phone Message Book, 200 Message Capacity, 8 1/16Â” x 11Â”"/>
    <n v="13.76"/>
    <n v="2"/>
    <n v="6.33"/>
  </r>
  <r>
    <d v="2016-11-30T00:00:00"/>
    <x v="10"/>
    <x v="2"/>
    <x v="206"/>
    <x v="14"/>
    <x v="0"/>
    <x v="2"/>
    <s v="Sensible Storage WireTech Storage Systems"/>
    <n v="496.86"/>
    <n v="7"/>
    <n v="24.84"/>
  </r>
  <r>
    <d v="2016-11-30T00:00:00"/>
    <x v="10"/>
    <x v="2"/>
    <x v="206"/>
    <x v="14"/>
    <x v="1"/>
    <x v="5"/>
    <s v="High-Back Leather Manager's Chair"/>
    <n v="389.97"/>
    <n v="3"/>
    <n v="35.1"/>
  </r>
  <r>
    <d v="2016-12-01T00:00:00"/>
    <x v="11"/>
    <x v="2"/>
    <x v="333"/>
    <x v="28"/>
    <x v="0"/>
    <x v="0"/>
    <s v="Universal Premium White Copier/Laser Paper (20Lb. and 87 Bright)"/>
    <n v="23.92"/>
    <n v="4"/>
    <n v="11.72"/>
  </r>
  <r>
    <d v="2016-12-01T00:00:00"/>
    <x v="11"/>
    <x v="2"/>
    <x v="264"/>
    <x v="36"/>
    <x v="1"/>
    <x v="5"/>
    <s v="Harbour Creations Steel Folding Chair"/>
    <n v="172.5"/>
    <n v="2"/>
    <n v="51.75"/>
  </r>
  <r>
    <d v="2016-12-01T00:00:00"/>
    <x v="11"/>
    <x v="2"/>
    <x v="264"/>
    <x v="36"/>
    <x v="2"/>
    <x v="6"/>
    <s v="JBL Micro Wireless Portable Bluetooth Speaker"/>
    <n v="179.97"/>
    <n v="3"/>
    <n v="44.99"/>
  </r>
  <r>
    <d v="2016-12-01T00:00:00"/>
    <x v="11"/>
    <x v="2"/>
    <x v="247"/>
    <x v="18"/>
    <x v="1"/>
    <x v="8"/>
    <s v="DAX Cubicle Frames - 8x10"/>
    <n v="17.309999999999999"/>
    <n v="3"/>
    <n v="5.19"/>
  </r>
  <r>
    <d v="2016-12-01T00:00:00"/>
    <x v="11"/>
    <x v="2"/>
    <x v="156"/>
    <x v="15"/>
    <x v="0"/>
    <x v="4"/>
    <s v="Newell 343"/>
    <n v="4.7"/>
    <n v="2"/>
    <n v="0.41"/>
  </r>
  <r>
    <d v="2016-12-01T00:00:00"/>
    <x v="11"/>
    <x v="2"/>
    <x v="319"/>
    <x v="3"/>
    <x v="1"/>
    <x v="8"/>
    <s v="Westinghouse Clip-On Gooseneck Lamps"/>
    <n v="16.739999999999998"/>
    <n v="2"/>
    <n v="4.3499999999999996"/>
  </r>
  <r>
    <d v="2016-12-01T00:00:00"/>
    <x v="11"/>
    <x v="2"/>
    <x v="373"/>
    <x v="37"/>
    <x v="0"/>
    <x v="3"/>
    <s v="XtraLife ClearVue Slant-D Ring Binder, White, 3&quot;"/>
    <n v="88.08"/>
    <n v="6"/>
    <n v="40.520000000000003"/>
  </r>
  <r>
    <d v="2016-12-01T00:00:00"/>
    <x v="11"/>
    <x v="2"/>
    <x v="373"/>
    <x v="37"/>
    <x v="1"/>
    <x v="5"/>
    <s v="Hon Every-Day Series Multi-Task Chairs"/>
    <n v="751.92"/>
    <n v="4"/>
    <n v="150.38"/>
  </r>
  <r>
    <d v="2016-12-01T00:00:00"/>
    <x v="11"/>
    <x v="2"/>
    <x v="30"/>
    <x v="25"/>
    <x v="2"/>
    <x v="6"/>
    <s v="Jabra Supreme Plus Driver EditionÂ Headset"/>
    <n v="863.93"/>
    <n v="9"/>
    <n v="86.39"/>
  </r>
  <r>
    <d v="2016-12-01T00:00:00"/>
    <x v="11"/>
    <x v="2"/>
    <x v="522"/>
    <x v="0"/>
    <x v="1"/>
    <x v="5"/>
    <s v="Situations Contoured Folding Chairs, 4/Set"/>
    <n v="248.43"/>
    <n v="5"/>
    <n v="-17.75"/>
  </r>
  <r>
    <d v="2016-12-01T00:00:00"/>
    <x v="11"/>
    <x v="2"/>
    <x v="522"/>
    <x v="0"/>
    <x v="0"/>
    <x v="12"/>
    <s v="Acco 6 Outlet Guardian Premium Surge Suppressor"/>
    <n v="11.65"/>
    <n v="4"/>
    <n v="-30.87"/>
  </r>
  <r>
    <d v="2016-12-01T00:00:00"/>
    <x v="11"/>
    <x v="2"/>
    <x v="522"/>
    <x v="0"/>
    <x v="1"/>
    <x v="5"/>
    <s v="Global Push Button Manager's Chair, Indigo"/>
    <n v="85.25"/>
    <n v="2"/>
    <n v="-1.22"/>
  </r>
  <r>
    <d v="2016-12-01T00:00:00"/>
    <x v="11"/>
    <x v="2"/>
    <x v="67"/>
    <x v="32"/>
    <x v="2"/>
    <x v="6"/>
    <s v="Jensen SMPS-640 -Â speaker phone"/>
    <n v="137.94"/>
    <n v="3"/>
    <n v="35.86"/>
  </r>
  <r>
    <d v="2016-12-01T00:00:00"/>
    <x v="11"/>
    <x v="2"/>
    <x v="67"/>
    <x v="32"/>
    <x v="1"/>
    <x v="8"/>
    <s v="Executive Impressions 14&quot;"/>
    <n v="111.15"/>
    <n v="5"/>
    <n v="48.91"/>
  </r>
  <r>
    <d v="2016-12-01T00:00:00"/>
    <x v="11"/>
    <x v="2"/>
    <x v="67"/>
    <x v="32"/>
    <x v="0"/>
    <x v="12"/>
    <s v="Honeywell Enviracaire Portable HEPA Air Cleaner for 17' x 22' Room"/>
    <n v="901.95"/>
    <n v="3"/>
    <n v="297.64"/>
  </r>
  <r>
    <d v="2016-12-01T00:00:00"/>
    <x v="11"/>
    <x v="2"/>
    <x v="67"/>
    <x v="32"/>
    <x v="1"/>
    <x v="13"/>
    <s v="Chromcraft Round Conference Tables"/>
    <n v="366.01"/>
    <n v="3"/>
    <n v="-47.06"/>
  </r>
  <r>
    <d v="2016-12-01T00:00:00"/>
    <x v="11"/>
    <x v="2"/>
    <x v="104"/>
    <x v="6"/>
    <x v="0"/>
    <x v="12"/>
    <s v="Honeywell Enviracaire Portable HEPA Air Cleaner for 17' x 22' Room"/>
    <n v="2104.5500000000002"/>
    <n v="7"/>
    <n v="694.5"/>
  </r>
  <r>
    <d v="2016-12-01T00:00:00"/>
    <x v="11"/>
    <x v="2"/>
    <x v="104"/>
    <x v="6"/>
    <x v="0"/>
    <x v="14"/>
    <s v="Acme Softgrip Scissors"/>
    <n v="40.700000000000003"/>
    <n v="5"/>
    <n v="11.8"/>
  </r>
  <r>
    <d v="2016-12-01T00:00:00"/>
    <x v="11"/>
    <x v="2"/>
    <x v="162"/>
    <x v="3"/>
    <x v="1"/>
    <x v="8"/>
    <s v="Tenex Chairmats For Use With Carpeted Floors"/>
    <n v="31.96"/>
    <n v="2"/>
    <n v="1.6"/>
  </r>
  <r>
    <d v="2016-12-01T00:00:00"/>
    <x v="11"/>
    <x v="2"/>
    <x v="162"/>
    <x v="3"/>
    <x v="0"/>
    <x v="0"/>
    <s v="Xerox 1886"/>
    <n v="47.9"/>
    <n v="1"/>
    <n v="22.99"/>
  </r>
  <r>
    <d v="2016-12-01T00:00:00"/>
    <x v="11"/>
    <x v="2"/>
    <x v="162"/>
    <x v="3"/>
    <x v="0"/>
    <x v="2"/>
    <s v="Sauder Facets Collection Locker/File Cabinet, Sky Alder Finish"/>
    <n v="1112.94"/>
    <n v="3"/>
    <n v="222.59"/>
  </r>
  <r>
    <d v="2016-12-01T00:00:00"/>
    <x v="11"/>
    <x v="2"/>
    <x v="162"/>
    <x v="3"/>
    <x v="0"/>
    <x v="10"/>
    <s v="#10- 4 1/8&quot; x 9 1/2&quot; Security-Tint Envelopes"/>
    <n v="22.92"/>
    <n v="3"/>
    <n v="11.23"/>
  </r>
  <r>
    <d v="2016-12-01T00:00:00"/>
    <x v="11"/>
    <x v="2"/>
    <x v="470"/>
    <x v="3"/>
    <x v="0"/>
    <x v="4"/>
    <s v="Sanford Colorific Colored Pencils, 12/Box"/>
    <n v="23.04"/>
    <n v="8"/>
    <n v="6.91"/>
  </r>
  <r>
    <d v="2016-12-02T00:00:00"/>
    <x v="11"/>
    <x v="2"/>
    <x v="575"/>
    <x v="3"/>
    <x v="0"/>
    <x v="0"/>
    <s v="Xerox 192"/>
    <n v="25.92"/>
    <n v="4"/>
    <n v="12.44"/>
  </r>
  <r>
    <d v="2016-12-02T00:00:00"/>
    <x v="11"/>
    <x v="2"/>
    <x v="575"/>
    <x v="3"/>
    <x v="0"/>
    <x v="0"/>
    <s v="HP Office Recycled Paper (20Lb. and 87 Bright)"/>
    <n v="40.46"/>
    <n v="7"/>
    <n v="19.829999999999998"/>
  </r>
  <r>
    <d v="2016-12-02T00:00:00"/>
    <x v="11"/>
    <x v="2"/>
    <x v="575"/>
    <x v="3"/>
    <x v="0"/>
    <x v="2"/>
    <s v="X-Rack File for Hanging Folders"/>
    <n v="33.869999999999997"/>
    <n v="3"/>
    <n v="8.81"/>
  </r>
  <r>
    <d v="2016-12-02T00:00:00"/>
    <x v="11"/>
    <x v="2"/>
    <x v="435"/>
    <x v="3"/>
    <x v="0"/>
    <x v="3"/>
    <s v="GBC VeloBind Cover Sets"/>
    <n v="24.7"/>
    <n v="2"/>
    <n v="9.26"/>
  </r>
  <r>
    <d v="2016-12-02T00:00:00"/>
    <x v="11"/>
    <x v="2"/>
    <x v="435"/>
    <x v="3"/>
    <x v="0"/>
    <x v="12"/>
    <s v="Holmes Cool Mist Humidifier for the Whole House with 8-Gallon Output per Day, Extended Life Filter"/>
    <n v="59.7"/>
    <n v="3"/>
    <n v="26.87"/>
  </r>
  <r>
    <d v="2016-12-02T00:00:00"/>
    <x v="11"/>
    <x v="2"/>
    <x v="435"/>
    <x v="3"/>
    <x v="1"/>
    <x v="8"/>
    <s v="Eldon Regeneration Recycled Desk Accessories, Black"/>
    <n v="14.52"/>
    <n v="3"/>
    <n v="5.66"/>
  </r>
  <r>
    <d v="2016-12-02T00:00:00"/>
    <x v="11"/>
    <x v="2"/>
    <x v="435"/>
    <x v="3"/>
    <x v="0"/>
    <x v="3"/>
    <s v="Satellite Sectional Post Binders"/>
    <n v="104.18"/>
    <n v="3"/>
    <n v="33.86"/>
  </r>
  <r>
    <d v="2016-12-02T00:00:00"/>
    <x v="11"/>
    <x v="2"/>
    <x v="35"/>
    <x v="43"/>
    <x v="0"/>
    <x v="2"/>
    <s v="Deluxe Rollaway Locking File with Drawer"/>
    <n v="2079.4"/>
    <n v="5"/>
    <n v="582.23"/>
  </r>
  <r>
    <d v="2016-12-02T00:00:00"/>
    <x v="11"/>
    <x v="2"/>
    <x v="35"/>
    <x v="43"/>
    <x v="2"/>
    <x v="6"/>
    <s v="VTech DS6151"/>
    <n v="629.95000000000005"/>
    <n v="5"/>
    <n v="176.39"/>
  </r>
  <r>
    <d v="2016-12-02T00:00:00"/>
    <x v="11"/>
    <x v="2"/>
    <x v="35"/>
    <x v="43"/>
    <x v="1"/>
    <x v="8"/>
    <s v="Eldon 500 Class Desk Accessories"/>
    <n v="72.42"/>
    <n v="6"/>
    <n v="23.9"/>
  </r>
  <r>
    <d v="2016-12-02T00:00:00"/>
    <x v="11"/>
    <x v="2"/>
    <x v="509"/>
    <x v="20"/>
    <x v="0"/>
    <x v="3"/>
    <s v="Ibico EB-19 Dual Function Manual Binding System"/>
    <n v="415.18"/>
    <n v="3"/>
    <n v="134.93"/>
  </r>
  <r>
    <d v="2016-12-02T00:00:00"/>
    <x v="11"/>
    <x v="2"/>
    <x v="509"/>
    <x v="20"/>
    <x v="0"/>
    <x v="3"/>
    <s v="XtraLife ClearVue Slant-D Ring Binder, White, 3&quot;"/>
    <n v="35.229999999999997"/>
    <n v="3"/>
    <n v="11.45"/>
  </r>
  <r>
    <d v="2016-12-02T00:00:00"/>
    <x v="11"/>
    <x v="2"/>
    <x v="509"/>
    <x v="20"/>
    <x v="0"/>
    <x v="0"/>
    <s v="Green Bar Computer Printout Paper"/>
    <n v="54.96"/>
    <n v="1"/>
    <n v="26.93"/>
  </r>
  <r>
    <d v="2016-12-02T00:00:00"/>
    <x v="11"/>
    <x v="2"/>
    <x v="464"/>
    <x v="26"/>
    <x v="2"/>
    <x v="9"/>
    <s v="WD My Passport Ultra 1TB Portable External Hard Drive"/>
    <n v="165.6"/>
    <n v="3"/>
    <n v="-6.21"/>
  </r>
  <r>
    <d v="2016-12-02T00:00:00"/>
    <x v="11"/>
    <x v="2"/>
    <x v="203"/>
    <x v="30"/>
    <x v="0"/>
    <x v="3"/>
    <s v="GBC White Gloss Covers, Plain Front"/>
    <n v="115.84"/>
    <n v="8"/>
    <n v="54.44"/>
  </r>
  <r>
    <d v="2016-12-02T00:00:00"/>
    <x v="11"/>
    <x v="2"/>
    <x v="168"/>
    <x v="0"/>
    <x v="1"/>
    <x v="11"/>
    <s v="Sauder Camden County Collection Library"/>
    <n v="781.86"/>
    <n v="10"/>
    <n v="-137.97999999999999"/>
  </r>
  <r>
    <d v="2016-12-02T00:00:00"/>
    <x v="11"/>
    <x v="2"/>
    <x v="168"/>
    <x v="0"/>
    <x v="0"/>
    <x v="0"/>
    <s v="Xerox 1962"/>
    <n v="30.82"/>
    <n v="9"/>
    <n v="9.6300000000000008"/>
  </r>
  <r>
    <d v="2016-12-03T00:00:00"/>
    <x v="11"/>
    <x v="2"/>
    <x v="709"/>
    <x v="20"/>
    <x v="0"/>
    <x v="0"/>
    <s v="Xerox 1964"/>
    <n v="182.72"/>
    <n v="8"/>
    <n v="84.05"/>
  </r>
  <r>
    <d v="2016-12-03T00:00:00"/>
    <x v="11"/>
    <x v="2"/>
    <x v="709"/>
    <x v="20"/>
    <x v="1"/>
    <x v="13"/>
    <s v="Bevis Traditional Conference Table Top, Plinth Base"/>
    <n v="400.03"/>
    <n v="2"/>
    <n v="-153.35"/>
  </r>
  <r>
    <d v="2016-12-03T00:00:00"/>
    <x v="11"/>
    <x v="2"/>
    <x v="709"/>
    <x v="20"/>
    <x v="0"/>
    <x v="2"/>
    <s v="Personal Folder Holder, Ebony"/>
    <n v="33.630000000000003"/>
    <n v="3"/>
    <n v="10.09"/>
  </r>
  <r>
    <d v="2016-12-03T00:00:00"/>
    <x v="11"/>
    <x v="2"/>
    <x v="709"/>
    <x v="20"/>
    <x v="1"/>
    <x v="5"/>
    <s v="Global Leather Highback Executive Chair with Pneumatic Height Adjustment, Black"/>
    <n v="542.65"/>
    <n v="3"/>
    <n v="102.5"/>
  </r>
  <r>
    <d v="2016-12-03T00:00:00"/>
    <x v="11"/>
    <x v="2"/>
    <x v="709"/>
    <x v="20"/>
    <x v="0"/>
    <x v="1"/>
    <s v="Avery 520"/>
    <n v="6.3"/>
    <n v="2"/>
    <n v="3.02"/>
  </r>
  <r>
    <d v="2016-12-03T00:00:00"/>
    <x v="11"/>
    <x v="2"/>
    <x v="740"/>
    <x v="2"/>
    <x v="0"/>
    <x v="12"/>
    <s v="Honeywell Enviracaire Portable HEPA Air Cleaner for up to 10 x 16 Room"/>
    <n v="394.82"/>
    <n v="4"/>
    <n v="93.77"/>
  </r>
  <r>
    <d v="2016-12-03T00:00:00"/>
    <x v="11"/>
    <x v="2"/>
    <x v="740"/>
    <x v="2"/>
    <x v="0"/>
    <x v="3"/>
    <s v="GBC Clear Cover, 8-1/2 x 11, unpunched, 25 covers per pack"/>
    <n v="18.190000000000001"/>
    <n v="4"/>
    <n v="-14.55"/>
  </r>
  <r>
    <d v="2016-12-03T00:00:00"/>
    <x v="11"/>
    <x v="2"/>
    <x v="685"/>
    <x v="3"/>
    <x v="2"/>
    <x v="9"/>
    <s v="LogitechÂ Z-906 Speaker sys - home theater - 5.1-CH"/>
    <n v="1649.95"/>
    <n v="5"/>
    <n v="659.98"/>
  </r>
  <r>
    <d v="2016-12-03T00:00:00"/>
    <x v="11"/>
    <x v="2"/>
    <x v="685"/>
    <x v="3"/>
    <x v="1"/>
    <x v="8"/>
    <s v="3M Polarizing Light Filter Sleeves"/>
    <n v="111.9"/>
    <n v="6"/>
    <n v="51.47"/>
  </r>
  <r>
    <d v="2016-12-03T00:00:00"/>
    <x v="11"/>
    <x v="2"/>
    <x v="13"/>
    <x v="18"/>
    <x v="1"/>
    <x v="13"/>
    <s v="Hon 5100 Series Wood Tables"/>
    <n v="581.96"/>
    <n v="2"/>
    <n v="104.75"/>
  </r>
  <r>
    <d v="2016-12-03T00:00:00"/>
    <x v="11"/>
    <x v="2"/>
    <x v="13"/>
    <x v="18"/>
    <x v="1"/>
    <x v="5"/>
    <s v="Global Stack Chair with Arms, Black"/>
    <n v="29.98"/>
    <n v="1"/>
    <n v="8.09"/>
  </r>
  <r>
    <d v="2016-12-03T00:00:00"/>
    <x v="11"/>
    <x v="2"/>
    <x v="95"/>
    <x v="3"/>
    <x v="0"/>
    <x v="2"/>
    <s v="Fellowes Staxonsteel Drawer Files"/>
    <n v="772.68"/>
    <n v="4"/>
    <n v="108.18"/>
  </r>
  <r>
    <d v="2016-12-03T00:00:00"/>
    <x v="11"/>
    <x v="2"/>
    <x v="310"/>
    <x v="3"/>
    <x v="1"/>
    <x v="13"/>
    <s v="Hon 4060 Series Tables"/>
    <n v="268.7"/>
    <n v="3"/>
    <n v="6.72"/>
  </r>
  <r>
    <d v="2016-12-03T00:00:00"/>
    <x v="11"/>
    <x v="2"/>
    <x v="310"/>
    <x v="3"/>
    <x v="0"/>
    <x v="4"/>
    <s v="Rogers Handheld Barrel Pencil Sharpener"/>
    <n v="21.92"/>
    <n v="8"/>
    <n v="5.92"/>
  </r>
  <r>
    <d v="2016-12-03T00:00:00"/>
    <x v="11"/>
    <x v="2"/>
    <x v="310"/>
    <x v="3"/>
    <x v="0"/>
    <x v="2"/>
    <s v="Acco Perma 4000 Stacking Storage Drawers"/>
    <n v="48.72"/>
    <n v="3"/>
    <n v="7.31"/>
  </r>
  <r>
    <d v="2016-12-03T00:00:00"/>
    <x v="11"/>
    <x v="2"/>
    <x v="310"/>
    <x v="3"/>
    <x v="1"/>
    <x v="11"/>
    <s v="O'Sullivan Living Dimensions 2-Shelf Bookcases"/>
    <n v="205.67"/>
    <n v="2"/>
    <n v="-12.1"/>
  </r>
  <r>
    <d v="2016-12-04T00:00:00"/>
    <x v="11"/>
    <x v="2"/>
    <x v="383"/>
    <x v="20"/>
    <x v="1"/>
    <x v="8"/>
    <s v="Eldon Delta Triangular Chair Mat, 52&quot; x 58&quot;, Clear"/>
    <n v="113.79"/>
    <n v="3"/>
    <n v="20.48"/>
  </r>
  <r>
    <d v="2016-12-04T00:00:00"/>
    <x v="11"/>
    <x v="2"/>
    <x v="383"/>
    <x v="20"/>
    <x v="2"/>
    <x v="9"/>
    <s v="Enermax Aurora Lite Keyboard"/>
    <n v="78.150000000000006"/>
    <n v="1"/>
    <n v="34.39"/>
  </r>
  <r>
    <d v="2016-12-04T00:00:00"/>
    <x v="11"/>
    <x v="2"/>
    <x v="383"/>
    <x v="20"/>
    <x v="0"/>
    <x v="3"/>
    <s v="Peel &amp; Stick Add-On Corner Pockets"/>
    <n v="1.73"/>
    <n v="1"/>
    <n v="0.6"/>
  </r>
  <r>
    <d v="2016-12-04T00:00:00"/>
    <x v="11"/>
    <x v="2"/>
    <x v="383"/>
    <x v="20"/>
    <x v="0"/>
    <x v="0"/>
    <s v="Easy-staple paper"/>
    <n v="40.56"/>
    <n v="4"/>
    <n v="19.87"/>
  </r>
  <r>
    <d v="2016-12-04T00:00:00"/>
    <x v="11"/>
    <x v="2"/>
    <x v="383"/>
    <x v="20"/>
    <x v="0"/>
    <x v="2"/>
    <s v="Carina Media Storage Towers in Natural &amp; Black"/>
    <n v="182.94"/>
    <n v="3"/>
    <n v="3.66"/>
  </r>
  <r>
    <d v="2016-12-04T00:00:00"/>
    <x v="11"/>
    <x v="2"/>
    <x v="383"/>
    <x v="20"/>
    <x v="0"/>
    <x v="2"/>
    <s v="Fellowes Econo/Stor Drawers"/>
    <n v="193.86"/>
    <n v="2"/>
    <n v="11.63"/>
  </r>
  <r>
    <d v="2016-12-04T00:00:00"/>
    <x v="11"/>
    <x v="2"/>
    <x v="227"/>
    <x v="20"/>
    <x v="0"/>
    <x v="2"/>
    <s v="Belkin OmniView SE Rackmount Kit"/>
    <n v="212.88"/>
    <n v="6"/>
    <n v="0"/>
  </r>
  <r>
    <d v="2016-12-04T00:00:00"/>
    <x v="11"/>
    <x v="2"/>
    <x v="272"/>
    <x v="20"/>
    <x v="0"/>
    <x v="3"/>
    <s v="GBC Instant Report Kit"/>
    <n v="15.53"/>
    <n v="3"/>
    <n v="5.82"/>
  </r>
  <r>
    <d v="2016-12-04T00:00:00"/>
    <x v="11"/>
    <x v="2"/>
    <x v="388"/>
    <x v="3"/>
    <x v="0"/>
    <x v="0"/>
    <s v="Xerox 1915"/>
    <n v="104.85"/>
    <n v="1"/>
    <n v="50.33"/>
  </r>
  <r>
    <d v="2016-12-05T00:00:00"/>
    <x v="11"/>
    <x v="2"/>
    <x v="576"/>
    <x v="22"/>
    <x v="0"/>
    <x v="3"/>
    <s v="Fellowes PB200 Plastic Comb Binding Machine"/>
    <n v="407.98"/>
    <n v="3"/>
    <n v="132.59"/>
  </r>
  <r>
    <d v="2016-12-05T00:00:00"/>
    <x v="11"/>
    <x v="2"/>
    <x v="780"/>
    <x v="21"/>
    <x v="2"/>
    <x v="6"/>
    <s v="Plantronics CordlessÂ Phone HeadsetÂ with In-line Volume - M214C"/>
    <n v="384.45"/>
    <n v="11"/>
    <n v="103.8"/>
  </r>
  <r>
    <d v="2016-12-05T00:00:00"/>
    <x v="11"/>
    <x v="2"/>
    <x v="780"/>
    <x v="21"/>
    <x v="2"/>
    <x v="6"/>
    <s v="Anker Astro 15000mAh USB Portable Charger"/>
    <n v="149.97"/>
    <n v="3"/>
    <n v="6"/>
  </r>
  <r>
    <d v="2016-12-05T00:00:00"/>
    <x v="11"/>
    <x v="2"/>
    <x v="780"/>
    <x v="21"/>
    <x v="1"/>
    <x v="5"/>
    <s v="Hon Deluxe Fabric Upholstered Stacking Chairs, Rounded Back"/>
    <n v="1951.84"/>
    <n v="8"/>
    <n v="585.54999999999995"/>
  </r>
  <r>
    <d v="2016-12-05T00:00:00"/>
    <x v="11"/>
    <x v="2"/>
    <x v="780"/>
    <x v="21"/>
    <x v="0"/>
    <x v="3"/>
    <s v="GBC Prestige Therm-A-Bind Covers"/>
    <n v="171.55"/>
    <n v="5"/>
    <n v="80.63"/>
  </r>
  <r>
    <d v="2016-12-05T00:00:00"/>
    <x v="11"/>
    <x v="2"/>
    <x v="229"/>
    <x v="5"/>
    <x v="1"/>
    <x v="8"/>
    <s v="Howard Miller 16&quot; Diameter Gallery Wall Clock"/>
    <n v="191.82"/>
    <n v="3"/>
    <n v="74.81"/>
  </r>
  <r>
    <d v="2016-12-05T00:00:00"/>
    <x v="11"/>
    <x v="2"/>
    <x v="229"/>
    <x v="20"/>
    <x v="0"/>
    <x v="2"/>
    <s v="Dual Level, Single-Width Filing Carts"/>
    <n v="465.18"/>
    <n v="3"/>
    <n v="120.95"/>
  </r>
  <r>
    <d v="2016-12-05T00:00:00"/>
    <x v="11"/>
    <x v="2"/>
    <x v="166"/>
    <x v="32"/>
    <x v="1"/>
    <x v="11"/>
    <s v="O'Sullivan 5-Shelf Heavy-Duty Bookcases"/>
    <n v="81.94"/>
    <n v="1"/>
    <n v="20.49"/>
  </r>
  <r>
    <d v="2016-12-05T00:00:00"/>
    <x v="11"/>
    <x v="2"/>
    <x v="529"/>
    <x v="44"/>
    <x v="0"/>
    <x v="4"/>
    <s v="BIC Brite Liner Grip Highlighters, Assorted, 5/Pack"/>
    <n v="33.92"/>
    <n v="8"/>
    <n v="13.23"/>
  </r>
  <r>
    <d v="2016-12-05T00:00:00"/>
    <x v="11"/>
    <x v="2"/>
    <x v="633"/>
    <x v="5"/>
    <x v="2"/>
    <x v="6"/>
    <s v="Samsung Galaxy S III - 16GB - pebble blue (T-Mobile)"/>
    <n v="699.98"/>
    <n v="2"/>
    <n v="195.99"/>
  </r>
  <r>
    <d v="2016-12-05T00:00:00"/>
    <x v="11"/>
    <x v="2"/>
    <x v="633"/>
    <x v="5"/>
    <x v="0"/>
    <x v="2"/>
    <s v="Fellowes Bankers Box Staxonsteel Drawer File/Stacking System"/>
    <n v="584.82000000000005"/>
    <n v="9"/>
    <n v="70.180000000000007"/>
  </r>
  <r>
    <d v="2016-12-05T00:00:00"/>
    <x v="11"/>
    <x v="2"/>
    <x v="211"/>
    <x v="1"/>
    <x v="0"/>
    <x v="1"/>
    <s v="Avery 483"/>
    <n v="11.95"/>
    <n v="3"/>
    <n v="3.88"/>
  </r>
  <r>
    <d v="2016-12-05T00:00:00"/>
    <x v="11"/>
    <x v="2"/>
    <x v="109"/>
    <x v="1"/>
    <x v="0"/>
    <x v="4"/>
    <s v="Newell 311"/>
    <n v="3.54"/>
    <n v="2"/>
    <n v="0.31"/>
  </r>
  <r>
    <d v="2016-12-05T00:00:00"/>
    <x v="11"/>
    <x v="2"/>
    <x v="736"/>
    <x v="7"/>
    <x v="1"/>
    <x v="8"/>
    <s v="Electrix 20W Halogen Replacement Bulb for Zoom-In Desk Lamp"/>
    <n v="13.4"/>
    <n v="1"/>
    <n v="6.43"/>
  </r>
  <r>
    <d v="2016-12-05T00:00:00"/>
    <x v="11"/>
    <x v="2"/>
    <x v="736"/>
    <x v="7"/>
    <x v="0"/>
    <x v="0"/>
    <s v="Easy-staple paper"/>
    <n v="4.9800000000000004"/>
    <n v="1"/>
    <n v="2.34"/>
  </r>
  <r>
    <d v="2016-12-05T00:00:00"/>
    <x v="11"/>
    <x v="2"/>
    <x v="736"/>
    <x v="7"/>
    <x v="0"/>
    <x v="10"/>
    <s v="#10 White Business Envelopes,4 1/8 x 9 1/2"/>
    <n v="109.69"/>
    <n v="7"/>
    <n v="51.55"/>
  </r>
  <r>
    <d v="2016-12-06T00:00:00"/>
    <x v="11"/>
    <x v="2"/>
    <x v="480"/>
    <x v="3"/>
    <x v="0"/>
    <x v="0"/>
    <s v="Xerox 216"/>
    <n v="19.440000000000001"/>
    <n v="3"/>
    <n v="9.33"/>
  </r>
  <r>
    <d v="2016-12-06T00:00:00"/>
    <x v="11"/>
    <x v="2"/>
    <x v="217"/>
    <x v="22"/>
    <x v="2"/>
    <x v="6"/>
    <s v="Plantronics Calisto P620-M USB Wireless Speakerphone System"/>
    <n v="156.79"/>
    <n v="1"/>
    <n v="13.72"/>
  </r>
  <r>
    <d v="2016-12-06T00:00:00"/>
    <x v="11"/>
    <x v="2"/>
    <x v="217"/>
    <x v="22"/>
    <x v="2"/>
    <x v="6"/>
    <s v="Google Nexus 5"/>
    <n v="431.98"/>
    <n v="3"/>
    <n v="27"/>
  </r>
  <r>
    <d v="2016-12-06T00:00:00"/>
    <x v="11"/>
    <x v="2"/>
    <x v="217"/>
    <x v="22"/>
    <x v="0"/>
    <x v="10"/>
    <s v="Jet-Pak Recycled Peel 'N' Seal Padded Mailers"/>
    <n v="35.89"/>
    <n v="1"/>
    <n v="16.149999999999999"/>
  </r>
  <r>
    <d v="2016-12-06T00:00:00"/>
    <x v="11"/>
    <x v="2"/>
    <x v="217"/>
    <x v="22"/>
    <x v="0"/>
    <x v="3"/>
    <s v="Ibico Plastic and Wire Spiral Binding Combs"/>
    <n v="47.21"/>
    <n v="7"/>
    <n v="15.34"/>
  </r>
  <r>
    <d v="2016-12-06T00:00:00"/>
    <x v="11"/>
    <x v="2"/>
    <x v="217"/>
    <x v="22"/>
    <x v="0"/>
    <x v="0"/>
    <s v="Xerox 1880"/>
    <n v="248.08"/>
    <n v="7"/>
    <n v="116.6"/>
  </r>
  <r>
    <d v="2016-12-06T00:00:00"/>
    <x v="11"/>
    <x v="2"/>
    <x v="217"/>
    <x v="22"/>
    <x v="0"/>
    <x v="0"/>
    <s v="Snap-A-Way Black Print Carbonless Ruled Speed Letter, Triplicate"/>
    <n v="189.7"/>
    <n v="5"/>
    <n v="89.16"/>
  </r>
  <r>
    <d v="2016-12-06T00:00:00"/>
    <x v="11"/>
    <x v="2"/>
    <x v="217"/>
    <x v="22"/>
    <x v="0"/>
    <x v="3"/>
    <s v="GBC Standard Therm-A-Bind Covers"/>
    <n v="59.81"/>
    <n v="3"/>
    <n v="19.440000000000001"/>
  </r>
  <r>
    <d v="2016-12-06T00:00:00"/>
    <x v="11"/>
    <x v="2"/>
    <x v="679"/>
    <x v="20"/>
    <x v="0"/>
    <x v="3"/>
    <s v="Ibico EB-19 Dual Function Manual Binding System"/>
    <n v="968.74"/>
    <n v="7"/>
    <n v="314.83999999999997"/>
  </r>
  <r>
    <d v="2016-12-06T00:00:00"/>
    <x v="11"/>
    <x v="2"/>
    <x v="679"/>
    <x v="20"/>
    <x v="0"/>
    <x v="3"/>
    <s v="Trimflex Flexible Post Binders"/>
    <n v="222.35"/>
    <n v="13"/>
    <n v="77.819999999999993"/>
  </r>
  <r>
    <d v="2016-12-06T00:00:00"/>
    <x v="11"/>
    <x v="2"/>
    <x v="679"/>
    <x v="20"/>
    <x v="2"/>
    <x v="16"/>
    <s v="Brother DCP1000 Digital 3 in 1 Multifunction Machine"/>
    <n v="479.98"/>
    <n v="2"/>
    <n v="90"/>
  </r>
  <r>
    <d v="2016-12-06T00:00:00"/>
    <x v="11"/>
    <x v="2"/>
    <x v="64"/>
    <x v="3"/>
    <x v="2"/>
    <x v="6"/>
    <s v="Avaya 5410 Digital phone"/>
    <n v="271.95999999999998"/>
    <n v="5"/>
    <n v="27.2"/>
  </r>
  <r>
    <d v="2016-12-06T00:00:00"/>
    <x v="11"/>
    <x v="2"/>
    <x v="64"/>
    <x v="3"/>
    <x v="0"/>
    <x v="4"/>
    <s v="Blackstonian Pencils"/>
    <n v="18.690000000000001"/>
    <n v="7"/>
    <n v="5.23"/>
  </r>
  <r>
    <d v="2016-12-06T00:00:00"/>
    <x v="11"/>
    <x v="2"/>
    <x v="64"/>
    <x v="3"/>
    <x v="0"/>
    <x v="0"/>
    <s v="Xerox 1977"/>
    <n v="13.36"/>
    <n v="2"/>
    <n v="6.41"/>
  </r>
  <r>
    <d v="2016-12-06T00:00:00"/>
    <x v="11"/>
    <x v="2"/>
    <x v="64"/>
    <x v="3"/>
    <x v="2"/>
    <x v="6"/>
    <s v="Cisco SPA301"/>
    <n v="249.58"/>
    <n v="2"/>
    <n v="31.2"/>
  </r>
  <r>
    <d v="2016-12-06T00:00:00"/>
    <x v="11"/>
    <x v="2"/>
    <x v="64"/>
    <x v="3"/>
    <x v="0"/>
    <x v="7"/>
    <s v="Alliance Big Bands Rubber Bands, 12/Pack"/>
    <n v="13.86"/>
    <n v="7"/>
    <n v="0"/>
  </r>
  <r>
    <d v="2016-12-06T00:00:00"/>
    <x v="11"/>
    <x v="2"/>
    <x v="64"/>
    <x v="3"/>
    <x v="0"/>
    <x v="3"/>
    <s v="Avery Durable Slant Ring Binders With Label Holder"/>
    <n v="13.38"/>
    <n v="4"/>
    <n v="4.68"/>
  </r>
  <r>
    <d v="2016-12-06T00:00:00"/>
    <x v="11"/>
    <x v="2"/>
    <x v="64"/>
    <x v="3"/>
    <x v="0"/>
    <x v="3"/>
    <s v="Ibico Recycled Linen-Style Covers"/>
    <n v="437.47"/>
    <n v="14"/>
    <n v="153.12"/>
  </r>
  <r>
    <d v="2016-12-08T00:00:00"/>
    <x v="11"/>
    <x v="2"/>
    <x v="702"/>
    <x v="0"/>
    <x v="2"/>
    <x v="6"/>
    <s v="GE 30524EE4"/>
    <n v="1097.54"/>
    <n v="7"/>
    <n v="123.47"/>
  </r>
  <r>
    <d v="2016-12-08T00:00:00"/>
    <x v="11"/>
    <x v="2"/>
    <x v="702"/>
    <x v="0"/>
    <x v="1"/>
    <x v="8"/>
    <s v="Electrix Architect's Clamp-On Swing Arm Lamp, Black"/>
    <n v="190.92"/>
    <n v="5"/>
    <n v="-147.96"/>
  </r>
  <r>
    <d v="2016-12-08T00:00:00"/>
    <x v="11"/>
    <x v="2"/>
    <x v="87"/>
    <x v="28"/>
    <x v="2"/>
    <x v="6"/>
    <s v="Motorola HK250 Universal Bluetooth Headset"/>
    <n v="114.95"/>
    <n v="5"/>
    <n v="2.2999999999999998"/>
  </r>
  <r>
    <d v="2016-12-08T00:00:00"/>
    <x v="11"/>
    <x v="2"/>
    <x v="425"/>
    <x v="10"/>
    <x v="0"/>
    <x v="3"/>
    <s v="Universal Recycled Hanging Pressboard Report Binders, Letter Size"/>
    <n v="12.96"/>
    <n v="7"/>
    <n v="-9.5"/>
  </r>
  <r>
    <d v="2016-12-08T00:00:00"/>
    <x v="11"/>
    <x v="2"/>
    <x v="386"/>
    <x v="3"/>
    <x v="0"/>
    <x v="4"/>
    <s v="Newell 341"/>
    <n v="8.56"/>
    <n v="2"/>
    <n v="2.48"/>
  </r>
  <r>
    <d v="2016-12-08T00:00:00"/>
    <x v="11"/>
    <x v="2"/>
    <x v="386"/>
    <x v="3"/>
    <x v="0"/>
    <x v="0"/>
    <s v="Xerox 204"/>
    <n v="45.36"/>
    <n v="7"/>
    <n v="21.77"/>
  </r>
  <r>
    <d v="2016-12-08T00:00:00"/>
    <x v="11"/>
    <x v="2"/>
    <x v="386"/>
    <x v="3"/>
    <x v="1"/>
    <x v="13"/>
    <s v="Hon 94000 Series Round Tables"/>
    <n v="1421.66"/>
    <n v="6"/>
    <n v="-195.48"/>
  </r>
  <r>
    <d v="2016-12-08T00:00:00"/>
    <x v="11"/>
    <x v="2"/>
    <x v="440"/>
    <x v="3"/>
    <x v="0"/>
    <x v="2"/>
    <s v="SimpliFile Personal File, Black Granite, 15w x 6-15/16d x 11-1/4h"/>
    <n v="34.049999999999997"/>
    <n v="3"/>
    <n v="9.5299999999999994"/>
  </r>
  <r>
    <d v="2016-12-08T00:00:00"/>
    <x v="11"/>
    <x v="2"/>
    <x v="440"/>
    <x v="3"/>
    <x v="0"/>
    <x v="2"/>
    <s v="Fellowes High-Stak Drawer Files"/>
    <n v="352.38"/>
    <n v="2"/>
    <n v="81.05"/>
  </r>
  <r>
    <d v="2016-12-08T00:00:00"/>
    <x v="11"/>
    <x v="2"/>
    <x v="352"/>
    <x v="25"/>
    <x v="2"/>
    <x v="6"/>
    <s v="Cisco SPA301"/>
    <n v="249.58"/>
    <n v="2"/>
    <n v="31.2"/>
  </r>
  <r>
    <d v="2016-12-08T00:00:00"/>
    <x v="11"/>
    <x v="2"/>
    <x v="352"/>
    <x v="25"/>
    <x v="2"/>
    <x v="9"/>
    <s v="Maxell 4.7GB DVD-R"/>
    <n v="68.11"/>
    <n v="3"/>
    <n v="17.88"/>
  </r>
  <r>
    <d v="2016-12-08T00:00:00"/>
    <x v="11"/>
    <x v="2"/>
    <x v="352"/>
    <x v="25"/>
    <x v="2"/>
    <x v="9"/>
    <s v="ImationÂ 30456 USBÂ Flash DriveÂ 8GB"/>
    <n v="16.559999999999999"/>
    <n v="3"/>
    <n v="-2.48"/>
  </r>
  <r>
    <d v="2016-12-08T00:00:00"/>
    <x v="11"/>
    <x v="2"/>
    <x v="640"/>
    <x v="10"/>
    <x v="0"/>
    <x v="0"/>
    <s v="Ampad Gold Fibre Wirebound Steno Books, 6&quot; x 9&quot;, Gregg Ruled"/>
    <n v="10.58"/>
    <n v="3"/>
    <n v="3.44"/>
  </r>
  <r>
    <d v="2016-12-08T00:00:00"/>
    <x v="11"/>
    <x v="2"/>
    <x v="316"/>
    <x v="21"/>
    <x v="1"/>
    <x v="11"/>
    <s v="Bush Westfield Collection Bookcases, Dark Cherry Finish"/>
    <n v="405.86"/>
    <n v="7"/>
    <n v="32.47"/>
  </r>
  <r>
    <d v="2016-12-08T00:00:00"/>
    <x v="11"/>
    <x v="2"/>
    <x v="316"/>
    <x v="21"/>
    <x v="1"/>
    <x v="5"/>
    <s v="Hon GuestStacker Chair"/>
    <n v="680.01"/>
    <n v="3"/>
    <n v="176.8"/>
  </r>
  <r>
    <d v="2016-12-09T00:00:00"/>
    <x v="11"/>
    <x v="2"/>
    <x v="127"/>
    <x v="40"/>
    <x v="0"/>
    <x v="4"/>
    <s v="Newell 318"/>
    <n v="19.46"/>
    <n v="7"/>
    <n v="5.0599999999999996"/>
  </r>
  <r>
    <d v="2016-12-09T00:00:00"/>
    <x v="11"/>
    <x v="2"/>
    <x v="127"/>
    <x v="40"/>
    <x v="0"/>
    <x v="12"/>
    <s v="Acco Six-Outlet Power Strip, 4' Cord Length"/>
    <n v="60.34"/>
    <n v="7"/>
    <n v="15.69"/>
  </r>
  <r>
    <d v="2016-12-09T00:00:00"/>
    <x v="11"/>
    <x v="2"/>
    <x v="667"/>
    <x v="32"/>
    <x v="0"/>
    <x v="1"/>
    <s v="Avery 517"/>
    <n v="3.69"/>
    <n v="1"/>
    <n v="1.73"/>
  </r>
  <r>
    <d v="2016-12-09T00:00:00"/>
    <x v="11"/>
    <x v="2"/>
    <x v="667"/>
    <x v="32"/>
    <x v="0"/>
    <x v="1"/>
    <s v="Avery 477"/>
    <n v="122.12"/>
    <n v="4"/>
    <n v="56.18"/>
  </r>
  <r>
    <d v="2016-12-09T00:00:00"/>
    <x v="11"/>
    <x v="2"/>
    <x v="169"/>
    <x v="0"/>
    <x v="0"/>
    <x v="0"/>
    <s v="Things To Do Today Pad"/>
    <n v="9.39"/>
    <n v="2"/>
    <n v="3.29"/>
  </r>
  <r>
    <d v="2016-12-09T00:00:00"/>
    <x v="11"/>
    <x v="2"/>
    <x v="169"/>
    <x v="0"/>
    <x v="0"/>
    <x v="4"/>
    <s v="Hunt BOSTON Vista Battery-Operated Pencil Sharpener, Black"/>
    <n v="9.33"/>
    <n v="1"/>
    <n v="0.82"/>
  </r>
  <r>
    <d v="2016-12-09T00:00:00"/>
    <x v="11"/>
    <x v="2"/>
    <x v="105"/>
    <x v="15"/>
    <x v="1"/>
    <x v="13"/>
    <s v="Hon 61000 Series Interactive Training Tables"/>
    <n v="79.97"/>
    <n v="3"/>
    <n v="-29.32"/>
  </r>
  <r>
    <d v="2016-12-09T00:00:00"/>
    <x v="11"/>
    <x v="2"/>
    <x v="105"/>
    <x v="15"/>
    <x v="0"/>
    <x v="3"/>
    <s v="Acco Pressboard Covers with Storage Hooks, 14 7/8&quot; x 11&quot;, Light Blue"/>
    <n v="2.95"/>
    <n v="2"/>
    <n v="-2.06"/>
  </r>
  <r>
    <d v="2016-12-09T00:00:00"/>
    <x v="11"/>
    <x v="2"/>
    <x v="564"/>
    <x v="14"/>
    <x v="2"/>
    <x v="6"/>
    <s v="LF Elite 3D Dazzle Designer Hard Case Cover, Lf Stylus Pen and Wiper For Apple Iphone 5c Mini Lite"/>
    <n v="10.9"/>
    <n v="1"/>
    <n v="3.05"/>
  </r>
  <r>
    <d v="2016-12-09T00:00:00"/>
    <x v="11"/>
    <x v="2"/>
    <x v="564"/>
    <x v="14"/>
    <x v="2"/>
    <x v="9"/>
    <s v="Logitech Trackman Marble Mouse"/>
    <n v="59.98"/>
    <n v="2"/>
    <n v="25.19"/>
  </r>
  <r>
    <d v="2016-12-09T00:00:00"/>
    <x v="11"/>
    <x v="2"/>
    <x v="564"/>
    <x v="14"/>
    <x v="0"/>
    <x v="12"/>
    <s v="Holmes Replacement Filter for HEPA Air Cleaner, Very Large Room, HEPA Filter"/>
    <n v="61.93"/>
    <n v="1"/>
    <n v="23.4"/>
  </r>
  <r>
    <d v="2016-12-09T00:00:00"/>
    <x v="11"/>
    <x v="2"/>
    <x v="185"/>
    <x v="15"/>
    <x v="2"/>
    <x v="6"/>
    <s v="ARKON Windshield Dashboard Air Vent Car Mount Holder"/>
    <n v="40.68"/>
    <n v="3"/>
    <n v="-9.15"/>
  </r>
  <r>
    <d v="2016-12-09T00:00:00"/>
    <x v="11"/>
    <x v="2"/>
    <x v="274"/>
    <x v="1"/>
    <x v="0"/>
    <x v="14"/>
    <s v="Acme Office Executive Series Stainless Steel Trimmers"/>
    <n v="20.57"/>
    <n v="3"/>
    <n v="1.54"/>
  </r>
  <r>
    <d v="2016-12-09T00:00:00"/>
    <x v="11"/>
    <x v="2"/>
    <x v="274"/>
    <x v="1"/>
    <x v="0"/>
    <x v="12"/>
    <s v="Belkin 6 Outlet Metallic Surge Strip"/>
    <n v="4.3600000000000003"/>
    <n v="2"/>
    <n v="-11.76"/>
  </r>
  <r>
    <d v="2016-12-09T00:00:00"/>
    <x v="11"/>
    <x v="2"/>
    <x v="274"/>
    <x v="1"/>
    <x v="2"/>
    <x v="9"/>
    <s v="Kingston Digital DataTraveler 8GB USB 2.0"/>
    <n v="19.04"/>
    <n v="4"/>
    <n v="-1.43"/>
  </r>
  <r>
    <d v="2016-12-09T00:00:00"/>
    <x v="11"/>
    <x v="2"/>
    <x v="153"/>
    <x v="3"/>
    <x v="0"/>
    <x v="3"/>
    <s v="Wilson Jones Elliptical Ring 3 1/2&quot; Capacity Binders, 800 sheets"/>
    <n v="273.92"/>
    <n v="8"/>
    <n v="99.3"/>
  </r>
  <r>
    <d v="2016-12-09T00:00:00"/>
    <x v="11"/>
    <x v="2"/>
    <x v="181"/>
    <x v="6"/>
    <x v="1"/>
    <x v="13"/>
    <s v="Iceberg OfficeWorks 42&quot; Round Tables"/>
    <n v="1056.8599999999999"/>
    <n v="7"/>
    <n v="158.53"/>
  </r>
  <r>
    <d v="2016-12-10T00:00:00"/>
    <x v="11"/>
    <x v="2"/>
    <x v="564"/>
    <x v="3"/>
    <x v="1"/>
    <x v="5"/>
    <s v="Global Leather Highback Executive Chair with Pneumatic Height Adjustment, Black"/>
    <n v="321.57"/>
    <n v="2"/>
    <n v="28.14"/>
  </r>
  <r>
    <d v="2016-12-10T00:00:00"/>
    <x v="11"/>
    <x v="2"/>
    <x v="16"/>
    <x v="20"/>
    <x v="0"/>
    <x v="2"/>
    <s v="Fellowes Personal Hanging Folder Files, Navy"/>
    <n v="80.58"/>
    <n v="6"/>
    <n v="22.56"/>
  </r>
  <r>
    <d v="2016-12-10T00:00:00"/>
    <x v="11"/>
    <x v="2"/>
    <x v="16"/>
    <x v="20"/>
    <x v="0"/>
    <x v="10"/>
    <s v="Tyvek Side-Opening Peel &amp; Seel Expanding Envelopes"/>
    <n v="361.92"/>
    <n v="4"/>
    <n v="162.86000000000001"/>
  </r>
  <r>
    <d v="2016-12-10T00:00:00"/>
    <x v="11"/>
    <x v="2"/>
    <x v="358"/>
    <x v="22"/>
    <x v="0"/>
    <x v="3"/>
    <s v="GBC DocuBind P50 Personal Binding Machine"/>
    <n v="153.55000000000001"/>
    <n v="3"/>
    <n v="51.82"/>
  </r>
  <r>
    <d v="2016-12-10T00:00:00"/>
    <x v="11"/>
    <x v="2"/>
    <x v="358"/>
    <x v="22"/>
    <x v="0"/>
    <x v="12"/>
    <s v="Holmes HEPA Air Purifier"/>
    <n v="65.34"/>
    <n v="3"/>
    <n v="22.87"/>
  </r>
  <r>
    <d v="2016-12-10T00:00:00"/>
    <x v="11"/>
    <x v="2"/>
    <x v="358"/>
    <x v="22"/>
    <x v="0"/>
    <x v="0"/>
    <s v="Xerox 1988"/>
    <n v="123.92"/>
    <n v="4"/>
    <n v="55.76"/>
  </r>
  <r>
    <d v="2016-12-10T00:00:00"/>
    <x v="11"/>
    <x v="2"/>
    <x v="358"/>
    <x v="22"/>
    <x v="0"/>
    <x v="12"/>
    <s v="Harmony HEPA Quiet Air Purifiers"/>
    <n v="35.1"/>
    <n v="3"/>
    <n v="12.29"/>
  </r>
  <r>
    <d v="2016-12-10T00:00:00"/>
    <x v="11"/>
    <x v="2"/>
    <x v="358"/>
    <x v="22"/>
    <x v="2"/>
    <x v="9"/>
    <s v="Kingston Digital DataTraveler 16GB USB 2.0"/>
    <n v="44.75"/>
    <n v="5"/>
    <n v="8.5"/>
  </r>
  <r>
    <d v="2016-12-10T00:00:00"/>
    <x v="11"/>
    <x v="2"/>
    <x v="294"/>
    <x v="18"/>
    <x v="1"/>
    <x v="5"/>
    <s v="Global Commerce Series High-Back Swivel/Tilt Chairs"/>
    <n v="1424.9"/>
    <n v="5"/>
    <n v="356.23"/>
  </r>
  <r>
    <d v="2016-12-10T00:00:00"/>
    <x v="11"/>
    <x v="2"/>
    <x v="694"/>
    <x v="3"/>
    <x v="0"/>
    <x v="0"/>
    <s v="Wirebound Message Books, Four 2 3/4 x 5 White Forms per Page"/>
    <n v="80.28"/>
    <n v="12"/>
    <n v="36.93"/>
  </r>
  <r>
    <d v="2016-12-10T00:00:00"/>
    <x v="11"/>
    <x v="2"/>
    <x v="752"/>
    <x v="20"/>
    <x v="0"/>
    <x v="0"/>
    <s v="Wirebound Message Books, Four 2 3/4&quot; x 5&quot; Forms per Page, 600 Sets per Book"/>
    <n v="18.54"/>
    <n v="2"/>
    <n v="8.7100000000000009"/>
  </r>
  <r>
    <d v="2016-12-10T00:00:00"/>
    <x v="11"/>
    <x v="2"/>
    <x v="752"/>
    <x v="20"/>
    <x v="0"/>
    <x v="3"/>
    <s v="Fellowes PB200 Plastic Comb Binding Machine"/>
    <n v="679.96"/>
    <n v="5"/>
    <n v="220.99"/>
  </r>
  <r>
    <d v="2016-12-10T00:00:00"/>
    <x v="11"/>
    <x v="2"/>
    <x v="620"/>
    <x v="20"/>
    <x v="0"/>
    <x v="0"/>
    <s v="Adams Phone Message Book, Professional, 400 Message Capacity, 5 3/6Â” x 11Â”"/>
    <n v="62.82"/>
    <n v="9"/>
    <n v="29.53"/>
  </r>
  <r>
    <d v="2016-12-10T00:00:00"/>
    <x v="11"/>
    <x v="2"/>
    <x v="421"/>
    <x v="20"/>
    <x v="0"/>
    <x v="0"/>
    <s v="Xerox 221"/>
    <n v="6.48"/>
    <n v="1"/>
    <n v="3.11"/>
  </r>
  <r>
    <d v="2016-12-11T00:00:00"/>
    <x v="11"/>
    <x v="2"/>
    <x v="362"/>
    <x v="20"/>
    <x v="0"/>
    <x v="7"/>
    <s v="Advantus Push Pins"/>
    <n v="15.26"/>
    <n v="7"/>
    <n v="6.26"/>
  </r>
  <r>
    <d v="2016-12-11T00:00:00"/>
    <x v="11"/>
    <x v="2"/>
    <x v="362"/>
    <x v="20"/>
    <x v="2"/>
    <x v="6"/>
    <s v="AT&amp;T CL83451 4-Handset Telephone"/>
    <n v="1029.95"/>
    <n v="5"/>
    <n v="298.69"/>
  </r>
  <r>
    <d v="2016-12-11T00:00:00"/>
    <x v="11"/>
    <x v="2"/>
    <x v="667"/>
    <x v="26"/>
    <x v="0"/>
    <x v="2"/>
    <s v="Tennsco Regal Shelving Units"/>
    <n v="243.38"/>
    <n v="3"/>
    <n v="-51.72"/>
  </r>
  <r>
    <d v="2016-12-11T00:00:00"/>
    <x v="11"/>
    <x v="2"/>
    <x v="667"/>
    <x v="26"/>
    <x v="2"/>
    <x v="9"/>
    <s v="ImationÂ 32GB Pocket Pro USB 3.0Â Flash DriveÂ - 32 GB - Black - 1 P ..."/>
    <n v="119.8"/>
    <n v="5"/>
    <n v="29.95"/>
  </r>
  <r>
    <d v="2016-12-11T00:00:00"/>
    <x v="11"/>
    <x v="2"/>
    <x v="667"/>
    <x v="26"/>
    <x v="2"/>
    <x v="6"/>
    <s v="Jabra SPEAK 410"/>
    <n v="300.77"/>
    <n v="4"/>
    <n v="30.08"/>
  </r>
  <r>
    <d v="2016-12-11T00:00:00"/>
    <x v="11"/>
    <x v="2"/>
    <x v="278"/>
    <x v="22"/>
    <x v="1"/>
    <x v="8"/>
    <s v="3M Hangers With Command Adhesive"/>
    <n v="14.8"/>
    <n v="4"/>
    <n v="6.07"/>
  </r>
  <r>
    <d v="2016-12-11T00:00:00"/>
    <x v="11"/>
    <x v="2"/>
    <x v="278"/>
    <x v="22"/>
    <x v="2"/>
    <x v="6"/>
    <s v="AT&amp;T TR1909W"/>
    <n v="302.38"/>
    <n v="3"/>
    <n v="22.68"/>
  </r>
  <r>
    <d v="2016-12-11T00:00:00"/>
    <x v="11"/>
    <x v="2"/>
    <x v="278"/>
    <x v="22"/>
    <x v="2"/>
    <x v="9"/>
    <s v="First Data FD10 PIN Pad"/>
    <n v="316"/>
    <n v="4"/>
    <n v="31.6"/>
  </r>
  <r>
    <d v="2016-12-11T00:00:00"/>
    <x v="11"/>
    <x v="2"/>
    <x v="336"/>
    <x v="16"/>
    <x v="0"/>
    <x v="2"/>
    <s v="Steel Personal Filing/Posting Tote"/>
    <n v="85.22"/>
    <n v="3"/>
    <n v="7.46"/>
  </r>
  <r>
    <d v="2016-12-11T00:00:00"/>
    <x v="11"/>
    <x v="2"/>
    <x v="273"/>
    <x v="15"/>
    <x v="0"/>
    <x v="4"/>
    <s v="Prang Drawing Pencil Set"/>
    <n v="6.67"/>
    <n v="3"/>
    <n v="1.67"/>
  </r>
  <r>
    <d v="2016-12-11T00:00:00"/>
    <x v="11"/>
    <x v="2"/>
    <x v="270"/>
    <x v="10"/>
    <x v="0"/>
    <x v="2"/>
    <s v="Acco Perma 4000 Stacking Storage Drawers"/>
    <n v="64.959999999999994"/>
    <n v="5"/>
    <n v="-4.0599999999999996"/>
  </r>
  <r>
    <d v="2016-12-11T00:00:00"/>
    <x v="11"/>
    <x v="2"/>
    <x v="270"/>
    <x v="10"/>
    <x v="0"/>
    <x v="14"/>
    <s v="Elite 5&quot; Scissors"/>
    <n v="13.52"/>
    <n v="2"/>
    <n v="1.69"/>
  </r>
  <r>
    <d v="2016-12-11T00:00:00"/>
    <x v="11"/>
    <x v="2"/>
    <x v="270"/>
    <x v="10"/>
    <x v="1"/>
    <x v="5"/>
    <s v="Office Star - Contemporary Task Swivel chair with Loop Arms, Charcoal"/>
    <n v="458.43"/>
    <n v="5"/>
    <n v="-137.53"/>
  </r>
  <r>
    <d v="2016-12-11T00:00:00"/>
    <x v="11"/>
    <x v="2"/>
    <x v="270"/>
    <x v="10"/>
    <x v="0"/>
    <x v="12"/>
    <s v="Belkin 325VA UPS Surge Protector, 6'"/>
    <n v="387.14"/>
    <n v="4"/>
    <n v="24.2"/>
  </r>
  <r>
    <d v="2016-12-11T00:00:00"/>
    <x v="11"/>
    <x v="2"/>
    <x v="270"/>
    <x v="10"/>
    <x v="1"/>
    <x v="13"/>
    <s v="Lesro Round Back Collection Coffee Table, End Table"/>
    <n v="328.59"/>
    <n v="3"/>
    <n v="-147.87"/>
  </r>
  <r>
    <d v="2016-12-11T00:00:00"/>
    <x v="11"/>
    <x v="2"/>
    <x v="35"/>
    <x v="11"/>
    <x v="1"/>
    <x v="5"/>
    <s v="Global Fabric Manager's Chair, Dark Gray"/>
    <n v="403.92"/>
    <n v="5"/>
    <n v="25.25"/>
  </r>
  <r>
    <d v="2016-12-11T00:00:00"/>
    <x v="11"/>
    <x v="2"/>
    <x v="494"/>
    <x v="3"/>
    <x v="0"/>
    <x v="3"/>
    <s v="Ibico Laser Imprintable Binding System Covers"/>
    <n v="209.6"/>
    <n v="5"/>
    <n v="68.12"/>
  </r>
  <r>
    <d v="2016-12-11T00:00:00"/>
    <x v="11"/>
    <x v="2"/>
    <x v="494"/>
    <x v="3"/>
    <x v="0"/>
    <x v="4"/>
    <s v="Boston 16765 Mini Stand Up Battery Pencil Sharpener"/>
    <n v="23.32"/>
    <n v="2"/>
    <n v="6.06"/>
  </r>
  <r>
    <d v="2016-12-11T00:00:00"/>
    <x v="11"/>
    <x v="2"/>
    <x v="494"/>
    <x v="3"/>
    <x v="0"/>
    <x v="0"/>
    <s v="IBM Multi-Purpose Copy Paper, 8 1/2 x 11&quot;, Case"/>
    <n v="30.98"/>
    <n v="1"/>
    <n v="13.94"/>
  </r>
  <r>
    <d v="2016-12-11T00:00:00"/>
    <x v="11"/>
    <x v="2"/>
    <x v="494"/>
    <x v="3"/>
    <x v="2"/>
    <x v="9"/>
    <s v="Microsoft Natural Ergonomic Keyboard 4000"/>
    <n v="119.96"/>
    <n v="4"/>
    <n v="25.19"/>
  </r>
  <r>
    <d v="2016-12-11T00:00:00"/>
    <x v="11"/>
    <x v="2"/>
    <x v="494"/>
    <x v="3"/>
    <x v="1"/>
    <x v="5"/>
    <s v="Global Wood Trimmed Manager's Task Chair, Khaki"/>
    <n v="363.92"/>
    <n v="5"/>
    <n v="-31.84"/>
  </r>
  <r>
    <d v="2016-12-11T00:00:00"/>
    <x v="11"/>
    <x v="2"/>
    <x v="494"/>
    <x v="3"/>
    <x v="0"/>
    <x v="3"/>
    <s v="Recycled Easel Ring Binders"/>
    <n v="35.81"/>
    <n v="3"/>
    <n v="11.19"/>
  </r>
  <r>
    <d v="2016-12-11T00:00:00"/>
    <x v="11"/>
    <x v="2"/>
    <x v="494"/>
    <x v="3"/>
    <x v="0"/>
    <x v="3"/>
    <s v="GBC Recycled VeloBinder Covers"/>
    <n v="122.69"/>
    <n v="9"/>
    <n v="39.869999999999997"/>
  </r>
  <r>
    <d v="2016-12-11T00:00:00"/>
    <x v="11"/>
    <x v="2"/>
    <x v="494"/>
    <x v="3"/>
    <x v="1"/>
    <x v="13"/>
    <s v="Hon Non-Folding Utility Tables"/>
    <n v="892.14"/>
    <n v="7"/>
    <n v="111.52"/>
  </r>
  <r>
    <d v="2016-12-11T00:00:00"/>
    <x v="11"/>
    <x v="2"/>
    <x v="494"/>
    <x v="3"/>
    <x v="0"/>
    <x v="2"/>
    <s v="Rogers Profile Extra Capacity Storage Tub"/>
    <n v="50.22"/>
    <n v="3"/>
    <n v="2.0099999999999998"/>
  </r>
  <r>
    <d v="2016-12-11T00:00:00"/>
    <x v="11"/>
    <x v="2"/>
    <x v="494"/>
    <x v="3"/>
    <x v="0"/>
    <x v="12"/>
    <s v="Fellowes 8 Outlet Superior Workstation Surge Protector"/>
    <n v="83.42"/>
    <n v="2"/>
    <n v="24.19"/>
  </r>
  <r>
    <d v="2016-12-11T00:00:00"/>
    <x v="11"/>
    <x v="2"/>
    <x v="494"/>
    <x v="3"/>
    <x v="0"/>
    <x v="3"/>
    <s v="Black Avery Memo-Size 3-Ring Binder, 5 1/2&quot; x 8 1/2&quot;"/>
    <n v="5.87"/>
    <n v="2"/>
    <n v="2.13"/>
  </r>
  <r>
    <d v="2016-12-11T00:00:00"/>
    <x v="11"/>
    <x v="2"/>
    <x v="571"/>
    <x v="10"/>
    <x v="0"/>
    <x v="12"/>
    <s v="Belkin F5C206VTEL 6 Outlet Surge"/>
    <n v="73.540000000000006"/>
    <n v="4"/>
    <n v="9.19"/>
  </r>
  <r>
    <d v="2016-12-12T00:00:00"/>
    <x v="11"/>
    <x v="2"/>
    <x v="140"/>
    <x v="10"/>
    <x v="0"/>
    <x v="3"/>
    <s v="Wilson Jones Century Plastic Molded Ring Binders"/>
    <n v="18.690000000000001"/>
    <n v="3"/>
    <n v="-14.33"/>
  </r>
  <r>
    <d v="2016-12-12T00:00:00"/>
    <x v="11"/>
    <x v="2"/>
    <x v="140"/>
    <x v="10"/>
    <x v="2"/>
    <x v="9"/>
    <s v="Logitech G602 Wireless Gaming Mouse"/>
    <n v="383.95"/>
    <n v="6"/>
    <n v="76.790000000000006"/>
  </r>
  <r>
    <d v="2016-12-12T00:00:00"/>
    <x v="11"/>
    <x v="2"/>
    <x v="342"/>
    <x v="14"/>
    <x v="2"/>
    <x v="6"/>
    <s v="Jabra SPEAK 410"/>
    <n v="657.93"/>
    <n v="7"/>
    <n v="184.22"/>
  </r>
  <r>
    <d v="2016-12-12T00:00:00"/>
    <x v="11"/>
    <x v="2"/>
    <x v="342"/>
    <x v="14"/>
    <x v="1"/>
    <x v="8"/>
    <s v="Westinghouse Clip-On Gooseneck Lamps"/>
    <n v="33.479999999999997"/>
    <n v="4"/>
    <n v="8.6999999999999993"/>
  </r>
  <r>
    <d v="2016-12-12T00:00:00"/>
    <x v="11"/>
    <x v="2"/>
    <x v="342"/>
    <x v="14"/>
    <x v="0"/>
    <x v="4"/>
    <s v="Newell 333"/>
    <n v="13.9"/>
    <n v="5"/>
    <n v="3.61"/>
  </r>
  <r>
    <d v="2016-12-12T00:00:00"/>
    <x v="11"/>
    <x v="2"/>
    <x v="342"/>
    <x v="14"/>
    <x v="0"/>
    <x v="2"/>
    <s v="Fellowes Desktop Hanging File Manager"/>
    <n v="26.86"/>
    <n v="2"/>
    <n v="6.72"/>
  </r>
  <r>
    <d v="2016-12-12T00:00:00"/>
    <x v="11"/>
    <x v="2"/>
    <x v="574"/>
    <x v="4"/>
    <x v="2"/>
    <x v="9"/>
    <s v="Case Logic 2.4GHz Wireless Keyboard"/>
    <n v="249.95"/>
    <n v="5"/>
    <n v="20"/>
  </r>
  <r>
    <d v="2016-12-12T00:00:00"/>
    <x v="11"/>
    <x v="2"/>
    <x v="574"/>
    <x v="4"/>
    <x v="0"/>
    <x v="0"/>
    <s v="Xerox 1907"/>
    <n v="49.12"/>
    <n v="4"/>
    <n v="23.09"/>
  </r>
  <r>
    <d v="2016-12-12T00:00:00"/>
    <x v="11"/>
    <x v="2"/>
    <x v="503"/>
    <x v="3"/>
    <x v="1"/>
    <x v="8"/>
    <s v="Howard Miller 14-1/2&quot; Diameter Chrome Round Wall Clock"/>
    <n v="383.64"/>
    <n v="6"/>
    <n v="122.76"/>
  </r>
  <r>
    <d v="2016-12-12T00:00:00"/>
    <x v="11"/>
    <x v="2"/>
    <x v="503"/>
    <x v="3"/>
    <x v="0"/>
    <x v="12"/>
    <s v="Belkin F9H710-06 7 Outlet SurgeMaster Surge Protector"/>
    <n v="56.52"/>
    <n v="3"/>
    <n v="15.83"/>
  </r>
  <r>
    <d v="2016-12-12T00:00:00"/>
    <x v="11"/>
    <x v="2"/>
    <x v="270"/>
    <x v="20"/>
    <x v="1"/>
    <x v="8"/>
    <s v="Eldon 500 Class Desk Accessories"/>
    <n v="60.35"/>
    <n v="5"/>
    <n v="19.920000000000002"/>
  </r>
  <r>
    <d v="2016-12-12T00:00:00"/>
    <x v="11"/>
    <x v="2"/>
    <x v="270"/>
    <x v="20"/>
    <x v="0"/>
    <x v="14"/>
    <s v="Fiskars Home &amp; Office Scissors"/>
    <n v="35.520000000000003"/>
    <n v="4"/>
    <n v="9.9499999999999993"/>
  </r>
  <r>
    <d v="2016-12-12T00:00:00"/>
    <x v="11"/>
    <x v="2"/>
    <x v="270"/>
    <x v="20"/>
    <x v="0"/>
    <x v="4"/>
    <s v="Sanford Pocket Accent Highlighters"/>
    <n v="11.2"/>
    <n v="7"/>
    <n v="4.82"/>
  </r>
  <r>
    <d v="2016-12-13T00:00:00"/>
    <x v="11"/>
    <x v="2"/>
    <x v="484"/>
    <x v="39"/>
    <x v="2"/>
    <x v="9"/>
    <s v="Memorex Mini Travel Drive 16 GB USB 2.0 Flash Drive"/>
    <n v="63.88"/>
    <n v="4"/>
    <n v="24.91"/>
  </r>
  <r>
    <d v="2016-12-13T00:00:00"/>
    <x v="11"/>
    <x v="2"/>
    <x v="274"/>
    <x v="3"/>
    <x v="0"/>
    <x v="3"/>
    <s v="Acco Pressboard Covers with Storage Hooks, 14 7/8&quot; x 11&quot;, Dark Blue"/>
    <n v="6.1"/>
    <n v="2"/>
    <n v="2.21"/>
  </r>
  <r>
    <d v="2016-12-13T00:00:00"/>
    <x v="11"/>
    <x v="2"/>
    <x v="274"/>
    <x v="3"/>
    <x v="1"/>
    <x v="13"/>
    <s v="Bretford CR4500 Series Slim Rectangular Table"/>
    <n v="1114.27"/>
    <n v="4"/>
    <n v="41.79"/>
  </r>
  <r>
    <d v="2016-12-13T00:00:00"/>
    <x v="11"/>
    <x v="2"/>
    <x v="29"/>
    <x v="3"/>
    <x v="0"/>
    <x v="4"/>
    <s v="Crayola Colored Pencils"/>
    <n v="9.84"/>
    <n v="3"/>
    <n v="3.25"/>
  </r>
  <r>
    <d v="2016-12-14T00:00:00"/>
    <x v="11"/>
    <x v="2"/>
    <x v="283"/>
    <x v="29"/>
    <x v="1"/>
    <x v="8"/>
    <s v="Executive Impressions 14&quot;"/>
    <n v="133.38"/>
    <n v="6"/>
    <n v="58.69"/>
  </r>
  <r>
    <d v="2016-12-14T00:00:00"/>
    <x v="11"/>
    <x v="2"/>
    <x v="500"/>
    <x v="20"/>
    <x v="0"/>
    <x v="0"/>
    <s v="Strathmore Photo Frame Cards"/>
    <n v="14.62"/>
    <n v="2"/>
    <n v="6.73"/>
  </r>
  <r>
    <d v="2016-12-14T00:00:00"/>
    <x v="11"/>
    <x v="2"/>
    <x v="500"/>
    <x v="20"/>
    <x v="0"/>
    <x v="1"/>
    <s v="Avery 474"/>
    <n v="5.76"/>
    <n v="2"/>
    <n v="2.82"/>
  </r>
  <r>
    <d v="2016-12-14T00:00:00"/>
    <x v="11"/>
    <x v="2"/>
    <x v="500"/>
    <x v="20"/>
    <x v="0"/>
    <x v="7"/>
    <s v="OIC Colored Binder Clips, Assorted Sizes"/>
    <n v="21.48"/>
    <n v="6"/>
    <n v="10.53"/>
  </r>
  <r>
    <d v="2016-12-14T00:00:00"/>
    <x v="11"/>
    <x v="2"/>
    <x v="500"/>
    <x v="20"/>
    <x v="1"/>
    <x v="8"/>
    <s v="GE 48&quot; Fluorescent Tube, Cool White Energy Saver, 34 Watts, 30/Box"/>
    <n v="396.92"/>
    <n v="4"/>
    <n v="198.46"/>
  </r>
  <r>
    <d v="2016-12-14T00:00:00"/>
    <x v="11"/>
    <x v="2"/>
    <x v="500"/>
    <x v="20"/>
    <x v="0"/>
    <x v="2"/>
    <s v="Advantus Rolling Storage Box"/>
    <n v="17.149999999999999"/>
    <n v="1"/>
    <n v="4.63"/>
  </r>
  <r>
    <d v="2016-12-14T00:00:00"/>
    <x v="11"/>
    <x v="2"/>
    <x v="500"/>
    <x v="20"/>
    <x v="0"/>
    <x v="3"/>
    <s v="Acco Recycled 2&quot; Capacity Laser Printer Hanging Data Binders"/>
    <n v="23.12"/>
    <n v="2"/>
    <n v="7.8"/>
  </r>
  <r>
    <d v="2016-12-14T00:00:00"/>
    <x v="11"/>
    <x v="2"/>
    <x v="171"/>
    <x v="3"/>
    <x v="1"/>
    <x v="5"/>
    <s v="Global Task Chair, Black"/>
    <n v="81.42"/>
    <n v="2"/>
    <n v="-9.16"/>
  </r>
  <r>
    <d v="2016-12-14T00:00:00"/>
    <x v="11"/>
    <x v="2"/>
    <x v="171"/>
    <x v="3"/>
    <x v="0"/>
    <x v="2"/>
    <s v="Tenex Personal Project File with Scoop Front Design, Black"/>
    <n v="134.80000000000001"/>
    <n v="10"/>
    <n v="35.049999999999997"/>
  </r>
  <r>
    <d v="2016-12-15T00:00:00"/>
    <x v="11"/>
    <x v="2"/>
    <x v="634"/>
    <x v="14"/>
    <x v="1"/>
    <x v="13"/>
    <s v="Chromcraft Bull-Nose Wood Oval Conference Tables &amp; Bases"/>
    <n v="1652.94"/>
    <n v="3"/>
    <n v="231.41"/>
  </r>
  <r>
    <d v="2016-12-15T00:00:00"/>
    <x v="11"/>
    <x v="2"/>
    <x v="634"/>
    <x v="14"/>
    <x v="0"/>
    <x v="2"/>
    <s v="Recycled Data-Pak for Archival Bound Computer Printouts, 12-1/2 x 12-1/2 x 16"/>
    <n v="296.37"/>
    <n v="3"/>
    <n v="80.02"/>
  </r>
  <r>
    <d v="2016-12-15T00:00:00"/>
    <x v="11"/>
    <x v="2"/>
    <x v="157"/>
    <x v="3"/>
    <x v="1"/>
    <x v="8"/>
    <s v="Eldon Expressions Wood Desk Accessories, Oak"/>
    <n v="14.76"/>
    <n v="2"/>
    <n v="4.28"/>
  </r>
  <r>
    <d v="2016-12-15T00:00:00"/>
    <x v="11"/>
    <x v="2"/>
    <x v="109"/>
    <x v="11"/>
    <x v="1"/>
    <x v="13"/>
    <s v="Bretford Rectangular Conference Table Tops"/>
    <n v="564.20000000000005"/>
    <n v="3"/>
    <n v="-304.67"/>
  </r>
  <r>
    <d v="2016-12-15T00:00:00"/>
    <x v="11"/>
    <x v="2"/>
    <x v="109"/>
    <x v="11"/>
    <x v="0"/>
    <x v="12"/>
    <s v="Belkin 5 Outlet SurgeMaster Power Centers"/>
    <n v="87.17"/>
    <n v="2"/>
    <n v="8.7200000000000006"/>
  </r>
  <r>
    <d v="2016-12-15T00:00:00"/>
    <x v="11"/>
    <x v="2"/>
    <x v="489"/>
    <x v="10"/>
    <x v="0"/>
    <x v="3"/>
    <s v="Avery Triangle Shaped Sheet Lifters, Black, 2/Pack"/>
    <n v="2.21"/>
    <n v="3"/>
    <n v="-1.48"/>
  </r>
  <r>
    <d v="2016-12-15T00:00:00"/>
    <x v="11"/>
    <x v="2"/>
    <x v="529"/>
    <x v="13"/>
    <x v="0"/>
    <x v="0"/>
    <s v="Xerox 1958"/>
    <n v="19.440000000000001"/>
    <n v="3"/>
    <n v="9.33"/>
  </r>
  <r>
    <d v="2016-12-16T00:00:00"/>
    <x v="11"/>
    <x v="2"/>
    <x v="583"/>
    <x v="1"/>
    <x v="0"/>
    <x v="3"/>
    <s v="Cardinal Hold-It CD Pocket"/>
    <n v="4.79"/>
    <n v="3"/>
    <n v="-7.9"/>
  </r>
  <r>
    <d v="2016-12-16T00:00:00"/>
    <x v="11"/>
    <x v="2"/>
    <x v="435"/>
    <x v="20"/>
    <x v="0"/>
    <x v="7"/>
    <s v="Stockwell Gold Paper Clips"/>
    <n v="3.68"/>
    <n v="2"/>
    <n v="1.8"/>
  </r>
  <r>
    <d v="2016-12-16T00:00:00"/>
    <x v="11"/>
    <x v="2"/>
    <x v="500"/>
    <x v="3"/>
    <x v="1"/>
    <x v="5"/>
    <s v="Office Star - Contemporary Swivel Chair with Padded Adjustable Arms and Flex Back"/>
    <n v="563.91999999999996"/>
    <n v="5"/>
    <n v="7.05"/>
  </r>
  <r>
    <d v="2016-12-16T00:00:00"/>
    <x v="11"/>
    <x v="2"/>
    <x v="394"/>
    <x v="25"/>
    <x v="0"/>
    <x v="12"/>
    <s v="Acco 6 Outlet Guardian Premium Surge Suppressor"/>
    <n v="34.94"/>
    <n v="3"/>
    <n v="3.06"/>
  </r>
  <r>
    <d v="2016-12-16T00:00:00"/>
    <x v="11"/>
    <x v="2"/>
    <x v="451"/>
    <x v="3"/>
    <x v="2"/>
    <x v="9"/>
    <s v="ImationÂ USB 2.0 SwivelÂ Flash DriveÂ USBÂ flash driveÂ - 4 GB - Pink"/>
    <n v="21.21"/>
    <n v="7"/>
    <n v="4.45"/>
  </r>
  <r>
    <d v="2016-12-17T00:00:00"/>
    <x v="11"/>
    <x v="2"/>
    <x v="773"/>
    <x v="3"/>
    <x v="1"/>
    <x v="13"/>
    <s v="Bretford Â“Just In TimeÂ” Height-Adjustable Multi-Task Work Tables"/>
    <n v="2003.52"/>
    <n v="6"/>
    <n v="-325.57"/>
  </r>
  <r>
    <d v="2016-12-17T00:00:00"/>
    <x v="11"/>
    <x v="2"/>
    <x v="528"/>
    <x v="22"/>
    <x v="0"/>
    <x v="2"/>
    <s v="Personal Filing Tote with Lid, Black/Gray"/>
    <n v="46.53"/>
    <n v="3"/>
    <n v="13.03"/>
  </r>
  <r>
    <d v="2016-12-17T00:00:00"/>
    <x v="11"/>
    <x v="2"/>
    <x v="512"/>
    <x v="0"/>
    <x v="0"/>
    <x v="0"/>
    <s v="Xerox 214"/>
    <n v="51.84"/>
    <n v="10"/>
    <n v="18.14"/>
  </r>
  <r>
    <d v="2016-12-17T00:00:00"/>
    <x v="11"/>
    <x v="2"/>
    <x v="512"/>
    <x v="0"/>
    <x v="2"/>
    <x v="9"/>
    <s v="WD My Passport Ultra 1TB Portable External Hard Drive"/>
    <n v="165.6"/>
    <n v="3"/>
    <n v="-6.21"/>
  </r>
  <r>
    <d v="2016-12-17T00:00:00"/>
    <x v="11"/>
    <x v="2"/>
    <x v="270"/>
    <x v="31"/>
    <x v="0"/>
    <x v="3"/>
    <s v="Ibico Plastic and Wire Spiral Binding Combs"/>
    <n v="13.49"/>
    <n v="2"/>
    <n v="4.38"/>
  </r>
  <r>
    <d v="2016-12-17T00:00:00"/>
    <x v="11"/>
    <x v="2"/>
    <x v="270"/>
    <x v="31"/>
    <x v="0"/>
    <x v="3"/>
    <s v="GBC Laser Imprintable Binding System Covers, Desert Sand"/>
    <n v="11.42"/>
    <n v="1"/>
    <n v="3.85"/>
  </r>
  <r>
    <d v="2016-12-17T00:00:00"/>
    <x v="11"/>
    <x v="2"/>
    <x v="579"/>
    <x v="14"/>
    <x v="0"/>
    <x v="3"/>
    <s v="GBC Ibimaster 500 Manual ProClick Binding System"/>
    <n v="9892.74"/>
    <n v="13"/>
    <n v="4946.37"/>
  </r>
  <r>
    <d v="2016-12-18T00:00:00"/>
    <x v="11"/>
    <x v="2"/>
    <x v="611"/>
    <x v="16"/>
    <x v="0"/>
    <x v="3"/>
    <s v="GBC VeloBinder Electric Binding Machine"/>
    <n v="254.06"/>
    <n v="7"/>
    <n v="-169.37"/>
  </r>
  <r>
    <d v="2016-12-18T00:00:00"/>
    <x v="11"/>
    <x v="2"/>
    <x v="611"/>
    <x v="16"/>
    <x v="0"/>
    <x v="12"/>
    <s v="Acco 7-Outlet Masterpiece Power Center, Wihtout Fax/Phone Line Protection"/>
    <n v="194.53"/>
    <n v="2"/>
    <n v="24.32"/>
  </r>
  <r>
    <d v="2016-12-18T00:00:00"/>
    <x v="11"/>
    <x v="2"/>
    <x v="611"/>
    <x v="16"/>
    <x v="0"/>
    <x v="14"/>
    <s v="Premier Automatic Letter Opener"/>
    <n v="961.48"/>
    <n v="5"/>
    <n v="-204.31"/>
  </r>
  <r>
    <d v="2016-12-18T00:00:00"/>
    <x v="11"/>
    <x v="2"/>
    <x v="514"/>
    <x v="28"/>
    <x v="1"/>
    <x v="8"/>
    <s v="Eldon 200 Class Desk Accessories"/>
    <n v="18.84"/>
    <n v="3"/>
    <n v="6.03"/>
  </r>
  <r>
    <d v="2016-12-18T00:00:00"/>
    <x v="11"/>
    <x v="2"/>
    <x v="418"/>
    <x v="3"/>
    <x v="0"/>
    <x v="0"/>
    <s v="Eureka Recycled Copy Paper 8 1/2&quot; x 11&quot;, Ream"/>
    <n v="38.880000000000003"/>
    <n v="6"/>
    <n v="18.66"/>
  </r>
  <r>
    <d v="2016-12-18T00:00:00"/>
    <x v="11"/>
    <x v="2"/>
    <x v="418"/>
    <x v="3"/>
    <x v="1"/>
    <x v="8"/>
    <s v="Seth Thomas 12&quot; Clock w/ Goldtone Case"/>
    <n v="183.84"/>
    <n v="8"/>
    <n v="62.51"/>
  </r>
  <r>
    <d v="2016-12-18T00:00:00"/>
    <x v="11"/>
    <x v="2"/>
    <x v="418"/>
    <x v="3"/>
    <x v="0"/>
    <x v="14"/>
    <s v="Premier Electric Letter Opener"/>
    <n v="579.29999999999995"/>
    <n v="5"/>
    <n v="28.97"/>
  </r>
  <r>
    <d v="2016-12-18T00:00:00"/>
    <x v="11"/>
    <x v="2"/>
    <x v="488"/>
    <x v="20"/>
    <x v="0"/>
    <x v="2"/>
    <s v="Tennsco Double-Tier Lockers"/>
    <n v="900.08"/>
    <n v="4"/>
    <n v="117.01"/>
  </r>
  <r>
    <d v="2016-12-18T00:00:00"/>
    <x v="11"/>
    <x v="2"/>
    <x v="271"/>
    <x v="23"/>
    <x v="0"/>
    <x v="3"/>
    <s v="GBC DocuBind TL300 Electric Binding System"/>
    <n v="1793.98"/>
    <n v="2"/>
    <n v="843.17"/>
  </r>
  <r>
    <d v="2016-12-18T00:00:00"/>
    <x v="11"/>
    <x v="2"/>
    <x v="617"/>
    <x v="3"/>
    <x v="2"/>
    <x v="9"/>
    <s v="SanDisk Cruzer 64 GB USB Flash Drive"/>
    <n v="72.64"/>
    <n v="2"/>
    <n v="21.79"/>
  </r>
  <r>
    <d v="2016-12-18T00:00:00"/>
    <x v="11"/>
    <x v="2"/>
    <x v="617"/>
    <x v="3"/>
    <x v="2"/>
    <x v="9"/>
    <s v="LogitechÂ P710e Mobile Speakerphone"/>
    <n v="772.47"/>
    <n v="3"/>
    <n v="146.77000000000001"/>
  </r>
  <r>
    <d v="2016-12-18T00:00:00"/>
    <x v="11"/>
    <x v="2"/>
    <x v="617"/>
    <x v="3"/>
    <x v="1"/>
    <x v="8"/>
    <s v="Eldon Expressions Wood and Plastic Desk Accessories, Oak"/>
    <n v="39.92"/>
    <n v="4"/>
    <n v="11.18"/>
  </r>
  <r>
    <d v="2016-12-18T00:00:00"/>
    <x v="11"/>
    <x v="2"/>
    <x v="303"/>
    <x v="11"/>
    <x v="0"/>
    <x v="3"/>
    <s v="Vinyl Sectional Post Binders"/>
    <n v="45.24"/>
    <n v="4"/>
    <n v="-30.16"/>
  </r>
  <r>
    <d v="2016-12-18T00:00:00"/>
    <x v="11"/>
    <x v="2"/>
    <x v="303"/>
    <x v="11"/>
    <x v="0"/>
    <x v="4"/>
    <s v="Newell 312"/>
    <n v="18.690000000000001"/>
    <n v="4"/>
    <n v="2.34"/>
  </r>
  <r>
    <d v="2016-12-18T00:00:00"/>
    <x v="11"/>
    <x v="2"/>
    <x v="303"/>
    <x v="11"/>
    <x v="0"/>
    <x v="0"/>
    <s v="Black Print Carbonless 8 1/2&quot; x 8 1/4&quot; Rapid Memo Book"/>
    <n v="11.65"/>
    <n v="2"/>
    <n v="3.79"/>
  </r>
  <r>
    <d v="2016-12-18T00:00:00"/>
    <x v="11"/>
    <x v="2"/>
    <x v="303"/>
    <x v="11"/>
    <x v="2"/>
    <x v="9"/>
    <s v="Sony Micro Vault Click 8 GB USB 2.0 Flash Drive"/>
    <n v="112.78"/>
    <n v="3"/>
    <n v="-8.4600000000000009"/>
  </r>
  <r>
    <d v="2016-12-18T00:00:00"/>
    <x v="11"/>
    <x v="2"/>
    <x v="303"/>
    <x v="11"/>
    <x v="1"/>
    <x v="13"/>
    <s v="Iceberg OfficeWorks 42&quot; Round Tables"/>
    <n v="377.45"/>
    <n v="5"/>
    <n v="-264.22000000000003"/>
  </r>
  <r>
    <d v="2016-12-18T00:00:00"/>
    <x v="11"/>
    <x v="2"/>
    <x v="303"/>
    <x v="11"/>
    <x v="0"/>
    <x v="1"/>
    <s v="Avery White Multi-Purpose Labels"/>
    <n v="15.94"/>
    <n v="4"/>
    <n v="5.18"/>
  </r>
  <r>
    <d v="2016-12-18T00:00:00"/>
    <x v="11"/>
    <x v="2"/>
    <x v="303"/>
    <x v="11"/>
    <x v="2"/>
    <x v="6"/>
    <s v="Macally Suction Cup Mount"/>
    <n v="28.68"/>
    <n v="3"/>
    <n v="-7.17"/>
  </r>
  <r>
    <d v="2016-12-18T00:00:00"/>
    <x v="11"/>
    <x v="2"/>
    <x v="672"/>
    <x v="40"/>
    <x v="1"/>
    <x v="5"/>
    <s v="Hon Every-Day Series Multi-Task Chairs"/>
    <n v="563.94000000000005"/>
    <n v="3"/>
    <n v="112.79"/>
  </r>
  <r>
    <d v="2016-12-18T00:00:00"/>
    <x v="11"/>
    <x v="2"/>
    <x v="135"/>
    <x v="3"/>
    <x v="2"/>
    <x v="6"/>
    <s v="I Need's 3d Hello Kitty Hybrid Silicone Case Cover for HTC One X 4g with 3d Hello Kitty Stylus Pen Green/pink"/>
    <n v="66.98"/>
    <n v="7"/>
    <n v="6.7"/>
  </r>
  <r>
    <d v="2016-12-19T00:00:00"/>
    <x v="11"/>
    <x v="2"/>
    <x v="442"/>
    <x v="12"/>
    <x v="1"/>
    <x v="13"/>
    <s v="SAFCO PlanMaster Boards, 60w x 37-1/2d, White Melamine"/>
    <n v="455.97"/>
    <n v="6"/>
    <n v="-218.87"/>
  </r>
  <r>
    <d v="2016-12-19T00:00:00"/>
    <x v="11"/>
    <x v="2"/>
    <x v="442"/>
    <x v="12"/>
    <x v="0"/>
    <x v="3"/>
    <s v="Wilson Jones Clip &amp; Carry Folder Binder Tool for Ring Binders, Clear"/>
    <n v="10.44"/>
    <n v="6"/>
    <n v="-7.66"/>
  </r>
  <r>
    <d v="2016-12-19T00:00:00"/>
    <x v="11"/>
    <x v="2"/>
    <x v="442"/>
    <x v="12"/>
    <x v="0"/>
    <x v="3"/>
    <s v="Cardinal Slant-D Ring Binder, Heavy Gauge Vinyl"/>
    <n v="5.21"/>
    <n v="2"/>
    <n v="-4.17"/>
  </r>
  <r>
    <d v="2016-12-19T00:00:00"/>
    <x v="11"/>
    <x v="2"/>
    <x v="36"/>
    <x v="20"/>
    <x v="0"/>
    <x v="3"/>
    <s v="GBC Laser Imprintable Binding System Covers, Desert Sand"/>
    <n v="34.25"/>
    <n v="3"/>
    <n v="11.56"/>
  </r>
  <r>
    <d v="2016-12-19T00:00:00"/>
    <x v="11"/>
    <x v="2"/>
    <x v="36"/>
    <x v="20"/>
    <x v="0"/>
    <x v="4"/>
    <s v="Newell 326"/>
    <n v="3.52"/>
    <n v="2"/>
    <n v="1.02"/>
  </r>
  <r>
    <d v="2016-12-19T00:00:00"/>
    <x v="11"/>
    <x v="2"/>
    <x v="455"/>
    <x v="1"/>
    <x v="0"/>
    <x v="3"/>
    <s v="Wilson Jones Easy Flow II Sheet Lifters"/>
    <n v="1.8"/>
    <n v="5"/>
    <n v="-2.88"/>
  </r>
  <r>
    <d v="2016-12-19T00:00:00"/>
    <x v="11"/>
    <x v="2"/>
    <x v="68"/>
    <x v="2"/>
    <x v="1"/>
    <x v="8"/>
    <s v="Eldon &quot;L&quot; Workstation Diamond Chairmat"/>
    <n v="303.92"/>
    <n v="5"/>
    <n v="-30.39"/>
  </r>
  <r>
    <d v="2016-12-20T00:00:00"/>
    <x v="11"/>
    <x v="2"/>
    <x v="723"/>
    <x v="29"/>
    <x v="2"/>
    <x v="9"/>
    <s v="SanDisk Ultra 32 GB MicroSDHC Class 10 Memory Card"/>
    <n v="66.3"/>
    <n v="3"/>
    <n v="8.6199999999999992"/>
  </r>
  <r>
    <d v="2016-12-20T00:00:00"/>
    <x v="11"/>
    <x v="2"/>
    <x v="314"/>
    <x v="29"/>
    <x v="1"/>
    <x v="8"/>
    <s v="C-Line Cubicle Keepers Polyproplyene Holder With Velcro Backings"/>
    <n v="18.920000000000002"/>
    <n v="4"/>
    <n v="7.38"/>
  </r>
  <r>
    <d v="2016-12-20T00:00:00"/>
    <x v="11"/>
    <x v="2"/>
    <x v="314"/>
    <x v="29"/>
    <x v="0"/>
    <x v="3"/>
    <s v="DXL Angle-View Binders with Locking Rings by Samsill"/>
    <n v="15.42"/>
    <n v="2"/>
    <n v="6.94"/>
  </r>
  <r>
    <d v="2016-12-20T00:00:00"/>
    <x v="11"/>
    <x v="2"/>
    <x v="550"/>
    <x v="40"/>
    <x v="0"/>
    <x v="0"/>
    <s v="Strathmore Photo Mount Cards"/>
    <n v="33.9"/>
    <n v="5"/>
    <n v="15.59"/>
  </r>
  <r>
    <d v="2016-12-22T00:00:00"/>
    <x v="11"/>
    <x v="2"/>
    <x v="52"/>
    <x v="11"/>
    <x v="0"/>
    <x v="3"/>
    <s v="Avery 3 1/2&quot; Diskette Storage Pages, 10/Pack"/>
    <n v="31.32"/>
    <n v="10"/>
    <n v="-25.06"/>
  </r>
  <r>
    <d v="2016-12-22T00:00:00"/>
    <x v="11"/>
    <x v="2"/>
    <x v="52"/>
    <x v="11"/>
    <x v="1"/>
    <x v="8"/>
    <s v="3M Hangers With Command Adhesive"/>
    <n v="11.84"/>
    <n v="4"/>
    <n v="3.11"/>
  </r>
  <r>
    <d v="2016-12-22T00:00:00"/>
    <x v="11"/>
    <x v="2"/>
    <x v="52"/>
    <x v="11"/>
    <x v="1"/>
    <x v="8"/>
    <s v="Seth Thomas 14&quot; Day/Date Wall Clock"/>
    <n v="22.78"/>
    <n v="1"/>
    <n v="4.84"/>
  </r>
  <r>
    <d v="2016-12-22T00:00:00"/>
    <x v="11"/>
    <x v="2"/>
    <x v="164"/>
    <x v="20"/>
    <x v="0"/>
    <x v="3"/>
    <s v="GBC Pre-Punched Binding Paper, Plastic, White, 8-1/2&quot; x 11&quot;"/>
    <n v="25.58"/>
    <n v="2"/>
    <n v="8.9499999999999993"/>
  </r>
  <r>
    <d v="2016-12-22T00:00:00"/>
    <x v="11"/>
    <x v="2"/>
    <x v="341"/>
    <x v="22"/>
    <x v="0"/>
    <x v="3"/>
    <s v="Wilson Jones International Size A4 Ring Binders"/>
    <n v="55.36"/>
    <n v="4"/>
    <n v="19.38"/>
  </r>
  <r>
    <d v="2016-12-22T00:00:00"/>
    <x v="11"/>
    <x v="2"/>
    <x v="341"/>
    <x v="22"/>
    <x v="2"/>
    <x v="15"/>
    <s v="Texas Instrument TI-15 Fraction Calculator"/>
    <n v="11.56"/>
    <n v="1"/>
    <n v="3.76"/>
  </r>
  <r>
    <d v="2016-12-22T00:00:00"/>
    <x v="11"/>
    <x v="2"/>
    <x v="416"/>
    <x v="3"/>
    <x v="1"/>
    <x v="8"/>
    <s v="Deflect-o DuraMat Antistatic Studded Beveled Mat for Medium Pile Carpeting"/>
    <n v="842.72"/>
    <n v="8"/>
    <n v="202.25"/>
  </r>
  <r>
    <d v="2016-12-22T00:00:00"/>
    <x v="11"/>
    <x v="2"/>
    <x v="416"/>
    <x v="3"/>
    <x v="1"/>
    <x v="8"/>
    <s v="Magnifier Swing Arm Lamp"/>
    <n v="41.96"/>
    <n v="2"/>
    <n v="10.91"/>
  </r>
  <r>
    <d v="2016-12-23T00:00:00"/>
    <x v="11"/>
    <x v="2"/>
    <x v="391"/>
    <x v="6"/>
    <x v="1"/>
    <x v="8"/>
    <s v="Electrix Architect's Clamp-On Swing Arm Lamp, Black"/>
    <n v="572.76"/>
    <n v="6"/>
    <n v="166.1"/>
  </r>
  <r>
    <d v="2016-12-23T00:00:00"/>
    <x v="11"/>
    <x v="2"/>
    <x v="391"/>
    <x v="6"/>
    <x v="1"/>
    <x v="8"/>
    <s v="Electrix Architect's Clamp-On Swing Arm Lamp, Black"/>
    <n v="286.38"/>
    <n v="3"/>
    <n v="83.05"/>
  </r>
  <r>
    <d v="2016-12-23T00:00:00"/>
    <x v="11"/>
    <x v="2"/>
    <x v="624"/>
    <x v="1"/>
    <x v="1"/>
    <x v="11"/>
    <s v="Bush Westfield Collection Bookcases, Fully Assembled"/>
    <n v="141.37"/>
    <n v="2"/>
    <n v="-14.14"/>
  </r>
  <r>
    <d v="2016-12-23T00:00:00"/>
    <x v="11"/>
    <x v="2"/>
    <x v="212"/>
    <x v="14"/>
    <x v="0"/>
    <x v="7"/>
    <s v="Acco Clips to Go Binder Clips, 24 Clips in Two Sizes"/>
    <n v="24.85"/>
    <n v="7"/>
    <n v="11.68"/>
  </r>
  <r>
    <d v="2016-12-23T00:00:00"/>
    <x v="11"/>
    <x v="2"/>
    <x v="685"/>
    <x v="10"/>
    <x v="0"/>
    <x v="3"/>
    <s v="Universal Recycled Hanging Pressboard Report Binders, Letter Size"/>
    <n v="5.55"/>
    <n v="3"/>
    <n v="-4.07"/>
  </r>
  <r>
    <d v="2016-12-23T00:00:00"/>
    <x v="11"/>
    <x v="2"/>
    <x v="150"/>
    <x v="22"/>
    <x v="0"/>
    <x v="4"/>
    <s v="Newell 317"/>
    <n v="8.82"/>
    <n v="3"/>
    <n v="2.56"/>
  </r>
  <r>
    <d v="2016-12-23T00:00:00"/>
    <x v="11"/>
    <x v="2"/>
    <x v="150"/>
    <x v="22"/>
    <x v="0"/>
    <x v="0"/>
    <s v="Computer Printout Paper with Letter-Trim Perforations"/>
    <n v="37.94"/>
    <n v="2"/>
    <n v="18.21"/>
  </r>
  <r>
    <d v="2016-12-23T00:00:00"/>
    <x v="11"/>
    <x v="2"/>
    <x v="150"/>
    <x v="22"/>
    <x v="0"/>
    <x v="4"/>
    <s v="Sanford EarthWrite Recycled Pencils, Medium Soft, #2"/>
    <n v="4.2"/>
    <n v="2"/>
    <n v="1.18"/>
  </r>
  <r>
    <d v="2016-12-23T00:00:00"/>
    <x v="11"/>
    <x v="2"/>
    <x v="150"/>
    <x v="22"/>
    <x v="0"/>
    <x v="2"/>
    <s v="SAFCO Boltless Steel Shelving"/>
    <n v="227.28"/>
    <n v="2"/>
    <n v="2.27"/>
  </r>
  <r>
    <d v="2016-12-23T00:00:00"/>
    <x v="11"/>
    <x v="2"/>
    <x v="150"/>
    <x v="22"/>
    <x v="0"/>
    <x v="0"/>
    <s v="Xerox 1911"/>
    <n v="47.9"/>
    <n v="1"/>
    <n v="22.99"/>
  </r>
  <r>
    <d v="2016-12-23T00:00:00"/>
    <x v="11"/>
    <x v="2"/>
    <x v="150"/>
    <x v="22"/>
    <x v="0"/>
    <x v="10"/>
    <s v="Staple envelope"/>
    <n v="61.96"/>
    <n v="2"/>
    <n v="30.36"/>
  </r>
  <r>
    <d v="2016-12-23T00:00:00"/>
    <x v="11"/>
    <x v="2"/>
    <x v="150"/>
    <x v="22"/>
    <x v="0"/>
    <x v="2"/>
    <s v="Tennsco Snap-Together Open Shelving Units, Starter Sets and Add-On Units"/>
    <n v="1117.92"/>
    <n v="4"/>
    <n v="55.9"/>
  </r>
  <r>
    <d v="2016-12-23T00:00:00"/>
    <x v="11"/>
    <x v="2"/>
    <x v="27"/>
    <x v="43"/>
    <x v="2"/>
    <x v="16"/>
    <s v="Hewlett Packard 610 Color Digital Copier / Printer"/>
    <n v="1999.96"/>
    <n v="4"/>
    <n v="899.98"/>
  </r>
  <r>
    <d v="2016-12-23T00:00:00"/>
    <x v="11"/>
    <x v="2"/>
    <x v="174"/>
    <x v="0"/>
    <x v="2"/>
    <x v="6"/>
    <s v="Wireless Extenders zBoost YX545 SOHO Signal Booster"/>
    <n v="453.58"/>
    <n v="3"/>
    <n v="39.69"/>
  </r>
  <r>
    <d v="2016-12-23T00:00:00"/>
    <x v="11"/>
    <x v="2"/>
    <x v="174"/>
    <x v="0"/>
    <x v="0"/>
    <x v="1"/>
    <s v="Permanent Self-Adhesive File Folder Labels for Typewriters, 1 1/8 x 3 1/2, White"/>
    <n v="45.36"/>
    <n v="9"/>
    <n v="14.74"/>
  </r>
  <r>
    <d v="2016-12-23T00:00:00"/>
    <x v="11"/>
    <x v="2"/>
    <x v="174"/>
    <x v="0"/>
    <x v="2"/>
    <x v="6"/>
    <s v="Cisco SPA 502G IP Phone"/>
    <n v="287.88"/>
    <n v="3"/>
    <n v="35.99"/>
  </r>
  <r>
    <d v="2016-12-23T00:00:00"/>
    <x v="11"/>
    <x v="2"/>
    <x v="174"/>
    <x v="0"/>
    <x v="2"/>
    <x v="6"/>
    <s v="Cisco SPA112 2 Port Phone Adapter"/>
    <n v="131.88"/>
    <n v="3"/>
    <n v="14.84"/>
  </r>
  <r>
    <d v="2016-12-23T00:00:00"/>
    <x v="11"/>
    <x v="2"/>
    <x v="174"/>
    <x v="0"/>
    <x v="1"/>
    <x v="8"/>
    <s v="GE General Purpose, Extra Long Life, Showcase &amp; Floodlight Incandescent Bulbs"/>
    <n v="2.33"/>
    <n v="2"/>
    <n v="-0.76"/>
  </r>
  <r>
    <d v="2016-12-23T00:00:00"/>
    <x v="11"/>
    <x v="2"/>
    <x v="365"/>
    <x v="2"/>
    <x v="0"/>
    <x v="0"/>
    <s v="Xerox 1952"/>
    <n v="7.97"/>
    <n v="2"/>
    <n v="2.69"/>
  </r>
  <r>
    <d v="2016-12-23T00:00:00"/>
    <x v="11"/>
    <x v="2"/>
    <x v="365"/>
    <x v="2"/>
    <x v="2"/>
    <x v="6"/>
    <s v="LG G2"/>
    <n v="1499.97"/>
    <n v="5"/>
    <n v="-374.99"/>
  </r>
  <r>
    <d v="2016-12-24T00:00:00"/>
    <x v="11"/>
    <x v="2"/>
    <x v="237"/>
    <x v="25"/>
    <x v="0"/>
    <x v="3"/>
    <s v="GBC Linen Binding Covers"/>
    <n v="27.88"/>
    <n v="3"/>
    <n v="-20.45"/>
  </r>
  <r>
    <d v="2016-12-24T00:00:00"/>
    <x v="11"/>
    <x v="2"/>
    <x v="237"/>
    <x v="25"/>
    <x v="0"/>
    <x v="2"/>
    <s v="Tennsco Double-Tier Lockers"/>
    <n v="540.04999999999995"/>
    <n v="3"/>
    <n v="-47.25"/>
  </r>
  <r>
    <d v="2016-12-24T00:00:00"/>
    <x v="11"/>
    <x v="2"/>
    <x v="237"/>
    <x v="25"/>
    <x v="2"/>
    <x v="9"/>
    <s v="Microsoft Sculpt Comfort Mouse"/>
    <n v="255.68"/>
    <n v="8"/>
    <n v="76.7"/>
  </r>
  <r>
    <d v="2016-12-24T00:00:00"/>
    <x v="11"/>
    <x v="2"/>
    <x v="625"/>
    <x v="22"/>
    <x v="0"/>
    <x v="0"/>
    <s v="Xerox 1898"/>
    <n v="33.4"/>
    <n v="5"/>
    <n v="16.03"/>
  </r>
  <r>
    <d v="2016-12-24T00:00:00"/>
    <x v="11"/>
    <x v="2"/>
    <x v="401"/>
    <x v="20"/>
    <x v="1"/>
    <x v="8"/>
    <s v="Luxo Adjustable Task Clamp Lamp"/>
    <n v="799.56"/>
    <n v="9"/>
    <n v="207.89"/>
  </r>
  <r>
    <d v="2016-12-24T00:00:00"/>
    <x v="11"/>
    <x v="2"/>
    <x v="203"/>
    <x v="20"/>
    <x v="2"/>
    <x v="6"/>
    <s v="Samsung Rugby III"/>
    <n v="197.97"/>
    <n v="3"/>
    <n v="53.45"/>
  </r>
  <r>
    <d v="2016-12-24T00:00:00"/>
    <x v="11"/>
    <x v="2"/>
    <x v="573"/>
    <x v="3"/>
    <x v="1"/>
    <x v="8"/>
    <s v="Eldon 200 Class Desk Accessories, Smoke"/>
    <n v="43.96"/>
    <n v="7"/>
    <n v="18.46"/>
  </r>
  <r>
    <d v="2016-12-24T00:00:00"/>
    <x v="11"/>
    <x v="2"/>
    <x v="573"/>
    <x v="3"/>
    <x v="0"/>
    <x v="10"/>
    <s v="Staple envelope"/>
    <n v="39.76"/>
    <n v="7"/>
    <n v="18.690000000000001"/>
  </r>
  <r>
    <d v="2016-12-25T00:00:00"/>
    <x v="11"/>
    <x v="2"/>
    <x v="271"/>
    <x v="3"/>
    <x v="2"/>
    <x v="6"/>
    <s v="Samsung Galaxy Note 2"/>
    <n v="2575.94"/>
    <n v="7"/>
    <n v="257.58999999999997"/>
  </r>
  <r>
    <d v="2016-12-25T00:00:00"/>
    <x v="11"/>
    <x v="2"/>
    <x v="271"/>
    <x v="3"/>
    <x v="0"/>
    <x v="0"/>
    <s v="Xerox 225"/>
    <n v="45.36"/>
    <n v="7"/>
    <n v="21.77"/>
  </r>
  <r>
    <d v="2016-12-25T00:00:00"/>
    <x v="11"/>
    <x v="2"/>
    <x v="271"/>
    <x v="3"/>
    <x v="2"/>
    <x v="9"/>
    <s v="SanDisk Cruzer 64 GB USB Flash Drive"/>
    <n v="254.24"/>
    <n v="7"/>
    <n v="76.27"/>
  </r>
  <r>
    <d v="2016-12-25T00:00:00"/>
    <x v="11"/>
    <x v="2"/>
    <x v="280"/>
    <x v="20"/>
    <x v="0"/>
    <x v="3"/>
    <s v="GBC Premium Transparent Covers with Diagonal Lined Pattern"/>
    <n v="33.57"/>
    <n v="2"/>
    <n v="11.75"/>
  </r>
  <r>
    <d v="2016-12-25T00:00:00"/>
    <x v="11"/>
    <x v="2"/>
    <x v="531"/>
    <x v="38"/>
    <x v="1"/>
    <x v="8"/>
    <s v="Master Big Foot Doorstop, Beige"/>
    <n v="21.12"/>
    <n v="4"/>
    <n v="6.55"/>
  </r>
  <r>
    <d v="2016-12-25T00:00:00"/>
    <x v="11"/>
    <x v="2"/>
    <x v="364"/>
    <x v="22"/>
    <x v="1"/>
    <x v="5"/>
    <s v="Global Executive Mid-Back Manager's Chair"/>
    <n v="698.35"/>
    <n v="3"/>
    <n v="52.38"/>
  </r>
  <r>
    <d v="2016-12-25T00:00:00"/>
    <x v="11"/>
    <x v="2"/>
    <x v="364"/>
    <x v="22"/>
    <x v="1"/>
    <x v="13"/>
    <s v="SAFCO PlanMaster Heigh-Adjustable Drafting Table Base, 43w x 30d x 30-37h, Black"/>
    <n v="1747.25"/>
    <n v="5"/>
    <n v="629.01"/>
  </r>
  <r>
    <d v="2016-12-25T00:00:00"/>
    <x v="11"/>
    <x v="2"/>
    <x v="230"/>
    <x v="12"/>
    <x v="1"/>
    <x v="13"/>
    <s v="KI Conference Tables"/>
    <n v="35.450000000000003"/>
    <n v="1"/>
    <n v="-24.1"/>
  </r>
  <r>
    <d v="2016-12-25T00:00:00"/>
    <x v="11"/>
    <x v="2"/>
    <x v="230"/>
    <x v="12"/>
    <x v="2"/>
    <x v="15"/>
    <s v="Panasonic KX MC6040 Color Laser Multifunction Printer"/>
    <n v="269.97000000000003"/>
    <n v="2"/>
    <n v="-386.96"/>
  </r>
  <r>
    <d v="2016-12-25T00:00:00"/>
    <x v="11"/>
    <x v="2"/>
    <x v="230"/>
    <x v="12"/>
    <x v="2"/>
    <x v="9"/>
    <s v="ImationÂ Clip USBÂ flash driveÂ - 8 GB"/>
    <n v="45.12"/>
    <n v="3"/>
    <n v="-7.9"/>
  </r>
  <r>
    <d v="2016-12-25T00:00:00"/>
    <x v="11"/>
    <x v="2"/>
    <x v="230"/>
    <x v="12"/>
    <x v="2"/>
    <x v="9"/>
    <s v="Hypercom P1300 Pinpad"/>
    <n v="100.8"/>
    <n v="2"/>
    <n v="21.42"/>
  </r>
  <r>
    <d v="2016-12-25T00:00:00"/>
    <x v="11"/>
    <x v="2"/>
    <x v="230"/>
    <x v="12"/>
    <x v="1"/>
    <x v="5"/>
    <s v="Global Stack Chair with Arms, Black"/>
    <n v="47.97"/>
    <n v="2"/>
    <n v="4.2"/>
  </r>
  <r>
    <d v="2016-12-25T00:00:00"/>
    <x v="11"/>
    <x v="2"/>
    <x v="504"/>
    <x v="20"/>
    <x v="1"/>
    <x v="13"/>
    <s v="Bevis Oval Conference Table, Walnut"/>
    <n v="313.18"/>
    <n v="2"/>
    <n v="-120.05"/>
  </r>
  <r>
    <d v="2016-12-25T00:00:00"/>
    <x v="11"/>
    <x v="2"/>
    <x v="504"/>
    <x v="20"/>
    <x v="1"/>
    <x v="5"/>
    <s v="Hon 4070 Series Pagoda Round Back Stacking Chairs"/>
    <n v="866.65"/>
    <n v="3"/>
    <n v="173.33"/>
  </r>
  <r>
    <d v="2016-12-25T00:00:00"/>
    <x v="11"/>
    <x v="2"/>
    <x v="603"/>
    <x v="13"/>
    <x v="0"/>
    <x v="4"/>
    <s v="Newell 327"/>
    <n v="19.89"/>
    <n v="9"/>
    <n v="5.37"/>
  </r>
  <r>
    <d v="2016-12-25T00:00:00"/>
    <x v="11"/>
    <x v="2"/>
    <x v="603"/>
    <x v="13"/>
    <x v="2"/>
    <x v="9"/>
    <s v="Razer Tiamat Over Ear 7.1 Surround Sound PC Gaming Headset"/>
    <n v="399.98"/>
    <n v="2"/>
    <n v="171.99"/>
  </r>
  <r>
    <d v="2016-12-25T00:00:00"/>
    <x v="11"/>
    <x v="2"/>
    <x v="603"/>
    <x v="13"/>
    <x v="1"/>
    <x v="8"/>
    <s v="Howard Miller 13-1/2&quot; Diameter Rosebrook Wall Clock"/>
    <n v="343.85"/>
    <n v="5"/>
    <n v="137.54"/>
  </r>
  <r>
    <d v="2016-12-25T00:00:00"/>
    <x v="11"/>
    <x v="2"/>
    <x v="603"/>
    <x v="13"/>
    <x v="0"/>
    <x v="0"/>
    <s v="Xerox 1906"/>
    <n v="106.32"/>
    <n v="3"/>
    <n v="49.97"/>
  </r>
  <r>
    <d v="2016-12-25T00:00:00"/>
    <x v="11"/>
    <x v="2"/>
    <x v="364"/>
    <x v="20"/>
    <x v="1"/>
    <x v="5"/>
    <s v="Hon 4700 Series Mobuis Mid-Back Task Chairs with Adjustable Arms"/>
    <n v="2563.06"/>
    <n v="8"/>
    <n v="313.26"/>
  </r>
  <r>
    <d v="2016-12-26T00:00:00"/>
    <x v="11"/>
    <x v="2"/>
    <x v="558"/>
    <x v="22"/>
    <x v="0"/>
    <x v="0"/>
    <s v="Strathmore Photo Mount Cards"/>
    <n v="33.9"/>
    <n v="5"/>
    <n v="15.59"/>
  </r>
  <r>
    <d v="2016-12-26T00:00:00"/>
    <x v="11"/>
    <x v="2"/>
    <x v="177"/>
    <x v="20"/>
    <x v="2"/>
    <x v="9"/>
    <s v="Belkin F8E887 USB Wired Ergonomic Keyboard"/>
    <n v="89.97"/>
    <n v="3"/>
    <n v="18.89"/>
  </r>
  <r>
    <d v="2016-12-26T00:00:00"/>
    <x v="11"/>
    <x v="2"/>
    <x v="562"/>
    <x v="26"/>
    <x v="0"/>
    <x v="12"/>
    <s v="Harmony HEPA Quiet Air Purifiers"/>
    <n v="18.72"/>
    <n v="2"/>
    <n v="3.51"/>
  </r>
  <r>
    <d v="2016-12-26T00:00:00"/>
    <x v="11"/>
    <x v="2"/>
    <x v="554"/>
    <x v="26"/>
    <x v="0"/>
    <x v="4"/>
    <s v="SANFORD Major Accent Highlighters"/>
    <n v="11.33"/>
    <n v="2"/>
    <n v="2.5499999999999998"/>
  </r>
  <r>
    <d v="2016-12-26T00:00:00"/>
    <x v="11"/>
    <x v="2"/>
    <x v="411"/>
    <x v="3"/>
    <x v="0"/>
    <x v="14"/>
    <s v="Fiskars Home &amp; Office Scissors"/>
    <n v="17.760000000000002"/>
    <n v="2"/>
    <n v="4.97"/>
  </r>
  <r>
    <d v="2016-12-26T00:00:00"/>
    <x v="11"/>
    <x v="2"/>
    <x v="411"/>
    <x v="3"/>
    <x v="2"/>
    <x v="6"/>
    <s v="Mitel 5320 IP Phone VoIP phone"/>
    <n v="302.38"/>
    <n v="2"/>
    <n v="30.24"/>
  </r>
  <r>
    <d v="2016-12-26T00:00:00"/>
    <x v="11"/>
    <x v="2"/>
    <x v="411"/>
    <x v="3"/>
    <x v="1"/>
    <x v="5"/>
    <s v="Global Armless Task Chair, Royal Blue"/>
    <n v="146.35"/>
    <n v="3"/>
    <n v="-5.49"/>
  </r>
  <r>
    <d v="2016-12-26T00:00:00"/>
    <x v="11"/>
    <x v="2"/>
    <x v="411"/>
    <x v="3"/>
    <x v="0"/>
    <x v="12"/>
    <s v="Hoover Replacement Belts For Soft Guard &amp; Commercial Ltweight Upright Vacs, 2/Pk"/>
    <n v="7.9"/>
    <n v="2"/>
    <n v="2.0499999999999998"/>
  </r>
  <r>
    <d v="2016-12-26T00:00:00"/>
    <x v="11"/>
    <x v="2"/>
    <x v="411"/>
    <x v="3"/>
    <x v="1"/>
    <x v="13"/>
    <s v="Bretford Rectangular Conference Table Tops"/>
    <n v="902.71"/>
    <n v="3"/>
    <n v="33.85"/>
  </r>
  <r>
    <d v="2016-12-26T00:00:00"/>
    <x v="11"/>
    <x v="2"/>
    <x v="411"/>
    <x v="3"/>
    <x v="0"/>
    <x v="4"/>
    <s v="Model L Table or Wall-Mount Pencil Sharpener"/>
    <n v="53.97"/>
    <n v="3"/>
    <n v="15.11"/>
  </r>
  <r>
    <d v="2016-12-26T00:00:00"/>
    <x v="11"/>
    <x v="2"/>
    <x v="653"/>
    <x v="23"/>
    <x v="1"/>
    <x v="5"/>
    <s v="Novimex Turbo Task Chair"/>
    <n v="212.94"/>
    <n v="3"/>
    <n v="25.55"/>
  </r>
  <r>
    <d v="2016-12-26T00:00:00"/>
    <x v="11"/>
    <x v="2"/>
    <x v="653"/>
    <x v="23"/>
    <x v="0"/>
    <x v="12"/>
    <s v="Fellowes Advanced Computer Series Surge Protectors"/>
    <n v="26.49"/>
    <n v="1"/>
    <n v="7.42"/>
  </r>
  <r>
    <d v="2016-12-26T00:00:00"/>
    <x v="11"/>
    <x v="2"/>
    <x v="202"/>
    <x v="20"/>
    <x v="0"/>
    <x v="3"/>
    <s v="Round Ring Binders"/>
    <n v="4.99"/>
    <n v="3"/>
    <n v="1.68"/>
  </r>
  <r>
    <d v="2016-12-27T00:00:00"/>
    <x v="11"/>
    <x v="2"/>
    <x v="196"/>
    <x v="1"/>
    <x v="1"/>
    <x v="5"/>
    <s v="Global Manager's Adjustable Task Chair, Storm"/>
    <n v="845.49"/>
    <n v="8"/>
    <n v="-12.08"/>
  </r>
  <r>
    <d v="2016-12-27T00:00:00"/>
    <x v="11"/>
    <x v="2"/>
    <x v="711"/>
    <x v="0"/>
    <x v="0"/>
    <x v="0"/>
    <s v="Xerox 214"/>
    <n v="10.37"/>
    <n v="2"/>
    <n v="3.63"/>
  </r>
  <r>
    <d v="2016-12-27T00:00:00"/>
    <x v="11"/>
    <x v="2"/>
    <x v="711"/>
    <x v="0"/>
    <x v="0"/>
    <x v="0"/>
    <s v="It's Hot Message Books with Stickers, 2 3/4&quot; x 5&quot;"/>
    <n v="23.68"/>
    <n v="4"/>
    <n v="7.4"/>
  </r>
  <r>
    <d v="2016-12-27T00:00:00"/>
    <x v="11"/>
    <x v="2"/>
    <x v="363"/>
    <x v="10"/>
    <x v="2"/>
    <x v="9"/>
    <s v="Micro Innovations USB RF Wireless Keyboard with Mouse"/>
    <n v="40"/>
    <n v="2"/>
    <n v="0.5"/>
  </r>
  <r>
    <d v="2016-12-27T00:00:00"/>
    <x v="11"/>
    <x v="2"/>
    <x v="306"/>
    <x v="3"/>
    <x v="0"/>
    <x v="1"/>
    <s v="Avery File Folder Labels"/>
    <n v="20.16"/>
    <n v="7"/>
    <n v="9.8800000000000008"/>
  </r>
  <r>
    <d v="2016-12-27T00:00:00"/>
    <x v="11"/>
    <x v="2"/>
    <x v="476"/>
    <x v="10"/>
    <x v="0"/>
    <x v="7"/>
    <s v="OIC Colored Binder Clips, Assorted Sizes"/>
    <n v="17.18"/>
    <n v="6"/>
    <n v="6.23"/>
  </r>
  <r>
    <d v="2016-12-27T00:00:00"/>
    <x v="11"/>
    <x v="2"/>
    <x v="677"/>
    <x v="5"/>
    <x v="0"/>
    <x v="1"/>
    <s v="Avery 479"/>
    <n v="2.61"/>
    <n v="1"/>
    <n v="1.2"/>
  </r>
  <r>
    <d v="2016-12-29T00:00:00"/>
    <x v="11"/>
    <x v="2"/>
    <x v="47"/>
    <x v="21"/>
    <x v="1"/>
    <x v="5"/>
    <s v="Global Leather &amp; Oak Executive Chair, Burgundy"/>
    <n v="754.45"/>
    <n v="5"/>
    <n v="60.36"/>
  </r>
  <r>
    <d v="2016-12-29T00:00:00"/>
    <x v="11"/>
    <x v="2"/>
    <x v="75"/>
    <x v="1"/>
    <x v="0"/>
    <x v="0"/>
    <s v="White Computer Printout Paper by Universal"/>
    <n v="186.05"/>
    <n v="6"/>
    <n v="67.44"/>
  </r>
  <r>
    <d v="2016-12-29T00:00:00"/>
    <x v="11"/>
    <x v="2"/>
    <x v="634"/>
    <x v="15"/>
    <x v="0"/>
    <x v="3"/>
    <s v="GBC Wire Binding Strips"/>
    <n v="38.090000000000003"/>
    <n v="4"/>
    <n v="-27.93"/>
  </r>
  <r>
    <d v="2016-12-29T00:00:00"/>
    <x v="11"/>
    <x v="2"/>
    <x v="634"/>
    <x v="15"/>
    <x v="0"/>
    <x v="3"/>
    <s v="Zipper Ring Binder Pockets"/>
    <n v="2.81"/>
    <n v="3"/>
    <n v="-1.97"/>
  </r>
  <r>
    <d v="2016-12-29T00:00:00"/>
    <x v="11"/>
    <x v="2"/>
    <x v="101"/>
    <x v="42"/>
    <x v="1"/>
    <x v="8"/>
    <s v="Executive Impressions 10&quot; Spectator Wall Clock"/>
    <n v="70.56"/>
    <n v="6"/>
    <n v="23.99"/>
  </r>
  <r>
    <d v="2016-12-29T00:00:00"/>
    <x v="11"/>
    <x v="2"/>
    <x v="101"/>
    <x v="42"/>
    <x v="0"/>
    <x v="12"/>
    <s v="Belkin 8 Outlet Surge Protector"/>
    <n v="81.96"/>
    <n v="2"/>
    <n v="22.95"/>
  </r>
  <r>
    <d v="2016-12-29T00:00:00"/>
    <x v="11"/>
    <x v="2"/>
    <x v="766"/>
    <x v="3"/>
    <x v="0"/>
    <x v="3"/>
    <s v="Acco Translucent Poly Ring Binders"/>
    <n v="11.23"/>
    <n v="3"/>
    <n v="3.93"/>
  </r>
  <r>
    <d v="2016-12-29T00:00:00"/>
    <x v="11"/>
    <x v="2"/>
    <x v="318"/>
    <x v="11"/>
    <x v="0"/>
    <x v="10"/>
    <s v="Peel &amp; Seel Recycled Catalog Envelopes, Brown"/>
    <n v="27.79"/>
    <n v="3"/>
    <n v="10.42"/>
  </r>
  <r>
    <d v="2016-12-29T00:00:00"/>
    <x v="11"/>
    <x v="2"/>
    <x v="167"/>
    <x v="16"/>
    <x v="0"/>
    <x v="0"/>
    <s v="Xerox 1898"/>
    <n v="37.409999999999997"/>
    <n v="7"/>
    <n v="13.09"/>
  </r>
  <r>
    <d v="2016-12-29T00:00:00"/>
    <x v="11"/>
    <x v="2"/>
    <x v="167"/>
    <x v="16"/>
    <x v="0"/>
    <x v="0"/>
    <s v="Astroparche Fine Business Paper"/>
    <n v="25.34"/>
    <n v="6"/>
    <n v="8.8699999999999992"/>
  </r>
  <r>
    <d v="2016-12-29T00:00:00"/>
    <x v="11"/>
    <x v="2"/>
    <x v="251"/>
    <x v="3"/>
    <x v="0"/>
    <x v="2"/>
    <s v="Project Tote Personal File"/>
    <n v="14.03"/>
    <n v="1"/>
    <n v="4.07"/>
  </r>
  <r>
    <d v="2016-12-29T00:00:00"/>
    <x v="11"/>
    <x v="2"/>
    <x v="251"/>
    <x v="3"/>
    <x v="0"/>
    <x v="14"/>
    <s v="Fiskars Spring-Action Scissors"/>
    <n v="27.96"/>
    <n v="2"/>
    <n v="7.27"/>
  </r>
  <r>
    <d v="2016-12-30T00:00:00"/>
    <x v="11"/>
    <x v="2"/>
    <x v="435"/>
    <x v="0"/>
    <x v="0"/>
    <x v="3"/>
    <s v="Avery Binding System Hidden Tab Executive Style Index Sets"/>
    <n v="6.92"/>
    <n v="6"/>
    <n v="-10.39"/>
  </r>
  <r>
    <d v="2016-12-30T00:00:00"/>
    <x v="11"/>
    <x v="2"/>
    <x v="240"/>
    <x v="10"/>
    <x v="0"/>
    <x v="1"/>
    <s v="Avery 487"/>
    <n v="5.9"/>
    <n v="2"/>
    <n v="1.99"/>
  </r>
  <r>
    <d v="2016-12-30T00:00:00"/>
    <x v="11"/>
    <x v="2"/>
    <x v="240"/>
    <x v="10"/>
    <x v="0"/>
    <x v="14"/>
    <s v="Acme Office Executive Series Stainless Steel Trimmers"/>
    <n v="13.71"/>
    <n v="2"/>
    <n v="1.03"/>
  </r>
  <r>
    <d v="2016-12-30T00:00:00"/>
    <x v="11"/>
    <x v="2"/>
    <x v="425"/>
    <x v="3"/>
    <x v="0"/>
    <x v="2"/>
    <s v="Iceberg Mobile Mega Data/Printer Cart"/>
    <n v="481.32"/>
    <n v="4"/>
    <n v="125.14"/>
  </r>
  <r>
    <d v="2016-12-30T00:00:00"/>
    <x v="11"/>
    <x v="2"/>
    <x v="425"/>
    <x v="3"/>
    <x v="0"/>
    <x v="3"/>
    <s v="Cardinal Hold-It CD Pocket"/>
    <n v="6.38"/>
    <n v="1"/>
    <n v="2.15"/>
  </r>
  <r>
    <d v="2016-12-30T00:00:00"/>
    <x v="11"/>
    <x v="2"/>
    <x v="12"/>
    <x v="2"/>
    <x v="1"/>
    <x v="5"/>
    <s v="Hon Deluxe Fabric Upholstered Stacking Chairs, Rounded Back"/>
    <n v="170.79"/>
    <n v="1"/>
    <n v="0"/>
  </r>
  <r>
    <d v="2016-12-30T00:00:00"/>
    <x v="11"/>
    <x v="2"/>
    <x v="781"/>
    <x v="2"/>
    <x v="0"/>
    <x v="4"/>
    <s v="Newell 31"/>
    <n v="16.52"/>
    <n v="5"/>
    <n v="1.65"/>
  </r>
  <r>
    <d v="2016-12-30T00:00:00"/>
    <x v="11"/>
    <x v="2"/>
    <x v="216"/>
    <x v="16"/>
    <x v="0"/>
    <x v="0"/>
    <s v="Embossed Ink Jet Note Cards"/>
    <n v="72.22"/>
    <n v="4"/>
    <n v="25.28"/>
  </r>
  <r>
    <d v="2016-12-31T00:00:00"/>
    <x v="11"/>
    <x v="2"/>
    <x v="254"/>
    <x v="17"/>
    <x v="0"/>
    <x v="4"/>
    <s v="Crayola Anti Dust Chalk, 12/Pack"/>
    <n v="3.64"/>
    <n v="2"/>
    <n v="1.64"/>
  </r>
  <r>
    <d v="2016-12-31T00:00:00"/>
    <x v="11"/>
    <x v="2"/>
    <x v="254"/>
    <x v="17"/>
    <x v="0"/>
    <x v="3"/>
    <s v="Lock-Up Easel 'Spel-Binder'"/>
    <n v="159.77000000000001"/>
    <n v="7"/>
    <n v="53.92"/>
  </r>
  <r>
    <d v="2016-12-31T00:00:00"/>
    <x v="11"/>
    <x v="2"/>
    <x v="280"/>
    <x v="3"/>
    <x v="2"/>
    <x v="6"/>
    <s v="Adtran 1202752G1"/>
    <n v="302.38"/>
    <n v="3"/>
    <n v="22.68"/>
  </r>
  <r>
    <d v="2016-12-31T00:00:00"/>
    <x v="11"/>
    <x v="2"/>
    <x v="287"/>
    <x v="16"/>
    <x v="0"/>
    <x v="4"/>
    <s v="Newell 345"/>
    <n v="47.62"/>
    <n v="3"/>
    <n v="3.57"/>
  </r>
  <r>
    <d v="2016-12-31T00:00:00"/>
    <x v="11"/>
    <x v="2"/>
    <x v="287"/>
    <x v="16"/>
    <x v="0"/>
    <x v="0"/>
    <s v="Things To Do Today Pad"/>
    <n v="23.48"/>
    <n v="5"/>
    <n v="8.2200000000000006"/>
  </r>
  <r>
    <d v="2016-12-31T00:00:00"/>
    <x v="11"/>
    <x v="2"/>
    <x v="652"/>
    <x v="3"/>
    <x v="0"/>
    <x v="3"/>
    <s v="GBC Pre-Punched Binding Paper, Plastic, White, 8-1/2&quot; x 11&quot;"/>
    <n v="38.380000000000003"/>
    <n v="3"/>
    <n v="13.43"/>
  </r>
  <r>
    <d v="2016-12-31T00:00:00"/>
    <x v="11"/>
    <x v="2"/>
    <x v="257"/>
    <x v="10"/>
    <x v="0"/>
    <x v="2"/>
    <s v="Tennsco Industrial Shelving"/>
    <n v="156.51"/>
    <n v="4"/>
    <n v="-35.22"/>
  </r>
  <r>
    <d v="2017-01-01T00:00:00"/>
    <x v="0"/>
    <x v="3"/>
    <x v="41"/>
    <x v="10"/>
    <x v="1"/>
    <x v="8"/>
    <s v="Linden 10&quot; Round Wall Clock, Black"/>
    <n v="48.9"/>
    <n v="4"/>
    <n v="8.56"/>
  </r>
  <r>
    <d v="2017-01-01T00:00:00"/>
    <x v="0"/>
    <x v="3"/>
    <x v="236"/>
    <x v="3"/>
    <x v="1"/>
    <x v="8"/>
    <s v="Howard Miller 11-1/2&quot; Diameter Brentwood Wall Clock"/>
    <n v="474.43"/>
    <n v="11"/>
    <n v="199.26"/>
  </r>
  <r>
    <d v="2017-01-01T00:00:00"/>
    <x v="0"/>
    <x v="3"/>
    <x v="285"/>
    <x v="21"/>
    <x v="0"/>
    <x v="3"/>
    <s v="Wilson Jones Easy Flow II Sheet Lifters"/>
    <n v="3.6"/>
    <n v="2"/>
    <n v="1.73"/>
  </r>
  <r>
    <d v="2017-01-01T00:00:00"/>
    <x v="0"/>
    <x v="3"/>
    <x v="744"/>
    <x v="0"/>
    <x v="0"/>
    <x v="2"/>
    <s v="SAFCO Boltless Steel Shelving"/>
    <n v="454.56"/>
    <n v="5"/>
    <n v="-107.96"/>
  </r>
  <r>
    <d v="2017-01-01T00:00:00"/>
    <x v="0"/>
    <x v="3"/>
    <x v="744"/>
    <x v="0"/>
    <x v="1"/>
    <x v="8"/>
    <s v="Tenex Carpeted, Granite-Look or Clear Contemporary Contour Shape Chair Mats"/>
    <n v="141.41999999999999"/>
    <n v="5"/>
    <n v="-187.38"/>
  </r>
  <r>
    <d v="2017-01-01T00:00:00"/>
    <x v="0"/>
    <x v="3"/>
    <x v="744"/>
    <x v="0"/>
    <x v="1"/>
    <x v="5"/>
    <s v="Office Star - Contemporary Task Swivel Chair"/>
    <n v="310.74"/>
    <n v="4"/>
    <n v="-26.64"/>
  </r>
  <r>
    <d v="2017-01-01T00:00:00"/>
    <x v="0"/>
    <x v="3"/>
    <x v="744"/>
    <x v="0"/>
    <x v="0"/>
    <x v="4"/>
    <s v="Fluorescent Highlighters by Dixon"/>
    <n v="12.74"/>
    <n v="4"/>
    <n v="2.23"/>
  </r>
  <r>
    <d v="2017-01-01T00:00:00"/>
    <x v="0"/>
    <x v="3"/>
    <x v="744"/>
    <x v="0"/>
    <x v="0"/>
    <x v="3"/>
    <s v="GBC Instant Report Kit"/>
    <n v="6.47"/>
    <n v="5"/>
    <n v="-9.7100000000000009"/>
  </r>
  <r>
    <d v="2017-01-01T00:00:00"/>
    <x v="0"/>
    <x v="3"/>
    <x v="744"/>
    <x v="0"/>
    <x v="0"/>
    <x v="3"/>
    <s v="Pressboard Covers with Storage Hooks, 9 1/2&quot; x 11&quot;, Light Blue"/>
    <n v="13.75"/>
    <n v="14"/>
    <n v="-22.68"/>
  </r>
  <r>
    <d v="2017-01-01T00:00:00"/>
    <x v="0"/>
    <x v="3"/>
    <x v="744"/>
    <x v="0"/>
    <x v="0"/>
    <x v="12"/>
    <s v="Fellowes Superior 10 Outlet Split Surge Protector"/>
    <n v="15.22"/>
    <n v="2"/>
    <n v="-38.82"/>
  </r>
  <r>
    <d v="2017-01-02T00:00:00"/>
    <x v="0"/>
    <x v="3"/>
    <x v="322"/>
    <x v="25"/>
    <x v="2"/>
    <x v="15"/>
    <s v="Cisco CP-7937G Unified IP Conference Station Phone"/>
    <n v="695.7"/>
    <n v="2"/>
    <n v="-27.83"/>
  </r>
  <r>
    <d v="2017-01-02T00:00:00"/>
    <x v="0"/>
    <x v="3"/>
    <x v="322"/>
    <x v="25"/>
    <x v="0"/>
    <x v="3"/>
    <s v="Avery 3 1/2&quot; Diskette Storage Pages, 10/Pack"/>
    <n v="15.66"/>
    <n v="5"/>
    <n v="-12.53"/>
  </r>
  <r>
    <d v="2017-01-02T00:00:00"/>
    <x v="0"/>
    <x v="3"/>
    <x v="322"/>
    <x v="25"/>
    <x v="0"/>
    <x v="3"/>
    <s v="Avery Recycled Flexi-View Covers for Binding Systems"/>
    <n v="28.85"/>
    <n v="6"/>
    <n v="-21.16"/>
  </r>
  <r>
    <d v="2017-01-02T00:00:00"/>
    <x v="0"/>
    <x v="3"/>
    <x v="603"/>
    <x v="0"/>
    <x v="0"/>
    <x v="4"/>
    <s v="Newell 319"/>
    <n v="31.74"/>
    <n v="2"/>
    <n v="3.97"/>
  </r>
  <r>
    <d v="2017-01-02T00:00:00"/>
    <x v="0"/>
    <x v="3"/>
    <x v="603"/>
    <x v="0"/>
    <x v="0"/>
    <x v="12"/>
    <s v="Hoover Commercial SteamVac"/>
    <n v="5.43"/>
    <n v="2"/>
    <n v="-13.58"/>
  </r>
  <r>
    <d v="2017-01-02T00:00:00"/>
    <x v="0"/>
    <x v="3"/>
    <x v="603"/>
    <x v="0"/>
    <x v="1"/>
    <x v="13"/>
    <s v="Bevis Oval Conference Table, Walnut"/>
    <n v="913.43"/>
    <n v="5"/>
    <n v="-169.64"/>
  </r>
  <r>
    <d v="2017-01-02T00:00:00"/>
    <x v="0"/>
    <x v="3"/>
    <x v="603"/>
    <x v="0"/>
    <x v="0"/>
    <x v="2"/>
    <s v="Dual Level, Single-Width Filing Carts"/>
    <n v="372.14"/>
    <n v="3"/>
    <n v="27.91"/>
  </r>
  <r>
    <d v="2017-01-02T00:00:00"/>
    <x v="0"/>
    <x v="3"/>
    <x v="623"/>
    <x v="3"/>
    <x v="2"/>
    <x v="9"/>
    <s v="Kensington K72356US Mouse-in-a-Box USB Desktop Mouse"/>
    <n v="16.59"/>
    <n v="1"/>
    <n v="5.81"/>
  </r>
  <r>
    <d v="2017-01-03T00:00:00"/>
    <x v="0"/>
    <x v="3"/>
    <x v="16"/>
    <x v="3"/>
    <x v="0"/>
    <x v="0"/>
    <s v="Xerox 1905"/>
    <n v="38.880000000000003"/>
    <n v="6"/>
    <n v="18.66"/>
  </r>
  <r>
    <d v="2017-01-03T00:00:00"/>
    <x v="0"/>
    <x v="3"/>
    <x v="616"/>
    <x v="3"/>
    <x v="0"/>
    <x v="3"/>
    <s v="GBC ProClick 150 Presentation Binding System"/>
    <n v="2022.27"/>
    <n v="8"/>
    <n v="682.52"/>
  </r>
  <r>
    <d v="2017-01-03T00:00:00"/>
    <x v="0"/>
    <x v="3"/>
    <x v="616"/>
    <x v="3"/>
    <x v="0"/>
    <x v="4"/>
    <s v="Manco Dry-Lighter Erasable Highlighter"/>
    <n v="9.1199999999999992"/>
    <n v="3"/>
    <n v="3.1"/>
  </r>
  <r>
    <d v="2017-01-06T00:00:00"/>
    <x v="0"/>
    <x v="3"/>
    <x v="285"/>
    <x v="33"/>
    <x v="0"/>
    <x v="3"/>
    <s v="Wilson Jones Turn Tabs Binder Tool for Ring Binders"/>
    <n v="33.74"/>
    <n v="7"/>
    <n v="15.52"/>
  </r>
  <r>
    <d v="2017-01-07T00:00:00"/>
    <x v="0"/>
    <x v="3"/>
    <x v="620"/>
    <x v="14"/>
    <x v="2"/>
    <x v="15"/>
    <s v="Lexmark MX611dhe Monochrome Laser Printer"/>
    <n v="3059.98"/>
    <n v="2"/>
    <n v="680"/>
  </r>
  <r>
    <d v="2017-01-07T00:00:00"/>
    <x v="0"/>
    <x v="3"/>
    <x v="669"/>
    <x v="16"/>
    <x v="0"/>
    <x v="3"/>
    <s v="Zipper Ring Binder Pockets"/>
    <n v="2.81"/>
    <n v="3"/>
    <n v="-1.97"/>
  </r>
  <r>
    <d v="2017-01-07T00:00:00"/>
    <x v="0"/>
    <x v="3"/>
    <x v="509"/>
    <x v="3"/>
    <x v="0"/>
    <x v="2"/>
    <s v="Eldon Fold 'N Roll Cart System"/>
    <n v="153.78"/>
    <n v="11"/>
    <n v="44.6"/>
  </r>
  <r>
    <d v="2017-01-07T00:00:00"/>
    <x v="0"/>
    <x v="3"/>
    <x v="509"/>
    <x v="3"/>
    <x v="0"/>
    <x v="2"/>
    <s v="Tennsco Commercial Shelving"/>
    <n v="61.02"/>
    <n v="3"/>
    <n v="0.61"/>
  </r>
  <r>
    <d v="2017-01-07T00:00:00"/>
    <x v="0"/>
    <x v="3"/>
    <x v="509"/>
    <x v="3"/>
    <x v="0"/>
    <x v="14"/>
    <s v="Acme Galleria Hot Forged Steel Scissors with Colored Handles"/>
    <n v="110.11"/>
    <n v="7"/>
    <n v="31.93"/>
  </r>
  <r>
    <d v="2017-01-07T00:00:00"/>
    <x v="0"/>
    <x v="3"/>
    <x v="509"/>
    <x v="3"/>
    <x v="0"/>
    <x v="7"/>
    <s v="Staples"/>
    <n v="7.89"/>
    <n v="1"/>
    <n v="3.55"/>
  </r>
  <r>
    <d v="2017-01-08T00:00:00"/>
    <x v="0"/>
    <x v="3"/>
    <x v="332"/>
    <x v="22"/>
    <x v="1"/>
    <x v="13"/>
    <s v="Balt Solid Wood Round Tables"/>
    <n v="892.98"/>
    <n v="2"/>
    <n v="80.37"/>
  </r>
  <r>
    <d v="2017-01-09T00:00:00"/>
    <x v="0"/>
    <x v="3"/>
    <x v="443"/>
    <x v="2"/>
    <x v="0"/>
    <x v="3"/>
    <s v="Ibico Hi-Tech Manual Binding System"/>
    <n v="274.49"/>
    <n v="3"/>
    <n v="-228.74"/>
  </r>
  <r>
    <d v="2017-01-12T00:00:00"/>
    <x v="0"/>
    <x v="3"/>
    <x v="163"/>
    <x v="44"/>
    <x v="0"/>
    <x v="0"/>
    <s v="Xerox 195"/>
    <n v="40.08"/>
    <n v="6"/>
    <n v="19.239999999999998"/>
  </r>
  <r>
    <d v="2017-01-12T00:00:00"/>
    <x v="0"/>
    <x v="3"/>
    <x v="163"/>
    <x v="44"/>
    <x v="1"/>
    <x v="8"/>
    <s v="Flat Face Poster Frame"/>
    <n v="37.68"/>
    <n v="2"/>
    <n v="15.83"/>
  </r>
  <r>
    <d v="2017-01-12T00:00:00"/>
    <x v="0"/>
    <x v="3"/>
    <x v="637"/>
    <x v="3"/>
    <x v="0"/>
    <x v="10"/>
    <s v="Staple envelope"/>
    <n v="9.7799999999999994"/>
    <n v="1"/>
    <n v="4.8899999999999997"/>
  </r>
  <r>
    <d v="2017-01-12T00:00:00"/>
    <x v="0"/>
    <x v="3"/>
    <x v="639"/>
    <x v="0"/>
    <x v="0"/>
    <x v="3"/>
    <s v="GBC Ibimaster 500 Manual ProClick Binding System"/>
    <n v="760.98"/>
    <n v="5"/>
    <n v="-1141.47"/>
  </r>
  <r>
    <d v="2017-01-13T00:00:00"/>
    <x v="0"/>
    <x v="3"/>
    <x v="552"/>
    <x v="24"/>
    <x v="0"/>
    <x v="0"/>
    <s v="Xerox 23"/>
    <n v="32.4"/>
    <n v="5"/>
    <n v="15.55"/>
  </r>
  <r>
    <d v="2017-01-13T00:00:00"/>
    <x v="0"/>
    <x v="3"/>
    <x v="552"/>
    <x v="24"/>
    <x v="0"/>
    <x v="4"/>
    <s v="Hunt Boston Vacuum Mount KS Pencil Sharpener"/>
    <n v="209.94"/>
    <n v="6"/>
    <n v="54.58"/>
  </r>
  <r>
    <d v="2017-01-13T00:00:00"/>
    <x v="0"/>
    <x v="3"/>
    <x v="552"/>
    <x v="24"/>
    <x v="0"/>
    <x v="14"/>
    <s v="Martin Yale Chadless Opener Electric Letter Opener"/>
    <n v="4164.05"/>
    <n v="5"/>
    <n v="83.28"/>
  </r>
  <r>
    <d v="2017-01-13T00:00:00"/>
    <x v="0"/>
    <x v="3"/>
    <x v="552"/>
    <x v="24"/>
    <x v="1"/>
    <x v="11"/>
    <s v="Hon Metal Bookcases, Black"/>
    <n v="212.94"/>
    <n v="3"/>
    <n v="53.24"/>
  </r>
  <r>
    <d v="2017-01-14T00:00:00"/>
    <x v="0"/>
    <x v="3"/>
    <x v="751"/>
    <x v="25"/>
    <x v="0"/>
    <x v="10"/>
    <s v="Tyvek  Top-Opening Peel &amp; Seel Envelopes, Plain White"/>
    <n v="21.74"/>
    <n v="1"/>
    <n v="7.34"/>
  </r>
  <r>
    <d v="2017-01-14T00:00:00"/>
    <x v="0"/>
    <x v="3"/>
    <x v="751"/>
    <x v="25"/>
    <x v="2"/>
    <x v="6"/>
    <s v="Sannysis Cute Owl Design Soft Skin Case Cover for Samsung Galaxy S4"/>
    <n v="7.92"/>
    <n v="5"/>
    <n v="0.69"/>
  </r>
  <r>
    <d v="2017-01-14T00:00:00"/>
    <x v="0"/>
    <x v="3"/>
    <x v="609"/>
    <x v="26"/>
    <x v="2"/>
    <x v="9"/>
    <s v="ImationÂ 8GB Mini TravelDrive USB 2.0Â Flash Drive"/>
    <n v="169.06"/>
    <n v="7"/>
    <n v="-14.79"/>
  </r>
  <r>
    <d v="2017-01-14T00:00:00"/>
    <x v="0"/>
    <x v="3"/>
    <x v="609"/>
    <x v="26"/>
    <x v="0"/>
    <x v="2"/>
    <s v="Mobile Personal File Cube"/>
    <n v="168.62"/>
    <n v="9"/>
    <n v="14.75"/>
  </r>
  <r>
    <d v="2017-01-14T00:00:00"/>
    <x v="0"/>
    <x v="3"/>
    <x v="248"/>
    <x v="15"/>
    <x v="0"/>
    <x v="10"/>
    <s v="#10- 4 1/8&quot; x 9 1/2&quot; Security-Tint Envelopes"/>
    <n v="18.34"/>
    <n v="3"/>
    <n v="6.65"/>
  </r>
  <r>
    <d v="2017-01-14T00:00:00"/>
    <x v="0"/>
    <x v="3"/>
    <x v="248"/>
    <x v="15"/>
    <x v="0"/>
    <x v="0"/>
    <s v="Xerox 1931"/>
    <n v="36.29"/>
    <n v="7"/>
    <n v="12.7"/>
  </r>
  <r>
    <d v="2017-01-14T00:00:00"/>
    <x v="0"/>
    <x v="3"/>
    <x v="248"/>
    <x v="15"/>
    <x v="2"/>
    <x v="6"/>
    <s v="iHome FM Clock Radio with Lightning Dock"/>
    <n v="111.98"/>
    <n v="2"/>
    <n v="7"/>
  </r>
  <r>
    <d v="2017-01-14T00:00:00"/>
    <x v="0"/>
    <x v="3"/>
    <x v="248"/>
    <x v="15"/>
    <x v="0"/>
    <x v="3"/>
    <s v="Ibico Presentation Index for Binding Systems"/>
    <n v="5.97"/>
    <n v="5"/>
    <n v="-4.58"/>
  </r>
  <r>
    <d v="2017-01-14T00:00:00"/>
    <x v="0"/>
    <x v="3"/>
    <x v="248"/>
    <x v="15"/>
    <x v="0"/>
    <x v="3"/>
    <s v="Avery Durable Slant Ring Binders With Label Holder"/>
    <n v="2.5099999999999998"/>
    <n v="2"/>
    <n v="-1.84"/>
  </r>
  <r>
    <d v="2017-01-14T00:00:00"/>
    <x v="0"/>
    <x v="3"/>
    <x v="703"/>
    <x v="3"/>
    <x v="0"/>
    <x v="0"/>
    <s v="Xerox 19"/>
    <n v="154.9"/>
    <n v="5"/>
    <n v="69.709999999999994"/>
  </r>
  <r>
    <d v="2017-01-14T00:00:00"/>
    <x v="0"/>
    <x v="3"/>
    <x v="57"/>
    <x v="18"/>
    <x v="0"/>
    <x v="2"/>
    <s v="Tenex Personal Project File with Scoop Front Design, Black"/>
    <n v="67.400000000000006"/>
    <n v="5"/>
    <n v="17.52"/>
  </r>
  <r>
    <d v="2017-01-14T00:00:00"/>
    <x v="0"/>
    <x v="3"/>
    <x v="57"/>
    <x v="18"/>
    <x v="0"/>
    <x v="7"/>
    <s v="Bagged Rubber Bands"/>
    <n v="2.52"/>
    <n v="2"/>
    <n v="0.1"/>
  </r>
  <r>
    <d v="2017-01-14T00:00:00"/>
    <x v="0"/>
    <x v="3"/>
    <x v="57"/>
    <x v="18"/>
    <x v="2"/>
    <x v="6"/>
    <s v="ARKON Windshield Dashboard Air Vent Car Mount Holder"/>
    <n v="67.8"/>
    <n v="4"/>
    <n v="1.36"/>
  </r>
  <r>
    <d v="2017-01-14T00:00:00"/>
    <x v="0"/>
    <x v="3"/>
    <x v="57"/>
    <x v="18"/>
    <x v="0"/>
    <x v="2"/>
    <s v="Staple magnet"/>
    <n v="18.760000000000002"/>
    <n v="2"/>
    <n v="5.25"/>
  </r>
  <r>
    <d v="2017-01-14T00:00:00"/>
    <x v="0"/>
    <x v="3"/>
    <x v="57"/>
    <x v="18"/>
    <x v="2"/>
    <x v="9"/>
    <s v="ImationÂ USB 2.0 SwivelÂ Flash DriveÂ USBÂ flash driveÂ - 4 GB - Pink"/>
    <n v="12.12"/>
    <n v="4"/>
    <n v="2.5499999999999998"/>
  </r>
  <r>
    <d v="2017-01-14T00:00:00"/>
    <x v="0"/>
    <x v="3"/>
    <x v="57"/>
    <x v="18"/>
    <x v="0"/>
    <x v="0"/>
    <s v="Xerox 188"/>
    <n v="11.34"/>
    <n v="1"/>
    <n v="5.56"/>
  </r>
  <r>
    <d v="2017-01-14T00:00:00"/>
    <x v="0"/>
    <x v="3"/>
    <x v="57"/>
    <x v="18"/>
    <x v="2"/>
    <x v="9"/>
    <s v="Microsoft Sculpt Comfort Mouse"/>
    <n v="159.80000000000001"/>
    <n v="4"/>
    <n v="70.31"/>
  </r>
  <r>
    <d v="2017-01-14T00:00:00"/>
    <x v="0"/>
    <x v="3"/>
    <x v="57"/>
    <x v="18"/>
    <x v="1"/>
    <x v="8"/>
    <s v="DAX Charcoal/Nickel-Tone Document Frame, 5 x 7"/>
    <n v="18.96"/>
    <n v="2"/>
    <n v="8.5299999999999994"/>
  </r>
  <r>
    <d v="2017-01-15T00:00:00"/>
    <x v="0"/>
    <x v="3"/>
    <x v="758"/>
    <x v="2"/>
    <x v="0"/>
    <x v="12"/>
    <s v="Belkin F9M820V08 8 Outlet Surge"/>
    <n v="34.380000000000003"/>
    <n v="1"/>
    <n v="3.87"/>
  </r>
  <r>
    <d v="2017-01-15T00:00:00"/>
    <x v="0"/>
    <x v="3"/>
    <x v="758"/>
    <x v="2"/>
    <x v="0"/>
    <x v="12"/>
    <s v="Honeywell Enviracaire Portable HEPA Air Cleaner for 17' x 22' Room"/>
    <n v="1924.16"/>
    <n v="8"/>
    <n v="312.68"/>
  </r>
  <r>
    <d v="2017-01-15T00:00:00"/>
    <x v="0"/>
    <x v="3"/>
    <x v="42"/>
    <x v="32"/>
    <x v="0"/>
    <x v="0"/>
    <s v="Telephone Message Books with Fax/Mobile Section, 5 1/2&quot; x 3 3/16&quot;"/>
    <n v="12.7"/>
    <n v="2"/>
    <n v="5.84"/>
  </r>
  <r>
    <d v="2017-01-15T00:00:00"/>
    <x v="0"/>
    <x v="3"/>
    <x v="722"/>
    <x v="3"/>
    <x v="0"/>
    <x v="4"/>
    <s v="Newell 347"/>
    <n v="21.4"/>
    <n v="5"/>
    <n v="6.21"/>
  </r>
  <r>
    <d v="2017-01-15T00:00:00"/>
    <x v="0"/>
    <x v="3"/>
    <x v="560"/>
    <x v="0"/>
    <x v="0"/>
    <x v="3"/>
    <s v="Wilson Jones Ledger-Size, Piano-Hinge Binder, 2&quot;, Blue"/>
    <n v="32.78"/>
    <n v="4"/>
    <n v="-52.45"/>
  </r>
  <r>
    <d v="2017-01-15T00:00:00"/>
    <x v="0"/>
    <x v="3"/>
    <x v="560"/>
    <x v="0"/>
    <x v="2"/>
    <x v="9"/>
    <s v="Logitech 910-002974 M325 Wireless Mouse for Web Scrolling"/>
    <n v="47.98"/>
    <n v="2"/>
    <n v="14.4"/>
  </r>
  <r>
    <d v="2017-01-15T00:00:00"/>
    <x v="0"/>
    <x v="3"/>
    <x v="560"/>
    <x v="0"/>
    <x v="2"/>
    <x v="9"/>
    <s v="Maxell 74 Minute CDR, 10/Pack"/>
    <n v="62.59"/>
    <n v="8"/>
    <n v="13.3"/>
  </r>
  <r>
    <d v="2017-01-15T00:00:00"/>
    <x v="0"/>
    <x v="3"/>
    <x v="560"/>
    <x v="0"/>
    <x v="0"/>
    <x v="3"/>
    <s v="Acco D-Ring Binder w/DublLock"/>
    <n v="4.28"/>
    <n v="1"/>
    <n v="-6.63"/>
  </r>
  <r>
    <d v="2017-01-16T00:00:00"/>
    <x v="0"/>
    <x v="3"/>
    <x v="4"/>
    <x v="3"/>
    <x v="1"/>
    <x v="8"/>
    <s v="Eldon Expressions Wood and Plastic Desk Accessories, Cherry Wood"/>
    <n v="27.92"/>
    <n v="4"/>
    <n v="8.1"/>
  </r>
  <r>
    <d v="2017-01-16T00:00:00"/>
    <x v="0"/>
    <x v="3"/>
    <x v="4"/>
    <x v="3"/>
    <x v="1"/>
    <x v="13"/>
    <s v="Lesro Sheffield Collection Coffee Table, End Table, Center Table, Corner Table"/>
    <n v="399.67"/>
    <n v="7"/>
    <n v="-14.99"/>
  </r>
  <r>
    <d v="2017-01-16T00:00:00"/>
    <x v="0"/>
    <x v="3"/>
    <x v="539"/>
    <x v="14"/>
    <x v="0"/>
    <x v="3"/>
    <s v="GBC DocuBind P400 Electric Binding System"/>
    <n v="5443.96"/>
    <n v="4"/>
    <n v="2504.2199999999998"/>
  </r>
  <r>
    <d v="2017-01-16T00:00:00"/>
    <x v="0"/>
    <x v="3"/>
    <x v="539"/>
    <x v="14"/>
    <x v="1"/>
    <x v="5"/>
    <s v="Office Star Flex Back Scooter Chair with Aluminum Finish Frame"/>
    <n v="302.67"/>
    <n v="3"/>
    <n v="72.64"/>
  </r>
  <r>
    <d v="2017-01-16T00:00:00"/>
    <x v="0"/>
    <x v="3"/>
    <x v="539"/>
    <x v="14"/>
    <x v="0"/>
    <x v="0"/>
    <s v="TOPS Money Receipt Book, Consecutively Numbered in Red,"/>
    <n v="56.07"/>
    <n v="7"/>
    <n v="25.23"/>
  </r>
  <r>
    <d v="2017-01-19T00:00:00"/>
    <x v="0"/>
    <x v="3"/>
    <x v="275"/>
    <x v="0"/>
    <x v="0"/>
    <x v="1"/>
    <s v="Avery 510"/>
    <n v="6"/>
    <n v="2"/>
    <n v="2.1"/>
  </r>
  <r>
    <d v="2017-01-19T00:00:00"/>
    <x v="0"/>
    <x v="3"/>
    <x v="777"/>
    <x v="2"/>
    <x v="2"/>
    <x v="6"/>
    <s v="Wilson Electronics DB Pro Signal Booster"/>
    <n v="429.6"/>
    <n v="2"/>
    <n v="-93.08"/>
  </r>
  <r>
    <d v="2017-01-19T00:00:00"/>
    <x v="0"/>
    <x v="3"/>
    <x v="777"/>
    <x v="2"/>
    <x v="1"/>
    <x v="8"/>
    <s v="12-1/2 Diameter Round Wall Clock"/>
    <n v="31.97"/>
    <n v="2"/>
    <n v="6.39"/>
  </r>
  <r>
    <d v="2017-01-19T00:00:00"/>
    <x v="0"/>
    <x v="3"/>
    <x v="777"/>
    <x v="2"/>
    <x v="1"/>
    <x v="5"/>
    <s v="Global Comet Stacking Arm Chair"/>
    <n v="887.27"/>
    <n v="3"/>
    <n v="-63.38"/>
  </r>
  <r>
    <d v="2017-01-19T00:00:00"/>
    <x v="0"/>
    <x v="3"/>
    <x v="777"/>
    <x v="2"/>
    <x v="0"/>
    <x v="0"/>
    <s v="Strathmore Photo Mount Cards"/>
    <n v="21.7"/>
    <n v="4"/>
    <n v="7.05"/>
  </r>
  <r>
    <d v="2017-01-19T00:00:00"/>
    <x v="0"/>
    <x v="3"/>
    <x v="195"/>
    <x v="45"/>
    <x v="0"/>
    <x v="0"/>
    <s v="Xerox 191"/>
    <n v="79.92"/>
    <n v="4"/>
    <n v="37.56"/>
  </r>
  <r>
    <d v="2017-01-19T00:00:00"/>
    <x v="0"/>
    <x v="3"/>
    <x v="195"/>
    <x v="45"/>
    <x v="0"/>
    <x v="0"/>
    <s v="Xerox 1881"/>
    <n v="12.28"/>
    <n v="1"/>
    <n v="5.77"/>
  </r>
  <r>
    <d v="2017-01-19T00:00:00"/>
    <x v="0"/>
    <x v="3"/>
    <x v="195"/>
    <x v="45"/>
    <x v="0"/>
    <x v="12"/>
    <s v="Avanti 4.4 Cu. Ft. Refrigerator"/>
    <n v="542.94000000000005"/>
    <n v="3"/>
    <n v="152.02000000000001"/>
  </r>
  <r>
    <d v="2017-01-19T00:00:00"/>
    <x v="0"/>
    <x v="3"/>
    <x v="195"/>
    <x v="45"/>
    <x v="0"/>
    <x v="10"/>
    <s v="Poly String Tie Envelopes"/>
    <n v="2.04"/>
    <n v="1"/>
    <n v="0.96"/>
  </r>
  <r>
    <d v="2017-01-20T00:00:00"/>
    <x v="0"/>
    <x v="3"/>
    <x v="755"/>
    <x v="20"/>
    <x v="1"/>
    <x v="5"/>
    <s v="Global Deluxe Steno Chair"/>
    <n v="207.85"/>
    <n v="3"/>
    <n v="2.31"/>
  </r>
  <r>
    <d v="2017-01-20T00:00:00"/>
    <x v="0"/>
    <x v="3"/>
    <x v="433"/>
    <x v="3"/>
    <x v="2"/>
    <x v="6"/>
    <s v="RCA Visys Integrated PBX 8-Line Router"/>
    <n v="160.78"/>
    <n v="3"/>
    <n v="10.050000000000001"/>
  </r>
  <r>
    <d v="2017-01-20T00:00:00"/>
    <x v="0"/>
    <x v="3"/>
    <x v="51"/>
    <x v="3"/>
    <x v="0"/>
    <x v="4"/>
    <s v="Staples in misc. colors"/>
    <n v="24.2"/>
    <n v="5"/>
    <n v="7.99"/>
  </r>
  <r>
    <d v="2017-01-20T00:00:00"/>
    <x v="0"/>
    <x v="3"/>
    <x v="51"/>
    <x v="3"/>
    <x v="2"/>
    <x v="6"/>
    <s v="Panasonic KX-TG9541B DECT 6.0 Digital 2-Line Expandable Cordless Phone With Digital Answering System"/>
    <n v="359.98"/>
    <n v="3"/>
    <n v="130.49"/>
  </r>
  <r>
    <d v="2017-01-20T00:00:00"/>
    <x v="0"/>
    <x v="3"/>
    <x v="467"/>
    <x v="37"/>
    <x v="0"/>
    <x v="4"/>
    <s v="Newell 326"/>
    <n v="3.52"/>
    <n v="2"/>
    <n v="1.02"/>
  </r>
  <r>
    <d v="2017-01-20T00:00:00"/>
    <x v="0"/>
    <x v="3"/>
    <x v="505"/>
    <x v="1"/>
    <x v="0"/>
    <x v="1"/>
    <s v="Avery File Folder Labels"/>
    <n v="11.52"/>
    <n v="5"/>
    <n v="4.18"/>
  </r>
  <r>
    <d v="2017-01-21T00:00:00"/>
    <x v="0"/>
    <x v="3"/>
    <x v="293"/>
    <x v="22"/>
    <x v="0"/>
    <x v="2"/>
    <s v="Carina Double Wide Media Storage Towers in Natural &amp; Black"/>
    <n v="242.94"/>
    <n v="3"/>
    <n v="9.7200000000000006"/>
  </r>
  <r>
    <d v="2017-01-21T00:00:00"/>
    <x v="0"/>
    <x v="3"/>
    <x v="293"/>
    <x v="22"/>
    <x v="2"/>
    <x v="9"/>
    <s v="LogitechÂ Illuminated - Keyboard"/>
    <n v="179.97"/>
    <n v="3"/>
    <n v="86.39"/>
  </r>
  <r>
    <d v="2017-01-21T00:00:00"/>
    <x v="0"/>
    <x v="3"/>
    <x v="293"/>
    <x v="22"/>
    <x v="0"/>
    <x v="3"/>
    <s v="Wilson Jones Century Plastic Molded Ring Binders"/>
    <n v="99.7"/>
    <n v="6"/>
    <n v="33.65"/>
  </r>
  <r>
    <d v="2017-01-21T00:00:00"/>
    <x v="0"/>
    <x v="3"/>
    <x v="293"/>
    <x v="22"/>
    <x v="0"/>
    <x v="3"/>
    <s v="Wilson Jones Leather-Like Binders with DublLock Round Rings"/>
    <n v="27.94"/>
    <n v="4"/>
    <n v="9.43"/>
  </r>
  <r>
    <d v="2017-01-21T00:00:00"/>
    <x v="0"/>
    <x v="3"/>
    <x v="293"/>
    <x v="22"/>
    <x v="1"/>
    <x v="11"/>
    <s v="O'Sullivan Cherrywood Estates Traditional Bookcase"/>
    <n v="84.98"/>
    <n v="1"/>
    <n v="18.7"/>
  </r>
  <r>
    <d v="2017-01-21T00:00:00"/>
    <x v="0"/>
    <x v="3"/>
    <x v="293"/>
    <x v="22"/>
    <x v="0"/>
    <x v="3"/>
    <s v="Acco Translucent Poly Ring Binders"/>
    <n v="18.72"/>
    <n v="5"/>
    <n v="6.55"/>
  </r>
  <r>
    <d v="2017-01-21T00:00:00"/>
    <x v="0"/>
    <x v="3"/>
    <x v="577"/>
    <x v="25"/>
    <x v="0"/>
    <x v="2"/>
    <s v="Fellowes Mobile File Cart, Black"/>
    <n v="348.21"/>
    <n v="7"/>
    <n v="30.47"/>
  </r>
  <r>
    <d v="2017-01-21T00:00:00"/>
    <x v="0"/>
    <x v="3"/>
    <x v="577"/>
    <x v="25"/>
    <x v="0"/>
    <x v="3"/>
    <s v="GBC Recycled VeloBinder Covers"/>
    <n v="35.78"/>
    <n v="7"/>
    <n v="-28.63"/>
  </r>
  <r>
    <d v="2017-01-21T00:00:00"/>
    <x v="0"/>
    <x v="3"/>
    <x v="772"/>
    <x v="14"/>
    <x v="0"/>
    <x v="3"/>
    <s v="Avery Durable Binders"/>
    <n v="14.4"/>
    <n v="5"/>
    <n v="7.06"/>
  </r>
  <r>
    <d v="2017-01-21T00:00:00"/>
    <x v="0"/>
    <x v="3"/>
    <x v="772"/>
    <x v="14"/>
    <x v="2"/>
    <x v="9"/>
    <s v="Logitech G19 Programmable Gaming Keyboard"/>
    <n v="619.95000000000005"/>
    <n v="5"/>
    <n v="111.59"/>
  </r>
  <r>
    <d v="2017-01-21T00:00:00"/>
    <x v="0"/>
    <x v="3"/>
    <x v="772"/>
    <x v="14"/>
    <x v="0"/>
    <x v="3"/>
    <s v="Avery Flip-Chart Easel Binder, Black"/>
    <n v="89.52"/>
    <n v="4"/>
    <n v="42.07"/>
  </r>
  <r>
    <d v="2017-01-21T00:00:00"/>
    <x v="0"/>
    <x v="3"/>
    <x v="772"/>
    <x v="14"/>
    <x v="2"/>
    <x v="15"/>
    <s v="I.R.I.S IRISCard Anywhere 5 Card Scanner"/>
    <n v="350.97"/>
    <n v="3"/>
    <n v="152.09"/>
  </r>
  <r>
    <d v="2017-01-21T00:00:00"/>
    <x v="0"/>
    <x v="3"/>
    <x v="772"/>
    <x v="14"/>
    <x v="2"/>
    <x v="6"/>
    <s v="Ativa D5772 2-Line 5.8GHz Digital Expandable Corded/Cordless Phone System with Answering &amp; Caller ID/Call Waiting, Black/Silver"/>
    <n v="164.99"/>
    <n v="1"/>
    <n v="49.5"/>
  </r>
  <r>
    <d v="2017-01-21T00:00:00"/>
    <x v="0"/>
    <x v="3"/>
    <x v="737"/>
    <x v="1"/>
    <x v="0"/>
    <x v="10"/>
    <s v="Airmail Envelopes"/>
    <n v="268.58"/>
    <n v="4"/>
    <n v="90.64"/>
  </r>
  <r>
    <d v="2017-01-22T00:00:00"/>
    <x v="0"/>
    <x v="3"/>
    <x v="525"/>
    <x v="35"/>
    <x v="2"/>
    <x v="16"/>
    <s v="Canon Image Class D660 Copier"/>
    <n v="2999.95"/>
    <n v="5"/>
    <n v="1379.98"/>
  </r>
  <r>
    <d v="2017-01-22T00:00:00"/>
    <x v="0"/>
    <x v="3"/>
    <x v="525"/>
    <x v="35"/>
    <x v="0"/>
    <x v="2"/>
    <s v="Advantus Rolling Storage Box"/>
    <n v="51.45"/>
    <n v="3"/>
    <n v="13.89"/>
  </r>
  <r>
    <d v="2017-01-22T00:00:00"/>
    <x v="0"/>
    <x v="3"/>
    <x v="525"/>
    <x v="35"/>
    <x v="0"/>
    <x v="0"/>
    <s v="Great White Multi-Use Recycled Paper (20Lb. and 84 Bright)"/>
    <n v="11.96"/>
    <n v="2"/>
    <n v="5.38"/>
  </r>
  <r>
    <d v="2017-01-22T00:00:00"/>
    <x v="0"/>
    <x v="3"/>
    <x v="525"/>
    <x v="35"/>
    <x v="0"/>
    <x v="2"/>
    <s v="Tennsco Single-Tier Lockers"/>
    <n v="1126.02"/>
    <n v="3"/>
    <n v="56.3"/>
  </r>
  <r>
    <d v="2017-01-22T00:00:00"/>
    <x v="0"/>
    <x v="3"/>
    <x v="150"/>
    <x v="1"/>
    <x v="0"/>
    <x v="7"/>
    <s v="Staples"/>
    <n v="15.12"/>
    <n v="5"/>
    <n v="4.91"/>
  </r>
  <r>
    <d v="2017-01-22T00:00:00"/>
    <x v="0"/>
    <x v="3"/>
    <x v="150"/>
    <x v="1"/>
    <x v="0"/>
    <x v="4"/>
    <s v="Newell 348"/>
    <n v="7.87"/>
    <n v="3"/>
    <n v="0.89"/>
  </r>
  <r>
    <d v="2017-01-23T00:00:00"/>
    <x v="0"/>
    <x v="3"/>
    <x v="91"/>
    <x v="14"/>
    <x v="1"/>
    <x v="13"/>
    <s v="Balt Solid Wood Rectangular Table"/>
    <n v="210.98"/>
    <n v="2"/>
    <n v="21.1"/>
  </r>
  <r>
    <d v="2017-01-23T00:00:00"/>
    <x v="0"/>
    <x v="3"/>
    <x v="10"/>
    <x v="22"/>
    <x v="0"/>
    <x v="3"/>
    <s v="Pressboard Hanging Data Binders for Unburst Sheets"/>
    <n v="19.68"/>
    <n v="5"/>
    <n v="6.89"/>
  </r>
  <r>
    <d v="2017-01-23T00:00:00"/>
    <x v="0"/>
    <x v="3"/>
    <x v="10"/>
    <x v="22"/>
    <x v="0"/>
    <x v="0"/>
    <s v="Xerox 212"/>
    <n v="25.92"/>
    <n v="4"/>
    <n v="12.44"/>
  </r>
  <r>
    <d v="2017-01-23T00:00:00"/>
    <x v="0"/>
    <x v="3"/>
    <x v="10"/>
    <x v="22"/>
    <x v="0"/>
    <x v="0"/>
    <s v="Xerox 192"/>
    <n v="6.48"/>
    <n v="1"/>
    <n v="3.11"/>
  </r>
  <r>
    <d v="2017-01-23T00:00:00"/>
    <x v="0"/>
    <x v="3"/>
    <x v="10"/>
    <x v="22"/>
    <x v="2"/>
    <x v="6"/>
    <s v="Griffin GC17055 Auxiliary Audio Cable"/>
    <n v="86.35"/>
    <n v="6"/>
    <n v="8.64"/>
  </r>
  <r>
    <d v="2017-01-23T00:00:00"/>
    <x v="0"/>
    <x v="3"/>
    <x v="187"/>
    <x v="12"/>
    <x v="2"/>
    <x v="9"/>
    <s v="Logitech Wireless Anywhere Mouse MX for PC and Mac"/>
    <n v="95.98"/>
    <n v="2"/>
    <n v="12"/>
  </r>
  <r>
    <d v="2017-01-23T00:00:00"/>
    <x v="0"/>
    <x v="3"/>
    <x v="187"/>
    <x v="12"/>
    <x v="0"/>
    <x v="3"/>
    <s v="Wilson Jones data.warehouse D-Ring Binders with DublLock"/>
    <n v="4.9400000000000004"/>
    <n v="2"/>
    <n v="-3.62"/>
  </r>
  <r>
    <d v="2017-01-24T00:00:00"/>
    <x v="0"/>
    <x v="3"/>
    <x v="633"/>
    <x v="4"/>
    <x v="0"/>
    <x v="7"/>
    <s v="Revere Boxed Rubber Bands by Revere"/>
    <n v="5.67"/>
    <n v="3"/>
    <n v="0.11"/>
  </r>
  <r>
    <d v="2017-01-24T00:00:00"/>
    <x v="0"/>
    <x v="3"/>
    <x v="435"/>
    <x v="3"/>
    <x v="0"/>
    <x v="12"/>
    <s v="Acco Six-Outlet Power Strip, 4' Cord Length"/>
    <n v="25.86"/>
    <n v="3"/>
    <n v="6.72"/>
  </r>
  <r>
    <d v="2017-01-24T00:00:00"/>
    <x v="0"/>
    <x v="3"/>
    <x v="435"/>
    <x v="3"/>
    <x v="0"/>
    <x v="3"/>
    <s v="Ibico EB-19 Dual Function Manual Binding System"/>
    <n v="276.77999999999997"/>
    <n v="2"/>
    <n v="89.95"/>
  </r>
  <r>
    <d v="2017-01-24T00:00:00"/>
    <x v="0"/>
    <x v="3"/>
    <x v="435"/>
    <x v="3"/>
    <x v="2"/>
    <x v="6"/>
    <s v="Jensen SMPS-640 -Â speaker phone"/>
    <n v="110.35"/>
    <n v="3"/>
    <n v="8.2799999999999994"/>
  </r>
  <r>
    <d v="2017-01-26T00:00:00"/>
    <x v="0"/>
    <x v="3"/>
    <x v="27"/>
    <x v="33"/>
    <x v="0"/>
    <x v="4"/>
    <s v="Newell 311"/>
    <n v="15.47"/>
    <n v="7"/>
    <n v="4.18"/>
  </r>
  <r>
    <d v="2017-01-26T00:00:00"/>
    <x v="0"/>
    <x v="3"/>
    <x v="27"/>
    <x v="33"/>
    <x v="0"/>
    <x v="3"/>
    <s v="Avery Poly Binder Pockets"/>
    <n v="7.16"/>
    <n v="2"/>
    <n v="3.44"/>
  </r>
  <r>
    <d v="2017-01-26T00:00:00"/>
    <x v="0"/>
    <x v="3"/>
    <x v="704"/>
    <x v="0"/>
    <x v="0"/>
    <x v="2"/>
    <s v="SimpliFile Personal File, Black Granite, 15w x 6-15/16d x 11-1/4h"/>
    <n v="18.16"/>
    <n v="2"/>
    <n v="1.82"/>
  </r>
  <r>
    <d v="2017-01-26T00:00:00"/>
    <x v="0"/>
    <x v="3"/>
    <x v="740"/>
    <x v="3"/>
    <x v="0"/>
    <x v="7"/>
    <s v="Binder Clips by OIC"/>
    <n v="11.84"/>
    <n v="8"/>
    <n v="5.68"/>
  </r>
  <r>
    <d v="2017-01-26T00:00:00"/>
    <x v="0"/>
    <x v="3"/>
    <x v="32"/>
    <x v="4"/>
    <x v="1"/>
    <x v="8"/>
    <s v="Artistic Insta-Plaque"/>
    <n v="62.72"/>
    <n v="4"/>
    <n v="24.46"/>
  </r>
  <r>
    <d v="2017-01-26T00:00:00"/>
    <x v="0"/>
    <x v="3"/>
    <x v="32"/>
    <x v="4"/>
    <x v="2"/>
    <x v="6"/>
    <s v="Samsung Galaxy Mega 6.3"/>
    <n v="2939.93"/>
    <n v="7"/>
    <n v="764.38"/>
  </r>
  <r>
    <d v="2017-01-27T00:00:00"/>
    <x v="0"/>
    <x v="3"/>
    <x v="209"/>
    <x v="10"/>
    <x v="0"/>
    <x v="4"/>
    <s v="Newell 312"/>
    <n v="14.02"/>
    <n v="3"/>
    <n v="1.75"/>
  </r>
  <r>
    <d v="2017-01-27T00:00:00"/>
    <x v="0"/>
    <x v="3"/>
    <x v="209"/>
    <x v="10"/>
    <x v="2"/>
    <x v="9"/>
    <s v="Anker Ultrathin Bluetooth Wireless Keyboard Aluminum Cover with Stand"/>
    <n v="71.98"/>
    <n v="3"/>
    <n v="-9"/>
  </r>
  <r>
    <d v="2017-01-27T00:00:00"/>
    <x v="0"/>
    <x v="3"/>
    <x v="209"/>
    <x v="10"/>
    <x v="2"/>
    <x v="6"/>
    <s v="JBL Micro Wireless Portable Bluetooth Speaker"/>
    <n v="107.98"/>
    <n v="3"/>
    <n v="-27"/>
  </r>
  <r>
    <d v="2017-01-27T00:00:00"/>
    <x v="0"/>
    <x v="3"/>
    <x v="614"/>
    <x v="20"/>
    <x v="2"/>
    <x v="6"/>
    <s v="Jensen SMPS-640 -Â speaker phone"/>
    <n v="137.94"/>
    <n v="3"/>
    <n v="35.86"/>
  </r>
  <r>
    <d v="2017-01-28T00:00:00"/>
    <x v="0"/>
    <x v="3"/>
    <x v="165"/>
    <x v="3"/>
    <x v="2"/>
    <x v="9"/>
    <s v="Logitech G13 Programmable Gameboard with LCD Display"/>
    <n v="239.97"/>
    <n v="3"/>
    <n v="26.4"/>
  </r>
  <r>
    <d v="2017-01-28T00:00:00"/>
    <x v="0"/>
    <x v="3"/>
    <x v="165"/>
    <x v="3"/>
    <x v="1"/>
    <x v="8"/>
    <s v="DAX Executive Solid Wood Document Frame, Desktop or Hang, Mahogany, 5 x 7"/>
    <n v="37.74"/>
    <n v="3"/>
    <n v="12.83"/>
  </r>
  <r>
    <d v="2017-01-28T00:00:00"/>
    <x v="0"/>
    <x v="3"/>
    <x v="656"/>
    <x v="42"/>
    <x v="0"/>
    <x v="0"/>
    <s v="Xerox 1934"/>
    <n v="279.89999999999998"/>
    <n v="5"/>
    <n v="137.15"/>
  </r>
  <r>
    <d v="2017-01-28T00:00:00"/>
    <x v="0"/>
    <x v="3"/>
    <x v="750"/>
    <x v="20"/>
    <x v="2"/>
    <x v="9"/>
    <s v="Plantronics Audio 478 Stereo USB Headset"/>
    <n v="449.91"/>
    <n v="9"/>
    <n v="157.47"/>
  </r>
  <r>
    <d v="2017-01-29T00:00:00"/>
    <x v="0"/>
    <x v="3"/>
    <x v="584"/>
    <x v="1"/>
    <x v="0"/>
    <x v="3"/>
    <s v="GBC Clear Cover, 8-1/2 x 11, unpunched, 25 covers per pack"/>
    <n v="12.13"/>
    <n v="4"/>
    <n v="-20.62"/>
  </r>
  <r>
    <d v="2017-01-29T00:00:00"/>
    <x v="0"/>
    <x v="3"/>
    <x v="339"/>
    <x v="3"/>
    <x v="0"/>
    <x v="4"/>
    <s v="Newell 339"/>
    <n v="8.34"/>
    <n v="3"/>
    <n v="2.17"/>
  </r>
  <r>
    <d v="2017-01-29T00:00:00"/>
    <x v="0"/>
    <x v="3"/>
    <x v="339"/>
    <x v="3"/>
    <x v="0"/>
    <x v="14"/>
    <s v="Acme Office Executive Series Stainless Steel Trimmers"/>
    <n v="8.57"/>
    <n v="1"/>
    <n v="2.23"/>
  </r>
  <r>
    <d v="2017-01-29T00:00:00"/>
    <x v="0"/>
    <x v="3"/>
    <x v="339"/>
    <x v="3"/>
    <x v="0"/>
    <x v="3"/>
    <s v="Clear Mylar Reinforcing Strips"/>
    <n v="119.62"/>
    <n v="8"/>
    <n v="40.369999999999997"/>
  </r>
  <r>
    <d v="2017-01-29T00:00:00"/>
    <x v="0"/>
    <x v="3"/>
    <x v="122"/>
    <x v="20"/>
    <x v="0"/>
    <x v="1"/>
    <s v="Permanent Self-Adhesive File Folder Labels for Typewriters by Universal"/>
    <n v="5.22"/>
    <n v="2"/>
    <n v="2.4"/>
  </r>
  <r>
    <d v="2017-01-29T00:00:00"/>
    <x v="0"/>
    <x v="3"/>
    <x v="741"/>
    <x v="2"/>
    <x v="0"/>
    <x v="4"/>
    <s v="Premium Writing Pencils, Soft, #2 by Central Association for the Blind"/>
    <n v="4.7699999999999996"/>
    <n v="2"/>
    <n v="0.48"/>
  </r>
  <r>
    <d v="2017-01-29T00:00:00"/>
    <x v="0"/>
    <x v="3"/>
    <x v="51"/>
    <x v="30"/>
    <x v="0"/>
    <x v="0"/>
    <s v="Xerox 1997"/>
    <n v="12.96"/>
    <n v="2"/>
    <n v="6.22"/>
  </r>
  <r>
    <d v="2017-01-29T00:00:00"/>
    <x v="0"/>
    <x v="3"/>
    <x v="51"/>
    <x v="30"/>
    <x v="0"/>
    <x v="0"/>
    <s v="Xerox 1887"/>
    <n v="94.85"/>
    <n v="5"/>
    <n v="45.53"/>
  </r>
  <r>
    <d v="2017-01-29T00:00:00"/>
    <x v="0"/>
    <x v="3"/>
    <x v="51"/>
    <x v="30"/>
    <x v="0"/>
    <x v="2"/>
    <s v="Tenex Personal Project File with Scoop Front Design, Black"/>
    <n v="13.48"/>
    <n v="1"/>
    <n v="3.5"/>
  </r>
  <r>
    <d v="2017-01-29T00:00:00"/>
    <x v="0"/>
    <x v="3"/>
    <x v="51"/>
    <x v="30"/>
    <x v="1"/>
    <x v="8"/>
    <s v="DAX Value U-Channel Document Frames, Easel Back"/>
    <n v="14.91"/>
    <n v="3"/>
    <n v="4.62"/>
  </r>
  <r>
    <d v="2017-01-30T00:00:00"/>
    <x v="0"/>
    <x v="3"/>
    <x v="625"/>
    <x v="30"/>
    <x v="0"/>
    <x v="3"/>
    <s v="Cardinal EasyOpen D-Ring Binders"/>
    <n v="18.28"/>
    <n v="2"/>
    <n v="9.14"/>
  </r>
  <r>
    <d v="2017-01-30T00:00:00"/>
    <x v="0"/>
    <x v="3"/>
    <x v="625"/>
    <x v="30"/>
    <x v="2"/>
    <x v="6"/>
    <s v="AT&amp;T 841000 Phone"/>
    <n v="207"/>
    <n v="3"/>
    <n v="51.75"/>
  </r>
  <r>
    <d v="2017-01-30T00:00:00"/>
    <x v="0"/>
    <x v="3"/>
    <x v="625"/>
    <x v="30"/>
    <x v="0"/>
    <x v="3"/>
    <s v="GBC Instant Report Kit"/>
    <n v="32.35"/>
    <n v="5"/>
    <n v="16.18"/>
  </r>
  <r>
    <d v="2017-01-30T00:00:00"/>
    <x v="0"/>
    <x v="3"/>
    <x v="625"/>
    <x v="30"/>
    <x v="0"/>
    <x v="3"/>
    <s v="DXL Angle-View Binders with Locking Rings by Samsill"/>
    <n v="7.71"/>
    <n v="1"/>
    <n v="3.47"/>
  </r>
  <r>
    <d v="2017-01-30T00:00:00"/>
    <x v="0"/>
    <x v="3"/>
    <x v="625"/>
    <x v="30"/>
    <x v="0"/>
    <x v="4"/>
    <s v="Boston 19500 Mighty Mite Electric Pencil Sharpener"/>
    <n v="40.299999999999997"/>
    <n v="2"/>
    <n v="10.88"/>
  </r>
  <r>
    <d v="2017-01-30T00:00:00"/>
    <x v="0"/>
    <x v="3"/>
    <x v="625"/>
    <x v="30"/>
    <x v="1"/>
    <x v="8"/>
    <s v="C-Line Magnetic Cubicle Keepers, Clear Polypropylene"/>
    <n v="34.58"/>
    <n v="7"/>
    <n v="14.52"/>
  </r>
  <r>
    <d v="2017-01-30T00:00:00"/>
    <x v="0"/>
    <x v="3"/>
    <x v="13"/>
    <x v="3"/>
    <x v="0"/>
    <x v="2"/>
    <s v="Space Solutions Commercial Steel Shelving"/>
    <n v="129.30000000000001"/>
    <n v="2"/>
    <n v="6.47"/>
  </r>
  <r>
    <d v="2017-01-30T00:00:00"/>
    <x v="0"/>
    <x v="3"/>
    <x v="469"/>
    <x v="3"/>
    <x v="0"/>
    <x v="4"/>
    <s v="Crayola Anti Dust Chalk, 12/Pack"/>
    <n v="12.74"/>
    <n v="7"/>
    <n v="5.73"/>
  </r>
  <r>
    <d v="2017-01-30T00:00:00"/>
    <x v="0"/>
    <x v="3"/>
    <x v="469"/>
    <x v="3"/>
    <x v="0"/>
    <x v="4"/>
    <s v="Newell 338"/>
    <n v="8.82"/>
    <n v="3"/>
    <n v="2.38"/>
  </r>
  <r>
    <d v="2017-01-30T00:00:00"/>
    <x v="0"/>
    <x v="3"/>
    <x v="469"/>
    <x v="3"/>
    <x v="1"/>
    <x v="5"/>
    <s v="Novimex Swivel Fabric Task Chair"/>
    <n v="120.78"/>
    <n v="1"/>
    <n v="-13.59"/>
  </r>
  <r>
    <d v="2017-01-30T00:00:00"/>
    <x v="0"/>
    <x v="3"/>
    <x v="185"/>
    <x v="16"/>
    <x v="1"/>
    <x v="5"/>
    <s v="Office Star - Contemporary Task Swivel chair with 2-way adjustable arms, Plum"/>
    <n v="419.14"/>
    <n v="4"/>
    <n v="-68.11"/>
  </r>
  <r>
    <d v="2017-01-30T00:00:00"/>
    <x v="0"/>
    <x v="3"/>
    <x v="760"/>
    <x v="1"/>
    <x v="1"/>
    <x v="13"/>
    <s v="Balt Split Level Computer Training Table"/>
    <n v="69.38"/>
    <n v="1"/>
    <n v="-47.18"/>
  </r>
  <r>
    <d v="2017-01-30T00:00:00"/>
    <x v="0"/>
    <x v="3"/>
    <x v="760"/>
    <x v="1"/>
    <x v="0"/>
    <x v="14"/>
    <s v="Acme Tagit Stainless Steel Antibacterial Scissors"/>
    <n v="31.68"/>
    <n v="4"/>
    <n v="2.77"/>
  </r>
  <r>
    <d v="2017-01-30T00:00:00"/>
    <x v="0"/>
    <x v="3"/>
    <x v="760"/>
    <x v="1"/>
    <x v="2"/>
    <x v="6"/>
    <s v="Samsung Galaxy S4"/>
    <n v="2003.17"/>
    <n v="4"/>
    <n v="250.4"/>
  </r>
  <r>
    <d v="2017-01-30T00:00:00"/>
    <x v="0"/>
    <x v="3"/>
    <x v="760"/>
    <x v="1"/>
    <x v="0"/>
    <x v="4"/>
    <s v="Quartet Omega Colored Chalk, 12/Pack"/>
    <n v="9.34"/>
    <n v="2"/>
    <n v="3.15"/>
  </r>
  <r>
    <d v="2017-01-30T00:00:00"/>
    <x v="0"/>
    <x v="3"/>
    <x v="381"/>
    <x v="22"/>
    <x v="2"/>
    <x v="6"/>
    <s v="Mitel 5320 IP Phone VoIP phone"/>
    <n v="604.77"/>
    <n v="4"/>
    <n v="60.48"/>
  </r>
  <r>
    <d v="2017-02-02T00:00:00"/>
    <x v="1"/>
    <x v="3"/>
    <x v="360"/>
    <x v="10"/>
    <x v="2"/>
    <x v="6"/>
    <s v="Anker 36W 4-Port USB Wall Charger Travel Power Adapter for iPhone 5s 5c 5"/>
    <n v="59.97"/>
    <n v="5"/>
    <n v="-11.99"/>
  </r>
  <r>
    <d v="2017-02-02T00:00:00"/>
    <x v="1"/>
    <x v="3"/>
    <x v="360"/>
    <x v="10"/>
    <x v="0"/>
    <x v="0"/>
    <s v="Xerox 1916"/>
    <n v="78.3"/>
    <n v="2"/>
    <n v="29.36"/>
  </r>
  <r>
    <d v="2017-02-02T00:00:00"/>
    <x v="1"/>
    <x v="3"/>
    <x v="360"/>
    <x v="10"/>
    <x v="0"/>
    <x v="7"/>
    <s v="Staples"/>
    <n v="21.46"/>
    <n v="9"/>
    <n v="6.97"/>
  </r>
  <r>
    <d v="2017-02-02T00:00:00"/>
    <x v="1"/>
    <x v="3"/>
    <x v="154"/>
    <x v="3"/>
    <x v="1"/>
    <x v="8"/>
    <s v="Howard Miller 11-1/2&quot; Diameter Grantwood Wall Clock"/>
    <n v="86.26"/>
    <n v="2"/>
    <n v="29.33"/>
  </r>
  <r>
    <d v="2017-02-02T00:00:00"/>
    <x v="1"/>
    <x v="3"/>
    <x v="154"/>
    <x v="3"/>
    <x v="0"/>
    <x v="2"/>
    <s v="Multi-Use Personal File Cart and Caster Set, Three Stacking Bins"/>
    <n v="139.04"/>
    <n v="4"/>
    <n v="38.93"/>
  </r>
  <r>
    <d v="2017-02-02T00:00:00"/>
    <x v="1"/>
    <x v="3"/>
    <x v="154"/>
    <x v="3"/>
    <x v="0"/>
    <x v="12"/>
    <s v="Harmony HEPA Quiet Air Purifiers"/>
    <n v="46.8"/>
    <n v="4"/>
    <n v="16.38"/>
  </r>
  <r>
    <d v="2017-02-02T00:00:00"/>
    <x v="1"/>
    <x v="3"/>
    <x v="731"/>
    <x v="3"/>
    <x v="1"/>
    <x v="8"/>
    <s v="Eldon Antistatic Chair Mats for Low to Medium Pile Carpets"/>
    <n v="210.58"/>
    <n v="2"/>
    <n v="12.63"/>
  </r>
  <r>
    <d v="2017-02-02T00:00:00"/>
    <x v="1"/>
    <x v="3"/>
    <x v="731"/>
    <x v="3"/>
    <x v="0"/>
    <x v="3"/>
    <s v="GBC Durable Plastic Covers"/>
    <n v="30.96"/>
    <n v="2"/>
    <n v="10.06"/>
  </r>
  <r>
    <d v="2017-02-02T00:00:00"/>
    <x v="1"/>
    <x v="3"/>
    <x v="731"/>
    <x v="3"/>
    <x v="2"/>
    <x v="15"/>
    <s v="HP Officejet Pro 8600 e-All-In-One Printer, Copier, Scanner, Fax"/>
    <n v="239.98"/>
    <n v="2"/>
    <n v="39"/>
  </r>
  <r>
    <d v="2017-02-03T00:00:00"/>
    <x v="1"/>
    <x v="3"/>
    <x v="550"/>
    <x v="10"/>
    <x v="0"/>
    <x v="3"/>
    <s v="Fellowes Black Plastic Comb Bindings"/>
    <n v="5.23"/>
    <n v="3"/>
    <n v="-4.18"/>
  </r>
  <r>
    <d v="2017-02-03T00:00:00"/>
    <x v="1"/>
    <x v="3"/>
    <x v="550"/>
    <x v="10"/>
    <x v="0"/>
    <x v="2"/>
    <s v="Hot File 7-Pocket, Floor Stand"/>
    <n v="285.55"/>
    <n v="2"/>
    <n v="35.69"/>
  </r>
  <r>
    <d v="2017-02-03T00:00:00"/>
    <x v="1"/>
    <x v="3"/>
    <x v="59"/>
    <x v="16"/>
    <x v="0"/>
    <x v="3"/>
    <s v="GBC Instant Report Kit"/>
    <n v="3.88"/>
    <n v="2"/>
    <n v="-2.59"/>
  </r>
  <r>
    <d v="2017-02-03T00:00:00"/>
    <x v="1"/>
    <x v="3"/>
    <x v="59"/>
    <x v="16"/>
    <x v="0"/>
    <x v="0"/>
    <s v="14-7/8 x 11 Blue Bar Computer Printout Paper"/>
    <n v="115.3"/>
    <n v="3"/>
    <n v="40.35"/>
  </r>
  <r>
    <d v="2017-02-03T00:00:00"/>
    <x v="1"/>
    <x v="3"/>
    <x v="476"/>
    <x v="1"/>
    <x v="0"/>
    <x v="0"/>
    <s v="Xerox 2"/>
    <n v="5.18"/>
    <n v="1"/>
    <n v="1.81"/>
  </r>
  <r>
    <d v="2017-02-03T00:00:00"/>
    <x v="1"/>
    <x v="3"/>
    <x v="476"/>
    <x v="1"/>
    <x v="0"/>
    <x v="0"/>
    <s v="Xerox 1893"/>
    <n v="65.58"/>
    <n v="2"/>
    <n v="23.77"/>
  </r>
  <r>
    <d v="2017-02-03T00:00:00"/>
    <x v="1"/>
    <x v="3"/>
    <x v="476"/>
    <x v="1"/>
    <x v="1"/>
    <x v="8"/>
    <s v="Eldon Cleatmat Chair Mats for Medium Pile Carpets"/>
    <n v="22.2"/>
    <n v="1"/>
    <n v="-26.09"/>
  </r>
  <r>
    <d v="2017-02-03T00:00:00"/>
    <x v="1"/>
    <x v="3"/>
    <x v="476"/>
    <x v="1"/>
    <x v="0"/>
    <x v="0"/>
    <s v="Xerox 189"/>
    <n v="419.4"/>
    <n v="5"/>
    <n v="146.79"/>
  </r>
  <r>
    <d v="2017-02-04T00:00:00"/>
    <x v="1"/>
    <x v="3"/>
    <x v="705"/>
    <x v="20"/>
    <x v="0"/>
    <x v="12"/>
    <s v="Belkin 6 Outlet Metallic Surge Strip"/>
    <n v="32.67"/>
    <n v="3"/>
    <n v="8.49"/>
  </r>
  <r>
    <d v="2017-02-05T00:00:00"/>
    <x v="1"/>
    <x v="3"/>
    <x v="92"/>
    <x v="0"/>
    <x v="0"/>
    <x v="3"/>
    <s v="Ibico Hi-Tech Manual Binding System"/>
    <n v="243.99"/>
    <n v="4"/>
    <n v="-426.99"/>
  </r>
  <r>
    <d v="2017-02-05T00:00:00"/>
    <x v="1"/>
    <x v="3"/>
    <x v="92"/>
    <x v="0"/>
    <x v="0"/>
    <x v="4"/>
    <s v="Staples in misc. colors"/>
    <n v="7.12"/>
    <n v="5"/>
    <n v="0.71"/>
  </r>
  <r>
    <d v="2017-02-05T00:00:00"/>
    <x v="1"/>
    <x v="3"/>
    <x v="452"/>
    <x v="3"/>
    <x v="0"/>
    <x v="12"/>
    <s v="Sanyo Counter Height Refrigerator with Crisper, 3.6 Cubic Foot, Stainless Steel/Black"/>
    <n v="1640.7"/>
    <n v="5"/>
    <n v="459.4"/>
  </r>
  <r>
    <d v="2017-02-05T00:00:00"/>
    <x v="1"/>
    <x v="3"/>
    <x v="452"/>
    <x v="3"/>
    <x v="2"/>
    <x v="6"/>
    <s v="Geemarc AmpliPOWER60"/>
    <n v="371.2"/>
    <n v="5"/>
    <n v="41.76"/>
  </r>
  <r>
    <d v="2017-02-06T00:00:00"/>
    <x v="1"/>
    <x v="3"/>
    <x v="20"/>
    <x v="6"/>
    <x v="1"/>
    <x v="11"/>
    <s v="Bush Andora Bookcase, Maple/Graphite Gray Finish"/>
    <n v="359.97"/>
    <n v="3"/>
    <n v="79.19"/>
  </r>
  <r>
    <d v="2017-02-06T00:00:00"/>
    <x v="1"/>
    <x v="3"/>
    <x v="741"/>
    <x v="20"/>
    <x v="1"/>
    <x v="11"/>
    <s v="Atlantic Metals Mobile 5-Shelf Bookcases, Custom Colors"/>
    <n v="240.78"/>
    <n v="1"/>
    <n v="30.1"/>
  </r>
  <r>
    <d v="2017-02-06T00:00:00"/>
    <x v="1"/>
    <x v="3"/>
    <x v="457"/>
    <x v="20"/>
    <x v="2"/>
    <x v="6"/>
    <s v="Grandstream GXP1160 VoIP phone"/>
    <n v="227.46"/>
    <n v="6"/>
    <n v="65.959999999999994"/>
  </r>
  <r>
    <d v="2017-02-06T00:00:00"/>
    <x v="1"/>
    <x v="3"/>
    <x v="457"/>
    <x v="20"/>
    <x v="0"/>
    <x v="3"/>
    <s v="Acco Recycled 2&quot; Capacity Laser Printer Hanging Data Binders"/>
    <n v="46.24"/>
    <n v="4"/>
    <n v="15.61"/>
  </r>
  <r>
    <d v="2017-02-06T00:00:00"/>
    <x v="1"/>
    <x v="3"/>
    <x v="659"/>
    <x v="3"/>
    <x v="0"/>
    <x v="0"/>
    <s v="Xerox 1947"/>
    <n v="29.9"/>
    <n v="5"/>
    <n v="13.46"/>
  </r>
  <r>
    <d v="2017-02-09T00:00:00"/>
    <x v="1"/>
    <x v="3"/>
    <x v="717"/>
    <x v="0"/>
    <x v="0"/>
    <x v="3"/>
    <s v="GBC ProClick 150 Presentation Binding System"/>
    <n v="252.78"/>
    <n v="4"/>
    <n v="-417.09"/>
  </r>
  <r>
    <d v="2017-02-09T00:00:00"/>
    <x v="1"/>
    <x v="3"/>
    <x v="717"/>
    <x v="0"/>
    <x v="2"/>
    <x v="9"/>
    <s v="Razer Kraken PRO Over Ear PC and Music Headset"/>
    <n v="127.98"/>
    <n v="2"/>
    <n v="16"/>
  </r>
  <r>
    <d v="2017-02-09T00:00:00"/>
    <x v="1"/>
    <x v="3"/>
    <x v="717"/>
    <x v="0"/>
    <x v="1"/>
    <x v="8"/>
    <s v="Stacking Trays by OIC"/>
    <n v="3.98"/>
    <n v="2"/>
    <n v="-2.69"/>
  </r>
  <r>
    <d v="2017-02-09T00:00:00"/>
    <x v="1"/>
    <x v="3"/>
    <x v="717"/>
    <x v="0"/>
    <x v="0"/>
    <x v="12"/>
    <s v="Belkin F9S820V06 8 Outlet Surge"/>
    <n v="12.99"/>
    <n v="2"/>
    <n v="-32.479999999999997"/>
  </r>
  <r>
    <d v="2017-02-09T00:00:00"/>
    <x v="1"/>
    <x v="3"/>
    <x v="44"/>
    <x v="3"/>
    <x v="1"/>
    <x v="8"/>
    <s v="Master Big Foot Doorstop, Beige"/>
    <n v="21.12"/>
    <n v="4"/>
    <n v="6.55"/>
  </r>
  <r>
    <d v="2017-02-09T00:00:00"/>
    <x v="1"/>
    <x v="3"/>
    <x v="242"/>
    <x v="3"/>
    <x v="0"/>
    <x v="2"/>
    <s v="Sensible Storage WireTech Storage Systems"/>
    <n v="354.9"/>
    <n v="5"/>
    <n v="17.75"/>
  </r>
  <r>
    <d v="2017-02-10T00:00:00"/>
    <x v="1"/>
    <x v="3"/>
    <x v="109"/>
    <x v="3"/>
    <x v="1"/>
    <x v="11"/>
    <s v="Bush Andora Bookcase, Maple/Graphite Gray Finish"/>
    <n v="203.98"/>
    <n v="2"/>
    <n v="16.8"/>
  </r>
  <r>
    <d v="2017-02-10T00:00:00"/>
    <x v="1"/>
    <x v="3"/>
    <x v="46"/>
    <x v="36"/>
    <x v="0"/>
    <x v="0"/>
    <s v="HP Office Recycled Paper (20Lb. and 87 Bright)"/>
    <n v="23.12"/>
    <n v="4"/>
    <n v="11.33"/>
  </r>
  <r>
    <d v="2017-02-11T00:00:00"/>
    <x v="1"/>
    <x v="3"/>
    <x v="197"/>
    <x v="3"/>
    <x v="0"/>
    <x v="3"/>
    <s v="Acco Pressboard Covers with Storage Hooks, 14 7/8&quot; x 11&quot;, Dark Blue"/>
    <n v="21.34"/>
    <n v="7"/>
    <n v="7.73"/>
  </r>
  <r>
    <d v="2017-02-11T00:00:00"/>
    <x v="1"/>
    <x v="3"/>
    <x v="568"/>
    <x v="22"/>
    <x v="1"/>
    <x v="5"/>
    <s v="Global Leather and Oak Executive Chair, Black"/>
    <n v="963.14"/>
    <n v="4"/>
    <n v="108.35"/>
  </r>
  <r>
    <d v="2017-02-11T00:00:00"/>
    <x v="1"/>
    <x v="3"/>
    <x v="568"/>
    <x v="22"/>
    <x v="2"/>
    <x v="6"/>
    <s v="Logitech B530 USBÂ HeadsetÂ -Â headsetÂ - Full size, Binaural"/>
    <n v="88.78"/>
    <n v="3"/>
    <n v="7.77"/>
  </r>
  <r>
    <d v="2017-02-11T00:00:00"/>
    <x v="1"/>
    <x v="3"/>
    <x v="351"/>
    <x v="20"/>
    <x v="0"/>
    <x v="1"/>
    <s v="Avery 473"/>
    <n v="20.7"/>
    <n v="2"/>
    <n v="9.94"/>
  </r>
  <r>
    <d v="2017-02-11T00:00:00"/>
    <x v="1"/>
    <x v="3"/>
    <x v="226"/>
    <x v="10"/>
    <x v="1"/>
    <x v="8"/>
    <s v="Deflect-o RollaMat Studded, Beveled Mat for Medium Pile Carpeting"/>
    <n v="147.57"/>
    <n v="2"/>
    <n v="-3.69"/>
  </r>
  <r>
    <d v="2017-02-13T00:00:00"/>
    <x v="1"/>
    <x v="3"/>
    <x v="681"/>
    <x v="22"/>
    <x v="0"/>
    <x v="4"/>
    <s v="Newell 311"/>
    <n v="6.63"/>
    <n v="3"/>
    <n v="1.79"/>
  </r>
  <r>
    <d v="2017-02-13T00:00:00"/>
    <x v="1"/>
    <x v="3"/>
    <x v="681"/>
    <x v="22"/>
    <x v="2"/>
    <x v="9"/>
    <s v="Razer Tiamat Over Ear 7.1 Surround Sound PC Gaming Headset"/>
    <n v="799.96"/>
    <n v="4"/>
    <n v="343.98"/>
  </r>
  <r>
    <d v="2017-02-13T00:00:00"/>
    <x v="1"/>
    <x v="3"/>
    <x v="681"/>
    <x v="22"/>
    <x v="1"/>
    <x v="8"/>
    <s v="Tenex Contemporary Contur Chairmats for Low and Medium Pile Carpet, Computer, 39&quot; x 49&quot;"/>
    <n v="107.53"/>
    <n v="1"/>
    <n v="21.51"/>
  </r>
  <r>
    <d v="2017-02-13T00:00:00"/>
    <x v="1"/>
    <x v="3"/>
    <x v="149"/>
    <x v="36"/>
    <x v="0"/>
    <x v="14"/>
    <s v="Acme Elite Stainless Steel Scissors"/>
    <n v="25.02"/>
    <n v="3"/>
    <n v="6.51"/>
  </r>
  <r>
    <d v="2017-02-13T00:00:00"/>
    <x v="1"/>
    <x v="3"/>
    <x v="149"/>
    <x v="36"/>
    <x v="0"/>
    <x v="4"/>
    <s v="Barrel Sharpener"/>
    <n v="10.71"/>
    <n v="3"/>
    <n v="2.78"/>
  </r>
  <r>
    <d v="2017-02-13T00:00:00"/>
    <x v="1"/>
    <x v="3"/>
    <x v="359"/>
    <x v="20"/>
    <x v="0"/>
    <x v="0"/>
    <s v="Xerox 1903"/>
    <n v="17.940000000000001"/>
    <n v="3"/>
    <n v="8.7899999999999991"/>
  </r>
  <r>
    <d v="2017-02-13T00:00:00"/>
    <x v="1"/>
    <x v="3"/>
    <x v="294"/>
    <x v="28"/>
    <x v="0"/>
    <x v="12"/>
    <s v="Holmes Replacement Filter for HEPA Air Cleaner, Medium Room"/>
    <n v="90.64"/>
    <n v="8"/>
    <n v="38.979999999999997"/>
  </r>
  <r>
    <d v="2017-02-16T00:00:00"/>
    <x v="1"/>
    <x v="3"/>
    <x v="321"/>
    <x v="20"/>
    <x v="0"/>
    <x v="0"/>
    <s v="Xerox 1912"/>
    <n v="37.94"/>
    <n v="2"/>
    <n v="18.21"/>
  </r>
  <r>
    <d v="2017-02-16T00:00:00"/>
    <x v="1"/>
    <x v="3"/>
    <x v="537"/>
    <x v="37"/>
    <x v="0"/>
    <x v="2"/>
    <s v="Fellowes Staxonsteel Drawer Files"/>
    <n v="579.51"/>
    <n v="3"/>
    <n v="81.13"/>
  </r>
  <r>
    <d v="2017-02-16T00:00:00"/>
    <x v="1"/>
    <x v="3"/>
    <x v="537"/>
    <x v="37"/>
    <x v="2"/>
    <x v="6"/>
    <s v="Belkin SportFit Armband For iPhone 5s/5c, Fuchsia"/>
    <n v="14.99"/>
    <n v="1"/>
    <n v="7.35"/>
  </r>
  <r>
    <d v="2017-02-16T00:00:00"/>
    <x v="1"/>
    <x v="3"/>
    <x v="55"/>
    <x v="1"/>
    <x v="0"/>
    <x v="7"/>
    <s v="Vinyl Coated Wire Paper Clips in Organizer Box, 800/Box"/>
    <n v="18.37"/>
    <n v="2"/>
    <n v="6.2"/>
  </r>
  <r>
    <d v="2017-02-16T00:00:00"/>
    <x v="1"/>
    <x v="3"/>
    <x v="55"/>
    <x v="1"/>
    <x v="1"/>
    <x v="5"/>
    <s v="Global Deluxe High-Back Manager's Chair"/>
    <n v="600.55999999999995"/>
    <n v="3"/>
    <n v="-8.58"/>
  </r>
  <r>
    <d v="2017-02-16T00:00:00"/>
    <x v="1"/>
    <x v="3"/>
    <x v="55"/>
    <x v="1"/>
    <x v="0"/>
    <x v="2"/>
    <s v="Tennsco Lockers, Gray"/>
    <n v="50.35"/>
    <n v="3"/>
    <n v="-8.18"/>
  </r>
  <r>
    <d v="2017-02-16T00:00:00"/>
    <x v="1"/>
    <x v="3"/>
    <x v="55"/>
    <x v="1"/>
    <x v="0"/>
    <x v="4"/>
    <s v="Newell 312"/>
    <n v="28.03"/>
    <n v="6"/>
    <n v="3.5"/>
  </r>
  <r>
    <d v="2017-02-16T00:00:00"/>
    <x v="1"/>
    <x v="3"/>
    <x v="55"/>
    <x v="1"/>
    <x v="1"/>
    <x v="8"/>
    <s v="Executive Impressions 13&quot; Clairmont Wall Clock"/>
    <n v="7.69"/>
    <n v="1"/>
    <n v="-3.65"/>
  </r>
  <r>
    <d v="2017-02-17T00:00:00"/>
    <x v="1"/>
    <x v="3"/>
    <x v="488"/>
    <x v="1"/>
    <x v="1"/>
    <x v="13"/>
    <s v="Chromcraft 48&quot; x 96&quot; Racetrack Double Pedestal Table"/>
    <n v="480.96"/>
    <n v="3"/>
    <n v="-269.33999999999997"/>
  </r>
  <r>
    <d v="2017-02-17T00:00:00"/>
    <x v="1"/>
    <x v="3"/>
    <x v="488"/>
    <x v="1"/>
    <x v="2"/>
    <x v="6"/>
    <s v="LG Exalt"/>
    <n v="124.79"/>
    <n v="1"/>
    <n v="10.92"/>
  </r>
  <r>
    <d v="2017-02-17T00:00:00"/>
    <x v="1"/>
    <x v="3"/>
    <x v="172"/>
    <x v="8"/>
    <x v="2"/>
    <x v="6"/>
    <s v="KLD Oscar II Style Snap-on Ultra Thin Side Flip Synthetic Leather Cover Case for HTC One HTC M7"/>
    <n v="29.16"/>
    <n v="3"/>
    <n v="8.4600000000000009"/>
  </r>
  <r>
    <d v="2017-02-17T00:00:00"/>
    <x v="1"/>
    <x v="3"/>
    <x v="292"/>
    <x v="23"/>
    <x v="0"/>
    <x v="0"/>
    <s v="Adams Telephone Message Book W/Dividers/Space For Phone Numbers, 5 1/4&quot;X8 1/2&quot;, 300/Messages"/>
    <n v="11.76"/>
    <n v="2"/>
    <n v="5.76"/>
  </r>
  <r>
    <d v="2017-02-17T00:00:00"/>
    <x v="1"/>
    <x v="3"/>
    <x v="292"/>
    <x v="23"/>
    <x v="0"/>
    <x v="2"/>
    <s v="Fellowes Bases and Tops For Staxonsteel/High-Stak Systems"/>
    <n v="166.45"/>
    <n v="5"/>
    <n v="39.950000000000003"/>
  </r>
  <r>
    <d v="2017-02-17T00:00:00"/>
    <x v="1"/>
    <x v="3"/>
    <x v="601"/>
    <x v="0"/>
    <x v="1"/>
    <x v="11"/>
    <s v="Sauder Mission Library with Doors, Fruitwood Finish"/>
    <n v="89.07"/>
    <n v="1"/>
    <n v="-17.03"/>
  </r>
  <r>
    <d v="2017-02-17T00:00:00"/>
    <x v="1"/>
    <x v="3"/>
    <x v="601"/>
    <x v="0"/>
    <x v="0"/>
    <x v="4"/>
    <s v="Dixon Ticonderoga Core-Lock Colored Pencils, 48-Color Set"/>
    <n v="175.44"/>
    <n v="6"/>
    <n v="52.63"/>
  </r>
  <r>
    <d v="2017-02-17T00:00:00"/>
    <x v="1"/>
    <x v="3"/>
    <x v="601"/>
    <x v="0"/>
    <x v="2"/>
    <x v="6"/>
    <s v="Jawbone MINI JAMBOX Wireless Bluetooth Speaker"/>
    <n v="438.34"/>
    <n v="4"/>
    <n v="-87.67"/>
  </r>
  <r>
    <d v="2017-02-17T00:00:00"/>
    <x v="1"/>
    <x v="3"/>
    <x v="79"/>
    <x v="10"/>
    <x v="1"/>
    <x v="13"/>
    <s v="SAFCO PlanMaster Boards, 60w x 37-1/2d, White Melamine"/>
    <n v="455.97"/>
    <n v="5"/>
    <n v="-106.39"/>
  </r>
  <r>
    <d v="2017-02-17T00:00:00"/>
    <x v="1"/>
    <x v="3"/>
    <x v="79"/>
    <x v="10"/>
    <x v="0"/>
    <x v="3"/>
    <s v="Acco Pressboard Covers with Storage Hooks, 14 7/8&quot; x 11&quot;, Executive Red"/>
    <n v="5.72"/>
    <n v="5"/>
    <n v="-4.76"/>
  </r>
  <r>
    <d v="2017-02-17T00:00:00"/>
    <x v="1"/>
    <x v="3"/>
    <x v="79"/>
    <x v="10"/>
    <x v="2"/>
    <x v="6"/>
    <s v="Vtech CS6719"/>
    <n v="57.59"/>
    <n v="1"/>
    <n v="-11.52"/>
  </r>
  <r>
    <d v="2017-02-17T00:00:00"/>
    <x v="1"/>
    <x v="3"/>
    <x v="79"/>
    <x v="10"/>
    <x v="1"/>
    <x v="8"/>
    <s v="Flat Face Poster Frame"/>
    <n v="30.14"/>
    <n v="2"/>
    <n v="8.2899999999999991"/>
  </r>
  <r>
    <d v="2017-02-17T00:00:00"/>
    <x v="1"/>
    <x v="3"/>
    <x v="79"/>
    <x v="10"/>
    <x v="1"/>
    <x v="5"/>
    <s v="Global Commerce Series Low-Back Swivel/Tilt Chairs"/>
    <n v="899.43"/>
    <n v="5"/>
    <n v="-12.85"/>
  </r>
  <r>
    <d v="2017-02-18T00:00:00"/>
    <x v="1"/>
    <x v="3"/>
    <x v="755"/>
    <x v="3"/>
    <x v="2"/>
    <x v="6"/>
    <s v="iHome FM Clock Radio with Lightning Dock"/>
    <n v="167.98"/>
    <n v="3"/>
    <n v="10.5"/>
  </r>
  <r>
    <d v="2017-02-18T00:00:00"/>
    <x v="1"/>
    <x v="3"/>
    <x v="755"/>
    <x v="3"/>
    <x v="2"/>
    <x v="9"/>
    <s v="Memorex Micro Travel Drive 32 GB"/>
    <n v="109.53"/>
    <n v="3"/>
    <n v="47.1"/>
  </r>
  <r>
    <d v="2017-02-18T00:00:00"/>
    <x v="1"/>
    <x v="3"/>
    <x v="755"/>
    <x v="3"/>
    <x v="0"/>
    <x v="1"/>
    <s v="Avery 493"/>
    <n v="9.82"/>
    <n v="2"/>
    <n v="4.8099999999999996"/>
  </r>
  <r>
    <d v="2017-02-19T00:00:00"/>
    <x v="1"/>
    <x v="3"/>
    <x v="62"/>
    <x v="4"/>
    <x v="0"/>
    <x v="12"/>
    <s v="Kensington 7 Outlet MasterPiece Power Center"/>
    <n v="1245.8599999999999"/>
    <n v="7"/>
    <n v="361.3"/>
  </r>
  <r>
    <d v="2017-02-19T00:00:00"/>
    <x v="1"/>
    <x v="3"/>
    <x v="297"/>
    <x v="22"/>
    <x v="0"/>
    <x v="7"/>
    <s v="Rubber Band Ball"/>
    <n v="11.22"/>
    <n v="3"/>
    <n v="0.22"/>
  </r>
  <r>
    <d v="2017-02-19T00:00:00"/>
    <x v="1"/>
    <x v="3"/>
    <x v="341"/>
    <x v="3"/>
    <x v="0"/>
    <x v="4"/>
    <s v="Newell 320"/>
    <n v="12.84"/>
    <n v="3"/>
    <n v="3.47"/>
  </r>
  <r>
    <d v="2017-02-19T00:00:00"/>
    <x v="1"/>
    <x v="3"/>
    <x v="341"/>
    <x v="3"/>
    <x v="1"/>
    <x v="8"/>
    <s v="Tensor Computer Mounted Lamp"/>
    <n v="44.67"/>
    <n v="3"/>
    <n v="12.06"/>
  </r>
  <r>
    <d v="2017-02-20T00:00:00"/>
    <x v="1"/>
    <x v="3"/>
    <x v="698"/>
    <x v="3"/>
    <x v="1"/>
    <x v="8"/>
    <s v="Executive Impressions 14&quot; Contract Wall Clock"/>
    <n v="22.23"/>
    <n v="1"/>
    <n v="7.34"/>
  </r>
  <r>
    <d v="2017-02-20T00:00:00"/>
    <x v="1"/>
    <x v="3"/>
    <x v="698"/>
    <x v="3"/>
    <x v="2"/>
    <x v="6"/>
    <s v="Logitech Mobile Speakerphone P710e -Â speaker phone"/>
    <n v="215.97"/>
    <n v="2"/>
    <n v="18.899999999999999"/>
  </r>
  <r>
    <d v="2017-02-20T00:00:00"/>
    <x v="1"/>
    <x v="3"/>
    <x v="425"/>
    <x v="39"/>
    <x v="0"/>
    <x v="4"/>
    <s v="Newell 351"/>
    <n v="6.56"/>
    <n v="2"/>
    <n v="1.9"/>
  </r>
  <r>
    <d v="2017-02-20T00:00:00"/>
    <x v="1"/>
    <x v="3"/>
    <x v="425"/>
    <x v="39"/>
    <x v="0"/>
    <x v="12"/>
    <s v="Disposable Triple-Filter Dust Bags"/>
    <n v="13.11"/>
    <n v="3"/>
    <n v="3.41"/>
  </r>
  <r>
    <d v="2017-02-20T00:00:00"/>
    <x v="1"/>
    <x v="3"/>
    <x v="244"/>
    <x v="26"/>
    <x v="0"/>
    <x v="7"/>
    <s v="Staples"/>
    <n v="9.43"/>
    <n v="3"/>
    <n v="3.07"/>
  </r>
  <r>
    <d v="2017-02-20T00:00:00"/>
    <x v="1"/>
    <x v="3"/>
    <x v="307"/>
    <x v="12"/>
    <x v="2"/>
    <x v="6"/>
    <s v="Toshiba IPT2010-SD IPÂ Telephone"/>
    <n v="333.58"/>
    <n v="3"/>
    <n v="25.02"/>
  </r>
  <r>
    <d v="2017-02-20T00:00:00"/>
    <x v="1"/>
    <x v="3"/>
    <x v="307"/>
    <x v="12"/>
    <x v="2"/>
    <x v="9"/>
    <s v="Microsoft Wireless Mobile Mouse 4000"/>
    <n v="31.99"/>
    <n v="1"/>
    <n v="4.8"/>
  </r>
  <r>
    <d v="2017-02-20T00:00:00"/>
    <x v="1"/>
    <x v="3"/>
    <x v="307"/>
    <x v="12"/>
    <x v="0"/>
    <x v="2"/>
    <s v="Fellowes Bankers Box Stor/Drawer Steel Plus"/>
    <n v="51.17"/>
    <n v="2"/>
    <n v="-6.4"/>
  </r>
  <r>
    <d v="2017-02-20T00:00:00"/>
    <x v="1"/>
    <x v="3"/>
    <x v="307"/>
    <x v="12"/>
    <x v="0"/>
    <x v="10"/>
    <s v="Letter or Legal Size Expandable Poly String Tie Envelopes"/>
    <n v="10.64"/>
    <n v="5"/>
    <n v="3.86"/>
  </r>
  <r>
    <d v="2017-02-20T00:00:00"/>
    <x v="1"/>
    <x v="3"/>
    <x v="307"/>
    <x v="12"/>
    <x v="1"/>
    <x v="8"/>
    <s v="Howard Miller 13&quot; Diameter Pewter Finish Round Wall Clock"/>
    <n v="68.7"/>
    <n v="2"/>
    <n v="16.32"/>
  </r>
  <r>
    <d v="2017-02-20T00:00:00"/>
    <x v="1"/>
    <x v="3"/>
    <x v="307"/>
    <x v="12"/>
    <x v="1"/>
    <x v="13"/>
    <s v="KI Adjustable-Height Table"/>
    <n v="386.91"/>
    <n v="9"/>
    <n v="-185.72"/>
  </r>
  <r>
    <d v="2017-02-21T00:00:00"/>
    <x v="1"/>
    <x v="3"/>
    <x v="610"/>
    <x v="0"/>
    <x v="2"/>
    <x v="9"/>
    <s v="Microsoft Natural Keyboard Elite"/>
    <n v="47.9"/>
    <n v="1"/>
    <n v="-2.99"/>
  </r>
  <r>
    <d v="2017-02-23T00:00:00"/>
    <x v="1"/>
    <x v="3"/>
    <x v="584"/>
    <x v="3"/>
    <x v="0"/>
    <x v="0"/>
    <s v="Ampad Phone Message Book, Recycled, 400 Message Capacity, 5 Â¾Â” x 11Â”"/>
    <n v="37.44"/>
    <n v="6"/>
    <n v="16.850000000000001"/>
  </r>
  <r>
    <d v="2017-02-23T00:00:00"/>
    <x v="1"/>
    <x v="3"/>
    <x v="689"/>
    <x v="22"/>
    <x v="0"/>
    <x v="7"/>
    <s v="Alliance Rubber Bands"/>
    <n v="8.4"/>
    <n v="5"/>
    <n v="0.34"/>
  </r>
  <r>
    <d v="2017-02-23T00:00:00"/>
    <x v="1"/>
    <x v="3"/>
    <x v="689"/>
    <x v="22"/>
    <x v="2"/>
    <x v="6"/>
    <s v="invisibleSHIELD by ZAGG Smudge-Free Screen Protector"/>
    <n v="71.959999999999994"/>
    <n v="5"/>
    <n v="25.19"/>
  </r>
  <r>
    <d v="2017-02-24T00:00:00"/>
    <x v="1"/>
    <x v="3"/>
    <x v="710"/>
    <x v="2"/>
    <x v="0"/>
    <x v="3"/>
    <s v="ACCOHIDE 3-Ring Binder, Blue, 1&quot;"/>
    <n v="4.96"/>
    <n v="4"/>
    <n v="-3.8"/>
  </r>
  <r>
    <d v="2017-02-24T00:00:00"/>
    <x v="1"/>
    <x v="3"/>
    <x v="442"/>
    <x v="2"/>
    <x v="0"/>
    <x v="0"/>
    <s v="Xerox 1988"/>
    <n v="123.92"/>
    <n v="5"/>
    <n v="38.729999999999997"/>
  </r>
  <r>
    <d v="2017-02-24T00:00:00"/>
    <x v="1"/>
    <x v="3"/>
    <x v="442"/>
    <x v="2"/>
    <x v="2"/>
    <x v="9"/>
    <s v="Plantronics CS510 - Over-the-Head monaural Wireless Headset System"/>
    <n v="1319.8"/>
    <n v="5"/>
    <n v="214.47"/>
  </r>
  <r>
    <d v="2017-02-25T00:00:00"/>
    <x v="1"/>
    <x v="3"/>
    <x v="289"/>
    <x v="1"/>
    <x v="0"/>
    <x v="3"/>
    <s v="Avery Hidden Tab Dividers for Binding Systems"/>
    <n v="1.79"/>
    <n v="3"/>
    <n v="-3.04"/>
  </r>
  <r>
    <d v="2017-02-25T00:00:00"/>
    <x v="1"/>
    <x v="3"/>
    <x v="308"/>
    <x v="25"/>
    <x v="1"/>
    <x v="5"/>
    <s v="Global High-Back Leather Tilter, Burgundy"/>
    <n v="196.78"/>
    <n v="2"/>
    <n v="-22.14"/>
  </r>
  <r>
    <d v="2017-02-25T00:00:00"/>
    <x v="1"/>
    <x v="3"/>
    <x v="308"/>
    <x v="25"/>
    <x v="1"/>
    <x v="11"/>
    <s v="Bush Westfield Collection Bookcases, Medium Cherry Finish"/>
    <n v="231.92"/>
    <n v="5"/>
    <n v="5.8"/>
  </r>
  <r>
    <d v="2017-02-26T00:00:00"/>
    <x v="1"/>
    <x v="3"/>
    <x v="214"/>
    <x v="3"/>
    <x v="0"/>
    <x v="12"/>
    <s v="Kensington 6 Outlet Guardian Standard Surge Protector"/>
    <n v="81.92"/>
    <n v="4"/>
    <n v="22.12"/>
  </r>
  <r>
    <d v="2017-02-26T00:00:00"/>
    <x v="1"/>
    <x v="3"/>
    <x v="214"/>
    <x v="3"/>
    <x v="2"/>
    <x v="6"/>
    <s v="Toshiba IPT2010-SD IPÂ Telephone"/>
    <n v="889.54"/>
    <n v="8"/>
    <n v="66.72"/>
  </r>
  <r>
    <d v="2017-02-26T00:00:00"/>
    <x v="1"/>
    <x v="3"/>
    <x v="214"/>
    <x v="3"/>
    <x v="1"/>
    <x v="5"/>
    <s v="GuestStacker Chair with Chrome Finish Legs"/>
    <n v="892.22"/>
    <n v="3"/>
    <n v="89.22"/>
  </r>
  <r>
    <d v="2017-02-26T00:00:00"/>
    <x v="1"/>
    <x v="3"/>
    <x v="214"/>
    <x v="3"/>
    <x v="0"/>
    <x v="0"/>
    <s v="Xerox 1908"/>
    <n v="223.92"/>
    <n v="4"/>
    <n v="109.72"/>
  </r>
  <r>
    <d v="2017-02-26T00:00:00"/>
    <x v="1"/>
    <x v="3"/>
    <x v="214"/>
    <x v="3"/>
    <x v="0"/>
    <x v="0"/>
    <s v="Xerox 1924"/>
    <n v="23.12"/>
    <n v="4"/>
    <n v="11.33"/>
  </r>
  <r>
    <d v="2017-02-26T00:00:00"/>
    <x v="1"/>
    <x v="3"/>
    <x v="383"/>
    <x v="3"/>
    <x v="0"/>
    <x v="12"/>
    <s v="Tripp Lite TLP810NET Broadband Surge for Modem/Fax"/>
    <n v="356.79"/>
    <n v="7"/>
    <n v="99.9"/>
  </r>
  <r>
    <d v="2017-02-26T00:00:00"/>
    <x v="1"/>
    <x v="3"/>
    <x v="56"/>
    <x v="3"/>
    <x v="1"/>
    <x v="8"/>
    <s v="Tenex B1-RE Series Chair Mats for Low Pile Carpets"/>
    <n v="91.96"/>
    <n v="2"/>
    <n v="15.63"/>
  </r>
  <r>
    <d v="2017-02-26T00:00:00"/>
    <x v="1"/>
    <x v="3"/>
    <x v="56"/>
    <x v="3"/>
    <x v="2"/>
    <x v="6"/>
    <s v="Aastra 57i VoIP phone"/>
    <n v="258.58"/>
    <n v="2"/>
    <n v="19.39"/>
  </r>
  <r>
    <d v="2017-02-26T00:00:00"/>
    <x v="1"/>
    <x v="3"/>
    <x v="56"/>
    <x v="3"/>
    <x v="0"/>
    <x v="0"/>
    <s v="It's Hot Message Books with Stickers, 2 3/4&quot; x 5&quot;"/>
    <n v="29.6"/>
    <n v="4"/>
    <n v="13.32"/>
  </r>
  <r>
    <d v="2017-02-28T00:00:00"/>
    <x v="1"/>
    <x v="3"/>
    <x v="257"/>
    <x v="37"/>
    <x v="0"/>
    <x v="3"/>
    <s v="Pressboard Hanging Data Binders for Unburst Sheets"/>
    <n v="9.84"/>
    <n v="2"/>
    <n v="4.72"/>
  </r>
  <r>
    <d v="2017-02-28T00:00:00"/>
    <x v="1"/>
    <x v="3"/>
    <x v="257"/>
    <x v="37"/>
    <x v="0"/>
    <x v="0"/>
    <s v="Southworth 100% RÃ©sumÃ© Paper, 24lb."/>
    <n v="7.78"/>
    <n v="1"/>
    <n v="3.5"/>
  </r>
  <r>
    <d v="2017-03-02T00:00:00"/>
    <x v="2"/>
    <x v="3"/>
    <x v="660"/>
    <x v="0"/>
    <x v="0"/>
    <x v="14"/>
    <s v="Staple remover"/>
    <n v="6.98"/>
    <n v="4"/>
    <n v="-1.4"/>
  </r>
  <r>
    <d v="2017-03-02T00:00:00"/>
    <x v="2"/>
    <x v="3"/>
    <x v="660"/>
    <x v="0"/>
    <x v="0"/>
    <x v="3"/>
    <s v="Wilson Jones Leather-Like Binders with DublLock Round Rings"/>
    <n v="12.22"/>
    <n v="7"/>
    <n v="-20.170000000000002"/>
  </r>
  <r>
    <d v="2017-03-02T00:00:00"/>
    <x v="2"/>
    <x v="3"/>
    <x v="706"/>
    <x v="3"/>
    <x v="2"/>
    <x v="6"/>
    <s v="Panasonic KX TS3282B Corded phone"/>
    <n v="196.78"/>
    <n v="3"/>
    <n v="14.76"/>
  </r>
  <r>
    <d v="2017-03-02T00:00:00"/>
    <x v="2"/>
    <x v="3"/>
    <x v="706"/>
    <x v="3"/>
    <x v="2"/>
    <x v="9"/>
    <s v="Logitech G13 Programmable Gameboard with LCD Display"/>
    <n v="479.94"/>
    <n v="6"/>
    <n v="52.79"/>
  </r>
  <r>
    <d v="2017-03-02T00:00:00"/>
    <x v="2"/>
    <x v="3"/>
    <x v="159"/>
    <x v="7"/>
    <x v="0"/>
    <x v="4"/>
    <s v="Newell 34"/>
    <n v="59.52"/>
    <n v="3"/>
    <n v="15.48"/>
  </r>
  <r>
    <d v="2017-03-02T00:00:00"/>
    <x v="2"/>
    <x v="3"/>
    <x v="159"/>
    <x v="7"/>
    <x v="0"/>
    <x v="10"/>
    <s v="Staple envelope"/>
    <n v="57.96"/>
    <n v="7"/>
    <n v="27.24"/>
  </r>
  <r>
    <d v="2017-03-02T00:00:00"/>
    <x v="2"/>
    <x v="3"/>
    <x v="159"/>
    <x v="7"/>
    <x v="1"/>
    <x v="11"/>
    <s v="Bush Cubix Collection Bookcases, Fully Assembled"/>
    <n v="441.96"/>
    <n v="2"/>
    <n v="101.65"/>
  </r>
  <r>
    <d v="2017-03-02T00:00:00"/>
    <x v="2"/>
    <x v="3"/>
    <x v="159"/>
    <x v="7"/>
    <x v="0"/>
    <x v="0"/>
    <s v="Easy-staple paper"/>
    <n v="68.040000000000006"/>
    <n v="6"/>
    <n v="33.340000000000003"/>
  </r>
  <r>
    <d v="2017-03-02T00:00:00"/>
    <x v="2"/>
    <x v="3"/>
    <x v="409"/>
    <x v="10"/>
    <x v="0"/>
    <x v="3"/>
    <s v="GBC VeloBind Cover Sets"/>
    <n v="18.53"/>
    <n v="4"/>
    <n v="-12.35"/>
  </r>
  <r>
    <d v="2017-03-02T00:00:00"/>
    <x v="2"/>
    <x v="3"/>
    <x v="687"/>
    <x v="3"/>
    <x v="0"/>
    <x v="3"/>
    <s v="Catalog Binders with Expanding Posts"/>
    <n v="107.65"/>
    <n v="2"/>
    <n v="33.64"/>
  </r>
  <r>
    <d v="2017-03-02T00:00:00"/>
    <x v="2"/>
    <x v="3"/>
    <x v="138"/>
    <x v="0"/>
    <x v="0"/>
    <x v="3"/>
    <s v="Acco Suede Grain Vinyl Round Ring Binder"/>
    <n v="0.56000000000000005"/>
    <n v="1"/>
    <n v="-0.95"/>
  </r>
  <r>
    <d v="2017-03-03T00:00:00"/>
    <x v="2"/>
    <x v="3"/>
    <x v="760"/>
    <x v="5"/>
    <x v="0"/>
    <x v="12"/>
    <s v="Acco 6 Outlet Guardian Premium Surge Suppressor"/>
    <n v="72.8"/>
    <n v="5"/>
    <n v="19.66"/>
  </r>
  <r>
    <d v="2017-03-03T00:00:00"/>
    <x v="2"/>
    <x v="3"/>
    <x v="238"/>
    <x v="0"/>
    <x v="0"/>
    <x v="0"/>
    <s v="Important Message Pads, 50 4-1/4 x 5-1/2 Forms per Pad"/>
    <n v="26.88"/>
    <n v="8"/>
    <n v="9.74"/>
  </r>
  <r>
    <d v="2017-03-03T00:00:00"/>
    <x v="2"/>
    <x v="3"/>
    <x v="287"/>
    <x v="14"/>
    <x v="1"/>
    <x v="5"/>
    <s v="Global Ergonomic Managers Chair"/>
    <n v="180.98"/>
    <n v="1"/>
    <n v="47.05"/>
  </r>
  <r>
    <d v="2017-03-03T00:00:00"/>
    <x v="2"/>
    <x v="3"/>
    <x v="287"/>
    <x v="14"/>
    <x v="2"/>
    <x v="9"/>
    <s v="Logitech Wireless Marathon Mouse M705"/>
    <n v="99.98"/>
    <n v="2"/>
    <n v="42.99"/>
  </r>
  <r>
    <d v="2017-03-03T00:00:00"/>
    <x v="2"/>
    <x v="3"/>
    <x v="28"/>
    <x v="3"/>
    <x v="2"/>
    <x v="9"/>
    <s v="Imation Bio 2GB USBÂ Flash Drive ImationÂ Corp"/>
    <n v="1049.44"/>
    <n v="8"/>
    <n v="440.76"/>
  </r>
  <r>
    <d v="2017-03-03T00:00:00"/>
    <x v="2"/>
    <x v="3"/>
    <x v="28"/>
    <x v="3"/>
    <x v="1"/>
    <x v="5"/>
    <s v="Novimex Turbo Task Chair"/>
    <n v="170.35"/>
    <n v="3"/>
    <n v="-17.04"/>
  </r>
  <r>
    <d v="2017-03-03T00:00:00"/>
    <x v="2"/>
    <x v="3"/>
    <x v="478"/>
    <x v="3"/>
    <x v="1"/>
    <x v="13"/>
    <s v="Lesro Sheffield Collection Coffee Table, End Table, Center Table, Corner Table"/>
    <n v="399.67"/>
    <n v="7"/>
    <n v="-14.99"/>
  </r>
  <r>
    <d v="2017-03-04T00:00:00"/>
    <x v="2"/>
    <x v="3"/>
    <x v="569"/>
    <x v="3"/>
    <x v="0"/>
    <x v="4"/>
    <s v="American Pencil"/>
    <n v="9.32"/>
    <n v="4"/>
    <n v="2.7"/>
  </r>
  <r>
    <d v="2017-03-04T00:00:00"/>
    <x v="2"/>
    <x v="3"/>
    <x v="569"/>
    <x v="3"/>
    <x v="0"/>
    <x v="10"/>
    <s v="White Envelopes, White Envelopes with Clear Poly Window"/>
    <n v="15.25"/>
    <n v="1"/>
    <n v="7.02"/>
  </r>
  <r>
    <d v="2017-03-04T00:00:00"/>
    <x v="2"/>
    <x v="3"/>
    <x v="0"/>
    <x v="0"/>
    <x v="0"/>
    <x v="0"/>
    <s v="Xerox 1934"/>
    <n v="89.57"/>
    <n v="2"/>
    <n v="32.47"/>
  </r>
  <r>
    <d v="2017-03-04T00:00:00"/>
    <x v="2"/>
    <x v="3"/>
    <x v="722"/>
    <x v="0"/>
    <x v="1"/>
    <x v="8"/>
    <s v="Howard Miller 13-3/4&quot; Diameter Brushed Chrome Round Wall Clock"/>
    <n v="103.5"/>
    <n v="5"/>
    <n v="-77.63"/>
  </r>
  <r>
    <d v="2017-03-04T00:00:00"/>
    <x v="2"/>
    <x v="3"/>
    <x v="722"/>
    <x v="0"/>
    <x v="0"/>
    <x v="1"/>
    <s v="Avery 497"/>
    <n v="2.46"/>
    <n v="1"/>
    <n v="0.86"/>
  </r>
  <r>
    <d v="2017-03-04T00:00:00"/>
    <x v="2"/>
    <x v="3"/>
    <x v="722"/>
    <x v="0"/>
    <x v="0"/>
    <x v="2"/>
    <s v="Crate-A-Files"/>
    <n v="8.7200000000000006"/>
    <n v="1"/>
    <n v="0.65"/>
  </r>
  <r>
    <d v="2017-03-05T00:00:00"/>
    <x v="2"/>
    <x v="3"/>
    <x v="500"/>
    <x v="21"/>
    <x v="0"/>
    <x v="1"/>
    <s v="Avery 515"/>
    <n v="25.06"/>
    <n v="2"/>
    <n v="11.78"/>
  </r>
  <r>
    <d v="2017-03-05T00:00:00"/>
    <x v="2"/>
    <x v="3"/>
    <x v="427"/>
    <x v="28"/>
    <x v="0"/>
    <x v="7"/>
    <s v="Advantus Map Pennant Flags and Round Head Tacks"/>
    <n v="7.9"/>
    <n v="2"/>
    <n v="2.5299999999999998"/>
  </r>
  <r>
    <d v="2017-03-05T00:00:00"/>
    <x v="2"/>
    <x v="3"/>
    <x v="427"/>
    <x v="28"/>
    <x v="0"/>
    <x v="2"/>
    <s v="Recycled Steel Personal File for Standard File Folders"/>
    <n v="221.16"/>
    <n v="4"/>
    <n v="57.5"/>
  </r>
  <r>
    <d v="2017-03-05T00:00:00"/>
    <x v="2"/>
    <x v="3"/>
    <x v="427"/>
    <x v="28"/>
    <x v="0"/>
    <x v="3"/>
    <s v="GBC ProClick Punch Binding System"/>
    <n v="127.96"/>
    <n v="2"/>
    <n v="62.7"/>
  </r>
  <r>
    <d v="2017-03-05T00:00:00"/>
    <x v="2"/>
    <x v="3"/>
    <x v="427"/>
    <x v="28"/>
    <x v="0"/>
    <x v="3"/>
    <s v="Avery Hole Reinforcements"/>
    <n v="18.690000000000001"/>
    <n v="3"/>
    <n v="9.16"/>
  </r>
  <r>
    <d v="2017-03-05T00:00:00"/>
    <x v="2"/>
    <x v="3"/>
    <x v="595"/>
    <x v="29"/>
    <x v="0"/>
    <x v="10"/>
    <s v="Laser &amp; Ink Jet Business Envelopes"/>
    <n v="42.68"/>
    <n v="4"/>
    <n v="19.63"/>
  </r>
  <r>
    <d v="2017-03-05T00:00:00"/>
    <x v="2"/>
    <x v="3"/>
    <x v="595"/>
    <x v="29"/>
    <x v="2"/>
    <x v="9"/>
    <s v="Logitech G700s Rechargeable Gaming Mouse"/>
    <n v="299.97000000000003"/>
    <n v="3"/>
    <n v="125.99"/>
  </r>
  <r>
    <d v="2017-03-05T00:00:00"/>
    <x v="2"/>
    <x v="3"/>
    <x v="595"/>
    <x v="29"/>
    <x v="0"/>
    <x v="12"/>
    <s v="Kensington 7 Outlet MasterPiece HOMEOFFICE Power Control Center"/>
    <n v="262.24"/>
    <n v="2"/>
    <n v="78.67"/>
  </r>
  <r>
    <d v="2017-03-05T00:00:00"/>
    <x v="2"/>
    <x v="3"/>
    <x v="595"/>
    <x v="29"/>
    <x v="0"/>
    <x v="3"/>
    <s v="Ibico Recycled Linen-Style Covers"/>
    <n v="234.36"/>
    <n v="6"/>
    <n v="112.49"/>
  </r>
  <r>
    <d v="2017-03-06T00:00:00"/>
    <x v="2"/>
    <x v="3"/>
    <x v="782"/>
    <x v="20"/>
    <x v="0"/>
    <x v="0"/>
    <s v="Xerox 1883"/>
    <n v="26.38"/>
    <n v="1"/>
    <n v="12.13"/>
  </r>
  <r>
    <d v="2017-03-06T00:00:00"/>
    <x v="2"/>
    <x v="3"/>
    <x v="782"/>
    <x v="20"/>
    <x v="1"/>
    <x v="8"/>
    <s v="Westinghouse Floor Lamp with Metal Mesh Shade, Black"/>
    <n v="71.97"/>
    <n v="3"/>
    <n v="16.55"/>
  </r>
  <r>
    <d v="2017-03-06T00:00:00"/>
    <x v="2"/>
    <x v="3"/>
    <x v="151"/>
    <x v="3"/>
    <x v="0"/>
    <x v="3"/>
    <s v="Economy Binders"/>
    <n v="14.98"/>
    <n v="9"/>
    <n v="5.43"/>
  </r>
  <r>
    <d v="2017-03-06T00:00:00"/>
    <x v="2"/>
    <x v="3"/>
    <x v="562"/>
    <x v="3"/>
    <x v="0"/>
    <x v="2"/>
    <s v="File Shuttle II and Handi-File, Black"/>
    <n v="67.78"/>
    <n v="2"/>
    <n v="16.95"/>
  </r>
  <r>
    <d v="2017-03-06T00:00:00"/>
    <x v="2"/>
    <x v="3"/>
    <x v="658"/>
    <x v="3"/>
    <x v="0"/>
    <x v="4"/>
    <s v="Fluorescent Highlighters by Dixon"/>
    <n v="23.88"/>
    <n v="6"/>
    <n v="8.1199999999999992"/>
  </r>
  <r>
    <d v="2017-03-06T00:00:00"/>
    <x v="2"/>
    <x v="3"/>
    <x v="658"/>
    <x v="3"/>
    <x v="0"/>
    <x v="1"/>
    <s v="Avery 49"/>
    <n v="11.52"/>
    <n v="4"/>
    <n v="5.64"/>
  </r>
  <r>
    <d v="2017-03-06T00:00:00"/>
    <x v="2"/>
    <x v="3"/>
    <x v="658"/>
    <x v="3"/>
    <x v="0"/>
    <x v="0"/>
    <s v="Xerox 1893"/>
    <n v="286.93"/>
    <n v="7"/>
    <n v="140.6"/>
  </r>
  <r>
    <d v="2017-03-06T00:00:00"/>
    <x v="2"/>
    <x v="3"/>
    <x v="658"/>
    <x v="3"/>
    <x v="2"/>
    <x v="6"/>
    <s v="Digium D40 VoIP phone"/>
    <n v="206.38"/>
    <n v="2"/>
    <n v="23.22"/>
  </r>
  <r>
    <d v="2017-03-06T00:00:00"/>
    <x v="2"/>
    <x v="3"/>
    <x v="738"/>
    <x v="0"/>
    <x v="0"/>
    <x v="1"/>
    <s v="Avery 511"/>
    <n v="4.93"/>
    <n v="2"/>
    <n v="1.72"/>
  </r>
  <r>
    <d v="2017-03-06T00:00:00"/>
    <x v="2"/>
    <x v="3"/>
    <x v="738"/>
    <x v="0"/>
    <x v="0"/>
    <x v="4"/>
    <s v="Newell 345"/>
    <n v="63.49"/>
    <n v="4"/>
    <n v="4.76"/>
  </r>
  <r>
    <d v="2017-03-07T00:00:00"/>
    <x v="2"/>
    <x v="3"/>
    <x v="588"/>
    <x v="36"/>
    <x v="2"/>
    <x v="9"/>
    <s v="Logitech Desktop MK120 Mouse and keyboard Combo"/>
    <n v="49.08"/>
    <n v="3"/>
    <n v="4.91"/>
  </r>
  <r>
    <d v="2017-03-07T00:00:00"/>
    <x v="2"/>
    <x v="3"/>
    <x v="489"/>
    <x v="20"/>
    <x v="0"/>
    <x v="3"/>
    <s v="3M Organizer Strips"/>
    <n v="25.92"/>
    <n v="6"/>
    <n v="9.07"/>
  </r>
  <r>
    <d v="2017-03-07T00:00:00"/>
    <x v="2"/>
    <x v="3"/>
    <x v="489"/>
    <x v="20"/>
    <x v="0"/>
    <x v="1"/>
    <s v="Avery 4027 File Folder Labels for Dot Matrix Printers, 5000 Labels per Box, White"/>
    <n v="91.59"/>
    <n v="3"/>
    <n v="42.13"/>
  </r>
  <r>
    <d v="2017-03-08T00:00:00"/>
    <x v="2"/>
    <x v="3"/>
    <x v="668"/>
    <x v="4"/>
    <x v="0"/>
    <x v="12"/>
    <s v="Belkin 8 Outlet SurgeMaster II Gold Surge Protector with Phone Protection"/>
    <n v="647.84"/>
    <n v="8"/>
    <n v="168.44"/>
  </r>
  <r>
    <d v="2017-03-08T00:00:00"/>
    <x v="2"/>
    <x v="3"/>
    <x v="668"/>
    <x v="4"/>
    <x v="0"/>
    <x v="1"/>
    <s v="Avery Address/Shipping Labels for Typewriters, 4&quot; x 2&quot;"/>
    <n v="20.7"/>
    <n v="2"/>
    <n v="9.94"/>
  </r>
  <r>
    <d v="2017-03-08T00:00:00"/>
    <x v="2"/>
    <x v="3"/>
    <x v="545"/>
    <x v="3"/>
    <x v="0"/>
    <x v="3"/>
    <s v="Green Canvas Binder for 8-1/2&quot; x 14&quot; Sheets"/>
    <n v="171.2"/>
    <n v="5"/>
    <n v="64.2"/>
  </r>
  <r>
    <d v="2017-03-08T00:00:00"/>
    <x v="2"/>
    <x v="3"/>
    <x v="545"/>
    <x v="3"/>
    <x v="0"/>
    <x v="4"/>
    <s v="Newell 323"/>
    <n v="3.36"/>
    <n v="2"/>
    <n v="0.87"/>
  </r>
  <r>
    <d v="2017-03-09T00:00:00"/>
    <x v="2"/>
    <x v="3"/>
    <x v="754"/>
    <x v="3"/>
    <x v="2"/>
    <x v="9"/>
    <s v="Logitech Wireless Headset h800"/>
    <n v="199.98"/>
    <n v="2"/>
    <n v="69.989999999999995"/>
  </r>
  <r>
    <d v="2017-03-09T00:00:00"/>
    <x v="2"/>
    <x v="3"/>
    <x v="366"/>
    <x v="3"/>
    <x v="2"/>
    <x v="16"/>
    <s v="Hewlett Packard 310 Color Digital Copier"/>
    <n v="479.98"/>
    <n v="2"/>
    <n v="60"/>
  </r>
  <r>
    <d v="2017-03-09T00:00:00"/>
    <x v="2"/>
    <x v="3"/>
    <x v="366"/>
    <x v="3"/>
    <x v="0"/>
    <x v="3"/>
    <s v="DXL Angle-View Binders with Locking Rings by Samsill"/>
    <n v="30.84"/>
    <n v="5"/>
    <n v="9.64"/>
  </r>
  <r>
    <d v="2017-03-10T00:00:00"/>
    <x v="2"/>
    <x v="3"/>
    <x v="772"/>
    <x v="2"/>
    <x v="0"/>
    <x v="4"/>
    <s v="Newell 337"/>
    <n v="5.25"/>
    <n v="2"/>
    <n v="0.59"/>
  </r>
  <r>
    <d v="2017-03-10T00:00:00"/>
    <x v="2"/>
    <x v="3"/>
    <x v="772"/>
    <x v="2"/>
    <x v="2"/>
    <x v="6"/>
    <s v="Cisco SPA525G2 IP Phone - Wireless"/>
    <n v="35.909999999999997"/>
    <n v="3"/>
    <n v="-8.3800000000000008"/>
  </r>
  <r>
    <d v="2017-03-10T00:00:00"/>
    <x v="2"/>
    <x v="3"/>
    <x v="772"/>
    <x v="2"/>
    <x v="1"/>
    <x v="8"/>
    <s v="Westinghouse Clip-On Gooseneck Lamps"/>
    <n v="6.7"/>
    <n v="1"/>
    <n v="0.5"/>
  </r>
  <r>
    <d v="2017-03-10T00:00:00"/>
    <x v="2"/>
    <x v="3"/>
    <x v="772"/>
    <x v="2"/>
    <x v="1"/>
    <x v="8"/>
    <s v="Howard Miller Distant Time Traveler Alarm Clock"/>
    <n v="43.87"/>
    <n v="2"/>
    <n v="11.52"/>
  </r>
  <r>
    <d v="2017-03-10T00:00:00"/>
    <x v="2"/>
    <x v="3"/>
    <x v="185"/>
    <x v="2"/>
    <x v="2"/>
    <x v="6"/>
    <s v="Nokia Lumia 521 (T-Mobile)"/>
    <n v="53.98"/>
    <n v="3"/>
    <n v="-10.8"/>
  </r>
  <r>
    <d v="2017-03-10T00:00:00"/>
    <x v="2"/>
    <x v="3"/>
    <x v="600"/>
    <x v="25"/>
    <x v="0"/>
    <x v="12"/>
    <s v="Euro Pro Shark Stick Mini Vacuum"/>
    <n v="48.78"/>
    <n v="1"/>
    <n v="3.66"/>
  </r>
  <r>
    <d v="2017-03-10T00:00:00"/>
    <x v="2"/>
    <x v="3"/>
    <x v="600"/>
    <x v="25"/>
    <x v="0"/>
    <x v="3"/>
    <s v="Heavy-Duty E-Z-D Binders"/>
    <n v="13.09"/>
    <n v="4"/>
    <n v="-10.039999999999999"/>
  </r>
  <r>
    <d v="2017-03-10T00:00:00"/>
    <x v="2"/>
    <x v="3"/>
    <x v="507"/>
    <x v="3"/>
    <x v="2"/>
    <x v="9"/>
    <s v="MaxellÂ LTO Ultrium - 800 GB"/>
    <n v="111.96"/>
    <n v="4"/>
    <n v="21.27"/>
  </r>
  <r>
    <d v="2017-03-10T00:00:00"/>
    <x v="2"/>
    <x v="3"/>
    <x v="496"/>
    <x v="0"/>
    <x v="1"/>
    <x v="13"/>
    <s v="Bevis Traditional Conference Table Top, Plinth Base"/>
    <n v="933.41"/>
    <n v="4"/>
    <n v="-173.35"/>
  </r>
  <r>
    <d v="2017-03-11T00:00:00"/>
    <x v="2"/>
    <x v="3"/>
    <x v="655"/>
    <x v="14"/>
    <x v="0"/>
    <x v="3"/>
    <s v="GBC DocuBind TL200 Manual Binding Machine"/>
    <n v="895.92"/>
    <n v="4"/>
    <n v="421.08"/>
  </r>
  <r>
    <d v="2017-03-11T00:00:00"/>
    <x v="2"/>
    <x v="3"/>
    <x v="167"/>
    <x v="2"/>
    <x v="2"/>
    <x v="6"/>
    <s v="Nortel Meridian M5316 Digital phone"/>
    <n v="776.85"/>
    <n v="5"/>
    <n v="-181.27"/>
  </r>
  <r>
    <d v="2017-03-11T00:00:00"/>
    <x v="2"/>
    <x v="3"/>
    <x v="167"/>
    <x v="2"/>
    <x v="0"/>
    <x v="3"/>
    <s v="Avery Trapezoid Ring Binder, 3&quot; Capacity, Black, 1040 sheets"/>
    <n v="12.29"/>
    <n v="1"/>
    <n v="-8.61"/>
  </r>
  <r>
    <d v="2017-03-11T00:00:00"/>
    <x v="2"/>
    <x v="3"/>
    <x v="167"/>
    <x v="2"/>
    <x v="1"/>
    <x v="13"/>
    <s v="KI Adjustable-Height Table"/>
    <n v="154.76"/>
    <n v="3"/>
    <n v="-46.43"/>
  </r>
  <r>
    <d v="2017-03-11T00:00:00"/>
    <x v="2"/>
    <x v="3"/>
    <x v="167"/>
    <x v="2"/>
    <x v="0"/>
    <x v="2"/>
    <s v="Desktop 3-Pocket Hot File"/>
    <n v="43.28"/>
    <n v="1"/>
    <n v="3.25"/>
  </r>
  <r>
    <d v="2017-03-11T00:00:00"/>
    <x v="2"/>
    <x v="3"/>
    <x v="298"/>
    <x v="32"/>
    <x v="2"/>
    <x v="9"/>
    <s v="Memorex Mini Travel Drive 16 GB USB 2.0 Flash Drive"/>
    <n v="63.88"/>
    <n v="4"/>
    <n v="24.91"/>
  </r>
  <r>
    <d v="2017-03-11T00:00:00"/>
    <x v="2"/>
    <x v="3"/>
    <x v="298"/>
    <x v="32"/>
    <x v="1"/>
    <x v="8"/>
    <s v="Executive Impressions 16-1/2&quot; Circular Wall Clock"/>
    <n v="26.72"/>
    <n v="1"/>
    <n v="11.76"/>
  </r>
  <r>
    <d v="2017-03-12T00:00:00"/>
    <x v="2"/>
    <x v="3"/>
    <x v="127"/>
    <x v="32"/>
    <x v="2"/>
    <x v="6"/>
    <s v="PowerGen Dual USB Car Charger"/>
    <n v="69.930000000000007"/>
    <n v="7"/>
    <n v="32.17"/>
  </r>
  <r>
    <d v="2017-03-12T00:00:00"/>
    <x v="2"/>
    <x v="3"/>
    <x v="544"/>
    <x v="3"/>
    <x v="0"/>
    <x v="2"/>
    <s v="Carina Double Wide Media Storage Towers in Natural &amp; Black"/>
    <n v="242.94"/>
    <n v="3"/>
    <n v="9.7200000000000006"/>
  </r>
  <r>
    <d v="2017-03-12T00:00:00"/>
    <x v="2"/>
    <x v="3"/>
    <x v="41"/>
    <x v="13"/>
    <x v="0"/>
    <x v="3"/>
    <s v="Avery Non-Stick Binders"/>
    <n v="40.409999999999997"/>
    <n v="9"/>
    <n v="18.59"/>
  </r>
  <r>
    <d v="2017-03-13T00:00:00"/>
    <x v="2"/>
    <x v="3"/>
    <x v="432"/>
    <x v="3"/>
    <x v="0"/>
    <x v="0"/>
    <s v="Multicolor Computer Printout Paper"/>
    <n v="314.55"/>
    <n v="3"/>
    <n v="150.97999999999999"/>
  </r>
  <r>
    <d v="2017-03-13T00:00:00"/>
    <x v="2"/>
    <x v="3"/>
    <x v="499"/>
    <x v="31"/>
    <x v="0"/>
    <x v="2"/>
    <s v="SimpliFile Personal File, Black Granite, 15w x 6-15/16d x 11-1/4h"/>
    <n v="90.8"/>
    <n v="8"/>
    <n v="25.42"/>
  </r>
  <r>
    <d v="2017-03-13T00:00:00"/>
    <x v="2"/>
    <x v="3"/>
    <x v="499"/>
    <x v="31"/>
    <x v="2"/>
    <x v="6"/>
    <s v="OtterBox Commuter Series Case - iPhone 5 &amp; 5s"/>
    <n v="140.74"/>
    <n v="8"/>
    <n v="49.26"/>
  </r>
  <r>
    <d v="2017-03-13T00:00:00"/>
    <x v="2"/>
    <x v="3"/>
    <x v="499"/>
    <x v="31"/>
    <x v="2"/>
    <x v="9"/>
    <s v="Logitech Wireless Headset H600 Over-The-Head Design"/>
    <n v="214.95"/>
    <n v="5"/>
    <n v="88.13"/>
  </r>
  <r>
    <d v="2017-03-13T00:00:00"/>
    <x v="2"/>
    <x v="3"/>
    <x v="499"/>
    <x v="31"/>
    <x v="0"/>
    <x v="0"/>
    <s v="Xerox 230"/>
    <n v="45.36"/>
    <n v="7"/>
    <n v="21.77"/>
  </r>
  <r>
    <d v="2017-03-13T00:00:00"/>
    <x v="2"/>
    <x v="3"/>
    <x v="499"/>
    <x v="31"/>
    <x v="0"/>
    <x v="0"/>
    <s v="Xerox 1885"/>
    <n v="288.24"/>
    <n v="6"/>
    <n v="138.36000000000001"/>
  </r>
  <r>
    <d v="2017-03-13T00:00:00"/>
    <x v="2"/>
    <x v="3"/>
    <x v="145"/>
    <x v="26"/>
    <x v="0"/>
    <x v="14"/>
    <s v="Martin Yale Chadless Opener Electric Letter Opener"/>
    <n v="1332.5"/>
    <n v="2"/>
    <n v="-299.81"/>
  </r>
  <r>
    <d v="2017-03-13T00:00:00"/>
    <x v="2"/>
    <x v="3"/>
    <x v="720"/>
    <x v="1"/>
    <x v="0"/>
    <x v="4"/>
    <s v="Col-Erase Pencils with Erasers"/>
    <n v="19.46"/>
    <n v="4"/>
    <n v="2.19"/>
  </r>
  <r>
    <d v="2017-03-13T00:00:00"/>
    <x v="2"/>
    <x v="3"/>
    <x v="720"/>
    <x v="1"/>
    <x v="2"/>
    <x v="15"/>
    <s v="HP Officejet Pro 8600 e-All-In-One Printer, Copier, Scanner, Fax"/>
    <n v="209.99"/>
    <n v="2"/>
    <n v="9"/>
  </r>
  <r>
    <d v="2017-03-13T00:00:00"/>
    <x v="2"/>
    <x v="3"/>
    <x v="720"/>
    <x v="1"/>
    <x v="0"/>
    <x v="4"/>
    <s v="Eberhard Faber 3 1/2&quot; Golf Pencils"/>
    <n v="29.76"/>
    <n v="5"/>
    <n v="1.86"/>
  </r>
  <r>
    <d v="2017-03-13T00:00:00"/>
    <x v="2"/>
    <x v="3"/>
    <x v="720"/>
    <x v="1"/>
    <x v="1"/>
    <x v="5"/>
    <s v="SAFCO Folding Chair Trolley"/>
    <n v="89.77"/>
    <n v="1"/>
    <n v="-2.56"/>
  </r>
  <r>
    <d v="2017-03-13T00:00:00"/>
    <x v="2"/>
    <x v="3"/>
    <x v="720"/>
    <x v="1"/>
    <x v="2"/>
    <x v="16"/>
    <s v="Hewlett Packard LaserJet 3310 Copier"/>
    <n v="959.98"/>
    <n v="2"/>
    <n v="335.99"/>
  </r>
  <r>
    <d v="2017-03-13T00:00:00"/>
    <x v="2"/>
    <x v="3"/>
    <x v="720"/>
    <x v="1"/>
    <x v="0"/>
    <x v="0"/>
    <s v="Xerox 1993"/>
    <n v="15.55"/>
    <n v="3"/>
    <n v="5.64"/>
  </r>
  <r>
    <d v="2017-03-13T00:00:00"/>
    <x v="2"/>
    <x v="3"/>
    <x v="720"/>
    <x v="1"/>
    <x v="2"/>
    <x v="6"/>
    <s v="Plantronics MX500i Earset"/>
    <n v="34.36"/>
    <n v="1"/>
    <n v="-7.3"/>
  </r>
  <r>
    <d v="2017-03-13T00:00:00"/>
    <x v="2"/>
    <x v="3"/>
    <x v="59"/>
    <x v="37"/>
    <x v="0"/>
    <x v="3"/>
    <s v="GBC VeloBind Cover Sets"/>
    <n v="30.88"/>
    <n v="2"/>
    <n v="15.44"/>
  </r>
  <r>
    <d v="2017-03-13T00:00:00"/>
    <x v="2"/>
    <x v="3"/>
    <x v="59"/>
    <x v="37"/>
    <x v="0"/>
    <x v="12"/>
    <s v="Hoover Commercial Lightweight Upright Vacuum with E-Z Empty Dirt Cup"/>
    <n v="465.16"/>
    <n v="2"/>
    <n v="120.94"/>
  </r>
  <r>
    <d v="2017-03-13T00:00:00"/>
    <x v="2"/>
    <x v="3"/>
    <x v="59"/>
    <x v="37"/>
    <x v="0"/>
    <x v="0"/>
    <s v="Strathmore Photo Mount Cards"/>
    <n v="27.12"/>
    <n v="4"/>
    <n v="12.48"/>
  </r>
  <r>
    <d v="2017-03-13T00:00:00"/>
    <x v="2"/>
    <x v="3"/>
    <x v="733"/>
    <x v="36"/>
    <x v="0"/>
    <x v="3"/>
    <s v="Avery Arch Ring Binders"/>
    <n v="174.3"/>
    <n v="3"/>
    <n v="81.92"/>
  </r>
  <r>
    <d v="2017-03-13T00:00:00"/>
    <x v="2"/>
    <x v="3"/>
    <x v="711"/>
    <x v="20"/>
    <x v="2"/>
    <x v="6"/>
    <s v="Panasonic KX T7736-B Digital phone"/>
    <n v="299.89999999999998"/>
    <n v="2"/>
    <n v="74.98"/>
  </r>
  <r>
    <d v="2017-03-13T00:00:00"/>
    <x v="2"/>
    <x v="3"/>
    <x v="136"/>
    <x v="1"/>
    <x v="2"/>
    <x v="6"/>
    <s v="PowerGen Dual USB Car Charger"/>
    <n v="7.99"/>
    <n v="1"/>
    <n v="2.6"/>
  </r>
  <r>
    <d v="2017-03-14T00:00:00"/>
    <x v="2"/>
    <x v="3"/>
    <x v="396"/>
    <x v="1"/>
    <x v="2"/>
    <x v="6"/>
    <s v="Seidio BD2-HK3IPH5-BK DILEX Case and Holster Combo for Apple iPhone 5/5s - Black"/>
    <n v="49.62"/>
    <n v="2"/>
    <n v="4.96"/>
  </r>
  <r>
    <d v="2017-03-16T00:00:00"/>
    <x v="2"/>
    <x v="3"/>
    <x v="139"/>
    <x v="22"/>
    <x v="0"/>
    <x v="0"/>
    <s v="Xerox 214"/>
    <n v="6.48"/>
    <n v="1"/>
    <n v="3.11"/>
  </r>
  <r>
    <d v="2017-03-16T00:00:00"/>
    <x v="2"/>
    <x v="3"/>
    <x v="139"/>
    <x v="22"/>
    <x v="0"/>
    <x v="2"/>
    <s v="Safco Commercial Shelving"/>
    <n v="46.51"/>
    <n v="1"/>
    <n v="1.86"/>
  </r>
  <r>
    <d v="2017-03-16T00:00:00"/>
    <x v="2"/>
    <x v="3"/>
    <x v="139"/>
    <x v="22"/>
    <x v="2"/>
    <x v="6"/>
    <s v="Mitel MiVoice 5330e IP Phone"/>
    <n v="659.98"/>
    <n v="3"/>
    <n v="49.5"/>
  </r>
  <r>
    <d v="2017-03-16T00:00:00"/>
    <x v="2"/>
    <x v="3"/>
    <x v="342"/>
    <x v="10"/>
    <x v="2"/>
    <x v="6"/>
    <s v="Geemarc AmpliPOWER60"/>
    <n v="445.44"/>
    <n v="8"/>
    <n v="-81.66"/>
  </r>
  <r>
    <d v="2017-03-16T00:00:00"/>
    <x v="2"/>
    <x v="3"/>
    <x v="530"/>
    <x v="10"/>
    <x v="2"/>
    <x v="6"/>
    <s v="OtterBox Defender Series Case - iPhone 5c"/>
    <n v="44.38"/>
    <n v="2"/>
    <n v="-7.4"/>
  </r>
  <r>
    <d v="2017-03-16T00:00:00"/>
    <x v="2"/>
    <x v="3"/>
    <x v="530"/>
    <x v="10"/>
    <x v="1"/>
    <x v="8"/>
    <s v="Nu-Dell Oak Frame"/>
    <n v="51.26"/>
    <n v="6"/>
    <n v="7.69"/>
  </r>
  <r>
    <d v="2017-03-16T00:00:00"/>
    <x v="2"/>
    <x v="3"/>
    <x v="530"/>
    <x v="10"/>
    <x v="0"/>
    <x v="3"/>
    <s v="Avery Binding System Hidden Tab Executive Style Index Sets"/>
    <n v="5.19"/>
    <n v="3"/>
    <n v="-3.46"/>
  </r>
  <r>
    <d v="2017-03-16T00:00:00"/>
    <x v="2"/>
    <x v="3"/>
    <x v="530"/>
    <x v="10"/>
    <x v="2"/>
    <x v="9"/>
    <s v="Logitech G700s Rechargeable Gaming Mouse"/>
    <n v="159.97999999999999"/>
    <n v="2"/>
    <n v="44"/>
  </r>
  <r>
    <d v="2017-03-16T00:00:00"/>
    <x v="2"/>
    <x v="3"/>
    <x v="530"/>
    <x v="10"/>
    <x v="0"/>
    <x v="2"/>
    <s v="File Shuttle II and Handi-File, Black"/>
    <n v="54.22"/>
    <n v="2"/>
    <n v="3.39"/>
  </r>
  <r>
    <d v="2017-03-16T00:00:00"/>
    <x v="2"/>
    <x v="3"/>
    <x v="687"/>
    <x v="3"/>
    <x v="0"/>
    <x v="2"/>
    <s v="Dual Level, Single-Width Filing Carts"/>
    <n v="310.12"/>
    <n v="2"/>
    <n v="80.63"/>
  </r>
  <r>
    <d v="2017-03-16T00:00:00"/>
    <x v="2"/>
    <x v="3"/>
    <x v="687"/>
    <x v="3"/>
    <x v="0"/>
    <x v="3"/>
    <s v="XtraLife ClearVue Slant-D Ring Binder, White, 3&quot;"/>
    <n v="70.459999999999994"/>
    <n v="6"/>
    <n v="22.9"/>
  </r>
  <r>
    <d v="2017-03-16T00:00:00"/>
    <x v="2"/>
    <x v="3"/>
    <x v="687"/>
    <x v="3"/>
    <x v="0"/>
    <x v="3"/>
    <s v="Pressboard Hanging Data Binders for Unburst Sheets"/>
    <n v="19.68"/>
    <n v="5"/>
    <n v="6.89"/>
  </r>
  <r>
    <d v="2017-03-16T00:00:00"/>
    <x v="2"/>
    <x v="3"/>
    <x v="687"/>
    <x v="3"/>
    <x v="0"/>
    <x v="12"/>
    <s v="Bionaire Personal Warm Mist Humidifier/Vaporizer"/>
    <n v="140.66999999999999"/>
    <n v="3"/>
    <n v="54.86"/>
  </r>
  <r>
    <d v="2017-03-17T00:00:00"/>
    <x v="2"/>
    <x v="3"/>
    <x v="68"/>
    <x v="3"/>
    <x v="0"/>
    <x v="3"/>
    <s v="Heavy-Duty E-Z-D Binders"/>
    <n v="17.46"/>
    <n v="2"/>
    <n v="5.89"/>
  </r>
  <r>
    <d v="2017-03-17T00:00:00"/>
    <x v="2"/>
    <x v="3"/>
    <x v="674"/>
    <x v="20"/>
    <x v="0"/>
    <x v="1"/>
    <s v="Avery 496"/>
    <n v="18.75"/>
    <n v="5"/>
    <n v="9"/>
  </r>
  <r>
    <d v="2017-03-17T00:00:00"/>
    <x v="2"/>
    <x v="3"/>
    <x v="674"/>
    <x v="20"/>
    <x v="2"/>
    <x v="6"/>
    <s v="Cisco SPA525G2 IP Phone - Wireless"/>
    <n v="119.7"/>
    <n v="6"/>
    <n v="31.12"/>
  </r>
  <r>
    <d v="2017-03-17T00:00:00"/>
    <x v="2"/>
    <x v="3"/>
    <x v="674"/>
    <x v="20"/>
    <x v="0"/>
    <x v="3"/>
    <s v="Acco Pressboard Covers with Storage Hooks, 9 1/2&quot; x 11&quot;, Executive Red"/>
    <n v="9.14"/>
    <n v="3"/>
    <n v="3.09"/>
  </r>
  <r>
    <d v="2017-03-17T00:00:00"/>
    <x v="2"/>
    <x v="3"/>
    <x v="674"/>
    <x v="20"/>
    <x v="2"/>
    <x v="9"/>
    <s v="SanDisk Cruzer 32 GB USB Flash Drive"/>
    <n v="57.06"/>
    <n v="3"/>
    <n v="18.260000000000002"/>
  </r>
  <r>
    <d v="2017-03-17T00:00:00"/>
    <x v="2"/>
    <x v="3"/>
    <x v="674"/>
    <x v="20"/>
    <x v="2"/>
    <x v="9"/>
    <s v="Kingston Digital DataTraveler 16GB USB 2.0"/>
    <n v="71.599999999999994"/>
    <n v="8"/>
    <n v="13.6"/>
  </r>
  <r>
    <d v="2017-03-17T00:00:00"/>
    <x v="2"/>
    <x v="3"/>
    <x v="674"/>
    <x v="20"/>
    <x v="0"/>
    <x v="2"/>
    <s v="Neat Ideas Personal Hanging Folder Files, Black"/>
    <n v="107.44"/>
    <n v="8"/>
    <n v="27.93"/>
  </r>
  <r>
    <d v="2017-03-17T00:00:00"/>
    <x v="2"/>
    <x v="3"/>
    <x v="674"/>
    <x v="20"/>
    <x v="0"/>
    <x v="1"/>
    <s v="Avery 486"/>
    <n v="7.31"/>
    <n v="1"/>
    <n v="3.44"/>
  </r>
  <r>
    <d v="2017-03-17T00:00:00"/>
    <x v="2"/>
    <x v="3"/>
    <x v="674"/>
    <x v="20"/>
    <x v="0"/>
    <x v="4"/>
    <s v="Lumber Crayons"/>
    <n v="59.1"/>
    <n v="6"/>
    <n v="22.46"/>
  </r>
  <r>
    <d v="2017-03-17T00:00:00"/>
    <x v="2"/>
    <x v="3"/>
    <x v="674"/>
    <x v="20"/>
    <x v="0"/>
    <x v="2"/>
    <s v="Tenex File Box, Personal Filing Tote with Lid, Black"/>
    <n v="46.53"/>
    <n v="3"/>
    <n v="12.1"/>
  </r>
  <r>
    <d v="2017-03-17T00:00:00"/>
    <x v="2"/>
    <x v="3"/>
    <x v="675"/>
    <x v="0"/>
    <x v="0"/>
    <x v="3"/>
    <s v="GBC Plasticlear Binding Covers"/>
    <n v="13.78"/>
    <n v="6"/>
    <n v="-22.04"/>
  </r>
  <r>
    <d v="2017-03-17T00:00:00"/>
    <x v="2"/>
    <x v="3"/>
    <x v="675"/>
    <x v="0"/>
    <x v="0"/>
    <x v="0"/>
    <s v="Xerox 1900"/>
    <n v="10.27"/>
    <n v="3"/>
    <n v="3.21"/>
  </r>
  <r>
    <d v="2017-03-17T00:00:00"/>
    <x v="2"/>
    <x v="3"/>
    <x v="326"/>
    <x v="15"/>
    <x v="0"/>
    <x v="1"/>
    <s v="Avery 474"/>
    <n v="4.6100000000000003"/>
    <n v="2"/>
    <n v="1.67"/>
  </r>
  <r>
    <d v="2017-03-18T00:00:00"/>
    <x v="2"/>
    <x v="3"/>
    <x v="778"/>
    <x v="0"/>
    <x v="0"/>
    <x v="12"/>
    <s v="Hoover Portapower Portable Vacuum"/>
    <n v="2.69"/>
    <n v="3"/>
    <n v="-7.39"/>
  </r>
  <r>
    <d v="2017-03-18T00:00:00"/>
    <x v="2"/>
    <x v="3"/>
    <x v="778"/>
    <x v="0"/>
    <x v="2"/>
    <x v="9"/>
    <s v="Verbatim 25 GB 6x Blu-ray Single Layer Recordable Disc, 10/Pack"/>
    <n v="27.82"/>
    <n v="3"/>
    <n v="4.5199999999999996"/>
  </r>
  <r>
    <d v="2017-03-18T00:00:00"/>
    <x v="2"/>
    <x v="3"/>
    <x v="778"/>
    <x v="0"/>
    <x v="1"/>
    <x v="8"/>
    <s v="Howard Miller 13-1/2&quot; Diameter Rosebrook Wall Clock"/>
    <n v="82.52"/>
    <n v="3"/>
    <n v="-41.26"/>
  </r>
  <r>
    <d v="2017-03-18T00:00:00"/>
    <x v="2"/>
    <x v="3"/>
    <x v="778"/>
    <x v="0"/>
    <x v="0"/>
    <x v="3"/>
    <s v="Ibico Hi-Tech Manual Binding System"/>
    <n v="182.99"/>
    <n v="3"/>
    <n v="-320.24"/>
  </r>
  <r>
    <d v="2017-03-18T00:00:00"/>
    <x v="2"/>
    <x v="3"/>
    <x v="647"/>
    <x v="0"/>
    <x v="0"/>
    <x v="4"/>
    <s v="Peel-Off China Markers"/>
    <n v="23.83"/>
    <n v="3"/>
    <n v="6.55"/>
  </r>
  <r>
    <d v="2017-03-18T00:00:00"/>
    <x v="2"/>
    <x v="3"/>
    <x v="72"/>
    <x v="22"/>
    <x v="0"/>
    <x v="4"/>
    <s v="Deluxe Chalkboard Eraser Cleaner"/>
    <n v="46.2"/>
    <n v="4"/>
    <n v="21.25"/>
  </r>
  <r>
    <d v="2017-03-18T00:00:00"/>
    <x v="2"/>
    <x v="3"/>
    <x v="426"/>
    <x v="0"/>
    <x v="2"/>
    <x v="6"/>
    <s v="Pyle PMP37LED"/>
    <n v="537.54"/>
    <n v="7"/>
    <n v="47.04"/>
  </r>
  <r>
    <d v="2017-03-18T00:00:00"/>
    <x v="2"/>
    <x v="3"/>
    <x v="455"/>
    <x v="3"/>
    <x v="0"/>
    <x v="4"/>
    <s v="Prang Drawing Pencil Set"/>
    <n v="13.9"/>
    <n v="5"/>
    <n v="3.75"/>
  </r>
  <r>
    <d v="2017-03-18T00:00:00"/>
    <x v="2"/>
    <x v="3"/>
    <x v="455"/>
    <x v="3"/>
    <x v="0"/>
    <x v="10"/>
    <s v="Peel &amp; Seel Envelopes"/>
    <n v="19.399999999999999"/>
    <n v="5"/>
    <n v="9.31"/>
  </r>
  <r>
    <d v="2017-03-18T00:00:00"/>
    <x v="2"/>
    <x v="3"/>
    <x v="527"/>
    <x v="3"/>
    <x v="0"/>
    <x v="12"/>
    <s v="Fellowes Basic Home/Office Series Surge Protectors"/>
    <n v="90.86"/>
    <n v="7"/>
    <n v="26.35"/>
  </r>
  <r>
    <d v="2017-03-19T00:00:00"/>
    <x v="2"/>
    <x v="3"/>
    <x v="651"/>
    <x v="20"/>
    <x v="0"/>
    <x v="1"/>
    <s v="Avery 506"/>
    <n v="28.91"/>
    <n v="7"/>
    <n v="13.3"/>
  </r>
  <r>
    <d v="2017-03-19T00:00:00"/>
    <x v="2"/>
    <x v="3"/>
    <x v="11"/>
    <x v="3"/>
    <x v="0"/>
    <x v="3"/>
    <s v="ACCOHIDE 3-Ring Binder, Blue, 1&quot;"/>
    <n v="19.82"/>
    <n v="6"/>
    <n v="6.69"/>
  </r>
  <r>
    <d v="2017-03-19T00:00:00"/>
    <x v="2"/>
    <x v="3"/>
    <x v="11"/>
    <x v="3"/>
    <x v="2"/>
    <x v="6"/>
    <s v="Jawbone MINI JAMBOX Wireless Bluetooth Speaker"/>
    <n v="657.5"/>
    <n v="6"/>
    <n v="-131.5"/>
  </r>
  <r>
    <d v="2017-03-19T00:00:00"/>
    <x v="2"/>
    <x v="3"/>
    <x v="11"/>
    <x v="3"/>
    <x v="2"/>
    <x v="9"/>
    <s v="Logitech K350 2.4Ghz Wireless Keyboard"/>
    <n v="99.54"/>
    <n v="2"/>
    <n v="10.95"/>
  </r>
  <r>
    <d v="2017-03-19T00:00:00"/>
    <x v="2"/>
    <x v="3"/>
    <x v="11"/>
    <x v="3"/>
    <x v="2"/>
    <x v="9"/>
    <s v="Logitech Wireless Marathon Mouse M705"/>
    <n v="199.96"/>
    <n v="4"/>
    <n v="85.98"/>
  </r>
  <r>
    <d v="2017-03-19T00:00:00"/>
    <x v="2"/>
    <x v="3"/>
    <x v="52"/>
    <x v="3"/>
    <x v="0"/>
    <x v="3"/>
    <s v="SpineVue Locking Slant-D Ring Binders by Cardinal"/>
    <n v="14.62"/>
    <n v="2"/>
    <n v="5.12"/>
  </r>
  <r>
    <d v="2017-03-19T00:00:00"/>
    <x v="2"/>
    <x v="3"/>
    <x v="52"/>
    <x v="3"/>
    <x v="1"/>
    <x v="13"/>
    <s v="Chromcraft Round Conference Tables"/>
    <n v="697.16"/>
    <n v="5"/>
    <n v="8.7100000000000009"/>
  </r>
  <r>
    <d v="2017-03-19T00:00:00"/>
    <x v="2"/>
    <x v="3"/>
    <x v="52"/>
    <x v="3"/>
    <x v="1"/>
    <x v="8"/>
    <s v="Advantus Employee of the Month Certificate Frame, 11 x 13-1/2"/>
    <n v="30.93"/>
    <n v="1"/>
    <n v="12.68"/>
  </r>
  <r>
    <d v="2017-03-19T00:00:00"/>
    <x v="2"/>
    <x v="3"/>
    <x v="52"/>
    <x v="3"/>
    <x v="0"/>
    <x v="3"/>
    <s v="Pressboard Covers with Storage Hooks, 9 1/2&quot; x 11&quot;, Light Blue"/>
    <n v="27.5"/>
    <n v="7"/>
    <n v="9.2799999999999994"/>
  </r>
  <r>
    <d v="2017-03-19T00:00:00"/>
    <x v="2"/>
    <x v="3"/>
    <x v="434"/>
    <x v="3"/>
    <x v="0"/>
    <x v="12"/>
    <s v="Belkin 5 Outlet SurgeMaster Power Centers"/>
    <n v="381.36"/>
    <n v="7"/>
    <n v="106.78"/>
  </r>
  <r>
    <d v="2017-03-19T00:00:00"/>
    <x v="2"/>
    <x v="3"/>
    <x v="422"/>
    <x v="23"/>
    <x v="0"/>
    <x v="4"/>
    <s v="Dixon Ticonderoga Pencils"/>
    <n v="8.94"/>
    <n v="3"/>
    <n v="2.41"/>
  </r>
  <r>
    <d v="2017-03-20T00:00:00"/>
    <x v="2"/>
    <x v="3"/>
    <x v="47"/>
    <x v="18"/>
    <x v="1"/>
    <x v="8"/>
    <s v="GE General Purpose, Extra Long Life, Showcase &amp; Floodlight Incandescent Bulbs"/>
    <n v="2.91"/>
    <n v="1"/>
    <n v="1.37"/>
  </r>
  <r>
    <d v="2017-03-20T00:00:00"/>
    <x v="2"/>
    <x v="3"/>
    <x v="698"/>
    <x v="22"/>
    <x v="2"/>
    <x v="9"/>
    <s v="ImationÂ SecureÂ DriveÂ + Hardware Encrypted USBÂ flash driveÂ - 16 GB"/>
    <n v="265.93"/>
    <n v="7"/>
    <n v="63.82"/>
  </r>
  <r>
    <d v="2017-03-20T00:00:00"/>
    <x v="2"/>
    <x v="3"/>
    <x v="310"/>
    <x v="37"/>
    <x v="2"/>
    <x v="9"/>
    <s v="WD My Passport Ultra 2TB Portable External Hard Drive"/>
    <n v="238"/>
    <n v="2"/>
    <n v="38.08"/>
  </r>
  <r>
    <d v="2017-03-20T00:00:00"/>
    <x v="2"/>
    <x v="3"/>
    <x v="310"/>
    <x v="37"/>
    <x v="0"/>
    <x v="0"/>
    <s v="Xerox 1988"/>
    <n v="61.96"/>
    <n v="2"/>
    <n v="27.88"/>
  </r>
  <r>
    <d v="2017-03-20T00:00:00"/>
    <x v="2"/>
    <x v="3"/>
    <x v="173"/>
    <x v="0"/>
    <x v="0"/>
    <x v="0"/>
    <s v="Easy-staple paper"/>
    <n v="56.7"/>
    <n v="2"/>
    <n v="19.14"/>
  </r>
  <r>
    <d v="2017-03-20T00:00:00"/>
    <x v="2"/>
    <x v="3"/>
    <x v="173"/>
    <x v="0"/>
    <x v="0"/>
    <x v="0"/>
    <s v="Xerox 1916"/>
    <n v="274.06"/>
    <n v="7"/>
    <n v="102.77"/>
  </r>
  <r>
    <d v="2017-03-21T00:00:00"/>
    <x v="2"/>
    <x v="3"/>
    <x v="758"/>
    <x v="18"/>
    <x v="0"/>
    <x v="0"/>
    <s v="Eaton Premium Continuous-Feed Paper, 25% Cotton, Letter Size, White, 1000 Shts/Box"/>
    <n v="277.39999999999998"/>
    <n v="5"/>
    <n v="133.15"/>
  </r>
  <r>
    <d v="2017-03-21T00:00:00"/>
    <x v="2"/>
    <x v="3"/>
    <x v="758"/>
    <x v="18"/>
    <x v="0"/>
    <x v="0"/>
    <s v="Xerox 196"/>
    <n v="5.78"/>
    <n v="1"/>
    <n v="2.83"/>
  </r>
  <r>
    <d v="2017-03-21T00:00:00"/>
    <x v="2"/>
    <x v="3"/>
    <x v="68"/>
    <x v="39"/>
    <x v="1"/>
    <x v="5"/>
    <s v="Global Leather and Oak Executive Chair, Black"/>
    <n v="1805.88"/>
    <n v="6"/>
    <n v="523.71"/>
  </r>
  <r>
    <d v="2017-03-21T00:00:00"/>
    <x v="2"/>
    <x v="3"/>
    <x v="236"/>
    <x v="3"/>
    <x v="0"/>
    <x v="2"/>
    <s v="Adjustable Depth Letter/Legal Cart"/>
    <n v="725.84"/>
    <n v="4"/>
    <n v="210.49"/>
  </r>
  <r>
    <d v="2017-03-21T00:00:00"/>
    <x v="2"/>
    <x v="3"/>
    <x v="236"/>
    <x v="3"/>
    <x v="0"/>
    <x v="3"/>
    <s v="Avery Durable Plastic 1&quot; Binders"/>
    <n v="10.9"/>
    <n v="3"/>
    <n v="3.95"/>
  </r>
  <r>
    <d v="2017-03-21T00:00:00"/>
    <x v="2"/>
    <x v="3"/>
    <x v="236"/>
    <x v="3"/>
    <x v="0"/>
    <x v="3"/>
    <s v="Pressboard Data Binders by Wilson Jones"/>
    <n v="8.5399999999999991"/>
    <n v="2"/>
    <n v="2.88"/>
  </r>
  <r>
    <d v="2017-03-21T00:00:00"/>
    <x v="2"/>
    <x v="3"/>
    <x v="203"/>
    <x v="16"/>
    <x v="0"/>
    <x v="12"/>
    <s v="APC 7 Outlet Network SurgeArrest Surge Protector"/>
    <n v="64.38"/>
    <n v="1"/>
    <n v="8.0500000000000007"/>
  </r>
  <r>
    <d v="2017-03-21T00:00:00"/>
    <x v="2"/>
    <x v="3"/>
    <x v="764"/>
    <x v="2"/>
    <x v="0"/>
    <x v="10"/>
    <s v="Colored Envelopes"/>
    <n v="8.86"/>
    <n v="3"/>
    <n v="2.88"/>
  </r>
  <r>
    <d v="2017-03-21T00:00:00"/>
    <x v="2"/>
    <x v="3"/>
    <x v="152"/>
    <x v="22"/>
    <x v="0"/>
    <x v="3"/>
    <s v="C-Line Peel &amp; Stick Add-On Filing Pockets, 8-3/4 x 5-1/8, 10/Pack"/>
    <n v="30.58"/>
    <n v="6"/>
    <n v="10.32"/>
  </r>
  <r>
    <d v="2017-03-21T00:00:00"/>
    <x v="2"/>
    <x v="3"/>
    <x v="152"/>
    <x v="22"/>
    <x v="0"/>
    <x v="7"/>
    <s v="Super Bands, 12/Pack"/>
    <n v="13.02"/>
    <n v="7"/>
    <n v="0.39"/>
  </r>
  <r>
    <d v="2017-03-21T00:00:00"/>
    <x v="2"/>
    <x v="3"/>
    <x v="152"/>
    <x v="22"/>
    <x v="1"/>
    <x v="8"/>
    <s v="Eldon Expressions Wood Desk Accessories, Oak"/>
    <n v="22.14"/>
    <n v="3"/>
    <n v="6.42"/>
  </r>
  <r>
    <d v="2017-03-21T00:00:00"/>
    <x v="2"/>
    <x v="3"/>
    <x v="152"/>
    <x v="22"/>
    <x v="0"/>
    <x v="2"/>
    <s v="Fellowes Officeware Wire Shelving"/>
    <n v="359.32"/>
    <n v="4"/>
    <n v="7.19"/>
  </r>
  <r>
    <d v="2017-03-23T00:00:00"/>
    <x v="2"/>
    <x v="3"/>
    <x v="734"/>
    <x v="3"/>
    <x v="1"/>
    <x v="8"/>
    <s v="DAX Natural Wood-Tone Poster Frame"/>
    <n v="211.84"/>
    <n v="8"/>
    <n v="76.260000000000005"/>
  </r>
  <r>
    <d v="2017-03-23T00:00:00"/>
    <x v="2"/>
    <x v="3"/>
    <x v="461"/>
    <x v="0"/>
    <x v="0"/>
    <x v="2"/>
    <s v="Fellowes Officeware Wire Shelving"/>
    <n v="143.72999999999999"/>
    <n v="2"/>
    <n v="-32.340000000000003"/>
  </r>
  <r>
    <d v="2017-03-23T00:00:00"/>
    <x v="2"/>
    <x v="3"/>
    <x v="574"/>
    <x v="20"/>
    <x v="0"/>
    <x v="0"/>
    <s v="Xerox 1980"/>
    <n v="25.68"/>
    <n v="6"/>
    <n v="11.56"/>
  </r>
  <r>
    <d v="2017-03-23T00:00:00"/>
    <x v="2"/>
    <x v="3"/>
    <x v="126"/>
    <x v="20"/>
    <x v="0"/>
    <x v="14"/>
    <s v="Premier Electric Letter Opener"/>
    <n v="347.58"/>
    <n v="3"/>
    <n v="17.38"/>
  </r>
  <r>
    <d v="2017-03-23T00:00:00"/>
    <x v="2"/>
    <x v="3"/>
    <x v="694"/>
    <x v="22"/>
    <x v="0"/>
    <x v="3"/>
    <s v="Cardinal Slant-D Ring Binder, Heavy Gauge Vinyl"/>
    <n v="34.76"/>
    <n v="5"/>
    <n v="11.3"/>
  </r>
  <r>
    <d v="2017-03-23T00:00:00"/>
    <x v="2"/>
    <x v="3"/>
    <x v="745"/>
    <x v="22"/>
    <x v="0"/>
    <x v="2"/>
    <s v="Acco Perma 4000 Stacking Storage Drawers"/>
    <n v="32.479999999999997"/>
    <n v="2"/>
    <n v="4.87"/>
  </r>
  <r>
    <d v="2017-03-23T00:00:00"/>
    <x v="2"/>
    <x v="3"/>
    <x v="745"/>
    <x v="22"/>
    <x v="0"/>
    <x v="0"/>
    <s v="Xerox 1898"/>
    <n v="20.04"/>
    <n v="3"/>
    <n v="9.6199999999999992"/>
  </r>
  <r>
    <d v="2017-03-23T00:00:00"/>
    <x v="2"/>
    <x v="3"/>
    <x v="745"/>
    <x v="22"/>
    <x v="2"/>
    <x v="16"/>
    <s v="Canon imageCLASS 2200 Advanced Copier"/>
    <n v="13999.96"/>
    <n v="4"/>
    <n v="6719.98"/>
  </r>
  <r>
    <d v="2017-03-24T00:00:00"/>
    <x v="2"/>
    <x v="3"/>
    <x v="291"/>
    <x v="20"/>
    <x v="0"/>
    <x v="0"/>
    <s v="Xerox 1888"/>
    <n v="221.92"/>
    <n v="4"/>
    <n v="106.52"/>
  </r>
  <r>
    <d v="2017-03-24T00:00:00"/>
    <x v="2"/>
    <x v="3"/>
    <x v="291"/>
    <x v="20"/>
    <x v="2"/>
    <x v="9"/>
    <s v="Memorex Micro Travel Drive 8 GB"/>
    <n v="26"/>
    <n v="2"/>
    <n v="11.7"/>
  </r>
  <r>
    <d v="2017-03-24T00:00:00"/>
    <x v="2"/>
    <x v="3"/>
    <x v="535"/>
    <x v="20"/>
    <x v="0"/>
    <x v="10"/>
    <s v="#10 White Business Envelopes,4 1/8 x 9 1/2"/>
    <n v="47.01"/>
    <n v="3"/>
    <n v="22.09"/>
  </r>
  <r>
    <d v="2017-03-24T00:00:00"/>
    <x v="2"/>
    <x v="3"/>
    <x v="535"/>
    <x v="20"/>
    <x v="2"/>
    <x v="6"/>
    <s v="Samsung Galaxy S4 Mini"/>
    <n v="469.99"/>
    <n v="1"/>
    <n v="136.30000000000001"/>
  </r>
  <r>
    <d v="2017-03-24T00:00:00"/>
    <x v="2"/>
    <x v="3"/>
    <x v="535"/>
    <x v="20"/>
    <x v="1"/>
    <x v="5"/>
    <s v="Global Deluxe Steno Chair"/>
    <n v="207.85"/>
    <n v="3"/>
    <n v="2.31"/>
  </r>
  <r>
    <d v="2017-03-24T00:00:00"/>
    <x v="2"/>
    <x v="3"/>
    <x v="20"/>
    <x v="20"/>
    <x v="1"/>
    <x v="5"/>
    <s v="Global Airflow Leather Mesh Back Chair, Black"/>
    <n v="271.76"/>
    <n v="2"/>
    <n v="60.39"/>
  </r>
  <r>
    <d v="2017-03-24T00:00:00"/>
    <x v="2"/>
    <x v="3"/>
    <x v="689"/>
    <x v="0"/>
    <x v="0"/>
    <x v="2"/>
    <s v="Iris Project Case"/>
    <n v="12.77"/>
    <n v="2"/>
    <n v="0.96"/>
  </r>
  <r>
    <d v="2017-03-25T00:00:00"/>
    <x v="2"/>
    <x v="3"/>
    <x v="405"/>
    <x v="0"/>
    <x v="2"/>
    <x v="6"/>
    <s v="Panasonic KX-TG9471B"/>
    <n v="470.38"/>
    <n v="3"/>
    <n v="47.04"/>
  </r>
  <r>
    <d v="2017-03-25T00:00:00"/>
    <x v="2"/>
    <x v="3"/>
    <x v="107"/>
    <x v="3"/>
    <x v="0"/>
    <x v="12"/>
    <s v="Acco Smartsocket Color-Coded Six-Outlet AC Adapter Model Surge Protectors"/>
    <n v="176.04"/>
    <n v="4"/>
    <n v="45.77"/>
  </r>
  <r>
    <d v="2017-03-25T00:00:00"/>
    <x v="2"/>
    <x v="3"/>
    <x v="107"/>
    <x v="3"/>
    <x v="0"/>
    <x v="4"/>
    <s v="Staples in misc. colors"/>
    <n v="16.02"/>
    <n v="9"/>
    <n v="4.49"/>
  </r>
  <r>
    <d v="2017-03-25T00:00:00"/>
    <x v="2"/>
    <x v="3"/>
    <x v="107"/>
    <x v="3"/>
    <x v="0"/>
    <x v="3"/>
    <s v="Avery Arch Ring Binders"/>
    <n v="185.92"/>
    <n v="4"/>
    <n v="62.75"/>
  </r>
  <r>
    <d v="2017-03-25T00:00:00"/>
    <x v="2"/>
    <x v="3"/>
    <x v="107"/>
    <x v="3"/>
    <x v="2"/>
    <x v="6"/>
    <s v="Clearsounds A400"/>
    <n v="211.17"/>
    <n v="4"/>
    <n v="15.84"/>
  </r>
  <r>
    <d v="2017-03-25T00:00:00"/>
    <x v="2"/>
    <x v="3"/>
    <x v="107"/>
    <x v="3"/>
    <x v="2"/>
    <x v="16"/>
    <s v="Hewlett Packard 310 Color Digital Copier"/>
    <n v="479.98"/>
    <n v="2"/>
    <n v="60"/>
  </r>
  <r>
    <d v="2017-03-25T00:00:00"/>
    <x v="2"/>
    <x v="3"/>
    <x v="514"/>
    <x v="21"/>
    <x v="1"/>
    <x v="5"/>
    <s v="Global Highback Leather Tilter in Burgundy"/>
    <n v="90.99"/>
    <n v="1"/>
    <n v="14.56"/>
  </r>
  <r>
    <d v="2017-03-25T00:00:00"/>
    <x v="2"/>
    <x v="3"/>
    <x v="514"/>
    <x v="21"/>
    <x v="1"/>
    <x v="5"/>
    <s v="Lifetime Advantage Folding Chairs, 4/Carton"/>
    <n v="1526.56"/>
    <n v="7"/>
    <n v="427.44"/>
  </r>
  <r>
    <d v="2017-03-25T00:00:00"/>
    <x v="2"/>
    <x v="3"/>
    <x v="514"/>
    <x v="21"/>
    <x v="1"/>
    <x v="5"/>
    <s v="Global High-Back Leather Tilter, Burgundy"/>
    <n v="368.97"/>
    <n v="3"/>
    <n v="40.590000000000003"/>
  </r>
  <r>
    <d v="2017-03-25T00:00:00"/>
    <x v="2"/>
    <x v="3"/>
    <x v="257"/>
    <x v="0"/>
    <x v="0"/>
    <x v="0"/>
    <s v="Xerox 1953"/>
    <n v="6.85"/>
    <n v="2"/>
    <n v="2.14"/>
  </r>
  <r>
    <d v="2017-03-25T00:00:00"/>
    <x v="2"/>
    <x v="3"/>
    <x v="76"/>
    <x v="22"/>
    <x v="0"/>
    <x v="4"/>
    <s v="Newell 309"/>
    <n v="23.1"/>
    <n v="2"/>
    <n v="6.93"/>
  </r>
  <r>
    <d v="2017-03-25T00:00:00"/>
    <x v="2"/>
    <x v="3"/>
    <x v="154"/>
    <x v="20"/>
    <x v="0"/>
    <x v="4"/>
    <s v="Newell 311"/>
    <n v="11.05"/>
    <n v="5"/>
    <n v="2.98"/>
  </r>
  <r>
    <d v="2017-03-26T00:00:00"/>
    <x v="2"/>
    <x v="3"/>
    <x v="95"/>
    <x v="20"/>
    <x v="1"/>
    <x v="11"/>
    <s v="Sauder Forest Hills Library with Doors, Woodland Oak Finish"/>
    <n v="257.57"/>
    <n v="2"/>
    <n v="-28.98"/>
  </r>
  <r>
    <d v="2017-03-26T00:00:00"/>
    <x v="2"/>
    <x v="3"/>
    <x v="95"/>
    <x v="20"/>
    <x v="2"/>
    <x v="6"/>
    <s v="Nokia Lumia 521 (T-Mobile)"/>
    <n v="119.96"/>
    <n v="4"/>
    <n v="33.590000000000003"/>
  </r>
  <r>
    <d v="2017-03-26T00:00:00"/>
    <x v="2"/>
    <x v="3"/>
    <x v="713"/>
    <x v="22"/>
    <x v="0"/>
    <x v="4"/>
    <s v="Boston 1827 Commercial Additional Cutter, Drive Gear &amp; Gear Rack for 1606"/>
    <n v="19.829999999999998"/>
    <n v="1"/>
    <n v="5.95"/>
  </r>
  <r>
    <d v="2017-03-26T00:00:00"/>
    <x v="2"/>
    <x v="3"/>
    <x v="783"/>
    <x v="14"/>
    <x v="1"/>
    <x v="8"/>
    <s v="Career Cubicle Clock, 8 1/4&quot;, Black"/>
    <n v="60.84"/>
    <n v="3"/>
    <n v="23.12"/>
  </r>
  <r>
    <d v="2017-03-26T00:00:00"/>
    <x v="2"/>
    <x v="3"/>
    <x v="726"/>
    <x v="6"/>
    <x v="2"/>
    <x v="9"/>
    <s v="Memorex Froggy Flash Drive 8 GB"/>
    <n v="53.25"/>
    <n v="3"/>
    <n v="20.77"/>
  </r>
  <r>
    <d v="2017-03-26T00:00:00"/>
    <x v="2"/>
    <x v="3"/>
    <x v="726"/>
    <x v="6"/>
    <x v="0"/>
    <x v="7"/>
    <s v="Staples"/>
    <n v="3.76"/>
    <n v="2"/>
    <n v="1.32"/>
  </r>
  <r>
    <d v="2017-03-26T00:00:00"/>
    <x v="2"/>
    <x v="3"/>
    <x v="252"/>
    <x v="0"/>
    <x v="2"/>
    <x v="9"/>
    <s v="Sony 64GB Class 10 Micro SDHC R40 Memory Card"/>
    <n v="143.96"/>
    <n v="5"/>
    <n v="1.8"/>
  </r>
  <r>
    <d v="2017-03-26T00:00:00"/>
    <x v="2"/>
    <x v="3"/>
    <x v="252"/>
    <x v="0"/>
    <x v="2"/>
    <x v="16"/>
    <s v="Canon PC1080F Personal Copier"/>
    <n v="2399.96"/>
    <n v="5"/>
    <n v="569.99"/>
  </r>
  <r>
    <d v="2017-03-26T00:00:00"/>
    <x v="2"/>
    <x v="3"/>
    <x v="252"/>
    <x v="0"/>
    <x v="0"/>
    <x v="0"/>
    <s v="Xerox 1951"/>
    <n v="74.349999999999994"/>
    <n v="3"/>
    <n v="23.24"/>
  </r>
  <r>
    <d v="2017-03-26T00:00:00"/>
    <x v="2"/>
    <x v="3"/>
    <x v="252"/>
    <x v="0"/>
    <x v="0"/>
    <x v="12"/>
    <s v="Belkin 5 Outlet SurgeMaster Power Centers"/>
    <n v="87.17"/>
    <n v="8"/>
    <n v="-226.64"/>
  </r>
  <r>
    <d v="2017-03-26T00:00:00"/>
    <x v="2"/>
    <x v="3"/>
    <x v="252"/>
    <x v="0"/>
    <x v="0"/>
    <x v="2"/>
    <s v="Neat Ideas Personal Hanging Folder Files, Black"/>
    <n v="32.229999999999997"/>
    <n v="3"/>
    <n v="2.42"/>
  </r>
  <r>
    <d v="2017-03-27T00:00:00"/>
    <x v="2"/>
    <x v="3"/>
    <x v="199"/>
    <x v="2"/>
    <x v="1"/>
    <x v="8"/>
    <s v="Eldon Expressions Punched Metal &amp; Wood Desk Accessories, Black &amp; Cherry"/>
    <n v="15.01"/>
    <n v="2"/>
    <n v="1.5"/>
  </r>
  <r>
    <d v="2017-03-27T00:00:00"/>
    <x v="2"/>
    <x v="3"/>
    <x v="648"/>
    <x v="3"/>
    <x v="0"/>
    <x v="0"/>
    <s v="Xerox 1982"/>
    <n v="45.68"/>
    <n v="2"/>
    <n v="21.01"/>
  </r>
  <r>
    <d v="2017-03-27T00:00:00"/>
    <x v="2"/>
    <x v="3"/>
    <x v="648"/>
    <x v="3"/>
    <x v="0"/>
    <x v="0"/>
    <s v="Xerox 1913"/>
    <n v="110.96"/>
    <n v="2"/>
    <n v="53.26"/>
  </r>
  <r>
    <d v="2017-03-27T00:00:00"/>
    <x v="2"/>
    <x v="3"/>
    <x v="648"/>
    <x v="3"/>
    <x v="0"/>
    <x v="0"/>
    <s v="Unpadded Memo Slips"/>
    <n v="11.94"/>
    <n v="3"/>
    <n v="5.97"/>
  </r>
  <r>
    <d v="2017-03-27T00:00:00"/>
    <x v="2"/>
    <x v="3"/>
    <x v="641"/>
    <x v="6"/>
    <x v="0"/>
    <x v="1"/>
    <s v="Avery 05222 Permanent Self-Adhesive File Folder Labels for Typewriters, on Rolls, White, 250/Roll"/>
    <n v="8.26"/>
    <n v="2"/>
    <n v="3.8"/>
  </r>
  <r>
    <d v="2017-03-27T00:00:00"/>
    <x v="2"/>
    <x v="3"/>
    <x v="641"/>
    <x v="6"/>
    <x v="0"/>
    <x v="3"/>
    <s v="GBC Instant Index System for Binding Systems"/>
    <n v="17.760000000000002"/>
    <n v="2"/>
    <n v="8.8800000000000008"/>
  </r>
  <r>
    <d v="2017-03-27T00:00:00"/>
    <x v="2"/>
    <x v="3"/>
    <x v="641"/>
    <x v="6"/>
    <x v="0"/>
    <x v="2"/>
    <s v="Carina Mini System Audio Rack, Model AR050B"/>
    <n v="332.94"/>
    <n v="3"/>
    <n v="9.99"/>
  </r>
  <r>
    <d v="2017-03-27T00:00:00"/>
    <x v="2"/>
    <x v="3"/>
    <x v="641"/>
    <x v="6"/>
    <x v="1"/>
    <x v="13"/>
    <s v="BPI Conference Tables"/>
    <n v="292.10000000000002"/>
    <n v="2"/>
    <n v="58.42"/>
  </r>
  <r>
    <d v="2017-03-27T00:00:00"/>
    <x v="2"/>
    <x v="3"/>
    <x v="641"/>
    <x v="6"/>
    <x v="2"/>
    <x v="6"/>
    <s v="Panasonic KX - TS880B Telephone"/>
    <n v="206.1"/>
    <n v="5"/>
    <n v="55.65"/>
  </r>
  <r>
    <d v="2017-03-27T00:00:00"/>
    <x v="2"/>
    <x v="3"/>
    <x v="641"/>
    <x v="6"/>
    <x v="0"/>
    <x v="0"/>
    <s v="Ampad Gold Fibre Wirebound Steno Books, 6&quot; x 9&quot;, Gregg Ruled"/>
    <n v="17.64"/>
    <n v="4"/>
    <n v="8.11"/>
  </r>
  <r>
    <d v="2017-03-27T00:00:00"/>
    <x v="2"/>
    <x v="3"/>
    <x v="740"/>
    <x v="0"/>
    <x v="1"/>
    <x v="11"/>
    <s v="Atlantic Metals Mobile 5-Shelf Bookcases, Custom Colors"/>
    <n v="1023.33"/>
    <n v="5"/>
    <n v="-30.1"/>
  </r>
  <r>
    <d v="2017-03-27T00:00:00"/>
    <x v="2"/>
    <x v="3"/>
    <x v="740"/>
    <x v="0"/>
    <x v="1"/>
    <x v="5"/>
    <s v="Global Deluxe High-Back Manager's Chair"/>
    <n v="600.55999999999995"/>
    <n v="3"/>
    <n v="-8.58"/>
  </r>
  <r>
    <d v="2017-03-27T00:00:00"/>
    <x v="2"/>
    <x v="3"/>
    <x v="740"/>
    <x v="0"/>
    <x v="2"/>
    <x v="9"/>
    <s v="Kensington SlimBlade Notebook Wireless Mouse with Nano Receiver"/>
    <n v="39.99"/>
    <n v="1"/>
    <n v="7"/>
  </r>
  <r>
    <d v="2017-03-27T00:00:00"/>
    <x v="2"/>
    <x v="3"/>
    <x v="740"/>
    <x v="0"/>
    <x v="1"/>
    <x v="5"/>
    <s v="Global Leather &amp; Oak Executive Chair, Burgundy"/>
    <n v="211.25"/>
    <n v="2"/>
    <n v="-66.39"/>
  </r>
  <r>
    <d v="2017-03-28T00:00:00"/>
    <x v="2"/>
    <x v="3"/>
    <x v="38"/>
    <x v="16"/>
    <x v="0"/>
    <x v="3"/>
    <s v="Canvas Sectional Post Binders"/>
    <n v="68.739999999999995"/>
    <n v="9"/>
    <n v="-48.12"/>
  </r>
  <r>
    <d v="2017-03-28T00:00:00"/>
    <x v="2"/>
    <x v="3"/>
    <x v="526"/>
    <x v="3"/>
    <x v="0"/>
    <x v="0"/>
    <s v="Xerox 1975"/>
    <n v="12.96"/>
    <n v="2"/>
    <n v="6.35"/>
  </r>
  <r>
    <d v="2017-03-28T00:00:00"/>
    <x v="2"/>
    <x v="3"/>
    <x v="526"/>
    <x v="3"/>
    <x v="1"/>
    <x v="8"/>
    <s v="DAX Black Cherry Wood-Tone Poster Frame"/>
    <n v="26.48"/>
    <n v="1"/>
    <n v="10.06"/>
  </r>
  <r>
    <d v="2017-03-28T00:00:00"/>
    <x v="2"/>
    <x v="3"/>
    <x v="526"/>
    <x v="3"/>
    <x v="2"/>
    <x v="15"/>
    <s v="StarTech.com 10/100 VDSL2 Ethernet Extender Kit"/>
    <n v="532.72"/>
    <n v="2"/>
    <n v="53.27"/>
  </r>
  <r>
    <d v="2017-03-28T00:00:00"/>
    <x v="2"/>
    <x v="3"/>
    <x v="526"/>
    <x v="3"/>
    <x v="0"/>
    <x v="0"/>
    <s v="Xerox 1968"/>
    <n v="26.72"/>
    <n v="4"/>
    <n v="12.83"/>
  </r>
  <r>
    <d v="2017-03-28T00:00:00"/>
    <x v="2"/>
    <x v="3"/>
    <x v="526"/>
    <x v="3"/>
    <x v="0"/>
    <x v="0"/>
    <s v="Xerox 1977"/>
    <n v="20.04"/>
    <n v="3"/>
    <n v="9.6199999999999992"/>
  </r>
  <r>
    <d v="2017-03-28T00:00:00"/>
    <x v="2"/>
    <x v="3"/>
    <x v="526"/>
    <x v="3"/>
    <x v="0"/>
    <x v="2"/>
    <s v="SAFCO Boltless Steel Shelving"/>
    <n v="795.48"/>
    <n v="7"/>
    <n v="7.95"/>
  </r>
  <r>
    <d v="2017-03-28T00:00:00"/>
    <x v="2"/>
    <x v="3"/>
    <x v="526"/>
    <x v="3"/>
    <x v="1"/>
    <x v="8"/>
    <s v="Stackable Trays"/>
    <n v="21.56"/>
    <n v="7"/>
    <n v="6.9"/>
  </r>
  <r>
    <d v="2017-03-29T00:00:00"/>
    <x v="2"/>
    <x v="3"/>
    <x v="310"/>
    <x v="18"/>
    <x v="0"/>
    <x v="2"/>
    <s v="Adjustable Personal File Tote"/>
    <n v="81.400000000000006"/>
    <n v="5"/>
    <n v="21.16"/>
  </r>
  <r>
    <d v="2017-03-30T00:00:00"/>
    <x v="2"/>
    <x v="3"/>
    <x v="784"/>
    <x v="39"/>
    <x v="0"/>
    <x v="10"/>
    <s v="Multimedia Mailers"/>
    <n v="325.86"/>
    <n v="2"/>
    <n v="149.9"/>
  </r>
  <r>
    <d v="2017-03-30T00:00:00"/>
    <x v="2"/>
    <x v="3"/>
    <x v="652"/>
    <x v="2"/>
    <x v="0"/>
    <x v="3"/>
    <s v="Acco Pressboard Covers with Storage Hooks, 14 7/8&quot; x 11&quot;, Executive Red"/>
    <n v="5.72"/>
    <n v="5"/>
    <n v="-4.76"/>
  </r>
  <r>
    <d v="2017-03-30T00:00:00"/>
    <x v="2"/>
    <x v="3"/>
    <x v="5"/>
    <x v="4"/>
    <x v="0"/>
    <x v="2"/>
    <s v="Advantus 10-Drawer Portable Organizer, Chrome Metal Frame, Smoke Drawers"/>
    <n v="59.76"/>
    <n v="1"/>
    <n v="16.73"/>
  </r>
  <r>
    <d v="2017-03-30T00:00:00"/>
    <x v="2"/>
    <x v="3"/>
    <x v="23"/>
    <x v="3"/>
    <x v="0"/>
    <x v="4"/>
    <s v="Manco Dry-Lighter Erasable Highlighter"/>
    <n v="6.08"/>
    <n v="2"/>
    <n v="2.0699999999999998"/>
  </r>
  <r>
    <d v="2017-03-30T00:00:00"/>
    <x v="2"/>
    <x v="3"/>
    <x v="23"/>
    <x v="3"/>
    <x v="2"/>
    <x v="6"/>
    <s v="AT&amp;T CL83451 4-Handset Telephone"/>
    <n v="164.79"/>
    <n v="1"/>
    <n v="18.54"/>
  </r>
  <r>
    <d v="2017-03-30T00:00:00"/>
    <x v="2"/>
    <x v="3"/>
    <x v="513"/>
    <x v="3"/>
    <x v="1"/>
    <x v="8"/>
    <s v="Flat Face Poster Frame"/>
    <n v="94.2"/>
    <n v="5"/>
    <n v="39.56"/>
  </r>
  <r>
    <d v="2017-03-31T00:00:00"/>
    <x v="2"/>
    <x v="3"/>
    <x v="171"/>
    <x v="0"/>
    <x v="1"/>
    <x v="11"/>
    <s v="Bush Mission Pointe Library"/>
    <n v="205.33"/>
    <n v="2"/>
    <n v="-36.24"/>
  </r>
  <r>
    <d v="2017-03-31T00:00:00"/>
    <x v="2"/>
    <x v="3"/>
    <x v="626"/>
    <x v="20"/>
    <x v="1"/>
    <x v="8"/>
    <s v="Tensor Computer Mounted Lamp"/>
    <n v="29.78"/>
    <n v="2"/>
    <n v="8.0399999999999991"/>
  </r>
  <r>
    <d v="2017-03-31T00:00:00"/>
    <x v="2"/>
    <x v="3"/>
    <x v="626"/>
    <x v="20"/>
    <x v="2"/>
    <x v="6"/>
    <s v="Polycom SoundPoint IP 450 VoIP phone"/>
    <n v="677.58"/>
    <n v="3"/>
    <n v="176.17"/>
  </r>
  <r>
    <d v="2017-03-31T00:00:00"/>
    <x v="2"/>
    <x v="3"/>
    <x v="626"/>
    <x v="20"/>
    <x v="0"/>
    <x v="0"/>
    <s v="Rediform S.O.S. 1-Up Phone Message Bk, 4-1/4x3-1/16 Bk, 1 Form/Pg, 40 Messages/Bk, 3/Pk"/>
    <n v="75.040000000000006"/>
    <n v="8"/>
    <n v="36.020000000000003"/>
  </r>
  <r>
    <d v="2017-03-31T00:00:00"/>
    <x v="2"/>
    <x v="3"/>
    <x v="445"/>
    <x v="20"/>
    <x v="2"/>
    <x v="6"/>
    <s v="Spigen Samsung Galaxy S5 Case Wallet"/>
    <n v="84.95"/>
    <n v="5"/>
    <n v="22.09"/>
  </r>
  <r>
    <d v="2017-03-31T00:00:00"/>
    <x v="2"/>
    <x v="3"/>
    <x v="474"/>
    <x v="5"/>
    <x v="1"/>
    <x v="8"/>
    <s v="Advantus Panel Wall Certificate Holder - 8.5x11"/>
    <n v="61"/>
    <n v="5"/>
    <n v="25.62"/>
  </r>
  <r>
    <d v="2017-03-31T00:00:00"/>
    <x v="2"/>
    <x v="3"/>
    <x v="474"/>
    <x v="5"/>
    <x v="2"/>
    <x v="6"/>
    <s v="Vtech CS6719"/>
    <n v="671.93"/>
    <n v="7"/>
    <n v="188.14"/>
  </r>
  <r>
    <d v="2017-03-31T00:00:00"/>
    <x v="2"/>
    <x v="3"/>
    <x v="709"/>
    <x v="1"/>
    <x v="0"/>
    <x v="3"/>
    <s v="SlimView Poly Binder, 3/8&quot;"/>
    <n v="13.47"/>
    <n v="13"/>
    <n v="-22.9"/>
  </r>
  <r>
    <d v="2017-03-31T00:00:00"/>
    <x v="2"/>
    <x v="3"/>
    <x v="458"/>
    <x v="4"/>
    <x v="0"/>
    <x v="3"/>
    <s v="Ibico Recycled Grain-Textured Covers"/>
    <n v="34.54"/>
    <n v="1"/>
    <n v="17.27"/>
  </r>
  <r>
    <d v="2017-03-31T00:00:00"/>
    <x v="2"/>
    <x v="3"/>
    <x v="458"/>
    <x v="4"/>
    <x v="2"/>
    <x v="16"/>
    <s v="Hewlett Packard LaserJet 3310 Copier"/>
    <n v="2999.95"/>
    <n v="5"/>
    <n v="1439.98"/>
  </r>
  <r>
    <d v="2017-03-31T00:00:00"/>
    <x v="2"/>
    <x v="3"/>
    <x v="458"/>
    <x v="4"/>
    <x v="0"/>
    <x v="3"/>
    <s v="Avery Recycled Flexi-View Covers for Binding Systems"/>
    <n v="64.12"/>
    <n v="4"/>
    <n v="30.78"/>
  </r>
  <r>
    <d v="2017-03-31T00:00:00"/>
    <x v="2"/>
    <x v="3"/>
    <x v="134"/>
    <x v="0"/>
    <x v="0"/>
    <x v="12"/>
    <s v="Fellowes 8 Outlet Superior Workstation Surge Protector w/o Phone/Fax/Modem Protection"/>
    <n v="33.619999999999997"/>
    <n v="5"/>
    <n v="-90.77"/>
  </r>
  <r>
    <d v="2017-03-31T00:00:00"/>
    <x v="2"/>
    <x v="3"/>
    <x v="418"/>
    <x v="3"/>
    <x v="0"/>
    <x v="14"/>
    <s v="Acme Tagit Stainless Steel Antibacterial Scissors"/>
    <n v="29.7"/>
    <n v="3"/>
    <n v="8.02"/>
  </r>
  <r>
    <d v="2017-04-01T00:00:00"/>
    <x v="3"/>
    <x v="3"/>
    <x v="423"/>
    <x v="24"/>
    <x v="0"/>
    <x v="2"/>
    <s v="Hanging Personal Folder File"/>
    <n v="94.2"/>
    <n v="6"/>
    <n v="23.55"/>
  </r>
  <r>
    <d v="2017-04-01T00:00:00"/>
    <x v="3"/>
    <x v="3"/>
    <x v="423"/>
    <x v="24"/>
    <x v="0"/>
    <x v="10"/>
    <s v="Staple envelope"/>
    <n v="28.4"/>
    <n v="5"/>
    <n v="13.35"/>
  </r>
  <r>
    <d v="2017-04-01T00:00:00"/>
    <x v="3"/>
    <x v="3"/>
    <x v="389"/>
    <x v="3"/>
    <x v="0"/>
    <x v="1"/>
    <s v="Avery 498"/>
    <n v="5.78"/>
    <n v="2"/>
    <n v="2.72"/>
  </r>
  <r>
    <d v="2017-04-01T00:00:00"/>
    <x v="3"/>
    <x v="3"/>
    <x v="389"/>
    <x v="3"/>
    <x v="0"/>
    <x v="3"/>
    <s v="Fellowes Binding Cases"/>
    <n v="121.68"/>
    <n v="13"/>
    <n v="38.03"/>
  </r>
  <r>
    <d v="2017-04-01T00:00:00"/>
    <x v="3"/>
    <x v="3"/>
    <x v="317"/>
    <x v="3"/>
    <x v="1"/>
    <x v="11"/>
    <s v="Safco Value Mate Steel Bookcase, Baked Enamel Finish on Steel, Black"/>
    <n v="482.66"/>
    <n v="8"/>
    <n v="85.18"/>
  </r>
  <r>
    <d v="2017-04-01T00:00:00"/>
    <x v="3"/>
    <x v="3"/>
    <x v="317"/>
    <x v="3"/>
    <x v="2"/>
    <x v="15"/>
    <s v="Cubify CubeX 3D Printer Double Head Print"/>
    <n v="4799.9799999999996"/>
    <n v="2"/>
    <n v="360"/>
  </r>
  <r>
    <d v="2017-04-01T00:00:00"/>
    <x v="3"/>
    <x v="3"/>
    <x v="405"/>
    <x v="20"/>
    <x v="0"/>
    <x v="0"/>
    <s v="Wirebound Message Books, Four 2 3/4 x 5 Forms per Page, 200 Sets per Book"/>
    <n v="42.93"/>
    <n v="9"/>
    <n v="19.32"/>
  </r>
  <r>
    <d v="2017-04-01T00:00:00"/>
    <x v="3"/>
    <x v="3"/>
    <x v="45"/>
    <x v="16"/>
    <x v="2"/>
    <x v="6"/>
    <s v="Mediabridge Sport Armband iPhone 5s"/>
    <n v="23.98"/>
    <n v="3"/>
    <n v="-5.69"/>
  </r>
  <r>
    <d v="2017-04-01T00:00:00"/>
    <x v="3"/>
    <x v="3"/>
    <x v="45"/>
    <x v="16"/>
    <x v="0"/>
    <x v="1"/>
    <s v="Avery 494"/>
    <n v="6.26"/>
    <n v="3"/>
    <n v="2.04"/>
  </r>
  <r>
    <d v="2017-04-01T00:00:00"/>
    <x v="3"/>
    <x v="3"/>
    <x v="45"/>
    <x v="16"/>
    <x v="0"/>
    <x v="12"/>
    <s v="Staple holder"/>
    <n v="20.81"/>
    <n v="3"/>
    <n v="1.82"/>
  </r>
  <r>
    <d v="2017-04-01T00:00:00"/>
    <x v="3"/>
    <x v="3"/>
    <x v="45"/>
    <x v="16"/>
    <x v="1"/>
    <x v="5"/>
    <s v="Global Wood Trimmed Manager's Task Chair, Khaki"/>
    <n v="218.35"/>
    <n v="3"/>
    <n v="-19.11"/>
  </r>
  <r>
    <d v="2017-04-01T00:00:00"/>
    <x v="3"/>
    <x v="3"/>
    <x v="169"/>
    <x v="9"/>
    <x v="1"/>
    <x v="8"/>
    <s v="Deflect-o DuraMat Lighweight, Studded, Beveled Mat for Low Pile Carpeting"/>
    <n v="127.95"/>
    <n v="3"/>
    <n v="21.75"/>
  </r>
  <r>
    <d v="2017-04-02T00:00:00"/>
    <x v="3"/>
    <x v="3"/>
    <x v="509"/>
    <x v="3"/>
    <x v="1"/>
    <x v="8"/>
    <s v="Westinghouse Clip-On Gooseneck Lamps"/>
    <n v="25.11"/>
    <n v="3"/>
    <n v="6.53"/>
  </r>
  <r>
    <d v="2017-04-02T00:00:00"/>
    <x v="3"/>
    <x v="3"/>
    <x v="529"/>
    <x v="4"/>
    <x v="1"/>
    <x v="13"/>
    <s v="Bevis 44 x 96 Conference Tables"/>
    <n v="411.8"/>
    <n v="2"/>
    <n v="70.010000000000005"/>
  </r>
  <r>
    <d v="2017-04-02T00:00:00"/>
    <x v="3"/>
    <x v="3"/>
    <x v="529"/>
    <x v="4"/>
    <x v="2"/>
    <x v="9"/>
    <s v="NETGEAR N750 Dual Band Wi-Fi Gigabit Router"/>
    <n v="360"/>
    <n v="4"/>
    <n v="129.6"/>
  </r>
  <r>
    <d v="2017-04-02T00:00:00"/>
    <x v="3"/>
    <x v="3"/>
    <x v="538"/>
    <x v="37"/>
    <x v="0"/>
    <x v="4"/>
    <s v="Newell 318"/>
    <n v="11.12"/>
    <n v="4"/>
    <n v="2.89"/>
  </r>
  <r>
    <d v="2017-04-02T00:00:00"/>
    <x v="3"/>
    <x v="3"/>
    <x v="596"/>
    <x v="33"/>
    <x v="0"/>
    <x v="1"/>
    <s v="Avery 499"/>
    <n v="14.94"/>
    <n v="3"/>
    <n v="6.87"/>
  </r>
  <r>
    <d v="2017-04-03T00:00:00"/>
    <x v="3"/>
    <x v="3"/>
    <x v="175"/>
    <x v="2"/>
    <x v="1"/>
    <x v="8"/>
    <s v="Staple-based wall hangings"/>
    <n v="25.47"/>
    <n v="4"/>
    <n v="7.64"/>
  </r>
  <r>
    <d v="2017-04-03T00:00:00"/>
    <x v="3"/>
    <x v="3"/>
    <x v="52"/>
    <x v="1"/>
    <x v="0"/>
    <x v="4"/>
    <s v="Prang Colored Pencils"/>
    <n v="7.06"/>
    <n v="3"/>
    <n v="2.21"/>
  </r>
  <r>
    <d v="2017-04-04T00:00:00"/>
    <x v="3"/>
    <x v="3"/>
    <x v="481"/>
    <x v="1"/>
    <x v="2"/>
    <x v="6"/>
    <s v="Cisco SPA 502G IP Phone"/>
    <n v="383.84"/>
    <n v="4"/>
    <n v="47.98"/>
  </r>
  <r>
    <d v="2017-04-04T00:00:00"/>
    <x v="3"/>
    <x v="3"/>
    <x v="293"/>
    <x v="20"/>
    <x v="2"/>
    <x v="6"/>
    <s v="Panasonic KX - TS880B Telephone"/>
    <n v="41.22"/>
    <n v="1"/>
    <n v="11.13"/>
  </r>
  <r>
    <d v="2017-04-04T00:00:00"/>
    <x v="3"/>
    <x v="3"/>
    <x v="293"/>
    <x v="20"/>
    <x v="0"/>
    <x v="14"/>
    <s v="Premier Automatic Letter Opener"/>
    <n v="240.37"/>
    <n v="1"/>
    <n v="7.21"/>
  </r>
  <r>
    <d v="2017-04-04T00:00:00"/>
    <x v="3"/>
    <x v="3"/>
    <x v="293"/>
    <x v="20"/>
    <x v="2"/>
    <x v="6"/>
    <s v="LG Electronics Tone+ HBS-730 Bluetooth Headset"/>
    <n v="119.02"/>
    <n v="2"/>
    <n v="33.33"/>
  </r>
  <r>
    <d v="2017-04-04T00:00:00"/>
    <x v="3"/>
    <x v="3"/>
    <x v="577"/>
    <x v="20"/>
    <x v="0"/>
    <x v="10"/>
    <s v="Brown Kraft Recycled Envelopes"/>
    <n v="16.98"/>
    <n v="1"/>
    <n v="8.49"/>
  </r>
  <r>
    <d v="2017-04-04T00:00:00"/>
    <x v="3"/>
    <x v="3"/>
    <x v="398"/>
    <x v="20"/>
    <x v="0"/>
    <x v="4"/>
    <s v="Newell 326"/>
    <n v="7.04"/>
    <n v="4"/>
    <n v="2.04"/>
  </r>
  <r>
    <d v="2017-04-06T00:00:00"/>
    <x v="3"/>
    <x v="3"/>
    <x v="770"/>
    <x v="30"/>
    <x v="0"/>
    <x v="0"/>
    <s v="Easy-staple paper"/>
    <n v="106.32"/>
    <n v="3"/>
    <n v="49.97"/>
  </r>
  <r>
    <d v="2017-04-06T00:00:00"/>
    <x v="3"/>
    <x v="3"/>
    <x v="345"/>
    <x v="15"/>
    <x v="0"/>
    <x v="3"/>
    <s v="3M Organizer Strips"/>
    <n v="8.1"/>
    <n v="5"/>
    <n v="-5.94"/>
  </r>
  <r>
    <d v="2017-04-07T00:00:00"/>
    <x v="3"/>
    <x v="3"/>
    <x v="431"/>
    <x v="16"/>
    <x v="1"/>
    <x v="13"/>
    <s v="Bush Advantage Collection Round Conference Table"/>
    <n v="233.86"/>
    <n v="2"/>
    <n v="-102.05"/>
  </r>
  <r>
    <d v="2017-04-07T00:00:00"/>
    <x v="3"/>
    <x v="3"/>
    <x v="431"/>
    <x v="16"/>
    <x v="1"/>
    <x v="13"/>
    <s v="Bretford Rectangular Conference Table Tops"/>
    <n v="620.61"/>
    <n v="3"/>
    <n v="-248.25"/>
  </r>
  <r>
    <d v="2017-04-07T00:00:00"/>
    <x v="3"/>
    <x v="3"/>
    <x v="431"/>
    <x v="16"/>
    <x v="0"/>
    <x v="3"/>
    <s v="GBC Instant Index System for Binding Systems"/>
    <n v="5.33"/>
    <n v="2"/>
    <n v="-3.55"/>
  </r>
  <r>
    <d v="2017-04-07T00:00:00"/>
    <x v="3"/>
    <x v="3"/>
    <x v="431"/>
    <x v="16"/>
    <x v="1"/>
    <x v="8"/>
    <s v="Tenex Contemporary Contur Chairmats for Low and Medium Pile Carpet, Computer, 39&quot; x 49&quot;"/>
    <n v="258.07"/>
    <n v="3"/>
    <n v="0"/>
  </r>
  <r>
    <d v="2017-04-07T00:00:00"/>
    <x v="3"/>
    <x v="3"/>
    <x v="431"/>
    <x v="16"/>
    <x v="2"/>
    <x v="9"/>
    <s v="LogitechÂ P710e Mobile Speakerphone"/>
    <n v="617.98"/>
    <n v="3"/>
    <n v="-7.72"/>
  </r>
  <r>
    <d v="2017-04-07T00:00:00"/>
    <x v="3"/>
    <x v="3"/>
    <x v="57"/>
    <x v="16"/>
    <x v="0"/>
    <x v="4"/>
    <s v="50 Colored Long Pencils"/>
    <n v="16.260000000000002"/>
    <n v="2"/>
    <n v="1.22"/>
  </r>
  <r>
    <d v="2017-04-07T00:00:00"/>
    <x v="3"/>
    <x v="3"/>
    <x v="57"/>
    <x v="16"/>
    <x v="2"/>
    <x v="6"/>
    <s v="AT&amp;T 1080 Corded phone"/>
    <n v="219.18"/>
    <n v="2"/>
    <n v="19.18"/>
  </r>
  <r>
    <d v="2017-04-08T00:00:00"/>
    <x v="3"/>
    <x v="3"/>
    <x v="491"/>
    <x v="4"/>
    <x v="1"/>
    <x v="8"/>
    <s v="Eldon Expressions Punched Metal &amp; Wood Desk Accessories, Black &amp; Cherry"/>
    <n v="56.28"/>
    <n v="6"/>
    <n v="15.76"/>
  </r>
  <r>
    <d v="2017-04-08T00:00:00"/>
    <x v="3"/>
    <x v="3"/>
    <x v="491"/>
    <x v="4"/>
    <x v="0"/>
    <x v="3"/>
    <s v="GBC DocuBind TL300 Electric Binding System"/>
    <n v="2690.97"/>
    <n v="3"/>
    <n v="1264.76"/>
  </r>
  <r>
    <d v="2017-04-08T00:00:00"/>
    <x v="3"/>
    <x v="3"/>
    <x v="432"/>
    <x v="23"/>
    <x v="0"/>
    <x v="2"/>
    <s v="Tennsco 16-Compartment Lockers with Coat Rack"/>
    <n v="2591.56"/>
    <n v="4"/>
    <n v="621.97"/>
  </r>
  <r>
    <d v="2017-04-08T00:00:00"/>
    <x v="3"/>
    <x v="3"/>
    <x v="432"/>
    <x v="23"/>
    <x v="0"/>
    <x v="12"/>
    <s v="Black &amp; Decker Filter for Double Action Dustbuster Cordless Vac BLDV7210"/>
    <n v="41.95"/>
    <n v="5"/>
    <n v="10.49"/>
  </r>
  <r>
    <d v="2017-04-08T00:00:00"/>
    <x v="3"/>
    <x v="3"/>
    <x v="303"/>
    <x v="3"/>
    <x v="0"/>
    <x v="0"/>
    <s v="Xerox 1891"/>
    <n v="244.55"/>
    <n v="5"/>
    <n v="114.94"/>
  </r>
  <r>
    <d v="2017-04-08T00:00:00"/>
    <x v="3"/>
    <x v="3"/>
    <x v="303"/>
    <x v="3"/>
    <x v="0"/>
    <x v="0"/>
    <s v="Xerox 1942"/>
    <n v="195.76"/>
    <n v="4"/>
    <n v="97.88"/>
  </r>
  <r>
    <d v="2017-04-08T00:00:00"/>
    <x v="3"/>
    <x v="3"/>
    <x v="62"/>
    <x v="14"/>
    <x v="1"/>
    <x v="8"/>
    <s v="3M Polarizing Task Lamp with Clamp Arm, Light Gray"/>
    <n v="273.95999999999998"/>
    <n v="2"/>
    <n v="71.23"/>
  </r>
  <r>
    <d v="2017-04-08T00:00:00"/>
    <x v="3"/>
    <x v="3"/>
    <x v="62"/>
    <x v="14"/>
    <x v="1"/>
    <x v="8"/>
    <s v="Luxo Professional Combination Clamp-On Lamps"/>
    <n v="306.89999999999998"/>
    <n v="3"/>
    <n v="79.790000000000006"/>
  </r>
  <r>
    <d v="2017-04-09T00:00:00"/>
    <x v="3"/>
    <x v="3"/>
    <x v="697"/>
    <x v="20"/>
    <x v="0"/>
    <x v="1"/>
    <s v="Color-Coded Legal Exhibit Labels"/>
    <n v="9.82"/>
    <n v="2"/>
    <n v="4.8099999999999996"/>
  </r>
  <r>
    <d v="2017-04-09T00:00:00"/>
    <x v="3"/>
    <x v="3"/>
    <x v="697"/>
    <x v="20"/>
    <x v="0"/>
    <x v="4"/>
    <s v="Bulldog Vacuum Base Pencil Sharpener"/>
    <n v="35.97"/>
    <n v="3"/>
    <n v="9.7100000000000009"/>
  </r>
  <r>
    <d v="2017-04-09T00:00:00"/>
    <x v="3"/>
    <x v="3"/>
    <x v="697"/>
    <x v="20"/>
    <x v="0"/>
    <x v="0"/>
    <s v="Xerox 212"/>
    <n v="12.96"/>
    <n v="2"/>
    <n v="6.22"/>
  </r>
  <r>
    <d v="2017-04-09T00:00:00"/>
    <x v="3"/>
    <x v="3"/>
    <x v="697"/>
    <x v="20"/>
    <x v="0"/>
    <x v="0"/>
    <s v="Computer Printout Paper with Letter-Trim Fine Perforations"/>
    <n v="191.6"/>
    <n v="4"/>
    <n v="91.97"/>
  </r>
  <r>
    <d v="2017-04-09T00:00:00"/>
    <x v="3"/>
    <x v="3"/>
    <x v="697"/>
    <x v="20"/>
    <x v="0"/>
    <x v="1"/>
    <s v="Avery File Folder Labels"/>
    <n v="8.64"/>
    <n v="3"/>
    <n v="4.2300000000000004"/>
  </r>
  <r>
    <d v="2017-04-09T00:00:00"/>
    <x v="3"/>
    <x v="3"/>
    <x v="697"/>
    <x v="20"/>
    <x v="0"/>
    <x v="2"/>
    <s v="Office Impressions Heavy Duty Welded Shelving &amp; Multimedia Storage Drawers"/>
    <n v="501.81"/>
    <n v="3"/>
    <n v="0"/>
  </r>
  <r>
    <d v="2017-04-09T00:00:00"/>
    <x v="3"/>
    <x v="3"/>
    <x v="52"/>
    <x v="16"/>
    <x v="0"/>
    <x v="1"/>
    <s v="Avery 48"/>
    <n v="15.12"/>
    <n v="3"/>
    <n v="4.91"/>
  </r>
  <r>
    <d v="2017-04-09T00:00:00"/>
    <x v="3"/>
    <x v="3"/>
    <x v="52"/>
    <x v="16"/>
    <x v="0"/>
    <x v="3"/>
    <s v="Avery Arch Ring Binders"/>
    <n v="17.43"/>
    <n v="1"/>
    <n v="-13.36"/>
  </r>
  <r>
    <d v="2017-04-09T00:00:00"/>
    <x v="3"/>
    <x v="3"/>
    <x v="52"/>
    <x v="16"/>
    <x v="0"/>
    <x v="0"/>
    <s v="Xerox 1915"/>
    <n v="251.64"/>
    <n v="3"/>
    <n v="88.07"/>
  </r>
  <r>
    <d v="2017-04-09T00:00:00"/>
    <x v="3"/>
    <x v="3"/>
    <x v="318"/>
    <x v="14"/>
    <x v="0"/>
    <x v="3"/>
    <s v="GBC Recycled Regency Composition Covers"/>
    <n v="478.24"/>
    <n v="8"/>
    <n v="219.99"/>
  </r>
  <r>
    <d v="2017-04-09T00:00:00"/>
    <x v="3"/>
    <x v="3"/>
    <x v="479"/>
    <x v="2"/>
    <x v="0"/>
    <x v="3"/>
    <s v="Tuf-Vin Binders"/>
    <n v="37.9"/>
    <n v="4"/>
    <n v="-29.05"/>
  </r>
  <r>
    <d v="2017-04-09T00:00:00"/>
    <x v="3"/>
    <x v="3"/>
    <x v="479"/>
    <x v="2"/>
    <x v="0"/>
    <x v="0"/>
    <s v="Xerox 1893"/>
    <n v="65.58"/>
    <n v="2"/>
    <n v="23.77"/>
  </r>
  <r>
    <d v="2017-04-10T00:00:00"/>
    <x v="3"/>
    <x v="3"/>
    <x v="694"/>
    <x v="23"/>
    <x v="0"/>
    <x v="0"/>
    <s v="Wirebound Message Books, Two 4 1/4&quot; x 5&quot; Forms per Page"/>
    <n v="7.61"/>
    <n v="1"/>
    <n v="3.58"/>
  </r>
  <r>
    <d v="2017-04-10T00:00:00"/>
    <x v="3"/>
    <x v="3"/>
    <x v="694"/>
    <x v="23"/>
    <x v="0"/>
    <x v="7"/>
    <s v="OIC Binder Clips"/>
    <n v="7.16"/>
    <n v="2"/>
    <n v="3.58"/>
  </r>
  <r>
    <d v="2017-04-10T00:00:00"/>
    <x v="3"/>
    <x v="3"/>
    <x v="446"/>
    <x v="0"/>
    <x v="0"/>
    <x v="0"/>
    <s v="Xerox 1894"/>
    <n v="10.37"/>
    <n v="2"/>
    <n v="3.63"/>
  </r>
  <r>
    <d v="2017-04-10T00:00:00"/>
    <x v="3"/>
    <x v="3"/>
    <x v="446"/>
    <x v="0"/>
    <x v="2"/>
    <x v="9"/>
    <s v="LogitechÂ MX Performance Wireless Mouse"/>
    <n v="95.74"/>
    <n v="3"/>
    <n v="20.34"/>
  </r>
  <r>
    <d v="2017-04-10T00:00:00"/>
    <x v="3"/>
    <x v="3"/>
    <x v="785"/>
    <x v="16"/>
    <x v="1"/>
    <x v="8"/>
    <s v="Stackable Trays"/>
    <n v="12.32"/>
    <n v="5"/>
    <n v="1.85"/>
  </r>
  <r>
    <d v="2017-04-10T00:00:00"/>
    <x v="3"/>
    <x v="3"/>
    <x v="785"/>
    <x v="16"/>
    <x v="0"/>
    <x v="3"/>
    <s v="Acco Pressboard Covers with Storage Hooks, 14 7/8&quot; x 11&quot;, Light Blue"/>
    <n v="4.42"/>
    <n v="3"/>
    <n v="-3.09"/>
  </r>
  <r>
    <d v="2017-04-10T00:00:00"/>
    <x v="3"/>
    <x v="3"/>
    <x v="524"/>
    <x v="37"/>
    <x v="2"/>
    <x v="9"/>
    <s v="Logitech G700s Rechargeable Gaming Mouse"/>
    <n v="99.99"/>
    <n v="1"/>
    <n v="42"/>
  </r>
  <r>
    <d v="2017-04-10T00:00:00"/>
    <x v="3"/>
    <x v="3"/>
    <x v="524"/>
    <x v="37"/>
    <x v="0"/>
    <x v="2"/>
    <s v="Recycled Steel Personal File for Hanging File Folders"/>
    <n v="286.14999999999998"/>
    <n v="5"/>
    <n v="71.540000000000006"/>
  </r>
  <r>
    <d v="2017-04-10T00:00:00"/>
    <x v="3"/>
    <x v="3"/>
    <x v="206"/>
    <x v="2"/>
    <x v="0"/>
    <x v="12"/>
    <s v="Tripp Lite Isotel 6 Outlet Surge Protector with Fax/Modem Protection"/>
    <n v="195.1"/>
    <n v="4"/>
    <n v="21.95"/>
  </r>
  <r>
    <d v="2017-04-10T00:00:00"/>
    <x v="3"/>
    <x v="3"/>
    <x v="206"/>
    <x v="2"/>
    <x v="1"/>
    <x v="8"/>
    <s v="Linden 10&quot; Round Wall Clock, Black"/>
    <n v="36.67"/>
    <n v="3"/>
    <n v="6.42"/>
  </r>
  <r>
    <d v="2017-04-11T00:00:00"/>
    <x v="3"/>
    <x v="3"/>
    <x v="399"/>
    <x v="3"/>
    <x v="2"/>
    <x v="9"/>
    <s v="SanDisk Ultra 64 GB MicroSDHC Class 10 Memory Card"/>
    <n v="199.95"/>
    <n v="5"/>
    <n v="21.99"/>
  </r>
  <r>
    <d v="2017-04-11T00:00:00"/>
    <x v="3"/>
    <x v="3"/>
    <x v="399"/>
    <x v="3"/>
    <x v="0"/>
    <x v="4"/>
    <s v="Dixon Ticonderoga Erasable Colored Pencil Set, 12-Color"/>
    <n v="41.86"/>
    <n v="7"/>
    <n v="14.23"/>
  </r>
  <r>
    <d v="2017-04-11T00:00:00"/>
    <x v="3"/>
    <x v="3"/>
    <x v="90"/>
    <x v="0"/>
    <x v="0"/>
    <x v="3"/>
    <s v="Flexible Leather- Look Classic Collection Ring Binder"/>
    <n v="11.36"/>
    <n v="3"/>
    <n v="-17.05"/>
  </r>
  <r>
    <d v="2017-04-11T00:00:00"/>
    <x v="3"/>
    <x v="3"/>
    <x v="304"/>
    <x v="10"/>
    <x v="0"/>
    <x v="2"/>
    <s v="Sterilite Officeware Hinged File Box"/>
    <n v="16.77"/>
    <n v="2"/>
    <n v="1.47"/>
  </r>
  <r>
    <d v="2017-04-11T00:00:00"/>
    <x v="3"/>
    <x v="3"/>
    <x v="304"/>
    <x v="10"/>
    <x v="2"/>
    <x v="9"/>
    <s v="Kingston Digital DataTraveler 32GB USB 2.0"/>
    <n v="27.12"/>
    <n v="2"/>
    <n v="-4.75"/>
  </r>
  <r>
    <d v="2017-04-11T00:00:00"/>
    <x v="3"/>
    <x v="3"/>
    <x v="700"/>
    <x v="25"/>
    <x v="0"/>
    <x v="4"/>
    <s v="Pencil and Crayon Sharpener"/>
    <n v="1.75"/>
    <n v="1"/>
    <n v="0.15"/>
  </r>
  <r>
    <d v="2017-04-11T00:00:00"/>
    <x v="3"/>
    <x v="3"/>
    <x v="700"/>
    <x v="25"/>
    <x v="0"/>
    <x v="4"/>
    <s v="Newell 321"/>
    <n v="20.99"/>
    <n v="8"/>
    <n v="2.36"/>
  </r>
  <r>
    <d v="2017-04-12T00:00:00"/>
    <x v="3"/>
    <x v="3"/>
    <x v="649"/>
    <x v="43"/>
    <x v="0"/>
    <x v="3"/>
    <s v="Storex Dura Pro Binders"/>
    <n v="29.7"/>
    <n v="5"/>
    <n v="13.37"/>
  </r>
  <r>
    <d v="2017-04-12T00:00:00"/>
    <x v="3"/>
    <x v="3"/>
    <x v="649"/>
    <x v="43"/>
    <x v="0"/>
    <x v="0"/>
    <s v="Xerox 1948"/>
    <n v="39.96"/>
    <n v="4"/>
    <n v="17.98"/>
  </r>
  <r>
    <d v="2017-04-13T00:00:00"/>
    <x v="3"/>
    <x v="3"/>
    <x v="274"/>
    <x v="22"/>
    <x v="0"/>
    <x v="0"/>
    <s v="Xerox 4200 Series MultiUse Premium Copy Paper (20Lb. and 84 Bright)"/>
    <n v="5.28"/>
    <n v="1"/>
    <n v="2.38"/>
  </r>
  <r>
    <d v="2017-04-13T00:00:00"/>
    <x v="3"/>
    <x v="3"/>
    <x v="274"/>
    <x v="22"/>
    <x v="0"/>
    <x v="3"/>
    <s v="GBC DocuBind TL200 Manual Binding Machine"/>
    <n v="895.92"/>
    <n v="5"/>
    <n v="302.37"/>
  </r>
  <r>
    <d v="2017-04-13T00:00:00"/>
    <x v="3"/>
    <x v="3"/>
    <x v="598"/>
    <x v="3"/>
    <x v="1"/>
    <x v="5"/>
    <s v="Global Wood Trimmed Manager's Task Chair, Khaki"/>
    <n v="436.7"/>
    <n v="6"/>
    <n v="-38.21"/>
  </r>
  <r>
    <d v="2017-04-13T00:00:00"/>
    <x v="3"/>
    <x v="3"/>
    <x v="679"/>
    <x v="2"/>
    <x v="0"/>
    <x v="7"/>
    <s v="Translucent Push Pins by OIC"/>
    <n v="7.92"/>
    <n v="5"/>
    <n v="1.68"/>
  </r>
  <r>
    <d v="2017-04-14T00:00:00"/>
    <x v="3"/>
    <x v="3"/>
    <x v="513"/>
    <x v="10"/>
    <x v="0"/>
    <x v="4"/>
    <s v="Zebra Zazzle Fluorescent Highlighters"/>
    <n v="14.59"/>
    <n v="3"/>
    <n v="2.5499999999999998"/>
  </r>
  <r>
    <d v="2017-04-14T00:00:00"/>
    <x v="3"/>
    <x v="3"/>
    <x v="513"/>
    <x v="10"/>
    <x v="0"/>
    <x v="4"/>
    <s v="Sanford Prismacolor Professional Thick Lead Art Pencils, 36-Color Set"/>
    <n v="89.86"/>
    <n v="3"/>
    <n v="21.34"/>
  </r>
  <r>
    <d v="2017-04-14T00:00:00"/>
    <x v="3"/>
    <x v="3"/>
    <x v="513"/>
    <x v="10"/>
    <x v="0"/>
    <x v="0"/>
    <s v="Xerox 196"/>
    <n v="13.87"/>
    <n v="3"/>
    <n v="5.03"/>
  </r>
  <r>
    <d v="2017-04-14T00:00:00"/>
    <x v="3"/>
    <x v="3"/>
    <x v="750"/>
    <x v="24"/>
    <x v="0"/>
    <x v="3"/>
    <s v="Acco 3-Hole Punch"/>
    <n v="8.76"/>
    <n v="2"/>
    <n v="4.2"/>
  </r>
  <r>
    <d v="2017-04-14T00:00:00"/>
    <x v="3"/>
    <x v="3"/>
    <x v="349"/>
    <x v="20"/>
    <x v="0"/>
    <x v="3"/>
    <s v="Avery Non-Stick Binders"/>
    <n v="10.78"/>
    <n v="3"/>
    <n v="3.5"/>
  </r>
  <r>
    <d v="2017-04-14T00:00:00"/>
    <x v="3"/>
    <x v="3"/>
    <x v="349"/>
    <x v="20"/>
    <x v="1"/>
    <x v="11"/>
    <s v="Bush Westfield Collection Bookcases, Fully Assembled"/>
    <n v="242.35"/>
    <n v="3"/>
    <n v="9.09"/>
  </r>
  <r>
    <d v="2017-04-14T00:00:00"/>
    <x v="3"/>
    <x v="3"/>
    <x v="360"/>
    <x v="25"/>
    <x v="1"/>
    <x v="11"/>
    <s v="Sauder Cornerstone Collection Library"/>
    <n v="198.27"/>
    <n v="8"/>
    <n v="-32.22"/>
  </r>
  <r>
    <d v="2017-04-14T00:00:00"/>
    <x v="3"/>
    <x v="3"/>
    <x v="312"/>
    <x v="23"/>
    <x v="1"/>
    <x v="8"/>
    <s v="Tensor Computer Mounted Lamp"/>
    <n v="74.45"/>
    <n v="5"/>
    <n v="20.100000000000001"/>
  </r>
  <r>
    <d v="2017-04-15T00:00:00"/>
    <x v="3"/>
    <x v="3"/>
    <x v="182"/>
    <x v="25"/>
    <x v="0"/>
    <x v="0"/>
    <s v="Xerox 1967"/>
    <n v="15.55"/>
    <n v="3"/>
    <n v="5.44"/>
  </r>
  <r>
    <d v="2017-04-15T00:00:00"/>
    <x v="3"/>
    <x v="3"/>
    <x v="489"/>
    <x v="6"/>
    <x v="0"/>
    <x v="4"/>
    <s v="Faber Castell Col-Erase Pencils"/>
    <n v="4.8899999999999997"/>
    <n v="1"/>
    <n v="2"/>
  </r>
  <r>
    <d v="2017-04-15T00:00:00"/>
    <x v="3"/>
    <x v="3"/>
    <x v="512"/>
    <x v="17"/>
    <x v="1"/>
    <x v="8"/>
    <s v="Howard Miller 12&quot; Round Wall Clock"/>
    <n v="196.45"/>
    <n v="5"/>
    <n v="70.72"/>
  </r>
  <r>
    <d v="2017-04-15T00:00:00"/>
    <x v="3"/>
    <x v="3"/>
    <x v="270"/>
    <x v="3"/>
    <x v="0"/>
    <x v="0"/>
    <s v="Xerox 1883"/>
    <n v="79.14"/>
    <n v="3"/>
    <n v="36.4"/>
  </r>
  <r>
    <d v="2017-04-15T00:00:00"/>
    <x v="3"/>
    <x v="3"/>
    <x v="26"/>
    <x v="0"/>
    <x v="0"/>
    <x v="0"/>
    <s v="Xerox 207"/>
    <n v="20.74"/>
    <n v="4"/>
    <n v="7.26"/>
  </r>
  <r>
    <d v="2017-04-15T00:00:00"/>
    <x v="3"/>
    <x v="3"/>
    <x v="244"/>
    <x v="16"/>
    <x v="0"/>
    <x v="3"/>
    <s v="VariCap6 Expandable Binder"/>
    <n v="15.57"/>
    <n v="3"/>
    <n v="-11.94"/>
  </r>
  <r>
    <d v="2017-04-16T00:00:00"/>
    <x v="3"/>
    <x v="3"/>
    <x v="485"/>
    <x v="1"/>
    <x v="0"/>
    <x v="4"/>
    <s v="Newell 325"/>
    <n v="16.52"/>
    <n v="5"/>
    <n v="2.0699999999999998"/>
  </r>
  <r>
    <d v="2017-04-16T00:00:00"/>
    <x v="3"/>
    <x v="3"/>
    <x v="503"/>
    <x v="10"/>
    <x v="0"/>
    <x v="3"/>
    <s v="SpineVue Locking Slant-D Ring Binders by Cardinal"/>
    <n v="13.71"/>
    <n v="5"/>
    <n v="-10.050000000000001"/>
  </r>
  <r>
    <d v="2017-04-16T00:00:00"/>
    <x v="3"/>
    <x v="3"/>
    <x v="264"/>
    <x v="3"/>
    <x v="0"/>
    <x v="2"/>
    <s v="Belkin 19&quot; Vented Equipment Shelf, Black"/>
    <n v="205.92"/>
    <n v="4"/>
    <n v="2.06"/>
  </r>
  <r>
    <d v="2017-04-16T00:00:00"/>
    <x v="3"/>
    <x v="3"/>
    <x v="264"/>
    <x v="3"/>
    <x v="1"/>
    <x v="11"/>
    <s v="O'Sullivan Living Dimensions 2-Shelf Bookcases"/>
    <n v="102.83"/>
    <n v="1"/>
    <n v="-6.05"/>
  </r>
  <r>
    <d v="2017-04-16T00:00:00"/>
    <x v="3"/>
    <x v="3"/>
    <x v="615"/>
    <x v="33"/>
    <x v="0"/>
    <x v="14"/>
    <s v="Compact Automatic Electric Letter Opener"/>
    <n v="477.24"/>
    <n v="4"/>
    <n v="9.5399999999999991"/>
  </r>
  <r>
    <d v="2017-04-16T00:00:00"/>
    <x v="3"/>
    <x v="3"/>
    <x v="615"/>
    <x v="33"/>
    <x v="2"/>
    <x v="9"/>
    <s v="SanDisk Ultra 16 GB MicroSDHC Class 10 Memory Card"/>
    <n v="25.98"/>
    <n v="2"/>
    <n v="1.56"/>
  </r>
  <r>
    <d v="2017-04-16T00:00:00"/>
    <x v="3"/>
    <x v="3"/>
    <x v="11"/>
    <x v="0"/>
    <x v="0"/>
    <x v="3"/>
    <s v="Satellite Sectional Post Binders"/>
    <n v="26.05"/>
    <n v="3"/>
    <n v="-44.28"/>
  </r>
  <r>
    <d v="2017-04-16T00:00:00"/>
    <x v="3"/>
    <x v="3"/>
    <x v="11"/>
    <x v="0"/>
    <x v="0"/>
    <x v="3"/>
    <s v="GBC White Gloss Covers, Plain Front"/>
    <n v="2.9"/>
    <n v="1"/>
    <n v="-4.78"/>
  </r>
  <r>
    <d v="2017-04-16T00:00:00"/>
    <x v="3"/>
    <x v="3"/>
    <x v="11"/>
    <x v="0"/>
    <x v="0"/>
    <x v="2"/>
    <s v="Tennsco Commercial Shelving"/>
    <n v="32.54"/>
    <n v="2"/>
    <n v="-7.73"/>
  </r>
  <r>
    <d v="2017-04-16T00:00:00"/>
    <x v="3"/>
    <x v="3"/>
    <x v="618"/>
    <x v="3"/>
    <x v="0"/>
    <x v="12"/>
    <s v="Hoover Commercial SteamVac"/>
    <n v="40.74"/>
    <n v="3"/>
    <n v="12.22"/>
  </r>
  <r>
    <d v="2017-04-17T00:00:00"/>
    <x v="3"/>
    <x v="3"/>
    <x v="253"/>
    <x v="26"/>
    <x v="0"/>
    <x v="3"/>
    <s v="Insertable Tab Post Binder Dividers"/>
    <n v="12.03"/>
    <n v="5"/>
    <n v="-9.2200000000000006"/>
  </r>
  <r>
    <d v="2017-04-17T00:00:00"/>
    <x v="3"/>
    <x v="3"/>
    <x v="253"/>
    <x v="26"/>
    <x v="2"/>
    <x v="15"/>
    <s v="Lexmark MX611dhe Monochrome Laser Printer"/>
    <n v="2549.9899999999998"/>
    <n v="5"/>
    <n v="-3399.98"/>
  </r>
  <r>
    <d v="2017-04-17T00:00:00"/>
    <x v="3"/>
    <x v="3"/>
    <x v="253"/>
    <x v="26"/>
    <x v="0"/>
    <x v="3"/>
    <s v="GBC VeloBinder Manual Binding System"/>
    <n v="21.59"/>
    <n v="2"/>
    <n v="-15.84"/>
  </r>
  <r>
    <d v="2017-04-17T00:00:00"/>
    <x v="3"/>
    <x v="3"/>
    <x v="253"/>
    <x v="26"/>
    <x v="0"/>
    <x v="3"/>
    <s v="Cardinal Holdit Business Card Pockets"/>
    <n v="8.9600000000000009"/>
    <n v="6"/>
    <n v="-6.57"/>
  </r>
  <r>
    <d v="2017-04-17T00:00:00"/>
    <x v="3"/>
    <x v="3"/>
    <x v="253"/>
    <x v="26"/>
    <x v="0"/>
    <x v="0"/>
    <s v="Xerox 225"/>
    <n v="20.74"/>
    <n v="4"/>
    <n v="7.26"/>
  </r>
  <r>
    <d v="2017-04-17T00:00:00"/>
    <x v="3"/>
    <x v="3"/>
    <x v="100"/>
    <x v="2"/>
    <x v="1"/>
    <x v="8"/>
    <s v="Eldon Executive Woodline II Desk Accessories, Mahogany"/>
    <n v="60.31"/>
    <n v="3"/>
    <n v="5.28"/>
  </r>
  <r>
    <d v="2017-04-17T00:00:00"/>
    <x v="3"/>
    <x v="3"/>
    <x v="255"/>
    <x v="3"/>
    <x v="0"/>
    <x v="0"/>
    <s v="Rediform S.O.S. 1-Up Phone Message Bk, 4-1/4x3-1/16 Bk, 1 Form/Pg, 40 Messages/Bk, 3/Pk"/>
    <n v="28.14"/>
    <n v="3"/>
    <n v="13.51"/>
  </r>
  <r>
    <d v="2017-04-17T00:00:00"/>
    <x v="3"/>
    <x v="3"/>
    <x v="255"/>
    <x v="3"/>
    <x v="0"/>
    <x v="1"/>
    <s v="Avery 517"/>
    <n v="7.38"/>
    <n v="2"/>
    <n v="3.47"/>
  </r>
  <r>
    <d v="2017-04-17T00:00:00"/>
    <x v="3"/>
    <x v="3"/>
    <x v="255"/>
    <x v="3"/>
    <x v="0"/>
    <x v="7"/>
    <s v="Stockwell Push Pins"/>
    <n v="10.9"/>
    <n v="5"/>
    <n v="3.6"/>
  </r>
  <r>
    <d v="2017-04-17T00:00:00"/>
    <x v="3"/>
    <x v="3"/>
    <x v="255"/>
    <x v="3"/>
    <x v="2"/>
    <x v="9"/>
    <s v="Logitech Wireless Touch Keyboard K400"/>
    <n v="274.89"/>
    <n v="11"/>
    <n v="46.73"/>
  </r>
  <r>
    <d v="2017-04-17T00:00:00"/>
    <x v="3"/>
    <x v="3"/>
    <x v="255"/>
    <x v="3"/>
    <x v="0"/>
    <x v="1"/>
    <s v="Avery 474"/>
    <n v="23.04"/>
    <n v="8"/>
    <n v="11.29"/>
  </r>
  <r>
    <d v="2017-04-17T00:00:00"/>
    <x v="3"/>
    <x v="3"/>
    <x v="255"/>
    <x v="3"/>
    <x v="1"/>
    <x v="5"/>
    <s v="Global Wood Trimmed Manager's Task Chair, Khaki"/>
    <n v="218.35"/>
    <n v="3"/>
    <n v="-19.11"/>
  </r>
  <r>
    <d v="2017-04-17T00:00:00"/>
    <x v="3"/>
    <x v="3"/>
    <x v="688"/>
    <x v="1"/>
    <x v="0"/>
    <x v="2"/>
    <s v="Carina Media Storage Towers in Natural &amp; Black"/>
    <n v="195.14"/>
    <n v="4"/>
    <n v="-43.91"/>
  </r>
  <r>
    <d v="2017-04-20T00:00:00"/>
    <x v="3"/>
    <x v="3"/>
    <x v="694"/>
    <x v="1"/>
    <x v="1"/>
    <x v="8"/>
    <s v="Eldon Cleatmat Chair Mats for Medium Pile Carpets"/>
    <n v="44.4"/>
    <n v="2"/>
    <n v="-52.17"/>
  </r>
  <r>
    <d v="2017-04-20T00:00:00"/>
    <x v="3"/>
    <x v="3"/>
    <x v="755"/>
    <x v="2"/>
    <x v="1"/>
    <x v="8"/>
    <s v="Computer Room Manger, 14&quot;"/>
    <n v="51.97"/>
    <n v="2"/>
    <n v="10.39"/>
  </r>
  <r>
    <d v="2017-04-20T00:00:00"/>
    <x v="3"/>
    <x v="3"/>
    <x v="755"/>
    <x v="2"/>
    <x v="0"/>
    <x v="2"/>
    <s v="Sortfiler Multipurpose Personal File Organizer, Black"/>
    <n v="51.34"/>
    <n v="3"/>
    <n v="5.78"/>
  </r>
  <r>
    <d v="2017-04-20T00:00:00"/>
    <x v="3"/>
    <x v="3"/>
    <x v="755"/>
    <x v="2"/>
    <x v="0"/>
    <x v="2"/>
    <s v="Deluxe Rollaway Locking File with Drawer"/>
    <n v="332.7"/>
    <n v="1"/>
    <n v="33.270000000000003"/>
  </r>
  <r>
    <d v="2017-04-20T00:00:00"/>
    <x v="3"/>
    <x v="3"/>
    <x v="755"/>
    <x v="2"/>
    <x v="1"/>
    <x v="8"/>
    <s v="Executive Impressions 12&quot; Wall Clock"/>
    <n v="42.41"/>
    <n v="3"/>
    <n v="9.5399999999999991"/>
  </r>
  <r>
    <d v="2017-04-20T00:00:00"/>
    <x v="3"/>
    <x v="3"/>
    <x v="605"/>
    <x v="1"/>
    <x v="1"/>
    <x v="5"/>
    <s v="DMI Arturo Collection Mission-style Design Wood Chair"/>
    <n v="317.06"/>
    <n v="3"/>
    <n v="-18.12"/>
  </r>
  <r>
    <d v="2017-04-20T00:00:00"/>
    <x v="3"/>
    <x v="3"/>
    <x v="605"/>
    <x v="1"/>
    <x v="0"/>
    <x v="4"/>
    <s v="Lumber Crayons"/>
    <n v="15.76"/>
    <n v="2"/>
    <n v="3.55"/>
  </r>
  <r>
    <d v="2017-04-20T00:00:00"/>
    <x v="3"/>
    <x v="3"/>
    <x v="605"/>
    <x v="1"/>
    <x v="1"/>
    <x v="8"/>
    <s v="Master Caster Door Stop, Large Neon Orange"/>
    <n v="14.56"/>
    <n v="5"/>
    <n v="-6.19"/>
  </r>
  <r>
    <d v="2017-04-20T00:00:00"/>
    <x v="3"/>
    <x v="3"/>
    <x v="107"/>
    <x v="14"/>
    <x v="0"/>
    <x v="3"/>
    <s v="Premium Transparent Presentation Covers by GBC"/>
    <n v="146.86000000000001"/>
    <n v="7"/>
    <n v="70.489999999999995"/>
  </r>
  <r>
    <d v="2017-04-20T00:00:00"/>
    <x v="3"/>
    <x v="3"/>
    <x v="107"/>
    <x v="14"/>
    <x v="0"/>
    <x v="3"/>
    <s v="Cardinal EasyOpen D-Ring Binders"/>
    <n v="36.56"/>
    <n v="4"/>
    <n v="18.28"/>
  </r>
  <r>
    <d v="2017-04-20T00:00:00"/>
    <x v="3"/>
    <x v="3"/>
    <x v="671"/>
    <x v="10"/>
    <x v="0"/>
    <x v="2"/>
    <s v="Tennsco 6- and 18-Compartment Lockers"/>
    <n v="848.54"/>
    <n v="4"/>
    <n v="-21.21"/>
  </r>
  <r>
    <d v="2017-04-20T00:00:00"/>
    <x v="3"/>
    <x v="3"/>
    <x v="671"/>
    <x v="10"/>
    <x v="0"/>
    <x v="3"/>
    <s v="Wilson Jones Clip &amp; Carry Folder Binder Tool for Ring Binders, Clear"/>
    <n v="8.6999999999999993"/>
    <n v="5"/>
    <n v="-6.38"/>
  </r>
  <r>
    <d v="2017-04-20T00:00:00"/>
    <x v="3"/>
    <x v="3"/>
    <x v="671"/>
    <x v="10"/>
    <x v="2"/>
    <x v="6"/>
    <s v="Avaya 5410 Digital phone"/>
    <n v="122.38"/>
    <n v="3"/>
    <n v="-24.48"/>
  </r>
  <r>
    <d v="2017-04-21T00:00:00"/>
    <x v="3"/>
    <x v="3"/>
    <x v="373"/>
    <x v="0"/>
    <x v="0"/>
    <x v="12"/>
    <s v="Acco 7-Outlet Masterpiece Power Center, Wihtout Fax/Phone Line Protection"/>
    <n v="97.26"/>
    <n v="4"/>
    <n v="-243.16"/>
  </r>
  <r>
    <d v="2017-04-21T00:00:00"/>
    <x v="3"/>
    <x v="3"/>
    <x v="218"/>
    <x v="0"/>
    <x v="0"/>
    <x v="3"/>
    <s v="Avery Non-Stick Binders"/>
    <n v="2.69"/>
    <n v="3"/>
    <n v="-4.71"/>
  </r>
  <r>
    <d v="2017-04-21T00:00:00"/>
    <x v="3"/>
    <x v="3"/>
    <x v="218"/>
    <x v="0"/>
    <x v="0"/>
    <x v="3"/>
    <s v="UniKeep View Case Binders"/>
    <n v="2.93"/>
    <n v="3"/>
    <n v="-4.99"/>
  </r>
  <r>
    <d v="2017-04-21T00:00:00"/>
    <x v="3"/>
    <x v="3"/>
    <x v="677"/>
    <x v="22"/>
    <x v="2"/>
    <x v="9"/>
    <s v="Verbatim Slim CD and DVD Storage Cases, 50/Pack"/>
    <n v="11.54"/>
    <n v="1"/>
    <n v="3.46"/>
  </r>
  <r>
    <d v="2017-04-21T00:00:00"/>
    <x v="3"/>
    <x v="3"/>
    <x v="677"/>
    <x v="22"/>
    <x v="1"/>
    <x v="8"/>
    <s v="Eldon Advantage Foldable Chair Mats for Low Pile Carpets"/>
    <n v="162.6"/>
    <n v="3"/>
    <n v="34.15"/>
  </r>
  <r>
    <d v="2017-04-21T00:00:00"/>
    <x v="3"/>
    <x v="3"/>
    <x v="744"/>
    <x v="36"/>
    <x v="1"/>
    <x v="5"/>
    <s v="Global Fabric Manager's Chair, Dark Gray"/>
    <n v="908.82"/>
    <n v="9"/>
    <n v="227.21"/>
  </r>
  <r>
    <d v="2017-04-21T00:00:00"/>
    <x v="3"/>
    <x v="3"/>
    <x v="549"/>
    <x v="0"/>
    <x v="2"/>
    <x v="9"/>
    <s v="LogitechÂ LS21 Speaker System - PC Multimedia - 2.1-CH - Wired"/>
    <n v="47.98"/>
    <n v="3"/>
    <n v="8.4"/>
  </r>
  <r>
    <d v="2017-04-21T00:00:00"/>
    <x v="3"/>
    <x v="3"/>
    <x v="549"/>
    <x v="0"/>
    <x v="0"/>
    <x v="0"/>
    <s v="Xerox 230"/>
    <n v="20.74"/>
    <n v="4"/>
    <n v="7.26"/>
  </r>
  <r>
    <d v="2017-04-22T00:00:00"/>
    <x v="3"/>
    <x v="3"/>
    <x v="95"/>
    <x v="3"/>
    <x v="1"/>
    <x v="8"/>
    <s v="Eldon Stackable Tray, Side-Load, Legal, Smoke"/>
    <n v="18.28"/>
    <n v="2"/>
    <n v="6.22"/>
  </r>
  <r>
    <d v="2017-04-22T00:00:00"/>
    <x v="3"/>
    <x v="3"/>
    <x v="690"/>
    <x v="2"/>
    <x v="1"/>
    <x v="8"/>
    <s v="Tenex 46&quot; x 60&quot; Computer Anti-Static Chairmat, Rectangular Shaped"/>
    <n v="254.35"/>
    <n v="3"/>
    <n v="0"/>
  </r>
  <r>
    <d v="2017-04-22T00:00:00"/>
    <x v="3"/>
    <x v="3"/>
    <x v="664"/>
    <x v="4"/>
    <x v="0"/>
    <x v="2"/>
    <s v="Tennsco Double-Tier Lockers"/>
    <n v="675.06"/>
    <n v="3"/>
    <n v="87.76"/>
  </r>
  <r>
    <d v="2017-04-23T00:00:00"/>
    <x v="3"/>
    <x v="3"/>
    <x v="779"/>
    <x v="20"/>
    <x v="0"/>
    <x v="12"/>
    <s v="Tripp Lite Isotel 6 Outlet Surge Protector with Fax/Modem Protection"/>
    <n v="121.94"/>
    <n v="2"/>
    <n v="35.36"/>
  </r>
  <r>
    <d v="2017-04-23T00:00:00"/>
    <x v="3"/>
    <x v="3"/>
    <x v="779"/>
    <x v="20"/>
    <x v="0"/>
    <x v="14"/>
    <s v="Acme 10&quot; Easy Grip Assistive Scissors"/>
    <n v="122.71"/>
    <n v="7"/>
    <n v="36.81"/>
  </r>
  <r>
    <d v="2017-04-23T00:00:00"/>
    <x v="3"/>
    <x v="3"/>
    <x v="573"/>
    <x v="18"/>
    <x v="2"/>
    <x v="9"/>
    <s v="TRENDnet 56K USB 2.0 Phone, Internet and Fax Modem"/>
    <n v="155.34"/>
    <n v="6"/>
    <n v="55.92"/>
  </r>
  <r>
    <d v="2017-04-23T00:00:00"/>
    <x v="3"/>
    <x v="3"/>
    <x v="210"/>
    <x v="20"/>
    <x v="0"/>
    <x v="14"/>
    <s v="Fiskars Softgrip Scissors"/>
    <n v="54.9"/>
    <n v="5"/>
    <n v="15.37"/>
  </r>
  <r>
    <d v="2017-04-23T00:00:00"/>
    <x v="3"/>
    <x v="3"/>
    <x v="480"/>
    <x v="10"/>
    <x v="0"/>
    <x v="3"/>
    <s v="XtraLife ClearVue Slant-D Ring Binders by Cardinal"/>
    <n v="11.76"/>
    <n v="5"/>
    <n v="-7.84"/>
  </r>
  <r>
    <d v="2017-04-23T00:00:00"/>
    <x v="3"/>
    <x v="3"/>
    <x v="480"/>
    <x v="10"/>
    <x v="0"/>
    <x v="0"/>
    <s v="Xerox 195"/>
    <n v="5.34"/>
    <n v="1"/>
    <n v="1.87"/>
  </r>
  <r>
    <d v="2017-04-23T00:00:00"/>
    <x v="3"/>
    <x v="3"/>
    <x v="705"/>
    <x v="3"/>
    <x v="1"/>
    <x v="8"/>
    <s v="DAX Two-Tone Rosewood/Black Document Frame, Desktop, 5 x 7"/>
    <n v="66.36"/>
    <n v="7"/>
    <n v="26.54"/>
  </r>
  <r>
    <d v="2017-04-23T00:00:00"/>
    <x v="3"/>
    <x v="3"/>
    <x v="705"/>
    <x v="3"/>
    <x v="0"/>
    <x v="3"/>
    <s v="GBC Durable Plastic Covers"/>
    <n v="92.88"/>
    <n v="6"/>
    <n v="30.19"/>
  </r>
  <r>
    <d v="2017-04-23T00:00:00"/>
    <x v="3"/>
    <x v="3"/>
    <x v="705"/>
    <x v="3"/>
    <x v="1"/>
    <x v="8"/>
    <s v="Eldon 500 Class Desk Accessories"/>
    <n v="24.14"/>
    <n v="2"/>
    <n v="7.97"/>
  </r>
  <r>
    <d v="2017-04-23T00:00:00"/>
    <x v="3"/>
    <x v="3"/>
    <x v="672"/>
    <x v="15"/>
    <x v="1"/>
    <x v="11"/>
    <s v="O'Sullivan 4-Shelf Bookcase in Odessa Pine"/>
    <n v="387.14"/>
    <n v="4"/>
    <n v="-14.52"/>
  </r>
  <r>
    <d v="2017-04-23T00:00:00"/>
    <x v="3"/>
    <x v="3"/>
    <x v="672"/>
    <x v="15"/>
    <x v="2"/>
    <x v="9"/>
    <s v="Maxell 4.7GB DVD-R"/>
    <n v="45.41"/>
    <n v="2"/>
    <n v="11.92"/>
  </r>
  <r>
    <d v="2017-04-23T00:00:00"/>
    <x v="3"/>
    <x v="3"/>
    <x v="672"/>
    <x v="15"/>
    <x v="1"/>
    <x v="8"/>
    <s v="Tenex Chairmats For Use with Hard Floors"/>
    <n v="77.95"/>
    <n v="3"/>
    <n v="-11.69"/>
  </r>
  <r>
    <d v="2017-04-23T00:00:00"/>
    <x v="3"/>
    <x v="3"/>
    <x v="672"/>
    <x v="15"/>
    <x v="0"/>
    <x v="1"/>
    <s v="Avery 496"/>
    <n v="3"/>
    <n v="1"/>
    <n v="1.05"/>
  </r>
  <r>
    <d v="2017-04-23T00:00:00"/>
    <x v="3"/>
    <x v="3"/>
    <x v="703"/>
    <x v="26"/>
    <x v="0"/>
    <x v="10"/>
    <s v="Staple envelope"/>
    <n v="18.690000000000001"/>
    <n v="2"/>
    <n v="7.01"/>
  </r>
  <r>
    <d v="2017-04-23T00:00:00"/>
    <x v="3"/>
    <x v="3"/>
    <x v="703"/>
    <x v="26"/>
    <x v="1"/>
    <x v="8"/>
    <s v="Eldon ImÃ ge Series Desk Accessories, Clear"/>
    <n v="11.66"/>
    <n v="3"/>
    <n v="3.35"/>
  </r>
  <r>
    <d v="2017-04-24T00:00:00"/>
    <x v="3"/>
    <x v="3"/>
    <x v="105"/>
    <x v="2"/>
    <x v="0"/>
    <x v="12"/>
    <s v="Acco Smartsocket Table Surge Protector, 6 Color-Coded Adapter Outlets"/>
    <n v="99.28"/>
    <n v="2"/>
    <n v="12.41"/>
  </r>
  <r>
    <d v="2017-04-24T00:00:00"/>
    <x v="3"/>
    <x v="3"/>
    <x v="105"/>
    <x v="2"/>
    <x v="0"/>
    <x v="3"/>
    <s v="Avery Reinforcements for Hole-Punch Pages"/>
    <n v="1.19"/>
    <n v="2"/>
    <n v="-0.99"/>
  </r>
  <r>
    <d v="2017-04-24T00:00:00"/>
    <x v="3"/>
    <x v="3"/>
    <x v="105"/>
    <x v="2"/>
    <x v="0"/>
    <x v="3"/>
    <s v="GBC ProClick Spines for 32-Hole Punch"/>
    <n v="7.52"/>
    <n v="2"/>
    <n v="-5.76"/>
  </r>
  <r>
    <d v="2017-04-24T00:00:00"/>
    <x v="3"/>
    <x v="3"/>
    <x v="85"/>
    <x v="16"/>
    <x v="0"/>
    <x v="2"/>
    <s v="Sensible Storage WireTech Storage Systems"/>
    <n v="113.57"/>
    <n v="2"/>
    <n v="-21.29"/>
  </r>
  <r>
    <d v="2017-04-24T00:00:00"/>
    <x v="3"/>
    <x v="3"/>
    <x v="588"/>
    <x v="3"/>
    <x v="0"/>
    <x v="7"/>
    <s v="Colored Push Pins"/>
    <n v="1.81"/>
    <n v="1"/>
    <n v="0.65"/>
  </r>
  <r>
    <d v="2017-04-24T00:00:00"/>
    <x v="3"/>
    <x v="3"/>
    <x v="743"/>
    <x v="12"/>
    <x v="2"/>
    <x v="6"/>
    <s v="AT&amp;T 841000 Phone"/>
    <n v="552"/>
    <n v="10"/>
    <n v="34.5"/>
  </r>
  <r>
    <d v="2017-04-24T00:00:00"/>
    <x v="3"/>
    <x v="3"/>
    <x v="637"/>
    <x v="43"/>
    <x v="2"/>
    <x v="9"/>
    <s v="V7 USB Numeric Keypad"/>
    <n v="69.98"/>
    <n v="2"/>
    <n v="4.9000000000000004"/>
  </r>
  <r>
    <d v="2017-04-24T00:00:00"/>
    <x v="3"/>
    <x v="3"/>
    <x v="721"/>
    <x v="1"/>
    <x v="0"/>
    <x v="3"/>
    <s v="Acco Data Flex Cable Posts For Top &amp; Bottom Load Binders, 6&quot; Capacity"/>
    <n v="10.43"/>
    <n v="5"/>
    <n v="-18.25"/>
  </r>
  <r>
    <d v="2017-04-24T00:00:00"/>
    <x v="3"/>
    <x v="3"/>
    <x v="721"/>
    <x v="1"/>
    <x v="0"/>
    <x v="2"/>
    <s v="Safco Industrial Wire Shelving System"/>
    <n v="72.78"/>
    <n v="1"/>
    <n v="-18.2"/>
  </r>
  <r>
    <d v="2017-04-25T00:00:00"/>
    <x v="3"/>
    <x v="3"/>
    <x v="2"/>
    <x v="3"/>
    <x v="0"/>
    <x v="3"/>
    <s v="Cardinal Slant-D Ring Binder, Heavy Gauge Vinyl"/>
    <n v="13.9"/>
    <n v="2"/>
    <n v="4.5199999999999996"/>
  </r>
  <r>
    <d v="2017-04-25T00:00:00"/>
    <x v="3"/>
    <x v="3"/>
    <x v="672"/>
    <x v="15"/>
    <x v="0"/>
    <x v="4"/>
    <s v="Newell 312"/>
    <n v="42.05"/>
    <n v="9"/>
    <n v="5.26"/>
  </r>
  <r>
    <d v="2017-04-25T00:00:00"/>
    <x v="3"/>
    <x v="3"/>
    <x v="672"/>
    <x v="15"/>
    <x v="0"/>
    <x v="4"/>
    <s v="Stanley Bostitch Contemporary Electric Pencil Sharpeners"/>
    <n v="67.92"/>
    <n v="5"/>
    <n v="6.79"/>
  </r>
  <r>
    <d v="2017-04-25T00:00:00"/>
    <x v="3"/>
    <x v="3"/>
    <x v="420"/>
    <x v="12"/>
    <x v="0"/>
    <x v="4"/>
    <s v="Newell 318"/>
    <n v="8.9"/>
    <n v="4"/>
    <n v="0.67"/>
  </r>
  <r>
    <d v="2017-04-25T00:00:00"/>
    <x v="3"/>
    <x v="3"/>
    <x v="172"/>
    <x v="3"/>
    <x v="0"/>
    <x v="0"/>
    <s v="Telephone Message Books with Fax/Mobile Section, 5 1/2&quot; x 3 3/16&quot;"/>
    <n v="19.05"/>
    <n v="3"/>
    <n v="8.76"/>
  </r>
  <r>
    <d v="2017-04-25T00:00:00"/>
    <x v="3"/>
    <x v="3"/>
    <x v="172"/>
    <x v="3"/>
    <x v="0"/>
    <x v="3"/>
    <s v="Surelock Post Binders"/>
    <n v="73.34"/>
    <n v="3"/>
    <n v="27.5"/>
  </r>
  <r>
    <d v="2017-04-25T00:00:00"/>
    <x v="3"/>
    <x v="3"/>
    <x v="25"/>
    <x v="3"/>
    <x v="2"/>
    <x v="9"/>
    <s v="Sony 64GB Class 10 Micro SDHC R40 Memory Card"/>
    <n v="107.97"/>
    <n v="3"/>
    <n v="22.67"/>
  </r>
  <r>
    <d v="2017-04-25T00:00:00"/>
    <x v="3"/>
    <x v="3"/>
    <x v="556"/>
    <x v="3"/>
    <x v="1"/>
    <x v="11"/>
    <s v="Bush Westfield Collection Bookcases, Medium Cherry Finish"/>
    <n v="344.98"/>
    <n v="7"/>
    <n v="28.41"/>
  </r>
  <r>
    <d v="2017-04-26T00:00:00"/>
    <x v="3"/>
    <x v="3"/>
    <x v="768"/>
    <x v="0"/>
    <x v="1"/>
    <x v="8"/>
    <s v="DAX Value U-Channel Document Frames, Easel Back"/>
    <n v="1.99"/>
    <n v="1"/>
    <n v="-1.44"/>
  </r>
  <r>
    <d v="2017-04-26T00:00:00"/>
    <x v="3"/>
    <x v="3"/>
    <x v="675"/>
    <x v="22"/>
    <x v="0"/>
    <x v="0"/>
    <s v="Strathmore Photo Mount Cards"/>
    <n v="20.34"/>
    <n v="3"/>
    <n v="9.36"/>
  </r>
  <r>
    <d v="2017-04-26T00:00:00"/>
    <x v="3"/>
    <x v="3"/>
    <x v="675"/>
    <x v="22"/>
    <x v="0"/>
    <x v="1"/>
    <s v="Avery 478"/>
    <n v="39.28"/>
    <n v="8"/>
    <n v="19.25"/>
  </r>
  <r>
    <d v="2017-04-27T00:00:00"/>
    <x v="3"/>
    <x v="3"/>
    <x v="755"/>
    <x v="0"/>
    <x v="0"/>
    <x v="1"/>
    <s v="Avery Address/Shipping Labels for Typewriters, 4&quot; x 2&quot;"/>
    <n v="33.119999999999997"/>
    <n v="4"/>
    <n v="11.59"/>
  </r>
  <r>
    <d v="2017-04-27T00:00:00"/>
    <x v="3"/>
    <x v="3"/>
    <x v="755"/>
    <x v="0"/>
    <x v="1"/>
    <x v="11"/>
    <s v="Sauder Barrister Bookcases"/>
    <n v="220.27"/>
    <n v="4"/>
    <n v="-42.11"/>
  </r>
  <r>
    <d v="2017-04-27T00:00:00"/>
    <x v="3"/>
    <x v="3"/>
    <x v="358"/>
    <x v="3"/>
    <x v="0"/>
    <x v="4"/>
    <s v="Boston School Pro Electric Pencil Sharpener, 1670"/>
    <n v="123.92"/>
    <n v="4"/>
    <n v="33.46"/>
  </r>
  <r>
    <d v="2017-04-27T00:00:00"/>
    <x v="3"/>
    <x v="3"/>
    <x v="358"/>
    <x v="3"/>
    <x v="0"/>
    <x v="4"/>
    <s v="Newell Chalk Holder"/>
    <n v="12.39"/>
    <n v="3"/>
    <n v="5.7"/>
  </r>
  <r>
    <d v="2017-04-27T00:00:00"/>
    <x v="3"/>
    <x v="3"/>
    <x v="358"/>
    <x v="3"/>
    <x v="0"/>
    <x v="4"/>
    <s v="Boston Home &amp; Office Model 2000 Electric Pencil Sharpeners"/>
    <n v="47.3"/>
    <n v="2"/>
    <n v="12.3"/>
  </r>
  <r>
    <d v="2017-04-27T00:00:00"/>
    <x v="3"/>
    <x v="3"/>
    <x v="700"/>
    <x v="22"/>
    <x v="1"/>
    <x v="8"/>
    <s v="Luxo Economy Swing Arm Lamp"/>
    <n v="139.58000000000001"/>
    <n v="7"/>
    <n v="39.08"/>
  </r>
  <r>
    <d v="2017-04-28T00:00:00"/>
    <x v="3"/>
    <x v="3"/>
    <x v="91"/>
    <x v="2"/>
    <x v="0"/>
    <x v="2"/>
    <s v="Sterilite Officeware Hinged File Box"/>
    <n v="8.3800000000000008"/>
    <n v="1"/>
    <n v="0.73"/>
  </r>
  <r>
    <d v="2017-04-28T00:00:00"/>
    <x v="3"/>
    <x v="3"/>
    <x v="91"/>
    <x v="2"/>
    <x v="0"/>
    <x v="4"/>
    <s v="Newell 341"/>
    <n v="6.85"/>
    <n v="2"/>
    <n v="0.77"/>
  </r>
  <r>
    <d v="2017-04-28T00:00:00"/>
    <x v="3"/>
    <x v="3"/>
    <x v="304"/>
    <x v="25"/>
    <x v="0"/>
    <x v="12"/>
    <s v="Harmony HEPA Quiet Air Purifiers"/>
    <n v="28.08"/>
    <n v="3"/>
    <n v="5.27"/>
  </r>
  <r>
    <d v="2017-04-28T00:00:00"/>
    <x v="3"/>
    <x v="3"/>
    <x v="219"/>
    <x v="16"/>
    <x v="2"/>
    <x v="6"/>
    <s v="Samsung Galaxy S4 Mini"/>
    <n v="751.98"/>
    <n v="2"/>
    <n v="84.6"/>
  </r>
  <r>
    <d v="2017-04-29T00:00:00"/>
    <x v="3"/>
    <x v="3"/>
    <x v="76"/>
    <x v="10"/>
    <x v="1"/>
    <x v="13"/>
    <s v="SAFCO PlanMaster Heigh-Adjustable Drafting Table Base, 43w x 30d x 30-37h, Black"/>
    <n v="1048.3499999999999"/>
    <n v="5"/>
    <n v="-69.89"/>
  </r>
  <r>
    <d v="2017-04-29T00:00:00"/>
    <x v="3"/>
    <x v="3"/>
    <x v="73"/>
    <x v="23"/>
    <x v="0"/>
    <x v="1"/>
    <s v="Color-Coded Legal Exhibit Labels"/>
    <n v="4.91"/>
    <n v="1"/>
    <n v="2.41"/>
  </r>
  <r>
    <d v="2017-04-30T00:00:00"/>
    <x v="3"/>
    <x v="3"/>
    <x v="729"/>
    <x v="20"/>
    <x v="0"/>
    <x v="10"/>
    <s v="#10-4 1/8&quot; x 9 1/2&quot; Premium Diagonal Seam Envelopes"/>
    <n v="62.96"/>
    <n v="4"/>
    <n v="28.33"/>
  </r>
  <r>
    <d v="2017-04-30T00:00:00"/>
    <x v="3"/>
    <x v="3"/>
    <x v="87"/>
    <x v="2"/>
    <x v="2"/>
    <x v="6"/>
    <s v="Polycom SoundPoint IP 450 VoIP phone"/>
    <n v="677.58"/>
    <n v="5"/>
    <n v="-158.1"/>
  </r>
  <r>
    <d v="2017-04-30T00:00:00"/>
    <x v="3"/>
    <x v="3"/>
    <x v="87"/>
    <x v="2"/>
    <x v="0"/>
    <x v="3"/>
    <s v="GBC VeloBind Cover Sets"/>
    <n v="13.9"/>
    <n v="3"/>
    <n v="-9.26"/>
  </r>
  <r>
    <d v="2017-04-30T00:00:00"/>
    <x v="3"/>
    <x v="3"/>
    <x v="326"/>
    <x v="16"/>
    <x v="0"/>
    <x v="1"/>
    <s v="Avery 474"/>
    <n v="4.6100000000000003"/>
    <n v="2"/>
    <n v="1.67"/>
  </r>
  <r>
    <d v="2017-04-30T00:00:00"/>
    <x v="3"/>
    <x v="3"/>
    <x v="326"/>
    <x v="16"/>
    <x v="0"/>
    <x v="4"/>
    <s v="Staples in misc. colors"/>
    <n v="15.53"/>
    <n v="3"/>
    <n v="4.8499999999999996"/>
  </r>
  <r>
    <d v="2017-04-30T00:00:00"/>
    <x v="3"/>
    <x v="3"/>
    <x v="326"/>
    <x v="16"/>
    <x v="0"/>
    <x v="1"/>
    <s v="Avery 499"/>
    <n v="11.95"/>
    <n v="3"/>
    <n v="3.88"/>
  </r>
  <r>
    <d v="2017-04-30T00:00:00"/>
    <x v="3"/>
    <x v="3"/>
    <x v="531"/>
    <x v="16"/>
    <x v="1"/>
    <x v="8"/>
    <s v="3M Hangers With Command Adhesive"/>
    <n v="23.68"/>
    <n v="8"/>
    <n v="6.22"/>
  </r>
  <r>
    <d v="2017-04-30T00:00:00"/>
    <x v="3"/>
    <x v="3"/>
    <x v="531"/>
    <x v="16"/>
    <x v="2"/>
    <x v="9"/>
    <s v="Maxell 4.7GB DVD+R 5/Pack"/>
    <n v="2.38"/>
    <n v="3"/>
    <n v="0.74"/>
  </r>
  <r>
    <d v="2017-04-30T00:00:00"/>
    <x v="3"/>
    <x v="3"/>
    <x v="467"/>
    <x v="10"/>
    <x v="0"/>
    <x v="0"/>
    <s v="Xerox 222"/>
    <n v="10.37"/>
    <n v="2"/>
    <n v="3.63"/>
  </r>
  <r>
    <d v="2017-04-30T00:00:00"/>
    <x v="3"/>
    <x v="3"/>
    <x v="685"/>
    <x v="37"/>
    <x v="0"/>
    <x v="1"/>
    <s v="Avery 5"/>
    <n v="5.76"/>
    <n v="2"/>
    <n v="2.82"/>
  </r>
  <r>
    <d v="2017-04-30T00:00:00"/>
    <x v="3"/>
    <x v="3"/>
    <x v="529"/>
    <x v="1"/>
    <x v="0"/>
    <x v="3"/>
    <s v="GBC Linen Binding Covers"/>
    <n v="43.37"/>
    <n v="7"/>
    <n v="-69.400000000000006"/>
  </r>
  <r>
    <d v="2017-04-30T00:00:00"/>
    <x v="3"/>
    <x v="3"/>
    <x v="525"/>
    <x v="3"/>
    <x v="0"/>
    <x v="0"/>
    <s v="Xerox 1919"/>
    <n v="163.96"/>
    <n v="4"/>
    <n v="80.34"/>
  </r>
  <r>
    <d v="2017-04-30T00:00:00"/>
    <x v="3"/>
    <x v="3"/>
    <x v="351"/>
    <x v="3"/>
    <x v="1"/>
    <x v="8"/>
    <s v="Seth Thomas 16&quot; Steel Case Clock"/>
    <n v="64.959999999999994"/>
    <n v="2"/>
    <n v="21.44"/>
  </r>
  <r>
    <d v="2017-04-30T00:00:00"/>
    <x v="3"/>
    <x v="3"/>
    <x v="351"/>
    <x v="3"/>
    <x v="0"/>
    <x v="10"/>
    <s v="#10- 4 1/8&quot; x 9 1/2&quot; Security-Tint Envelopes"/>
    <n v="30.56"/>
    <n v="4"/>
    <n v="14.97"/>
  </r>
  <r>
    <d v="2017-04-30T00:00:00"/>
    <x v="3"/>
    <x v="3"/>
    <x v="400"/>
    <x v="3"/>
    <x v="0"/>
    <x v="4"/>
    <s v="Faber Castell Col-Erase Pencils"/>
    <n v="9.7799999999999994"/>
    <n v="2"/>
    <n v="4.01"/>
  </r>
  <r>
    <d v="2017-04-30T00:00:00"/>
    <x v="3"/>
    <x v="3"/>
    <x v="327"/>
    <x v="3"/>
    <x v="0"/>
    <x v="3"/>
    <s v="Fellowes Black Plastic Comb Bindings"/>
    <n v="23.24"/>
    <n v="5"/>
    <n v="7.55"/>
  </r>
  <r>
    <d v="2017-04-30T00:00:00"/>
    <x v="3"/>
    <x v="3"/>
    <x v="772"/>
    <x v="16"/>
    <x v="0"/>
    <x v="3"/>
    <s v="Acco PRESSTEX Data Binder with Storage Hooks, Light Blue, 9 1/2&quot; X 11&quot;"/>
    <n v="4.84"/>
    <n v="3"/>
    <n v="-3.55"/>
  </r>
  <r>
    <d v="2017-04-30T00:00:00"/>
    <x v="3"/>
    <x v="3"/>
    <x v="772"/>
    <x v="16"/>
    <x v="1"/>
    <x v="8"/>
    <s v="Tenex B1-RE Series Chair Mats for Low Pile Carpets"/>
    <n v="220.7"/>
    <n v="6"/>
    <n v="-8.2799999999999994"/>
  </r>
  <r>
    <d v="2017-05-01T00:00:00"/>
    <x v="4"/>
    <x v="3"/>
    <x v="694"/>
    <x v="13"/>
    <x v="2"/>
    <x v="9"/>
    <s v="Maxell 74 Minute CDR, 10/Pack"/>
    <n v="48.9"/>
    <n v="5"/>
    <n v="18.09"/>
  </r>
  <r>
    <d v="2017-05-01T00:00:00"/>
    <x v="4"/>
    <x v="3"/>
    <x v="740"/>
    <x v="16"/>
    <x v="0"/>
    <x v="14"/>
    <s v="Kleencut Forged Office Shears by Acme United Corporation"/>
    <n v="3.33"/>
    <n v="2"/>
    <n v="0.42"/>
  </r>
  <r>
    <d v="2017-05-01T00:00:00"/>
    <x v="4"/>
    <x v="3"/>
    <x v="740"/>
    <x v="16"/>
    <x v="1"/>
    <x v="13"/>
    <s v="Bush Advantage Collection Racetrack Conference Table"/>
    <n v="933.26"/>
    <n v="4"/>
    <n v="-458.15"/>
  </r>
  <r>
    <d v="2017-05-01T00:00:00"/>
    <x v="4"/>
    <x v="3"/>
    <x v="740"/>
    <x v="16"/>
    <x v="1"/>
    <x v="5"/>
    <s v="HON 5400 Series Task Chairs for Big and Tall"/>
    <n v="2803.92"/>
    <n v="5"/>
    <n v="0"/>
  </r>
  <r>
    <d v="2017-05-01T00:00:00"/>
    <x v="4"/>
    <x v="3"/>
    <x v="316"/>
    <x v="16"/>
    <x v="1"/>
    <x v="11"/>
    <s v="Bush Somerset Collection Bookcase"/>
    <n v="314.35000000000002"/>
    <n v="3"/>
    <n v="-15.72"/>
  </r>
  <r>
    <d v="2017-05-01T00:00:00"/>
    <x v="4"/>
    <x v="3"/>
    <x v="316"/>
    <x v="16"/>
    <x v="0"/>
    <x v="1"/>
    <s v="Avery 492"/>
    <n v="4.6100000000000003"/>
    <n v="2"/>
    <n v="1.5"/>
  </r>
  <r>
    <d v="2017-05-02T00:00:00"/>
    <x v="4"/>
    <x v="3"/>
    <x v="360"/>
    <x v="23"/>
    <x v="1"/>
    <x v="8"/>
    <s v="Eldon Advantage Chair Mats for Low to Medium Pile Carpets"/>
    <n v="129.93"/>
    <n v="3"/>
    <n v="12.99"/>
  </r>
  <r>
    <d v="2017-05-02T00:00:00"/>
    <x v="4"/>
    <x v="3"/>
    <x v="551"/>
    <x v="3"/>
    <x v="2"/>
    <x v="9"/>
    <s v="LogitechÂ MX Performance Wireless Mouse"/>
    <n v="159.56"/>
    <n v="4"/>
    <n v="59.04"/>
  </r>
  <r>
    <d v="2017-05-02T00:00:00"/>
    <x v="4"/>
    <x v="3"/>
    <x v="118"/>
    <x v="3"/>
    <x v="0"/>
    <x v="0"/>
    <s v="Adams &quot;While You Were Out&quot; Message Pads"/>
    <n v="15.7"/>
    <n v="5"/>
    <n v="7.07"/>
  </r>
  <r>
    <d v="2017-05-02T00:00:00"/>
    <x v="4"/>
    <x v="3"/>
    <x v="118"/>
    <x v="3"/>
    <x v="0"/>
    <x v="4"/>
    <s v="Newell 34"/>
    <n v="59.52"/>
    <n v="3"/>
    <n v="15.48"/>
  </r>
  <r>
    <d v="2017-05-02T00:00:00"/>
    <x v="4"/>
    <x v="3"/>
    <x v="118"/>
    <x v="3"/>
    <x v="0"/>
    <x v="0"/>
    <s v="Adams Phone Message Book, 200 Message Capacity, 8 1/16Â” x 11Â”"/>
    <n v="34.4"/>
    <n v="5"/>
    <n v="15.82"/>
  </r>
  <r>
    <d v="2017-05-03T00:00:00"/>
    <x v="4"/>
    <x v="3"/>
    <x v="504"/>
    <x v="3"/>
    <x v="0"/>
    <x v="2"/>
    <s v="Multi-Use Personal File Cart and Caster Set, Three Stacking Bins"/>
    <n v="69.52"/>
    <n v="2"/>
    <n v="19.47"/>
  </r>
  <r>
    <d v="2017-05-03T00:00:00"/>
    <x v="4"/>
    <x v="3"/>
    <x v="504"/>
    <x v="3"/>
    <x v="0"/>
    <x v="2"/>
    <s v="Fellowes Stor/Drawer Steel Plus Storage Drawers"/>
    <n v="763.44"/>
    <n v="8"/>
    <n v="45.81"/>
  </r>
  <r>
    <d v="2017-05-03T00:00:00"/>
    <x v="4"/>
    <x v="3"/>
    <x v="575"/>
    <x v="3"/>
    <x v="0"/>
    <x v="0"/>
    <s v="Xerox 2"/>
    <n v="25.92"/>
    <n v="4"/>
    <n v="12.44"/>
  </r>
  <r>
    <d v="2017-05-03T00:00:00"/>
    <x v="4"/>
    <x v="3"/>
    <x v="575"/>
    <x v="3"/>
    <x v="0"/>
    <x v="4"/>
    <s v="Newell 350"/>
    <n v="22.96"/>
    <n v="7"/>
    <n v="6.66"/>
  </r>
  <r>
    <d v="2017-05-03T00:00:00"/>
    <x v="4"/>
    <x v="3"/>
    <x v="731"/>
    <x v="2"/>
    <x v="1"/>
    <x v="8"/>
    <s v="Career Cubicle Clock, 8 1/4&quot;, Black"/>
    <n v="32.450000000000003"/>
    <n v="2"/>
    <n v="7.3"/>
  </r>
  <r>
    <d v="2017-05-03T00:00:00"/>
    <x v="4"/>
    <x v="3"/>
    <x v="731"/>
    <x v="2"/>
    <x v="0"/>
    <x v="3"/>
    <s v="Wilson Jones Legal Size Ring Binders"/>
    <n v="26.39"/>
    <n v="4"/>
    <n v="-17.59"/>
  </r>
  <r>
    <d v="2017-05-03T00:00:00"/>
    <x v="4"/>
    <x v="3"/>
    <x v="731"/>
    <x v="2"/>
    <x v="1"/>
    <x v="13"/>
    <s v="Bevis 36 x 72 Conference Tables"/>
    <n v="373.47"/>
    <n v="5"/>
    <n v="-112.04"/>
  </r>
  <r>
    <d v="2017-05-03T00:00:00"/>
    <x v="4"/>
    <x v="3"/>
    <x v="731"/>
    <x v="2"/>
    <x v="0"/>
    <x v="3"/>
    <s v="Wilson Jones Elliptical Ring 3 1/2&quot; Capacity Binders, 800 sheets"/>
    <n v="64.2"/>
    <n v="5"/>
    <n v="-44.94"/>
  </r>
  <r>
    <d v="2017-05-03T00:00:00"/>
    <x v="4"/>
    <x v="3"/>
    <x v="731"/>
    <x v="2"/>
    <x v="0"/>
    <x v="7"/>
    <s v="Advantus Plastic Paper Clips"/>
    <n v="8"/>
    <n v="2"/>
    <n v="2.8"/>
  </r>
  <r>
    <d v="2017-05-04T00:00:00"/>
    <x v="4"/>
    <x v="3"/>
    <x v="754"/>
    <x v="3"/>
    <x v="2"/>
    <x v="6"/>
    <s v="Motorola L804"/>
    <n v="183.96"/>
    <n v="5"/>
    <n v="20.7"/>
  </r>
  <r>
    <d v="2017-05-04T00:00:00"/>
    <x v="4"/>
    <x v="3"/>
    <x v="754"/>
    <x v="3"/>
    <x v="0"/>
    <x v="0"/>
    <s v="Things To Do Today Pad"/>
    <n v="17.61"/>
    <n v="3"/>
    <n v="8.4499999999999993"/>
  </r>
  <r>
    <d v="2017-05-04T00:00:00"/>
    <x v="4"/>
    <x v="3"/>
    <x v="754"/>
    <x v="3"/>
    <x v="1"/>
    <x v="13"/>
    <s v="Bretford Rectangular Conference Table Tops"/>
    <n v="300.89999999999998"/>
    <n v="1"/>
    <n v="11.28"/>
  </r>
  <r>
    <d v="2017-05-04T00:00:00"/>
    <x v="4"/>
    <x v="3"/>
    <x v="575"/>
    <x v="6"/>
    <x v="0"/>
    <x v="0"/>
    <s v="Black Print Carbonless Snap-Off Rapid Letter, 8 1/2&quot; x 7&quot;"/>
    <n v="9.11"/>
    <n v="1"/>
    <n v="4.0999999999999996"/>
  </r>
  <r>
    <d v="2017-05-04T00:00:00"/>
    <x v="4"/>
    <x v="3"/>
    <x v="575"/>
    <x v="6"/>
    <x v="0"/>
    <x v="2"/>
    <s v="Letter Size Cart"/>
    <n v="571.44000000000005"/>
    <n v="4"/>
    <n v="165.72"/>
  </r>
  <r>
    <d v="2017-05-04T00:00:00"/>
    <x v="4"/>
    <x v="3"/>
    <x v="575"/>
    <x v="6"/>
    <x v="0"/>
    <x v="0"/>
    <s v="Xerox 23"/>
    <n v="32.4"/>
    <n v="5"/>
    <n v="15.55"/>
  </r>
  <r>
    <d v="2017-05-04T00:00:00"/>
    <x v="4"/>
    <x v="3"/>
    <x v="575"/>
    <x v="6"/>
    <x v="0"/>
    <x v="2"/>
    <s v="Tenex Personal Self-Stacking Standard File Box, Black/Gray"/>
    <n v="16.91"/>
    <n v="1"/>
    <n v="4.57"/>
  </r>
  <r>
    <d v="2017-05-04T00:00:00"/>
    <x v="4"/>
    <x v="3"/>
    <x v="489"/>
    <x v="10"/>
    <x v="0"/>
    <x v="3"/>
    <s v="DXL Angle-View Binders with Locking Rings by Samsill"/>
    <n v="2.31"/>
    <n v="1"/>
    <n v="-1.93"/>
  </r>
  <r>
    <d v="2017-05-04T00:00:00"/>
    <x v="4"/>
    <x v="3"/>
    <x v="168"/>
    <x v="2"/>
    <x v="0"/>
    <x v="3"/>
    <s v="Black Avery Memo-Size 3-Ring Binder, 5 1/2&quot; x 8 1/2&quot;"/>
    <n v="2.2000000000000002"/>
    <n v="2"/>
    <n v="-1.54"/>
  </r>
  <r>
    <d v="2017-05-04T00:00:00"/>
    <x v="4"/>
    <x v="3"/>
    <x v="168"/>
    <x v="2"/>
    <x v="0"/>
    <x v="3"/>
    <s v="Avery 3 1/2&quot; Diskette Storage Pages, 10/Pack"/>
    <n v="9.4"/>
    <n v="3"/>
    <n v="-7.52"/>
  </r>
  <r>
    <d v="2017-05-04T00:00:00"/>
    <x v="4"/>
    <x v="3"/>
    <x v="393"/>
    <x v="3"/>
    <x v="0"/>
    <x v="12"/>
    <s v="Acco 7-Outlet Masterpiece Power Center, Wihtout Fax/Phone Line Protection"/>
    <n v="243.16"/>
    <n v="2"/>
    <n v="72.95"/>
  </r>
  <r>
    <d v="2017-05-05T00:00:00"/>
    <x v="4"/>
    <x v="3"/>
    <x v="536"/>
    <x v="3"/>
    <x v="0"/>
    <x v="10"/>
    <s v="Peel &amp; Seel Recycled Catalog Envelopes, Brown"/>
    <n v="23.16"/>
    <n v="2"/>
    <n v="11.58"/>
  </r>
  <r>
    <d v="2017-05-05T00:00:00"/>
    <x v="4"/>
    <x v="3"/>
    <x v="384"/>
    <x v="26"/>
    <x v="0"/>
    <x v="10"/>
    <s v="Redi-Strip #10 Envelopes, 4 1/8 x 9 1/2"/>
    <n v="21.24"/>
    <n v="9"/>
    <n v="7.43"/>
  </r>
  <r>
    <d v="2017-05-05T00:00:00"/>
    <x v="4"/>
    <x v="3"/>
    <x v="384"/>
    <x v="26"/>
    <x v="0"/>
    <x v="3"/>
    <s v="Avery Durable Slant Ring Binders, No Labels"/>
    <n v="9.5500000000000007"/>
    <n v="8"/>
    <n v="-7.32"/>
  </r>
  <r>
    <d v="2017-05-05T00:00:00"/>
    <x v="4"/>
    <x v="3"/>
    <x v="384"/>
    <x v="26"/>
    <x v="1"/>
    <x v="11"/>
    <s v="Bestar Classic Bookcase"/>
    <n v="89.99"/>
    <n v="3"/>
    <n v="-152.97999999999999"/>
  </r>
  <r>
    <d v="2017-05-05T00:00:00"/>
    <x v="4"/>
    <x v="3"/>
    <x v="598"/>
    <x v="4"/>
    <x v="0"/>
    <x v="3"/>
    <s v="Ibico Covers for Plastic or Wire Binding Elements"/>
    <n v="34.5"/>
    <n v="3"/>
    <n v="15.53"/>
  </r>
  <r>
    <d v="2017-05-05T00:00:00"/>
    <x v="4"/>
    <x v="3"/>
    <x v="170"/>
    <x v="20"/>
    <x v="0"/>
    <x v="0"/>
    <s v="Xerox 1923"/>
    <n v="6.68"/>
    <n v="1"/>
    <n v="3.21"/>
  </r>
  <r>
    <d v="2017-05-06T00:00:00"/>
    <x v="4"/>
    <x v="3"/>
    <x v="770"/>
    <x v="1"/>
    <x v="0"/>
    <x v="4"/>
    <s v="Blackstonian Pencils"/>
    <n v="6.41"/>
    <n v="3"/>
    <n v="0.64"/>
  </r>
  <r>
    <d v="2017-05-06T00:00:00"/>
    <x v="4"/>
    <x v="3"/>
    <x v="770"/>
    <x v="1"/>
    <x v="2"/>
    <x v="9"/>
    <s v="ImationÂ Secure+ Hardware Encrypted USB 2.0Â Flash Drive; 16GB"/>
    <n v="408.74"/>
    <n v="7"/>
    <n v="76.64"/>
  </r>
  <r>
    <d v="2017-05-06T00:00:00"/>
    <x v="4"/>
    <x v="3"/>
    <x v="460"/>
    <x v="20"/>
    <x v="0"/>
    <x v="1"/>
    <s v="Avery 505"/>
    <n v="59.2"/>
    <n v="4"/>
    <n v="29.6"/>
  </r>
  <r>
    <d v="2017-05-06T00:00:00"/>
    <x v="4"/>
    <x v="3"/>
    <x v="333"/>
    <x v="6"/>
    <x v="0"/>
    <x v="4"/>
    <s v="Dixon Ticonderoga Core-Lock Colored Pencils"/>
    <n v="54.66"/>
    <n v="6"/>
    <n v="18.04"/>
  </r>
  <r>
    <d v="2017-05-06T00:00:00"/>
    <x v="4"/>
    <x v="3"/>
    <x v="159"/>
    <x v="0"/>
    <x v="0"/>
    <x v="3"/>
    <s v="Avery Durable Poly Binders"/>
    <n v="11.06"/>
    <n v="10"/>
    <n v="-18.8"/>
  </r>
  <r>
    <d v="2017-05-06T00:00:00"/>
    <x v="4"/>
    <x v="3"/>
    <x v="159"/>
    <x v="0"/>
    <x v="1"/>
    <x v="11"/>
    <s v="Sauder Mission Library with Doors, Fruitwood Finish"/>
    <n v="623.46"/>
    <n v="7"/>
    <n v="-119.19"/>
  </r>
  <r>
    <d v="2017-05-06T00:00:00"/>
    <x v="4"/>
    <x v="3"/>
    <x v="159"/>
    <x v="0"/>
    <x v="0"/>
    <x v="2"/>
    <s v="Fellowes Staxonsteel Drawer Files"/>
    <n v="772.68"/>
    <n v="5"/>
    <n v="-57.95"/>
  </r>
  <r>
    <d v="2017-05-06T00:00:00"/>
    <x v="4"/>
    <x v="3"/>
    <x v="2"/>
    <x v="25"/>
    <x v="0"/>
    <x v="3"/>
    <s v="Wilson Jones Century Plastic Molded Ring Binders"/>
    <n v="68.540000000000006"/>
    <n v="11"/>
    <n v="-52.55"/>
  </r>
  <r>
    <d v="2017-05-06T00:00:00"/>
    <x v="4"/>
    <x v="3"/>
    <x v="2"/>
    <x v="25"/>
    <x v="2"/>
    <x v="6"/>
    <s v="GE 30524EE4"/>
    <n v="627.16999999999996"/>
    <n v="4"/>
    <n v="70.56"/>
  </r>
  <r>
    <d v="2017-05-06T00:00:00"/>
    <x v="4"/>
    <x v="3"/>
    <x v="2"/>
    <x v="25"/>
    <x v="0"/>
    <x v="1"/>
    <s v="Avery 4027 File Folder Labels for Dot Matrix Printers, 5000 Labels per Box, White"/>
    <n v="122.12"/>
    <n v="5"/>
    <n v="39.69"/>
  </r>
  <r>
    <d v="2017-05-06T00:00:00"/>
    <x v="4"/>
    <x v="3"/>
    <x v="603"/>
    <x v="3"/>
    <x v="0"/>
    <x v="12"/>
    <s v="Eureka The Boss Cordless Rechargeable Stick Vac"/>
    <n v="152.94"/>
    <n v="3"/>
    <n v="41.29"/>
  </r>
  <r>
    <d v="2017-05-06T00:00:00"/>
    <x v="4"/>
    <x v="3"/>
    <x v="440"/>
    <x v="12"/>
    <x v="0"/>
    <x v="0"/>
    <s v="Xerox 1883"/>
    <n v="84.42"/>
    <n v="4"/>
    <n v="27.44"/>
  </r>
  <r>
    <d v="2017-05-06T00:00:00"/>
    <x v="4"/>
    <x v="3"/>
    <x v="467"/>
    <x v="1"/>
    <x v="2"/>
    <x v="9"/>
    <s v="Kensington Orbit Wireless Mobile Trackball for PC and Mac"/>
    <n v="191.97"/>
    <n v="4"/>
    <n v="28.8"/>
  </r>
  <r>
    <d v="2017-05-07T00:00:00"/>
    <x v="4"/>
    <x v="3"/>
    <x v="602"/>
    <x v="14"/>
    <x v="1"/>
    <x v="5"/>
    <s v="Hon 4070 Series Pagoda Armless Upholstered Stacking Chairs"/>
    <n v="1458.65"/>
    <n v="5"/>
    <n v="423.01"/>
  </r>
  <r>
    <d v="2017-05-07T00:00:00"/>
    <x v="4"/>
    <x v="3"/>
    <x v="602"/>
    <x v="14"/>
    <x v="1"/>
    <x v="5"/>
    <s v="SAFCO Optional Arm Kit for Workspace Cribbage Stacking Chair"/>
    <n v="26.64"/>
    <n v="1"/>
    <n v="7.46"/>
  </r>
  <r>
    <d v="2017-05-07T00:00:00"/>
    <x v="4"/>
    <x v="3"/>
    <x v="602"/>
    <x v="14"/>
    <x v="1"/>
    <x v="5"/>
    <s v="Safco Contoured Stacking Chairs"/>
    <n v="476.8"/>
    <n v="2"/>
    <n v="119.2"/>
  </r>
  <r>
    <d v="2017-05-07T00:00:00"/>
    <x v="4"/>
    <x v="3"/>
    <x v="602"/>
    <x v="14"/>
    <x v="0"/>
    <x v="12"/>
    <s v="Belkin Premiere Surge Master II 8-outlet surge protector"/>
    <n v="87.44"/>
    <n v="2"/>
    <n v="18.46"/>
  </r>
  <r>
    <d v="2017-05-07T00:00:00"/>
    <x v="4"/>
    <x v="3"/>
    <x v="692"/>
    <x v="3"/>
    <x v="2"/>
    <x v="9"/>
    <s v="Logitech G600 MMO Gaming Mouse"/>
    <n v="79.989999999999995"/>
    <n v="1"/>
    <n v="28.8"/>
  </r>
  <r>
    <d v="2017-05-07T00:00:00"/>
    <x v="4"/>
    <x v="3"/>
    <x v="246"/>
    <x v="3"/>
    <x v="2"/>
    <x v="6"/>
    <s v="Blue Parrot B250XT Professional Grade Wireless BluetoothÂ HeadsetÂ with"/>
    <n v="419.94"/>
    <n v="7"/>
    <n v="52.49"/>
  </r>
  <r>
    <d v="2017-05-08T00:00:00"/>
    <x v="4"/>
    <x v="3"/>
    <x v="496"/>
    <x v="10"/>
    <x v="1"/>
    <x v="5"/>
    <s v="Global Chrome Stack Chair"/>
    <n v="47.99"/>
    <n v="2"/>
    <n v="-2.06"/>
  </r>
  <r>
    <d v="2017-05-08T00:00:00"/>
    <x v="4"/>
    <x v="3"/>
    <x v="577"/>
    <x v="3"/>
    <x v="2"/>
    <x v="16"/>
    <s v="Canon Imageclass D680 Copier / Fax"/>
    <n v="3359.95"/>
    <n v="6"/>
    <n v="1049.99"/>
  </r>
  <r>
    <d v="2017-05-08T00:00:00"/>
    <x v="4"/>
    <x v="3"/>
    <x v="351"/>
    <x v="2"/>
    <x v="1"/>
    <x v="5"/>
    <s v="Global Armless Task Chair, Royal Blue"/>
    <n v="128.06"/>
    <n v="3"/>
    <n v="-23.78"/>
  </r>
  <r>
    <d v="2017-05-08T00:00:00"/>
    <x v="4"/>
    <x v="3"/>
    <x v="147"/>
    <x v="3"/>
    <x v="0"/>
    <x v="12"/>
    <s v="Fellowes Mighty 8 Compact Surge Protector"/>
    <n v="81.08"/>
    <n v="4"/>
    <n v="22.7"/>
  </r>
  <r>
    <d v="2017-05-08T00:00:00"/>
    <x v="4"/>
    <x v="3"/>
    <x v="290"/>
    <x v="0"/>
    <x v="0"/>
    <x v="0"/>
    <s v="Xerox 1997"/>
    <n v="41.47"/>
    <n v="8"/>
    <n v="14.52"/>
  </r>
  <r>
    <d v="2017-05-09T00:00:00"/>
    <x v="4"/>
    <x v="3"/>
    <x v="91"/>
    <x v="25"/>
    <x v="0"/>
    <x v="10"/>
    <s v="Tyvek  Top-Opening Peel &amp; Seel Envelopes, Plain White"/>
    <n v="65.23"/>
    <n v="3"/>
    <n v="22.02"/>
  </r>
  <r>
    <d v="2017-05-09T00:00:00"/>
    <x v="4"/>
    <x v="3"/>
    <x v="91"/>
    <x v="25"/>
    <x v="1"/>
    <x v="5"/>
    <s v="Harbour Creations Steel Folding Chair"/>
    <n v="207"/>
    <n v="3"/>
    <n v="25.88"/>
  </r>
  <r>
    <d v="2017-05-09T00:00:00"/>
    <x v="4"/>
    <x v="3"/>
    <x v="162"/>
    <x v="22"/>
    <x v="0"/>
    <x v="3"/>
    <s v="GBC Velobind Prepunched Cover Sets, Regency Series"/>
    <n v="147.91999999999999"/>
    <n v="5"/>
    <n v="46.23"/>
  </r>
  <r>
    <d v="2017-05-09T00:00:00"/>
    <x v="4"/>
    <x v="3"/>
    <x v="162"/>
    <x v="22"/>
    <x v="0"/>
    <x v="2"/>
    <s v="Home/Office Personal File Carts"/>
    <n v="104.28"/>
    <n v="3"/>
    <n v="26.07"/>
  </r>
  <r>
    <d v="2017-05-09T00:00:00"/>
    <x v="4"/>
    <x v="3"/>
    <x v="162"/>
    <x v="22"/>
    <x v="1"/>
    <x v="13"/>
    <s v="Riverside Furniture Oval Coffee Table, Oval End Table, End Table with Drawer"/>
    <n v="286.85000000000002"/>
    <n v="1"/>
    <n v="63.11"/>
  </r>
  <r>
    <d v="2017-05-09T00:00:00"/>
    <x v="4"/>
    <x v="3"/>
    <x v="162"/>
    <x v="22"/>
    <x v="0"/>
    <x v="2"/>
    <s v="Rogers Profile Extra Capacity Storage Tub"/>
    <n v="66.959999999999994"/>
    <n v="4"/>
    <n v="2.68"/>
  </r>
  <r>
    <d v="2017-05-09T00:00:00"/>
    <x v="4"/>
    <x v="3"/>
    <x v="162"/>
    <x v="22"/>
    <x v="2"/>
    <x v="9"/>
    <s v="Razer Kraken 7.1 Surround Sound Over Ear USB Gaming Headset"/>
    <n v="199.98"/>
    <n v="2"/>
    <n v="87.99"/>
  </r>
  <r>
    <d v="2017-05-11T00:00:00"/>
    <x v="4"/>
    <x v="3"/>
    <x v="269"/>
    <x v="22"/>
    <x v="0"/>
    <x v="0"/>
    <s v="Ampad Phone Message Book, Recycled, 400 Message Capacity, 5 Â¾Â” x 11Â”"/>
    <n v="37.44"/>
    <n v="6"/>
    <n v="16.850000000000001"/>
  </r>
  <r>
    <d v="2017-05-11T00:00:00"/>
    <x v="4"/>
    <x v="3"/>
    <x v="269"/>
    <x v="22"/>
    <x v="0"/>
    <x v="1"/>
    <s v="Avery 50"/>
    <n v="37.590000000000003"/>
    <n v="3"/>
    <n v="17.670000000000002"/>
  </r>
  <r>
    <d v="2017-05-11T00:00:00"/>
    <x v="4"/>
    <x v="3"/>
    <x v="269"/>
    <x v="22"/>
    <x v="0"/>
    <x v="3"/>
    <s v="Acco Flexible ACCOHIDE Square Ring Data Binder, Dark Blue, 11 1/2&quot; X 14&quot; 7/8&quot;"/>
    <n v="26.03"/>
    <n v="2"/>
    <n v="9.44"/>
  </r>
  <r>
    <d v="2017-05-11T00:00:00"/>
    <x v="4"/>
    <x v="3"/>
    <x v="488"/>
    <x v="0"/>
    <x v="0"/>
    <x v="4"/>
    <s v="Newell 348"/>
    <n v="5.25"/>
    <n v="2"/>
    <n v="0.59"/>
  </r>
  <r>
    <d v="2017-05-11T00:00:00"/>
    <x v="4"/>
    <x v="3"/>
    <x v="488"/>
    <x v="0"/>
    <x v="0"/>
    <x v="2"/>
    <s v="Safco Commercial Shelving"/>
    <n v="74.42"/>
    <n v="2"/>
    <n v="-14.88"/>
  </r>
  <r>
    <d v="2017-05-11T00:00:00"/>
    <x v="4"/>
    <x v="3"/>
    <x v="488"/>
    <x v="0"/>
    <x v="0"/>
    <x v="0"/>
    <s v="Xerox 1927"/>
    <n v="6.85"/>
    <n v="2"/>
    <n v="2.14"/>
  </r>
  <r>
    <d v="2017-05-11T00:00:00"/>
    <x v="4"/>
    <x v="3"/>
    <x v="488"/>
    <x v="0"/>
    <x v="1"/>
    <x v="8"/>
    <s v="Telescoping Adjustable Floor Lamp"/>
    <n v="8"/>
    <n v="1"/>
    <n v="-7"/>
  </r>
  <r>
    <d v="2017-05-11T00:00:00"/>
    <x v="4"/>
    <x v="3"/>
    <x v="477"/>
    <x v="12"/>
    <x v="1"/>
    <x v="11"/>
    <s v="Bestar Classic Bookcase"/>
    <n v="209.98"/>
    <n v="7"/>
    <n v="-356.96"/>
  </r>
  <r>
    <d v="2017-05-11T00:00:00"/>
    <x v="4"/>
    <x v="3"/>
    <x v="456"/>
    <x v="20"/>
    <x v="0"/>
    <x v="4"/>
    <s v="Panasonic KP-4ABK Battery-Operated Pencil Sharpener"/>
    <n v="43.92"/>
    <n v="3"/>
    <n v="12.74"/>
  </r>
  <r>
    <d v="2017-05-12T00:00:00"/>
    <x v="4"/>
    <x v="3"/>
    <x v="296"/>
    <x v="0"/>
    <x v="0"/>
    <x v="2"/>
    <s v="Fellowes Bankers Box Stor/Drawer Steel Plus"/>
    <n v="127.92"/>
    <n v="5"/>
    <n v="-15.99"/>
  </r>
  <r>
    <d v="2017-05-12T00:00:00"/>
    <x v="4"/>
    <x v="3"/>
    <x v="296"/>
    <x v="0"/>
    <x v="0"/>
    <x v="3"/>
    <s v="Wilson Jones Elliptical Ring 3 1/2&quot; Capacity Binders, 800 sheets"/>
    <n v="34.24"/>
    <n v="4"/>
    <n v="-53.07"/>
  </r>
  <r>
    <d v="2017-05-12T00:00:00"/>
    <x v="4"/>
    <x v="3"/>
    <x v="74"/>
    <x v="32"/>
    <x v="0"/>
    <x v="0"/>
    <s v="TOPS Carbonless Receipt Book, Four 2-3/4 x 7-1/4 Money Receipts per Page"/>
    <n v="87.6"/>
    <n v="5"/>
    <n v="42.05"/>
  </r>
  <r>
    <d v="2017-05-12T00:00:00"/>
    <x v="4"/>
    <x v="3"/>
    <x v="425"/>
    <x v="10"/>
    <x v="0"/>
    <x v="4"/>
    <s v="Newell 347"/>
    <n v="10.27"/>
    <n v="3"/>
    <n v="1.1599999999999999"/>
  </r>
  <r>
    <d v="2017-05-12T00:00:00"/>
    <x v="4"/>
    <x v="3"/>
    <x v="345"/>
    <x v="3"/>
    <x v="0"/>
    <x v="14"/>
    <s v="Compact Automatic Electric Letter Opener"/>
    <n v="238.62"/>
    <n v="2"/>
    <n v="4.7699999999999996"/>
  </r>
  <r>
    <d v="2017-05-12T00:00:00"/>
    <x v="4"/>
    <x v="3"/>
    <x v="345"/>
    <x v="3"/>
    <x v="0"/>
    <x v="12"/>
    <s v="Hoover Commercial Soft Guard Upright Vacuum And Disposable Filtration Bags"/>
    <n v="7.77"/>
    <n v="1"/>
    <n v="2.1"/>
  </r>
  <r>
    <d v="2017-05-12T00:00:00"/>
    <x v="4"/>
    <x v="3"/>
    <x v="345"/>
    <x v="3"/>
    <x v="1"/>
    <x v="13"/>
    <s v="Lesro Sheffield Collection Coffee Table, End Table, Center Table, Corner Table"/>
    <n v="285.48"/>
    <n v="5"/>
    <n v="-10.71"/>
  </r>
  <r>
    <d v="2017-05-12T00:00:00"/>
    <x v="4"/>
    <x v="3"/>
    <x v="345"/>
    <x v="3"/>
    <x v="0"/>
    <x v="3"/>
    <s v="DXL Angle-View Binders with Locking Rings, Black"/>
    <n v="19.170000000000002"/>
    <n v="4"/>
    <n v="6.47"/>
  </r>
  <r>
    <d v="2017-05-12T00:00:00"/>
    <x v="4"/>
    <x v="3"/>
    <x v="657"/>
    <x v="10"/>
    <x v="0"/>
    <x v="1"/>
    <s v="Avery 501"/>
    <n v="5.9"/>
    <n v="2"/>
    <n v="1.99"/>
  </r>
  <r>
    <d v="2017-05-12T00:00:00"/>
    <x v="4"/>
    <x v="3"/>
    <x v="273"/>
    <x v="23"/>
    <x v="1"/>
    <x v="8"/>
    <s v="DAX Cubicle Frames, 8-1/2 x 11"/>
    <n v="42.85"/>
    <n v="5"/>
    <n v="15.43"/>
  </r>
  <r>
    <d v="2017-05-12T00:00:00"/>
    <x v="4"/>
    <x v="3"/>
    <x v="273"/>
    <x v="23"/>
    <x v="0"/>
    <x v="1"/>
    <s v="Smead Alpha-Z Color-Coded Second Alphabetical Labels and Starter Set"/>
    <n v="6.16"/>
    <n v="2"/>
    <n v="2.96"/>
  </r>
  <r>
    <d v="2017-05-12T00:00:00"/>
    <x v="4"/>
    <x v="3"/>
    <x v="273"/>
    <x v="23"/>
    <x v="0"/>
    <x v="14"/>
    <s v="Acme Titanium Bonded Scissors"/>
    <n v="17"/>
    <n v="2"/>
    <n v="4.42"/>
  </r>
  <r>
    <d v="2017-05-12T00:00:00"/>
    <x v="4"/>
    <x v="3"/>
    <x v="273"/>
    <x v="23"/>
    <x v="2"/>
    <x v="9"/>
    <s v="Maxell Pro 80 Minute CD-R, 10/Pack"/>
    <n v="87.4"/>
    <n v="5"/>
    <n v="34.96"/>
  </r>
  <r>
    <d v="2017-05-13T00:00:00"/>
    <x v="4"/>
    <x v="3"/>
    <x v="237"/>
    <x v="3"/>
    <x v="0"/>
    <x v="1"/>
    <s v="Self-Adhesive Address Labels for Typewriters by Universal"/>
    <n v="58.48"/>
    <n v="8"/>
    <n v="27.49"/>
  </r>
  <r>
    <d v="2017-05-13T00:00:00"/>
    <x v="4"/>
    <x v="3"/>
    <x v="291"/>
    <x v="18"/>
    <x v="0"/>
    <x v="10"/>
    <s v="Tyvek Side-Opening Peel &amp; Seel Expanding Envelopes"/>
    <n v="180.96"/>
    <n v="2"/>
    <n v="81.430000000000007"/>
  </r>
  <r>
    <d v="2017-05-13T00:00:00"/>
    <x v="4"/>
    <x v="3"/>
    <x v="291"/>
    <x v="18"/>
    <x v="0"/>
    <x v="3"/>
    <s v="Ibico Hi-Tech Manual Binding System"/>
    <n v="914.97"/>
    <n v="3"/>
    <n v="411.74"/>
  </r>
  <r>
    <d v="2017-05-13T00:00:00"/>
    <x v="4"/>
    <x v="3"/>
    <x v="291"/>
    <x v="18"/>
    <x v="2"/>
    <x v="6"/>
    <s v="Plantronics Calisto P620-M USB Wireless Speakerphone System"/>
    <n v="587.97"/>
    <n v="3"/>
    <n v="158.75"/>
  </r>
  <r>
    <d v="2017-05-13T00:00:00"/>
    <x v="4"/>
    <x v="3"/>
    <x v="291"/>
    <x v="18"/>
    <x v="0"/>
    <x v="2"/>
    <s v="Tennsco 6- and 18-Compartment Lockers"/>
    <n v="530.34"/>
    <n v="2"/>
    <n v="95.46"/>
  </r>
  <r>
    <d v="2017-05-13T00:00:00"/>
    <x v="4"/>
    <x v="3"/>
    <x v="291"/>
    <x v="18"/>
    <x v="0"/>
    <x v="0"/>
    <s v="Hammermill CopyPlus Copy Paper (20Lb. and 84 Bright)"/>
    <n v="14.94"/>
    <n v="3"/>
    <n v="7.32"/>
  </r>
  <r>
    <d v="2017-05-13T00:00:00"/>
    <x v="4"/>
    <x v="3"/>
    <x v="249"/>
    <x v="7"/>
    <x v="0"/>
    <x v="3"/>
    <s v="GBC Twin Loop Wire Binding Elements"/>
    <n v="299.52"/>
    <n v="9"/>
    <n v="149.76"/>
  </r>
  <r>
    <d v="2017-05-13T00:00:00"/>
    <x v="4"/>
    <x v="3"/>
    <x v="136"/>
    <x v="15"/>
    <x v="0"/>
    <x v="12"/>
    <s v="Fellowes Basic Home/Office Series Surge Protectors"/>
    <n v="20.77"/>
    <n v="2"/>
    <n v="2.34"/>
  </r>
  <r>
    <d v="2017-05-13T00:00:00"/>
    <x v="4"/>
    <x v="3"/>
    <x v="772"/>
    <x v="2"/>
    <x v="1"/>
    <x v="5"/>
    <s v="Office Star - Mesh Screen back chair with Vinyl seat"/>
    <n v="458.43"/>
    <n v="5"/>
    <n v="-124.43"/>
  </r>
  <r>
    <d v="2017-05-14T00:00:00"/>
    <x v="4"/>
    <x v="3"/>
    <x v="137"/>
    <x v="3"/>
    <x v="1"/>
    <x v="8"/>
    <s v="Eldon Stackable Tray, Side-Load, Legal, Smoke"/>
    <n v="18.28"/>
    <n v="2"/>
    <n v="6.22"/>
  </r>
  <r>
    <d v="2017-05-14T00:00:00"/>
    <x v="4"/>
    <x v="3"/>
    <x v="137"/>
    <x v="3"/>
    <x v="2"/>
    <x v="9"/>
    <s v="Razer Tiamat Over Ear 7.1 Surround Sound PC Gaming Headset"/>
    <n v="1399.93"/>
    <n v="7"/>
    <n v="601.97"/>
  </r>
  <r>
    <d v="2017-05-14T00:00:00"/>
    <x v="4"/>
    <x v="3"/>
    <x v="67"/>
    <x v="29"/>
    <x v="0"/>
    <x v="10"/>
    <s v="Fashion Color Clasp Envelopes"/>
    <n v="48.69"/>
    <n v="9"/>
    <n v="23.86"/>
  </r>
  <r>
    <d v="2017-05-14T00:00:00"/>
    <x v="4"/>
    <x v="3"/>
    <x v="596"/>
    <x v="20"/>
    <x v="2"/>
    <x v="6"/>
    <s v="Google Nexus 5"/>
    <n v="539.97"/>
    <n v="3"/>
    <n v="134.99"/>
  </r>
  <r>
    <d v="2017-05-14T00:00:00"/>
    <x v="4"/>
    <x v="3"/>
    <x v="596"/>
    <x v="20"/>
    <x v="0"/>
    <x v="2"/>
    <s v="X-Rack File for Hanging Folders"/>
    <n v="22.58"/>
    <n v="2"/>
    <n v="5.87"/>
  </r>
  <r>
    <d v="2017-05-14T00:00:00"/>
    <x v="4"/>
    <x v="3"/>
    <x v="127"/>
    <x v="22"/>
    <x v="0"/>
    <x v="0"/>
    <s v="Xerox 1917"/>
    <n v="440.19"/>
    <n v="9"/>
    <n v="206.89"/>
  </r>
  <r>
    <d v="2017-05-14T00:00:00"/>
    <x v="4"/>
    <x v="3"/>
    <x v="127"/>
    <x v="22"/>
    <x v="0"/>
    <x v="14"/>
    <s v="Martin-Yale Premier Letter Opener"/>
    <n v="64.400000000000006"/>
    <n v="5"/>
    <n v="1.93"/>
  </r>
  <r>
    <d v="2017-05-14T00:00:00"/>
    <x v="4"/>
    <x v="3"/>
    <x v="217"/>
    <x v="0"/>
    <x v="1"/>
    <x v="5"/>
    <s v="Global Commerce Series Low-Back Swivel/Tilt Chairs"/>
    <n v="899.43"/>
    <n v="5"/>
    <n v="-12.85"/>
  </r>
  <r>
    <d v="2017-05-14T00:00:00"/>
    <x v="4"/>
    <x v="3"/>
    <x v="217"/>
    <x v="0"/>
    <x v="0"/>
    <x v="4"/>
    <s v="Newell 309"/>
    <n v="46.2"/>
    <n v="5"/>
    <n v="5.78"/>
  </r>
  <r>
    <d v="2017-05-14T00:00:00"/>
    <x v="4"/>
    <x v="3"/>
    <x v="217"/>
    <x v="0"/>
    <x v="0"/>
    <x v="0"/>
    <s v="Xerox 1936"/>
    <n v="47.95"/>
    <n v="3"/>
    <n v="16.18"/>
  </r>
  <r>
    <d v="2017-05-14T00:00:00"/>
    <x v="4"/>
    <x v="3"/>
    <x v="217"/>
    <x v="0"/>
    <x v="2"/>
    <x v="6"/>
    <s v="PayAnywhere Card Reader"/>
    <n v="7.99"/>
    <n v="1"/>
    <n v="0.7"/>
  </r>
  <r>
    <d v="2017-05-14T00:00:00"/>
    <x v="4"/>
    <x v="3"/>
    <x v="217"/>
    <x v="0"/>
    <x v="0"/>
    <x v="0"/>
    <s v="Xerox 1937"/>
    <n v="76.86"/>
    <n v="2"/>
    <n v="26.9"/>
  </r>
  <r>
    <d v="2017-05-14T00:00:00"/>
    <x v="4"/>
    <x v="3"/>
    <x v="8"/>
    <x v="36"/>
    <x v="0"/>
    <x v="4"/>
    <s v="OIC #2 Pencils, Medium Soft"/>
    <n v="3.76"/>
    <n v="2"/>
    <n v="1.0900000000000001"/>
  </r>
  <r>
    <d v="2017-05-14T00:00:00"/>
    <x v="4"/>
    <x v="3"/>
    <x v="8"/>
    <x v="36"/>
    <x v="0"/>
    <x v="4"/>
    <s v="Prang Colored Pencils"/>
    <n v="14.7"/>
    <n v="5"/>
    <n v="6.62"/>
  </r>
  <r>
    <d v="2017-05-14T00:00:00"/>
    <x v="4"/>
    <x v="3"/>
    <x v="8"/>
    <x v="36"/>
    <x v="0"/>
    <x v="4"/>
    <s v="Eberhard Faber 3 1/2&quot; Golf Pencils"/>
    <n v="37.200000000000003"/>
    <n v="5"/>
    <n v="9.3000000000000007"/>
  </r>
  <r>
    <d v="2017-05-14T00:00:00"/>
    <x v="4"/>
    <x v="3"/>
    <x v="8"/>
    <x v="36"/>
    <x v="2"/>
    <x v="9"/>
    <s v="Belkin F8E887 USB Wired Ergonomic Keyboard"/>
    <n v="89.97"/>
    <n v="3"/>
    <n v="18.89"/>
  </r>
  <r>
    <d v="2017-05-14T00:00:00"/>
    <x v="4"/>
    <x v="3"/>
    <x v="8"/>
    <x v="36"/>
    <x v="1"/>
    <x v="5"/>
    <s v="Office Star - Contemporary Task Swivel chair with Loop Arms, Charcoal"/>
    <n v="261.95999999999998"/>
    <n v="2"/>
    <n v="23.58"/>
  </r>
  <r>
    <d v="2017-05-14T00:00:00"/>
    <x v="4"/>
    <x v="3"/>
    <x v="8"/>
    <x v="36"/>
    <x v="0"/>
    <x v="1"/>
    <s v="Avery 505"/>
    <n v="74"/>
    <n v="5"/>
    <n v="37"/>
  </r>
  <r>
    <d v="2017-05-14T00:00:00"/>
    <x v="4"/>
    <x v="3"/>
    <x v="0"/>
    <x v="10"/>
    <x v="0"/>
    <x v="3"/>
    <s v="Premium Transparent Presentation Covers, No Pattern/Clear, 8 1/2&quot; x 11&quot;"/>
    <n v="58.17"/>
    <n v="5"/>
    <n v="-46.54"/>
  </r>
  <r>
    <d v="2017-05-14T00:00:00"/>
    <x v="4"/>
    <x v="3"/>
    <x v="0"/>
    <x v="10"/>
    <x v="0"/>
    <x v="1"/>
    <s v="Avery 502"/>
    <n v="5.04"/>
    <n v="2"/>
    <n v="1.76"/>
  </r>
  <r>
    <d v="2017-05-14T00:00:00"/>
    <x v="4"/>
    <x v="3"/>
    <x v="0"/>
    <x v="10"/>
    <x v="0"/>
    <x v="0"/>
    <s v="Xerox 19"/>
    <n v="24.78"/>
    <n v="1"/>
    <n v="7.75"/>
  </r>
  <r>
    <d v="2017-05-15T00:00:00"/>
    <x v="4"/>
    <x v="3"/>
    <x v="409"/>
    <x v="12"/>
    <x v="2"/>
    <x v="6"/>
    <s v="Logitech B530 USBÂ HeadsetÂ -Â headsetÂ - Full size, Binaural"/>
    <n v="29.59"/>
    <n v="1"/>
    <n v="2.59"/>
  </r>
  <r>
    <d v="2017-05-15T00:00:00"/>
    <x v="4"/>
    <x v="3"/>
    <x v="409"/>
    <x v="12"/>
    <x v="0"/>
    <x v="3"/>
    <s v="Avery Durable Slant Ring Binders"/>
    <n v="4.75"/>
    <n v="2"/>
    <n v="-3.17"/>
  </r>
  <r>
    <d v="2017-05-15T00:00:00"/>
    <x v="4"/>
    <x v="3"/>
    <x v="409"/>
    <x v="12"/>
    <x v="0"/>
    <x v="0"/>
    <s v="Universal Ultra Bright White Copier/Laser Paper, 8 1/2&quot; x 11&quot;, Ream"/>
    <n v="15.55"/>
    <n v="3"/>
    <n v="5.64"/>
  </r>
  <r>
    <d v="2017-05-15T00:00:00"/>
    <x v="4"/>
    <x v="3"/>
    <x v="80"/>
    <x v="22"/>
    <x v="1"/>
    <x v="8"/>
    <s v="24-Hour Round Wall Clock"/>
    <n v="39.96"/>
    <n v="2"/>
    <n v="17.18"/>
  </r>
  <r>
    <d v="2017-05-15T00:00:00"/>
    <x v="4"/>
    <x v="3"/>
    <x v="80"/>
    <x v="22"/>
    <x v="1"/>
    <x v="5"/>
    <s v="SAFCO Optional Arm Kit for Workspace Cribbage Stacking Chair"/>
    <n v="42.62"/>
    <n v="2"/>
    <n v="4.26"/>
  </r>
  <r>
    <d v="2017-05-15T00:00:00"/>
    <x v="4"/>
    <x v="3"/>
    <x v="80"/>
    <x v="22"/>
    <x v="1"/>
    <x v="5"/>
    <s v="SAFCO Arco Folding Chair"/>
    <n v="220.96"/>
    <n v="1"/>
    <n v="24.86"/>
  </r>
  <r>
    <d v="2017-05-15T00:00:00"/>
    <x v="4"/>
    <x v="3"/>
    <x v="448"/>
    <x v="1"/>
    <x v="0"/>
    <x v="0"/>
    <s v="Xerox 1880"/>
    <n v="56.7"/>
    <n v="2"/>
    <n v="19.14"/>
  </r>
  <r>
    <d v="2017-05-15T00:00:00"/>
    <x v="4"/>
    <x v="3"/>
    <x v="448"/>
    <x v="1"/>
    <x v="2"/>
    <x v="6"/>
    <s v="QVS USB Car Charger 2-Port 2.1Amp for iPod/iPhone/iPad/iPad 2/iPad 3"/>
    <n v="11.12"/>
    <n v="2"/>
    <n v="3.48"/>
  </r>
  <r>
    <d v="2017-05-16T00:00:00"/>
    <x v="4"/>
    <x v="3"/>
    <x v="522"/>
    <x v="10"/>
    <x v="0"/>
    <x v="2"/>
    <s v="SAFCO Commercial Wire Shelving, Black"/>
    <n v="221.02"/>
    <n v="2"/>
    <n v="-55.26"/>
  </r>
  <r>
    <d v="2017-05-18T00:00:00"/>
    <x v="4"/>
    <x v="3"/>
    <x v="248"/>
    <x v="2"/>
    <x v="2"/>
    <x v="9"/>
    <s v="KeyTronicÂ KT800P2 -Â KeyboardÂ - Black"/>
    <n v="36.049999999999997"/>
    <n v="3"/>
    <n v="-0.9"/>
  </r>
  <r>
    <d v="2017-05-18T00:00:00"/>
    <x v="4"/>
    <x v="3"/>
    <x v="18"/>
    <x v="20"/>
    <x v="1"/>
    <x v="8"/>
    <s v="Master Caster Door Stop, Large Neon Orange"/>
    <n v="14.56"/>
    <n v="2"/>
    <n v="6.26"/>
  </r>
  <r>
    <d v="2017-05-18T00:00:00"/>
    <x v="4"/>
    <x v="3"/>
    <x v="18"/>
    <x v="20"/>
    <x v="0"/>
    <x v="3"/>
    <s v="Acco Pressboard Covers with Storage Hooks, 9 1/2&quot; x 11&quot;, Executive Red"/>
    <n v="3.05"/>
    <n v="1"/>
    <n v="1.03"/>
  </r>
  <r>
    <d v="2017-05-18T00:00:00"/>
    <x v="4"/>
    <x v="3"/>
    <x v="113"/>
    <x v="0"/>
    <x v="0"/>
    <x v="3"/>
    <s v="Acco Pressboard Covers with Storage Hooks, 14 7/8&quot; x 11&quot;, Light Blue"/>
    <n v="6.87"/>
    <n v="7"/>
    <n v="-10.65"/>
  </r>
  <r>
    <d v="2017-05-18T00:00:00"/>
    <x v="4"/>
    <x v="3"/>
    <x v="113"/>
    <x v="0"/>
    <x v="0"/>
    <x v="3"/>
    <s v="Avery Framed View Binder, EZD Ring (Locking), Navy, 1 1/2&quot;"/>
    <n v="2"/>
    <n v="1"/>
    <n v="-3.29"/>
  </r>
  <r>
    <d v="2017-05-18T00:00:00"/>
    <x v="4"/>
    <x v="3"/>
    <x v="113"/>
    <x v="0"/>
    <x v="0"/>
    <x v="2"/>
    <s v="Plastic Stacking Crates &amp; Casters"/>
    <n v="8.93"/>
    <n v="2"/>
    <n v="0.67"/>
  </r>
  <r>
    <d v="2017-05-18T00:00:00"/>
    <x v="4"/>
    <x v="3"/>
    <x v="735"/>
    <x v="4"/>
    <x v="0"/>
    <x v="12"/>
    <s v="Acco Six-Outlet Power Strip, 4' Cord Length"/>
    <n v="17.239999999999998"/>
    <n v="2"/>
    <n v="4.4800000000000004"/>
  </r>
  <r>
    <d v="2017-05-18T00:00:00"/>
    <x v="4"/>
    <x v="3"/>
    <x v="735"/>
    <x v="4"/>
    <x v="1"/>
    <x v="11"/>
    <s v="Hon 4-Shelf Metal Bookcases"/>
    <n v="302.94"/>
    <n v="3"/>
    <n v="75.739999999999995"/>
  </r>
  <r>
    <d v="2017-05-18T00:00:00"/>
    <x v="4"/>
    <x v="3"/>
    <x v="735"/>
    <x v="4"/>
    <x v="2"/>
    <x v="6"/>
    <s v="QVS USB Car Charger 2-Port 2.1Amp for iPod/iPhone/iPad/iPad 2/iPad 3"/>
    <n v="34.75"/>
    <n v="5"/>
    <n v="15.64"/>
  </r>
  <r>
    <d v="2017-05-18T00:00:00"/>
    <x v="4"/>
    <x v="3"/>
    <x v="735"/>
    <x v="4"/>
    <x v="0"/>
    <x v="3"/>
    <s v="Poly Designer Cover &amp; Back"/>
    <n v="113.94"/>
    <n v="6"/>
    <n v="54.69"/>
  </r>
  <r>
    <d v="2017-05-18T00:00:00"/>
    <x v="4"/>
    <x v="3"/>
    <x v="735"/>
    <x v="4"/>
    <x v="2"/>
    <x v="6"/>
    <s v="Apple EarPods with Remote and Mic"/>
    <n v="55.98"/>
    <n v="2"/>
    <n v="15.67"/>
  </r>
  <r>
    <d v="2017-05-18T00:00:00"/>
    <x v="4"/>
    <x v="3"/>
    <x v="579"/>
    <x v="11"/>
    <x v="2"/>
    <x v="6"/>
    <s v="Aastra 6757i CT Wireless VoIP phone"/>
    <n v="344.7"/>
    <n v="2"/>
    <n v="38.78"/>
  </r>
  <r>
    <d v="2017-05-18T00:00:00"/>
    <x v="4"/>
    <x v="3"/>
    <x v="367"/>
    <x v="24"/>
    <x v="0"/>
    <x v="12"/>
    <s v="Avanti 1.7 Cu. Ft. Refrigerator"/>
    <n v="706.86"/>
    <n v="7"/>
    <n v="197.92"/>
  </r>
  <r>
    <d v="2017-05-18T00:00:00"/>
    <x v="4"/>
    <x v="3"/>
    <x v="367"/>
    <x v="24"/>
    <x v="2"/>
    <x v="6"/>
    <s v="Motorola HK250 Universal Bluetooth Headset"/>
    <n v="114.95"/>
    <n v="5"/>
    <n v="2.2999999999999998"/>
  </r>
  <r>
    <d v="2017-05-18T00:00:00"/>
    <x v="4"/>
    <x v="3"/>
    <x v="367"/>
    <x v="24"/>
    <x v="0"/>
    <x v="3"/>
    <s v="Universal Recycled Hanging Pressboard Report Binders, Letter Size"/>
    <n v="43.19"/>
    <n v="7"/>
    <n v="20.73"/>
  </r>
  <r>
    <d v="2017-05-18T00:00:00"/>
    <x v="4"/>
    <x v="3"/>
    <x v="688"/>
    <x v="1"/>
    <x v="1"/>
    <x v="8"/>
    <s v="Flat Face Poster Frame"/>
    <n v="22.61"/>
    <n v="3"/>
    <n v="-10.17"/>
  </r>
  <r>
    <d v="2017-05-18T00:00:00"/>
    <x v="4"/>
    <x v="3"/>
    <x v="688"/>
    <x v="1"/>
    <x v="1"/>
    <x v="8"/>
    <s v="C-Line Cubicle Keepers Polyproplyene Holder With Velcro Backings"/>
    <n v="1.89"/>
    <n v="1"/>
    <n v="-0.99"/>
  </r>
  <r>
    <d v="2017-05-19T00:00:00"/>
    <x v="4"/>
    <x v="3"/>
    <x v="372"/>
    <x v="22"/>
    <x v="0"/>
    <x v="12"/>
    <s v="Belkin Premiere Surge Master II 8-outlet surge protector"/>
    <n v="97.16"/>
    <n v="2"/>
    <n v="28.18"/>
  </r>
  <r>
    <d v="2017-05-19T00:00:00"/>
    <x v="4"/>
    <x v="3"/>
    <x v="138"/>
    <x v="20"/>
    <x v="0"/>
    <x v="12"/>
    <s v="Bionaire Personal Warm Mist Humidifier/Vaporizer"/>
    <n v="281.33999999999997"/>
    <n v="6"/>
    <n v="109.72"/>
  </r>
  <r>
    <d v="2017-05-19T00:00:00"/>
    <x v="4"/>
    <x v="3"/>
    <x v="138"/>
    <x v="20"/>
    <x v="2"/>
    <x v="6"/>
    <s v="Nortel Meridian M3904 Professional Digital phone"/>
    <n v="307.98"/>
    <n v="2"/>
    <n v="89.31"/>
  </r>
  <r>
    <d v="2017-05-19T00:00:00"/>
    <x v="4"/>
    <x v="3"/>
    <x v="138"/>
    <x v="20"/>
    <x v="2"/>
    <x v="9"/>
    <s v="Logitech Wireless Performance Mouse MX for PC and Mac"/>
    <n v="299.97000000000003"/>
    <n v="3"/>
    <n v="113.99"/>
  </r>
  <r>
    <d v="2017-05-19T00:00:00"/>
    <x v="4"/>
    <x v="3"/>
    <x v="59"/>
    <x v="4"/>
    <x v="2"/>
    <x v="9"/>
    <s v="Kingston Digital DataTraveler 32GB USB 2.0"/>
    <n v="67.8"/>
    <n v="4"/>
    <n v="4.07"/>
  </r>
  <r>
    <d v="2017-05-19T00:00:00"/>
    <x v="4"/>
    <x v="3"/>
    <x v="59"/>
    <x v="4"/>
    <x v="2"/>
    <x v="6"/>
    <s v="Nokia Lumia 925"/>
    <n v="377.97"/>
    <n v="3"/>
    <n v="98.27"/>
  </r>
  <r>
    <d v="2017-05-19T00:00:00"/>
    <x v="4"/>
    <x v="3"/>
    <x v="59"/>
    <x v="4"/>
    <x v="1"/>
    <x v="11"/>
    <s v="O'Sullivan 2-Door Barrister Bookcase in Odessa Pine"/>
    <n v="1628.82"/>
    <n v="9"/>
    <n v="374.63"/>
  </r>
  <r>
    <d v="2017-05-19T00:00:00"/>
    <x v="4"/>
    <x v="3"/>
    <x v="59"/>
    <x v="4"/>
    <x v="0"/>
    <x v="0"/>
    <s v="Xerox 1945"/>
    <n v="286.93"/>
    <n v="7"/>
    <n v="140.6"/>
  </r>
  <r>
    <d v="2017-05-19T00:00:00"/>
    <x v="4"/>
    <x v="3"/>
    <x v="288"/>
    <x v="3"/>
    <x v="1"/>
    <x v="5"/>
    <s v="Situations Contoured Folding Chairs, 4/Set"/>
    <n v="681.41"/>
    <n v="12"/>
    <n v="42.59"/>
  </r>
  <r>
    <d v="2017-05-19T00:00:00"/>
    <x v="4"/>
    <x v="3"/>
    <x v="288"/>
    <x v="3"/>
    <x v="0"/>
    <x v="4"/>
    <s v="Newell 310"/>
    <n v="3.52"/>
    <n v="2"/>
    <n v="1.02"/>
  </r>
  <r>
    <d v="2017-05-19T00:00:00"/>
    <x v="4"/>
    <x v="3"/>
    <x v="288"/>
    <x v="3"/>
    <x v="0"/>
    <x v="4"/>
    <s v="Newell 314"/>
    <n v="5.58"/>
    <n v="1"/>
    <n v="1.4"/>
  </r>
  <r>
    <d v="2017-05-19T00:00:00"/>
    <x v="4"/>
    <x v="3"/>
    <x v="288"/>
    <x v="3"/>
    <x v="2"/>
    <x v="9"/>
    <s v="SanDisk Cruzer 64 GB USB Flash Drive"/>
    <n v="36.32"/>
    <n v="1"/>
    <n v="10.9"/>
  </r>
  <r>
    <d v="2017-05-19T00:00:00"/>
    <x v="4"/>
    <x v="3"/>
    <x v="405"/>
    <x v="4"/>
    <x v="0"/>
    <x v="0"/>
    <s v="Tops White Computer Printout Paper"/>
    <n v="195.64"/>
    <n v="4"/>
    <n v="91.95"/>
  </r>
  <r>
    <d v="2017-05-19T00:00:00"/>
    <x v="4"/>
    <x v="3"/>
    <x v="225"/>
    <x v="1"/>
    <x v="0"/>
    <x v="0"/>
    <s v="Things To Do Today Spiral Book"/>
    <n v="38.020000000000003"/>
    <n v="6"/>
    <n v="13.78"/>
  </r>
  <r>
    <d v="2017-05-19T00:00:00"/>
    <x v="4"/>
    <x v="3"/>
    <x v="80"/>
    <x v="0"/>
    <x v="2"/>
    <x v="6"/>
    <s v="Jabra Supreme Plus Driver EditionÂ Headset"/>
    <n v="95.99"/>
    <n v="1"/>
    <n v="9.6"/>
  </r>
  <r>
    <d v="2017-05-19T00:00:00"/>
    <x v="4"/>
    <x v="3"/>
    <x v="80"/>
    <x v="0"/>
    <x v="0"/>
    <x v="1"/>
    <s v="Avery 491"/>
    <n v="13.22"/>
    <n v="4"/>
    <n v="4.3"/>
  </r>
  <r>
    <d v="2017-05-19T00:00:00"/>
    <x v="4"/>
    <x v="3"/>
    <x v="512"/>
    <x v="15"/>
    <x v="1"/>
    <x v="5"/>
    <s v="Office Star - Mesh Screen back chair with Vinyl seat"/>
    <n v="314.35000000000002"/>
    <n v="3"/>
    <n v="-35.36"/>
  </r>
  <r>
    <d v="2017-05-19T00:00:00"/>
    <x v="4"/>
    <x v="3"/>
    <x v="512"/>
    <x v="15"/>
    <x v="0"/>
    <x v="0"/>
    <s v="Xerox 1949"/>
    <n v="27.89"/>
    <n v="7"/>
    <n v="10.11"/>
  </r>
  <r>
    <d v="2017-05-19T00:00:00"/>
    <x v="4"/>
    <x v="3"/>
    <x v="52"/>
    <x v="3"/>
    <x v="0"/>
    <x v="3"/>
    <s v="GBC Twin Loop Wire Binding Elements"/>
    <n v="133.12"/>
    <n v="5"/>
    <n v="49.92"/>
  </r>
  <r>
    <d v="2017-05-19T00:00:00"/>
    <x v="4"/>
    <x v="3"/>
    <x v="37"/>
    <x v="33"/>
    <x v="0"/>
    <x v="3"/>
    <s v="Wilson Jones Four-Pocket Poly Binders"/>
    <n v="26.16"/>
    <n v="4"/>
    <n v="12.82"/>
  </r>
  <r>
    <d v="2017-05-20T00:00:00"/>
    <x v="4"/>
    <x v="3"/>
    <x v="115"/>
    <x v="47"/>
    <x v="0"/>
    <x v="4"/>
    <s v="Boston 1645 Deluxe Heavier-Duty Electric Pencil Sharpener"/>
    <n v="131.94"/>
    <n v="3"/>
    <n v="35.619999999999997"/>
  </r>
  <r>
    <d v="2017-05-20T00:00:00"/>
    <x v="4"/>
    <x v="3"/>
    <x v="115"/>
    <x v="47"/>
    <x v="0"/>
    <x v="4"/>
    <s v="BIC Brite Liner Highlighters, Chisel Tip"/>
    <n v="25.92"/>
    <n v="4"/>
    <n v="8.2899999999999991"/>
  </r>
  <r>
    <d v="2017-05-20T00:00:00"/>
    <x v="4"/>
    <x v="3"/>
    <x v="115"/>
    <x v="47"/>
    <x v="0"/>
    <x v="2"/>
    <s v="Fellowes High-Stak Drawer Files"/>
    <n v="704.76"/>
    <n v="4"/>
    <n v="162.09"/>
  </r>
  <r>
    <d v="2017-05-20T00:00:00"/>
    <x v="4"/>
    <x v="3"/>
    <x v="115"/>
    <x v="47"/>
    <x v="0"/>
    <x v="7"/>
    <s v="Staples"/>
    <n v="7.41"/>
    <n v="3"/>
    <n v="3.48"/>
  </r>
  <r>
    <d v="2017-05-20T00:00:00"/>
    <x v="4"/>
    <x v="3"/>
    <x v="115"/>
    <x v="47"/>
    <x v="0"/>
    <x v="4"/>
    <s v="Binney &amp; Smith inkTank Desk Highlighter, Chisel Tip, Yellow, 12/Box"/>
    <n v="21.5"/>
    <n v="10"/>
    <n v="7.1"/>
  </r>
  <r>
    <d v="2017-05-20T00:00:00"/>
    <x v="4"/>
    <x v="3"/>
    <x v="684"/>
    <x v="3"/>
    <x v="1"/>
    <x v="5"/>
    <s v="Global Geo Office Task Chair, Gray"/>
    <n v="518.27"/>
    <n v="8"/>
    <n v="-97.18"/>
  </r>
  <r>
    <d v="2017-05-20T00:00:00"/>
    <x v="4"/>
    <x v="3"/>
    <x v="684"/>
    <x v="3"/>
    <x v="1"/>
    <x v="8"/>
    <s v="G.E. Halogen Desk Lamp Bulbs"/>
    <n v="6.98"/>
    <n v="1"/>
    <n v="3.35"/>
  </r>
  <r>
    <d v="2017-05-20T00:00:00"/>
    <x v="4"/>
    <x v="3"/>
    <x v="684"/>
    <x v="3"/>
    <x v="2"/>
    <x v="15"/>
    <s v="Okidata B400 Printer"/>
    <n v="343.2"/>
    <n v="1"/>
    <n v="38.61"/>
  </r>
  <r>
    <d v="2017-05-20T00:00:00"/>
    <x v="4"/>
    <x v="3"/>
    <x v="444"/>
    <x v="14"/>
    <x v="0"/>
    <x v="3"/>
    <s v="Square Ring Data Binders, Rigid 75 Pt. Covers, 11&quot; x 14-7/8&quot;"/>
    <n v="41.28"/>
    <n v="2"/>
    <n v="19.809999999999999"/>
  </r>
  <r>
    <d v="2017-05-20T00:00:00"/>
    <x v="4"/>
    <x v="3"/>
    <x v="247"/>
    <x v="17"/>
    <x v="0"/>
    <x v="3"/>
    <s v="Wilson Jones Impact Binders"/>
    <n v="8.2899999999999991"/>
    <n v="2"/>
    <n v="3"/>
  </r>
  <r>
    <d v="2017-05-20T00:00:00"/>
    <x v="4"/>
    <x v="3"/>
    <x v="247"/>
    <x v="17"/>
    <x v="2"/>
    <x v="6"/>
    <s v="Motorola L703CM"/>
    <n v="1123.1300000000001"/>
    <n v="9"/>
    <n v="70.2"/>
  </r>
  <r>
    <d v="2017-05-20T00:00:00"/>
    <x v="4"/>
    <x v="3"/>
    <x v="247"/>
    <x v="17"/>
    <x v="0"/>
    <x v="12"/>
    <s v="Fellowes Basic Home/Office Series Surge Protectors"/>
    <n v="64.900000000000006"/>
    <n v="5"/>
    <n v="18.82"/>
  </r>
  <r>
    <d v="2017-05-21T00:00:00"/>
    <x v="4"/>
    <x v="3"/>
    <x v="130"/>
    <x v="20"/>
    <x v="1"/>
    <x v="8"/>
    <s v="Luxo Professional Magnifying Clamp-On Fluorescent Lamps"/>
    <n v="520.04999999999995"/>
    <n v="5"/>
    <n v="72.81"/>
  </r>
  <r>
    <d v="2017-05-21T00:00:00"/>
    <x v="4"/>
    <x v="3"/>
    <x v="130"/>
    <x v="20"/>
    <x v="0"/>
    <x v="4"/>
    <s v="Bulldog Table or Wall-Mount Pencil Sharpener"/>
    <n v="17.97"/>
    <n v="3"/>
    <n v="5.21"/>
  </r>
  <r>
    <d v="2017-05-22T00:00:00"/>
    <x v="4"/>
    <x v="3"/>
    <x v="224"/>
    <x v="1"/>
    <x v="1"/>
    <x v="5"/>
    <s v="High-Back Leather Manager's Chair"/>
    <n v="181.99"/>
    <n v="2"/>
    <n v="-54.6"/>
  </r>
  <r>
    <d v="2017-05-22T00:00:00"/>
    <x v="4"/>
    <x v="3"/>
    <x v="224"/>
    <x v="1"/>
    <x v="0"/>
    <x v="3"/>
    <s v="Avery Durable Slant Ring Binders, No Labels"/>
    <n v="1.59"/>
    <n v="2"/>
    <n v="-2.63"/>
  </r>
  <r>
    <d v="2017-05-22T00:00:00"/>
    <x v="4"/>
    <x v="3"/>
    <x v="224"/>
    <x v="1"/>
    <x v="0"/>
    <x v="14"/>
    <s v="Acme Forged Steel Scissors with Black Enamel Handles"/>
    <n v="22.34"/>
    <n v="3"/>
    <n v="2.5099999999999998"/>
  </r>
  <r>
    <d v="2017-05-22T00:00:00"/>
    <x v="4"/>
    <x v="3"/>
    <x v="281"/>
    <x v="3"/>
    <x v="2"/>
    <x v="9"/>
    <s v="Maxell 74 Minute CDR, 10/Pack"/>
    <n v="68.459999999999994"/>
    <n v="7"/>
    <n v="25.33"/>
  </r>
  <r>
    <d v="2017-05-22T00:00:00"/>
    <x v="4"/>
    <x v="3"/>
    <x v="556"/>
    <x v="3"/>
    <x v="0"/>
    <x v="4"/>
    <s v="SANFORD Major Accent Highlighters"/>
    <n v="49.56"/>
    <n v="7"/>
    <n v="18.829999999999998"/>
  </r>
  <r>
    <d v="2017-05-22T00:00:00"/>
    <x v="4"/>
    <x v="3"/>
    <x v="58"/>
    <x v="3"/>
    <x v="0"/>
    <x v="4"/>
    <s v="Newell 350"/>
    <n v="9.84"/>
    <n v="3"/>
    <n v="2.85"/>
  </r>
  <r>
    <d v="2017-05-22T00:00:00"/>
    <x v="4"/>
    <x v="3"/>
    <x v="58"/>
    <x v="3"/>
    <x v="0"/>
    <x v="4"/>
    <s v="Newell 333"/>
    <n v="2.78"/>
    <n v="1"/>
    <n v="0.72"/>
  </r>
  <r>
    <d v="2017-05-23T00:00:00"/>
    <x v="4"/>
    <x v="3"/>
    <x v="6"/>
    <x v="3"/>
    <x v="1"/>
    <x v="13"/>
    <s v="Lesro Sheffield Collection Coffee Table, End Table, Center Table, Corner Table"/>
    <n v="171.29"/>
    <n v="3"/>
    <n v="-6.42"/>
  </r>
  <r>
    <d v="2017-05-23T00:00:00"/>
    <x v="4"/>
    <x v="3"/>
    <x v="318"/>
    <x v="0"/>
    <x v="0"/>
    <x v="7"/>
    <s v="OIC Thumb-Tacks"/>
    <n v="1.82"/>
    <n v="2"/>
    <n v="0.62"/>
  </r>
  <r>
    <d v="2017-05-23T00:00:00"/>
    <x v="4"/>
    <x v="3"/>
    <x v="318"/>
    <x v="0"/>
    <x v="0"/>
    <x v="12"/>
    <s v="Acco 6 Outlet Guardian Premium Plus Surge Suppressor"/>
    <n v="18.32"/>
    <n v="5"/>
    <n v="-46.72"/>
  </r>
  <r>
    <d v="2017-05-23T00:00:00"/>
    <x v="4"/>
    <x v="3"/>
    <x v="318"/>
    <x v="0"/>
    <x v="0"/>
    <x v="2"/>
    <s v="Tennsco Commercial Shelving"/>
    <n v="48.82"/>
    <n v="3"/>
    <n v="-11.59"/>
  </r>
  <r>
    <d v="2017-05-23T00:00:00"/>
    <x v="4"/>
    <x v="3"/>
    <x v="318"/>
    <x v="0"/>
    <x v="0"/>
    <x v="3"/>
    <s v="Storex Dura Pro Binders"/>
    <n v="1.19"/>
    <n v="1"/>
    <n v="-1.96"/>
  </r>
  <r>
    <d v="2017-05-25T00:00:00"/>
    <x v="4"/>
    <x v="3"/>
    <x v="772"/>
    <x v="4"/>
    <x v="0"/>
    <x v="3"/>
    <s v="Recycled Easel Ring Binders"/>
    <n v="29.84"/>
    <n v="2"/>
    <n v="13.43"/>
  </r>
  <r>
    <d v="2017-05-25T00:00:00"/>
    <x v="4"/>
    <x v="3"/>
    <x v="335"/>
    <x v="20"/>
    <x v="0"/>
    <x v="3"/>
    <s v="GBC DocuBind P100 Manual Binding Machine"/>
    <n v="663.92"/>
    <n v="5"/>
    <n v="207.48"/>
  </r>
  <r>
    <d v="2017-05-25T00:00:00"/>
    <x v="4"/>
    <x v="3"/>
    <x v="335"/>
    <x v="20"/>
    <x v="2"/>
    <x v="9"/>
    <s v="ImationÂ 8gb Micro Traveldrive Usb 2.0Â Flash Drive"/>
    <n v="120"/>
    <n v="8"/>
    <n v="13.2"/>
  </r>
  <r>
    <d v="2017-05-25T00:00:00"/>
    <x v="4"/>
    <x v="3"/>
    <x v="335"/>
    <x v="20"/>
    <x v="0"/>
    <x v="7"/>
    <s v="Acco Hot Clips Clips to Go"/>
    <n v="3.29"/>
    <n v="1"/>
    <n v="1.48"/>
  </r>
  <r>
    <d v="2017-05-25T00:00:00"/>
    <x v="4"/>
    <x v="3"/>
    <x v="335"/>
    <x v="20"/>
    <x v="1"/>
    <x v="8"/>
    <s v="Eldon 200 Class Desk Accessories"/>
    <n v="18.84"/>
    <n v="3"/>
    <n v="6.03"/>
  </r>
  <r>
    <d v="2017-05-25T00:00:00"/>
    <x v="4"/>
    <x v="3"/>
    <x v="506"/>
    <x v="0"/>
    <x v="0"/>
    <x v="2"/>
    <s v="Iris 3-Drawer Stacking Bin, Black"/>
    <n v="50.14"/>
    <n v="3"/>
    <n v="-11.28"/>
  </r>
  <r>
    <d v="2017-05-26T00:00:00"/>
    <x v="4"/>
    <x v="3"/>
    <x v="566"/>
    <x v="5"/>
    <x v="0"/>
    <x v="12"/>
    <s v="Belkin 8-Outlet Premiere SurgeMaster II Surge Protectors"/>
    <n v="208.44"/>
    <n v="3"/>
    <n v="62.53"/>
  </r>
  <r>
    <d v="2017-05-26T00:00:00"/>
    <x v="4"/>
    <x v="3"/>
    <x v="566"/>
    <x v="5"/>
    <x v="0"/>
    <x v="14"/>
    <s v="Martin-Yale Premier Letter Opener"/>
    <n v="25.76"/>
    <n v="2"/>
    <n v="0.77"/>
  </r>
  <r>
    <d v="2017-05-26T00:00:00"/>
    <x v="4"/>
    <x v="3"/>
    <x v="240"/>
    <x v="6"/>
    <x v="2"/>
    <x v="9"/>
    <s v="Verbatim Slim CD and DVD Storage Cases, 50/Pack"/>
    <n v="23.08"/>
    <n v="2"/>
    <n v="6.92"/>
  </r>
  <r>
    <d v="2017-05-26T00:00:00"/>
    <x v="4"/>
    <x v="3"/>
    <x v="101"/>
    <x v="3"/>
    <x v="0"/>
    <x v="0"/>
    <s v="Xerox 201"/>
    <n v="12.96"/>
    <n v="2"/>
    <n v="6.22"/>
  </r>
  <r>
    <d v="2017-05-27T00:00:00"/>
    <x v="4"/>
    <x v="3"/>
    <x v="233"/>
    <x v="5"/>
    <x v="0"/>
    <x v="3"/>
    <s v="Binding Machine Supplies"/>
    <n v="58.34"/>
    <n v="2"/>
    <n v="28"/>
  </r>
  <r>
    <d v="2017-05-27T00:00:00"/>
    <x v="4"/>
    <x v="3"/>
    <x v="233"/>
    <x v="5"/>
    <x v="2"/>
    <x v="6"/>
    <s v="Google Nexus 5"/>
    <n v="539.97"/>
    <n v="3"/>
    <n v="134.99"/>
  </r>
  <r>
    <d v="2017-05-27T00:00:00"/>
    <x v="4"/>
    <x v="3"/>
    <x v="281"/>
    <x v="15"/>
    <x v="0"/>
    <x v="0"/>
    <s v="Xerox 2"/>
    <n v="25.92"/>
    <n v="5"/>
    <n v="9.07"/>
  </r>
  <r>
    <d v="2017-05-27T00:00:00"/>
    <x v="4"/>
    <x v="3"/>
    <x v="132"/>
    <x v="22"/>
    <x v="2"/>
    <x v="9"/>
    <s v="Logitech Desktop MK120 Mouse and keyboard Combo"/>
    <n v="98.16"/>
    <n v="6"/>
    <n v="9.82"/>
  </r>
  <r>
    <d v="2017-05-27T00:00:00"/>
    <x v="4"/>
    <x v="3"/>
    <x v="132"/>
    <x v="22"/>
    <x v="0"/>
    <x v="4"/>
    <s v="Staples in misc. colors"/>
    <n v="31.44"/>
    <n v="3"/>
    <n v="7.86"/>
  </r>
  <r>
    <d v="2017-05-27T00:00:00"/>
    <x v="4"/>
    <x v="3"/>
    <x v="229"/>
    <x v="34"/>
    <x v="1"/>
    <x v="8"/>
    <s v="Eldon 400 Class Desk Accessories, Black Carbon"/>
    <n v="35"/>
    <n v="4"/>
    <n v="14.7"/>
  </r>
  <r>
    <d v="2017-05-27T00:00:00"/>
    <x v="4"/>
    <x v="3"/>
    <x v="229"/>
    <x v="34"/>
    <x v="0"/>
    <x v="2"/>
    <s v="Fellowes Stor/Drawer Steel Plus Storage Drawers"/>
    <n v="477.15"/>
    <n v="5"/>
    <n v="28.63"/>
  </r>
  <r>
    <d v="2017-05-27T00:00:00"/>
    <x v="4"/>
    <x v="3"/>
    <x v="229"/>
    <x v="34"/>
    <x v="2"/>
    <x v="6"/>
    <s v="Nokia Lumia 925"/>
    <n v="302.38"/>
    <n v="3"/>
    <n v="22.68"/>
  </r>
  <r>
    <d v="2017-05-27T00:00:00"/>
    <x v="4"/>
    <x v="3"/>
    <x v="416"/>
    <x v="39"/>
    <x v="1"/>
    <x v="8"/>
    <s v="Electrix Architect's Clamp-On Swing Arm Lamp, Black"/>
    <n v="477.3"/>
    <n v="5"/>
    <n v="138.41999999999999"/>
  </r>
  <r>
    <d v="2017-05-27T00:00:00"/>
    <x v="4"/>
    <x v="3"/>
    <x v="620"/>
    <x v="25"/>
    <x v="2"/>
    <x v="9"/>
    <s v="Sony 8GB Class 10 Micro SDHC R40 Memory Card"/>
    <n v="27.19"/>
    <n v="3"/>
    <n v="0.34"/>
  </r>
  <r>
    <d v="2017-05-27T00:00:00"/>
    <x v="4"/>
    <x v="3"/>
    <x v="620"/>
    <x v="25"/>
    <x v="0"/>
    <x v="3"/>
    <s v="Fellowes Twister Kit, Gray/Clear, 3/pkg"/>
    <n v="12.06"/>
    <n v="5"/>
    <n v="-10.050000000000001"/>
  </r>
  <r>
    <d v="2017-05-28T00:00:00"/>
    <x v="4"/>
    <x v="3"/>
    <x v="99"/>
    <x v="9"/>
    <x v="1"/>
    <x v="5"/>
    <s v="Novimex Swivel Fabric Task Chair"/>
    <n v="301.95999999999998"/>
    <n v="2"/>
    <n v="33.22"/>
  </r>
  <r>
    <d v="2017-05-28T00:00:00"/>
    <x v="4"/>
    <x v="3"/>
    <x v="657"/>
    <x v="0"/>
    <x v="2"/>
    <x v="6"/>
    <s v="Spigen Samsung Galaxy S5 Case Wallet"/>
    <n v="54.37"/>
    <n v="4"/>
    <n v="4.08"/>
  </r>
  <r>
    <d v="2017-05-28T00:00:00"/>
    <x v="4"/>
    <x v="3"/>
    <x v="604"/>
    <x v="38"/>
    <x v="1"/>
    <x v="8"/>
    <s v="Advantus Employee of the Month Certificate Frame, 11 x 13-1/2"/>
    <n v="247.44"/>
    <n v="8"/>
    <n v="101.45"/>
  </r>
  <r>
    <d v="2017-05-28T00:00:00"/>
    <x v="4"/>
    <x v="3"/>
    <x v="495"/>
    <x v="1"/>
    <x v="1"/>
    <x v="5"/>
    <s v="Global Task Chair, Black"/>
    <n v="106.87"/>
    <n v="3"/>
    <n v="-29.01"/>
  </r>
  <r>
    <d v="2017-05-28T00:00:00"/>
    <x v="4"/>
    <x v="3"/>
    <x v="495"/>
    <x v="1"/>
    <x v="0"/>
    <x v="3"/>
    <s v="Storex Dura Pro Binders"/>
    <n v="3.56"/>
    <n v="3"/>
    <n v="-6.24"/>
  </r>
  <r>
    <d v="2017-05-28T00:00:00"/>
    <x v="4"/>
    <x v="3"/>
    <x v="507"/>
    <x v="12"/>
    <x v="2"/>
    <x v="6"/>
    <s v="Panasonic KX TS208W Corded phone"/>
    <n v="195.96"/>
    <n v="5"/>
    <n v="19.600000000000001"/>
  </r>
  <r>
    <d v="2017-05-28T00:00:00"/>
    <x v="4"/>
    <x v="3"/>
    <x v="507"/>
    <x v="12"/>
    <x v="0"/>
    <x v="0"/>
    <s v="Xerox 230"/>
    <n v="15.55"/>
    <n v="3"/>
    <n v="5.44"/>
  </r>
  <r>
    <d v="2017-05-28T00:00:00"/>
    <x v="4"/>
    <x v="3"/>
    <x v="507"/>
    <x v="12"/>
    <x v="2"/>
    <x v="9"/>
    <s v="LogitechÂ Gaming G510s - Keyboard"/>
    <n v="271.97000000000003"/>
    <n v="4"/>
    <n v="54.39"/>
  </r>
  <r>
    <d v="2017-05-28T00:00:00"/>
    <x v="4"/>
    <x v="3"/>
    <x v="548"/>
    <x v="36"/>
    <x v="1"/>
    <x v="8"/>
    <s v="DAX Wood Document Frame"/>
    <n v="27.46"/>
    <n v="2"/>
    <n v="9.89"/>
  </r>
  <r>
    <d v="2017-05-28T00:00:00"/>
    <x v="4"/>
    <x v="3"/>
    <x v="548"/>
    <x v="36"/>
    <x v="0"/>
    <x v="12"/>
    <s v="Fellowes 8 Outlet Superior Workstation Surge Protector"/>
    <n v="125.13"/>
    <n v="3"/>
    <n v="36.29"/>
  </r>
  <r>
    <d v="2017-05-28T00:00:00"/>
    <x v="4"/>
    <x v="3"/>
    <x v="450"/>
    <x v="10"/>
    <x v="0"/>
    <x v="0"/>
    <s v="HP Office Recycled Paper (20Lb. and 87 Bright)"/>
    <n v="13.87"/>
    <n v="3"/>
    <n v="5.03"/>
  </r>
  <r>
    <d v="2017-05-28T00:00:00"/>
    <x v="4"/>
    <x v="3"/>
    <x v="450"/>
    <x v="10"/>
    <x v="1"/>
    <x v="11"/>
    <s v="Bush Westfield Collection Bookcases, Medium Cherry Finish"/>
    <n v="115.96"/>
    <n v="4"/>
    <n v="-64.94"/>
  </r>
  <r>
    <d v="2017-05-29T00:00:00"/>
    <x v="4"/>
    <x v="3"/>
    <x v="606"/>
    <x v="0"/>
    <x v="0"/>
    <x v="0"/>
    <s v="Xerox 1930"/>
    <n v="25.92"/>
    <n v="5"/>
    <n v="9.4"/>
  </r>
  <r>
    <d v="2017-05-29T00:00:00"/>
    <x v="4"/>
    <x v="3"/>
    <x v="606"/>
    <x v="0"/>
    <x v="0"/>
    <x v="2"/>
    <s v="File Shuttle I and Handi-File"/>
    <n v="53.42"/>
    <n v="3"/>
    <n v="4.67"/>
  </r>
  <r>
    <d v="2017-05-29T00:00:00"/>
    <x v="4"/>
    <x v="3"/>
    <x v="742"/>
    <x v="0"/>
    <x v="1"/>
    <x v="8"/>
    <s v="Eldon Executive Woodline II Cherry Finish Desk Accessories"/>
    <n v="65.42"/>
    <n v="4"/>
    <n v="-52.34"/>
  </r>
  <r>
    <d v="2017-05-29T00:00:00"/>
    <x v="4"/>
    <x v="3"/>
    <x v="618"/>
    <x v="40"/>
    <x v="0"/>
    <x v="7"/>
    <s v="Plymouth Boxed Rubber Bands by Plymouth"/>
    <n v="23.55"/>
    <n v="5"/>
    <n v="1.18"/>
  </r>
  <r>
    <d v="2017-05-29T00:00:00"/>
    <x v="4"/>
    <x v="3"/>
    <x v="505"/>
    <x v="18"/>
    <x v="0"/>
    <x v="3"/>
    <s v="Satellite Sectional Post Binders"/>
    <n v="43.41"/>
    <n v="1"/>
    <n v="19.97"/>
  </r>
  <r>
    <d v="2017-05-29T00:00:00"/>
    <x v="4"/>
    <x v="3"/>
    <x v="505"/>
    <x v="18"/>
    <x v="1"/>
    <x v="8"/>
    <s v="Eldon Wave Desk Accessories"/>
    <n v="6.24"/>
    <n v="3"/>
    <n v="2.62"/>
  </r>
  <r>
    <d v="2017-05-29T00:00:00"/>
    <x v="4"/>
    <x v="3"/>
    <x v="505"/>
    <x v="18"/>
    <x v="0"/>
    <x v="12"/>
    <s v="Hoover Commercial Lightweight Upright Vacuum with E-Z Empty Dirt Cup"/>
    <n v="465.16"/>
    <n v="2"/>
    <n v="120.94"/>
  </r>
  <r>
    <d v="2017-05-29T00:00:00"/>
    <x v="4"/>
    <x v="3"/>
    <x v="505"/>
    <x v="18"/>
    <x v="0"/>
    <x v="0"/>
    <s v="Adams Telephone Message Book w/Frequently-Called Numbers Space, 400 Messages per Book"/>
    <n v="7.98"/>
    <n v="1"/>
    <n v="3.99"/>
  </r>
  <r>
    <d v="2017-05-30T00:00:00"/>
    <x v="4"/>
    <x v="3"/>
    <x v="664"/>
    <x v="8"/>
    <x v="1"/>
    <x v="11"/>
    <s v="Sauder Camden County Barrister Bookcase, Planked Cherry Finish"/>
    <n v="241.96"/>
    <n v="2"/>
    <n v="33.869999999999997"/>
  </r>
  <r>
    <d v="2017-05-30T00:00:00"/>
    <x v="4"/>
    <x v="3"/>
    <x v="664"/>
    <x v="8"/>
    <x v="0"/>
    <x v="3"/>
    <s v="Avery Binder Labels"/>
    <n v="3.89"/>
    <n v="1"/>
    <n v="1.87"/>
  </r>
  <r>
    <d v="2017-05-30T00:00:00"/>
    <x v="4"/>
    <x v="3"/>
    <x v="664"/>
    <x v="8"/>
    <x v="1"/>
    <x v="8"/>
    <s v="Acrylic Self-Standing Desk Frames"/>
    <n v="8.01"/>
    <n v="3"/>
    <n v="3.04"/>
  </r>
  <r>
    <d v="2017-05-30T00:00:00"/>
    <x v="4"/>
    <x v="3"/>
    <x v="588"/>
    <x v="11"/>
    <x v="2"/>
    <x v="6"/>
    <s v="LG G3"/>
    <n v="156.79"/>
    <n v="1"/>
    <n v="17.64"/>
  </r>
  <r>
    <d v="2017-05-30T00:00:00"/>
    <x v="4"/>
    <x v="3"/>
    <x v="588"/>
    <x v="11"/>
    <x v="2"/>
    <x v="9"/>
    <s v="SanDisk Ultra 32 GB MicroSDHC Class 10 Memory Card"/>
    <n v="35.36"/>
    <n v="2"/>
    <n v="-3.09"/>
  </r>
  <r>
    <d v="2017-05-30T00:00:00"/>
    <x v="4"/>
    <x v="3"/>
    <x v="588"/>
    <x v="11"/>
    <x v="1"/>
    <x v="8"/>
    <s v="Tensor Brushed Steel Torchiere Floor Lamp"/>
    <n v="13.59"/>
    <n v="1"/>
    <n v="-0.34"/>
  </r>
  <r>
    <d v="2017-05-30T00:00:00"/>
    <x v="4"/>
    <x v="3"/>
    <x v="436"/>
    <x v="3"/>
    <x v="0"/>
    <x v="0"/>
    <s v="Rediform S.O.S. 1-Up Phone Message Bk, 4-1/4x3-1/16 Bk, 1 Form/Pg, 40 Messages/Bk, 3/Pk"/>
    <n v="37.520000000000003"/>
    <n v="4"/>
    <n v="18.010000000000002"/>
  </r>
  <r>
    <d v="2017-05-30T00:00:00"/>
    <x v="4"/>
    <x v="3"/>
    <x v="73"/>
    <x v="0"/>
    <x v="1"/>
    <x v="11"/>
    <s v="Atlantic Metals Mobile 5-Shelf Bookcases, Custom Colors"/>
    <n v="204.67"/>
    <n v="1"/>
    <n v="-6.02"/>
  </r>
  <r>
    <d v="2017-05-30T00:00:00"/>
    <x v="4"/>
    <x v="3"/>
    <x v="75"/>
    <x v="3"/>
    <x v="0"/>
    <x v="4"/>
    <s v="Dixon My First Ticonderoga Pencil, #2"/>
    <n v="35.1"/>
    <n v="6"/>
    <n v="10.18"/>
  </r>
  <r>
    <d v="2017-06-01T00:00:00"/>
    <x v="5"/>
    <x v="3"/>
    <x v="323"/>
    <x v="10"/>
    <x v="0"/>
    <x v="12"/>
    <s v="Eureka Sanitaire  Multi-Pro Heavy-Duty Upright, Disposable Bags"/>
    <n v="17.48"/>
    <n v="5"/>
    <n v="1.31"/>
  </r>
  <r>
    <d v="2017-06-01T00:00:00"/>
    <x v="5"/>
    <x v="3"/>
    <x v="681"/>
    <x v="10"/>
    <x v="0"/>
    <x v="3"/>
    <s v="Cardinal HOLDit! Binder Insert Strips,Extra Strips"/>
    <n v="3.8"/>
    <n v="2"/>
    <n v="-2.66"/>
  </r>
  <r>
    <d v="2017-06-01T00:00:00"/>
    <x v="5"/>
    <x v="3"/>
    <x v="681"/>
    <x v="10"/>
    <x v="0"/>
    <x v="0"/>
    <s v="Xerox 1924"/>
    <n v="27.74"/>
    <n v="6"/>
    <n v="10.06"/>
  </r>
  <r>
    <d v="2017-06-01T00:00:00"/>
    <x v="5"/>
    <x v="3"/>
    <x v="681"/>
    <x v="10"/>
    <x v="2"/>
    <x v="6"/>
    <s v="Panasonic KX-TG6844B Expandable Digital Cordless Telephone"/>
    <n v="158.38"/>
    <n v="4"/>
    <n v="-34.31"/>
  </r>
  <r>
    <d v="2017-06-01T00:00:00"/>
    <x v="5"/>
    <x v="3"/>
    <x v="755"/>
    <x v="40"/>
    <x v="0"/>
    <x v="3"/>
    <s v="GBC Standard Recycled Report Covers, Clear Plastic Sheets"/>
    <n v="53.9"/>
    <n v="5"/>
    <n v="25.87"/>
  </r>
  <r>
    <d v="2017-06-01T00:00:00"/>
    <x v="5"/>
    <x v="3"/>
    <x v="220"/>
    <x v="2"/>
    <x v="0"/>
    <x v="2"/>
    <s v="Tennsco Stur-D-Stor Boltless Shelving, 5 Shelves, 24&quot; Deep, Sand"/>
    <n v="324.74"/>
    <n v="3"/>
    <n v="-77.13"/>
  </r>
  <r>
    <d v="2017-06-01T00:00:00"/>
    <x v="5"/>
    <x v="3"/>
    <x v="698"/>
    <x v="18"/>
    <x v="1"/>
    <x v="5"/>
    <s v="Hon 4070 Series Pagoda Round Back Stacking Chairs"/>
    <n v="1925.88"/>
    <n v="6"/>
    <n v="539.25"/>
  </r>
  <r>
    <d v="2017-06-01T00:00:00"/>
    <x v="5"/>
    <x v="3"/>
    <x v="698"/>
    <x v="18"/>
    <x v="0"/>
    <x v="12"/>
    <s v="Honeywell Enviracaire Portable HEPA Air Cleaner for 17' x 22' Room"/>
    <n v="2405.1999999999998"/>
    <n v="8"/>
    <n v="793.72"/>
  </r>
  <r>
    <d v="2017-06-01T00:00:00"/>
    <x v="5"/>
    <x v="3"/>
    <x v="698"/>
    <x v="18"/>
    <x v="2"/>
    <x v="9"/>
    <s v="MaxellÂ LTO Ultrium - 800 GB"/>
    <n v="83.97"/>
    <n v="3"/>
    <n v="15.95"/>
  </r>
  <r>
    <d v="2017-06-01T00:00:00"/>
    <x v="5"/>
    <x v="3"/>
    <x v="698"/>
    <x v="18"/>
    <x v="2"/>
    <x v="9"/>
    <s v="LogitechÂ MX Performance Wireless Mouse"/>
    <n v="39.89"/>
    <n v="1"/>
    <n v="14.76"/>
  </r>
  <r>
    <d v="2017-06-01T00:00:00"/>
    <x v="5"/>
    <x v="3"/>
    <x v="698"/>
    <x v="18"/>
    <x v="0"/>
    <x v="3"/>
    <s v="Cardinal Slant-D Ring Binders"/>
    <n v="17.38"/>
    <n v="2"/>
    <n v="8.69"/>
  </r>
  <r>
    <d v="2017-06-02T00:00:00"/>
    <x v="5"/>
    <x v="3"/>
    <x v="314"/>
    <x v="10"/>
    <x v="2"/>
    <x v="6"/>
    <s v="Cush Cases Heavy Duty Rugged Cover Case for Samsung Galaxy S5 - Purple"/>
    <n v="2.97"/>
    <n v="1"/>
    <n v="-0.64"/>
  </r>
  <r>
    <d v="2017-06-02T00:00:00"/>
    <x v="5"/>
    <x v="3"/>
    <x v="314"/>
    <x v="10"/>
    <x v="0"/>
    <x v="2"/>
    <s v="Advantus Rolling Storage Box"/>
    <n v="27.44"/>
    <n v="2"/>
    <n v="2.4"/>
  </r>
  <r>
    <d v="2017-06-02T00:00:00"/>
    <x v="5"/>
    <x v="3"/>
    <x v="445"/>
    <x v="12"/>
    <x v="0"/>
    <x v="0"/>
    <s v="Xerox 4200 Series MultiUse Premium Copy Paper (20Lb. and 84 Bright)"/>
    <n v="25.34"/>
    <n v="6"/>
    <n v="7.92"/>
  </r>
  <r>
    <d v="2017-06-02T00:00:00"/>
    <x v="5"/>
    <x v="3"/>
    <x v="445"/>
    <x v="12"/>
    <x v="0"/>
    <x v="10"/>
    <s v="Manila Recycled Extra-Heavyweight Clasp Envelopes, 6&quot; x 9&quot;"/>
    <n v="43.92"/>
    <n v="5"/>
    <n v="15.92"/>
  </r>
  <r>
    <d v="2017-06-02T00:00:00"/>
    <x v="5"/>
    <x v="3"/>
    <x v="178"/>
    <x v="25"/>
    <x v="0"/>
    <x v="0"/>
    <s v="Things To Do Today Spiral Book"/>
    <n v="25.34"/>
    <n v="4"/>
    <n v="9.19"/>
  </r>
  <r>
    <d v="2017-06-02T00:00:00"/>
    <x v="5"/>
    <x v="3"/>
    <x v="628"/>
    <x v="0"/>
    <x v="0"/>
    <x v="0"/>
    <s v="Xerox 1977"/>
    <n v="10.69"/>
    <n v="2"/>
    <n v="3.74"/>
  </r>
  <r>
    <d v="2017-06-03T00:00:00"/>
    <x v="5"/>
    <x v="3"/>
    <x v="252"/>
    <x v="15"/>
    <x v="1"/>
    <x v="8"/>
    <s v="Eldon 200 Class Desk Accessories, Burgundy"/>
    <n v="35.17"/>
    <n v="7"/>
    <n v="9.67"/>
  </r>
  <r>
    <d v="2017-06-03T00:00:00"/>
    <x v="5"/>
    <x v="3"/>
    <x v="186"/>
    <x v="22"/>
    <x v="2"/>
    <x v="9"/>
    <s v="Plantronics Audio 995 Wireless Stereo Headset"/>
    <n v="1099.5"/>
    <n v="10"/>
    <n v="362.84"/>
  </r>
  <r>
    <d v="2017-06-03T00:00:00"/>
    <x v="5"/>
    <x v="3"/>
    <x v="531"/>
    <x v="3"/>
    <x v="2"/>
    <x v="9"/>
    <s v="Kingston Digital DataTraveler 16GB USB 2.0"/>
    <n v="44.75"/>
    <n v="5"/>
    <n v="8.5"/>
  </r>
  <r>
    <d v="2017-06-03T00:00:00"/>
    <x v="5"/>
    <x v="3"/>
    <x v="531"/>
    <x v="3"/>
    <x v="0"/>
    <x v="0"/>
    <s v="Xerox 1947"/>
    <n v="11.96"/>
    <n v="2"/>
    <n v="5.38"/>
  </r>
  <r>
    <d v="2017-06-03T00:00:00"/>
    <x v="5"/>
    <x v="3"/>
    <x v="531"/>
    <x v="3"/>
    <x v="0"/>
    <x v="3"/>
    <s v="UniKeep View Case Binders"/>
    <n v="3.91"/>
    <n v="1"/>
    <n v="1.27"/>
  </r>
  <r>
    <d v="2017-06-03T00:00:00"/>
    <x v="5"/>
    <x v="3"/>
    <x v="245"/>
    <x v="16"/>
    <x v="0"/>
    <x v="3"/>
    <s v="Wilson Jones Standard D-Ring Binders"/>
    <n v="4.55"/>
    <n v="3"/>
    <n v="-3.49"/>
  </r>
  <r>
    <d v="2017-06-03T00:00:00"/>
    <x v="5"/>
    <x v="3"/>
    <x v="245"/>
    <x v="16"/>
    <x v="0"/>
    <x v="12"/>
    <s v="Bravo II Megaboss 12-Amp Hard Body Upright, Replacement Belts, 2 Belts per Pack"/>
    <n v="5.2"/>
    <n v="2"/>
    <n v="0.59"/>
  </r>
  <r>
    <d v="2017-06-03T00:00:00"/>
    <x v="5"/>
    <x v="3"/>
    <x v="245"/>
    <x v="16"/>
    <x v="2"/>
    <x v="9"/>
    <s v="LogitechÂ P710e Mobile Speakerphone"/>
    <n v="205.99"/>
    <n v="1"/>
    <n v="-2.57"/>
  </r>
  <r>
    <d v="2017-06-03T00:00:00"/>
    <x v="5"/>
    <x v="3"/>
    <x v="245"/>
    <x v="16"/>
    <x v="0"/>
    <x v="0"/>
    <s v="Xerox 206"/>
    <n v="15.55"/>
    <n v="3"/>
    <n v="5.44"/>
  </r>
  <r>
    <d v="2017-06-03T00:00:00"/>
    <x v="5"/>
    <x v="3"/>
    <x v="245"/>
    <x v="16"/>
    <x v="2"/>
    <x v="6"/>
    <s v="VTech DS6151"/>
    <n v="503.96"/>
    <n v="5"/>
    <n v="50.4"/>
  </r>
  <r>
    <d v="2017-06-03T00:00:00"/>
    <x v="5"/>
    <x v="3"/>
    <x v="245"/>
    <x v="16"/>
    <x v="0"/>
    <x v="12"/>
    <s v="Eureka Sanitaire  Multi-Pro Heavy-Duty Upright, Disposable Bags"/>
    <n v="24.47"/>
    <n v="7"/>
    <n v="1.84"/>
  </r>
  <r>
    <d v="2017-06-03T00:00:00"/>
    <x v="5"/>
    <x v="3"/>
    <x v="245"/>
    <x v="16"/>
    <x v="1"/>
    <x v="11"/>
    <s v="Bush Mission Pointe Library"/>
    <n v="241.57"/>
    <n v="2"/>
    <n v="0"/>
  </r>
  <r>
    <d v="2017-06-03T00:00:00"/>
    <x v="5"/>
    <x v="3"/>
    <x v="245"/>
    <x v="16"/>
    <x v="2"/>
    <x v="9"/>
    <s v="WD My Passport Ultra 1TB Portable External Hard Drive"/>
    <n v="110.4"/>
    <n v="2"/>
    <n v="-4.1399999999999997"/>
  </r>
  <r>
    <d v="2017-06-03T00:00:00"/>
    <x v="5"/>
    <x v="3"/>
    <x v="549"/>
    <x v="20"/>
    <x v="1"/>
    <x v="13"/>
    <s v="Chromcraft 48&quot; x 96&quot; Racetrack Double Pedestal Table"/>
    <n v="384.77"/>
    <n v="2"/>
    <n v="-115.43"/>
  </r>
  <r>
    <d v="2017-06-03T00:00:00"/>
    <x v="5"/>
    <x v="3"/>
    <x v="549"/>
    <x v="20"/>
    <x v="2"/>
    <x v="15"/>
    <s v="Hewlett-Packard 300S Scientific Calculator"/>
    <n v="78.66"/>
    <n v="6"/>
    <n v="36.18"/>
  </r>
  <r>
    <d v="2017-06-03T00:00:00"/>
    <x v="5"/>
    <x v="3"/>
    <x v="549"/>
    <x v="20"/>
    <x v="0"/>
    <x v="0"/>
    <s v="Xerox 188"/>
    <n v="45.36"/>
    <n v="4"/>
    <n v="22.23"/>
  </r>
  <r>
    <d v="2017-06-03T00:00:00"/>
    <x v="5"/>
    <x v="3"/>
    <x v="690"/>
    <x v="22"/>
    <x v="0"/>
    <x v="2"/>
    <s v="Eldon Gobal File Keepers"/>
    <n v="136.26"/>
    <n v="9"/>
    <n v="5.45"/>
  </r>
  <r>
    <d v="2017-06-04T00:00:00"/>
    <x v="5"/>
    <x v="3"/>
    <x v="754"/>
    <x v="25"/>
    <x v="1"/>
    <x v="8"/>
    <s v="Telescoping Adjustable Floor Lamp"/>
    <n v="31.98"/>
    <n v="2"/>
    <n v="2"/>
  </r>
  <r>
    <d v="2017-06-04T00:00:00"/>
    <x v="5"/>
    <x v="3"/>
    <x v="754"/>
    <x v="25"/>
    <x v="2"/>
    <x v="6"/>
    <s v="Innergie mMini Combo Duo USB Travel Charging Kit"/>
    <n v="71.98"/>
    <n v="2"/>
    <n v="25.19"/>
  </r>
  <r>
    <d v="2017-06-04T00:00:00"/>
    <x v="5"/>
    <x v="3"/>
    <x v="284"/>
    <x v="33"/>
    <x v="0"/>
    <x v="0"/>
    <s v="Ampad Phone Message Book, Recycled, 400 Message Capacity, 5 Â¾Â” x 11Â”"/>
    <n v="12.48"/>
    <n v="2"/>
    <n v="5.62"/>
  </r>
  <r>
    <d v="2017-06-04T00:00:00"/>
    <x v="5"/>
    <x v="3"/>
    <x v="189"/>
    <x v="28"/>
    <x v="0"/>
    <x v="4"/>
    <s v="Newell 346"/>
    <n v="8.64"/>
    <n v="3"/>
    <n v="2.5099999999999998"/>
  </r>
  <r>
    <d v="2017-06-04T00:00:00"/>
    <x v="5"/>
    <x v="3"/>
    <x v="783"/>
    <x v="0"/>
    <x v="0"/>
    <x v="3"/>
    <s v="Presstex Flexible Ring Binders"/>
    <n v="6.37"/>
    <n v="7"/>
    <n v="-9.56"/>
  </r>
  <r>
    <d v="2017-06-04T00:00:00"/>
    <x v="5"/>
    <x v="3"/>
    <x v="200"/>
    <x v="13"/>
    <x v="0"/>
    <x v="3"/>
    <s v="GBC VeloBind Cover Sets"/>
    <n v="108.08"/>
    <n v="7"/>
    <n v="54.04"/>
  </r>
  <r>
    <d v="2017-06-04T00:00:00"/>
    <x v="5"/>
    <x v="3"/>
    <x v="200"/>
    <x v="13"/>
    <x v="0"/>
    <x v="3"/>
    <s v="Insertable Tab Indexes For Data Binders"/>
    <n v="9.5399999999999991"/>
    <n v="3"/>
    <n v="4.3899999999999997"/>
  </r>
  <r>
    <d v="2017-06-04T00:00:00"/>
    <x v="5"/>
    <x v="3"/>
    <x v="313"/>
    <x v="0"/>
    <x v="1"/>
    <x v="8"/>
    <s v="Nu-Dell Executive Frame"/>
    <n v="30.34"/>
    <n v="6"/>
    <n v="-17.440000000000001"/>
  </r>
  <r>
    <d v="2017-06-05T00:00:00"/>
    <x v="5"/>
    <x v="3"/>
    <x v="579"/>
    <x v="0"/>
    <x v="2"/>
    <x v="6"/>
    <s v="LG G3"/>
    <n v="470.38"/>
    <n v="3"/>
    <n v="52.92"/>
  </r>
  <r>
    <d v="2017-06-05T00:00:00"/>
    <x v="5"/>
    <x v="3"/>
    <x v="270"/>
    <x v="16"/>
    <x v="0"/>
    <x v="0"/>
    <s v="Xerox 227"/>
    <n v="20.74"/>
    <n v="4"/>
    <n v="7.26"/>
  </r>
  <r>
    <d v="2017-06-06T00:00:00"/>
    <x v="5"/>
    <x v="3"/>
    <x v="292"/>
    <x v="3"/>
    <x v="1"/>
    <x v="8"/>
    <s v="Eldon 300 Class Desk Accessories, Black"/>
    <n v="4.95"/>
    <n v="1"/>
    <n v="2.1800000000000002"/>
  </r>
  <r>
    <d v="2017-06-06T00:00:00"/>
    <x v="5"/>
    <x v="3"/>
    <x v="292"/>
    <x v="3"/>
    <x v="0"/>
    <x v="2"/>
    <s v="Sterilite Show Offs Storage Containers"/>
    <n v="26.4"/>
    <n v="5"/>
    <n v="0"/>
  </r>
  <r>
    <d v="2017-06-08T00:00:00"/>
    <x v="5"/>
    <x v="3"/>
    <x v="112"/>
    <x v="0"/>
    <x v="0"/>
    <x v="12"/>
    <s v="Eureka Disposable Bags for Sanitaire Vibra Groomer I Upright Vac"/>
    <n v="1.62"/>
    <n v="2"/>
    <n v="-4.47"/>
  </r>
  <r>
    <d v="2017-06-08T00:00:00"/>
    <x v="5"/>
    <x v="3"/>
    <x v="495"/>
    <x v="0"/>
    <x v="0"/>
    <x v="14"/>
    <s v="Acme Tagit Stainless Steel Antibacterial Scissors"/>
    <n v="23.76"/>
    <n v="3"/>
    <n v="2.08"/>
  </r>
  <r>
    <d v="2017-06-08T00:00:00"/>
    <x v="5"/>
    <x v="3"/>
    <x v="495"/>
    <x v="0"/>
    <x v="0"/>
    <x v="0"/>
    <s v="Easy-staple paper"/>
    <n v="85.06"/>
    <n v="3"/>
    <n v="28.71"/>
  </r>
  <r>
    <d v="2017-06-08T00:00:00"/>
    <x v="5"/>
    <x v="3"/>
    <x v="495"/>
    <x v="0"/>
    <x v="2"/>
    <x v="6"/>
    <s v="ClearOne Communications CHAT 70 OCÂ Speaker Phone"/>
    <n v="381.58"/>
    <n v="3"/>
    <n v="28.62"/>
  </r>
  <r>
    <d v="2017-06-08T00:00:00"/>
    <x v="5"/>
    <x v="3"/>
    <x v="395"/>
    <x v="37"/>
    <x v="0"/>
    <x v="3"/>
    <s v="Wilson Jones Impact Binders"/>
    <n v="10.36"/>
    <n v="2"/>
    <n v="5.08"/>
  </r>
  <r>
    <d v="2017-06-08T00:00:00"/>
    <x v="5"/>
    <x v="3"/>
    <x v="346"/>
    <x v="1"/>
    <x v="0"/>
    <x v="3"/>
    <s v="GBC Twin Loop Wire Binding Elements, 9/16&quot; Spine, Black"/>
    <n v="12.18"/>
    <n v="4"/>
    <n v="-18.87"/>
  </r>
  <r>
    <d v="2017-06-08T00:00:00"/>
    <x v="5"/>
    <x v="3"/>
    <x v="473"/>
    <x v="3"/>
    <x v="1"/>
    <x v="11"/>
    <s v="Riverside Palais Royal Lawyers Bookcase, Royale Cherry Finish"/>
    <n v="1497.67"/>
    <n v="2"/>
    <n v="140.96"/>
  </r>
  <r>
    <d v="2017-06-08T00:00:00"/>
    <x v="5"/>
    <x v="3"/>
    <x v="473"/>
    <x v="3"/>
    <x v="2"/>
    <x v="6"/>
    <s v="Shocksock Galaxy S4 Armband"/>
    <n v="17.52"/>
    <n v="2"/>
    <n v="-3.5"/>
  </r>
  <r>
    <d v="2017-06-08T00:00:00"/>
    <x v="5"/>
    <x v="3"/>
    <x v="251"/>
    <x v="12"/>
    <x v="2"/>
    <x v="9"/>
    <s v="Memorex Micro Travel Drive 16 GB"/>
    <n v="89.54"/>
    <n v="7"/>
    <n v="12.31"/>
  </r>
  <r>
    <d v="2017-06-08T00:00:00"/>
    <x v="5"/>
    <x v="3"/>
    <x v="251"/>
    <x v="12"/>
    <x v="0"/>
    <x v="2"/>
    <s v="Rogers Deluxe File Chest"/>
    <n v="35.17"/>
    <n v="2"/>
    <n v="-8.35"/>
  </r>
  <r>
    <d v="2017-06-08T00:00:00"/>
    <x v="5"/>
    <x v="3"/>
    <x v="251"/>
    <x v="12"/>
    <x v="0"/>
    <x v="3"/>
    <s v="GBC VeloBinder Electric Binding Machine"/>
    <n v="72.59"/>
    <n v="2"/>
    <n v="-48.39"/>
  </r>
  <r>
    <d v="2017-06-09T00:00:00"/>
    <x v="5"/>
    <x v="3"/>
    <x v="690"/>
    <x v="1"/>
    <x v="1"/>
    <x v="8"/>
    <s v="12-1/2 Diameter Round Wall Clock"/>
    <n v="23.98"/>
    <n v="3"/>
    <n v="-14.39"/>
  </r>
  <r>
    <d v="2017-06-09T00:00:00"/>
    <x v="5"/>
    <x v="3"/>
    <x v="690"/>
    <x v="1"/>
    <x v="1"/>
    <x v="13"/>
    <s v="Chromcraft Bull-Nose Wood Round Conference Table Top, Wood Base"/>
    <n v="108.93"/>
    <n v="1"/>
    <n v="-71.89"/>
  </r>
  <r>
    <d v="2017-06-09T00:00:00"/>
    <x v="5"/>
    <x v="3"/>
    <x v="690"/>
    <x v="1"/>
    <x v="0"/>
    <x v="0"/>
    <s v="Adams Telephone Message Book W/Dividers/Space For Phone Numbers, 5 1/4&quot;X8 1/2&quot;, 200/Messages"/>
    <n v="36.35"/>
    <n v="8"/>
    <n v="11.36"/>
  </r>
  <r>
    <d v="2017-06-09T00:00:00"/>
    <x v="5"/>
    <x v="3"/>
    <x v="479"/>
    <x v="0"/>
    <x v="0"/>
    <x v="2"/>
    <s v="Standard Rollaway File with Lock"/>
    <n v="720.76"/>
    <n v="5"/>
    <n v="54.06"/>
  </r>
  <r>
    <d v="2017-06-09T00:00:00"/>
    <x v="5"/>
    <x v="3"/>
    <x v="643"/>
    <x v="6"/>
    <x v="0"/>
    <x v="0"/>
    <s v="Easy-staple paper"/>
    <n v="49.12"/>
    <n v="4"/>
    <n v="23.09"/>
  </r>
  <r>
    <d v="2017-06-10T00:00:00"/>
    <x v="5"/>
    <x v="3"/>
    <x v="428"/>
    <x v="3"/>
    <x v="0"/>
    <x v="1"/>
    <s v="Alphabetical Labels for Top Tab Filing"/>
    <n v="29.6"/>
    <n v="2"/>
    <n v="14.8"/>
  </r>
  <r>
    <d v="2017-06-10T00:00:00"/>
    <x v="5"/>
    <x v="3"/>
    <x v="428"/>
    <x v="3"/>
    <x v="1"/>
    <x v="11"/>
    <s v="O'Sullivan Living Dimensions 2-Shelf Bookcases"/>
    <n v="514.16999999999996"/>
    <n v="5"/>
    <n v="-30.25"/>
  </r>
  <r>
    <d v="2017-06-10T00:00:00"/>
    <x v="5"/>
    <x v="3"/>
    <x v="428"/>
    <x v="3"/>
    <x v="2"/>
    <x v="6"/>
    <s v="iHome FM Clock Radio with Lightning Dock"/>
    <n v="279.95999999999998"/>
    <n v="5"/>
    <n v="17.5"/>
  </r>
  <r>
    <d v="2017-06-10T00:00:00"/>
    <x v="5"/>
    <x v="3"/>
    <x v="573"/>
    <x v="14"/>
    <x v="2"/>
    <x v="9"/>
    <s v="ImationÂ 16GB Mini TravelDrive USB 2.0Â Flash Drive"/>
    <n v="132.52000000000001"/>
    <n v="4"/>
    <n v="54.33"/>
  </r>
  <r>
    <d v="2017-06-10T00:00:00"/>
    <x v="5"/>
    <x v="3"/>
    <x v="346"/>
    <x v="3"/>
    <x v="0"/>
    <x v="4"/>
    <s v="Newell 351"/>
    <n v="16.399999999999999"/>
    <n v="5"/>
    <n v="4.76"/>
  </r>
  <r>
    <d v="2017-06-10T00:00:00"/>
    <x v="5"/>
    <x v="3"/>
    <x v="319"/>
    <x v="2"/>
    <x v="0"/>
    <x v="0"/>
    <s v="REDIFORM Incoming/Outgoing Call Register, 11&quot; X 8 1/2&quot;, 100 Messages"/>
    <n v="40.03"/>
    <n v="6"/>
    <n v="15.01"/>
  </r>
  <r>
    <d v="2017-06-10T00:00:00"/>
    <x v="5"/>
    <x v="3"/>
    <x v="37"/>
    <x v="16"/>
    <x v="0"/>
    <x v="2"/>
    <s v="24 Capacity Maxi Data Binder Racks, Pearl"/>
    <n v="1347.52"/>
    <n v="8"/>
    <n v="84.22"/>
  </r>
  <r>
    <d v="2017-06-10T00:00:00"/>
    <x v="5"/>
    <x v="3"/>
    <x v="49"/>
    <x v="20"/>
    <x v="0"/>
    <x v="4"/>
    <s v="Prang Dustless Chalk Sticks"/>
    <n v="8.4"/>
    <n v="5"/>
    <n v="4.2"/>
  </r>
  <r>
    <d v="2017-06-10T00:00:00"/>
    <x v="5"/>
    <x v="3"/>
    <x v="649"/>
    <x v="22"/>
    <x v="2"/>
    <x v="6"/>
    <s v="Logitech B530 USBÂ HeadsetÂ -Â headsetÂ - Full size, Binaural"/>
    <n v="88.78"/>
    <n v="3"/>
    <n v="7.77"/>
  </r>
  <r>
    <d v="2017-06-10T00:00:00"/>
    <x v="5"/>
    <x v="3"/>
    <x v="649"/>
    <x v="22"/>
    <x v="0"/>
    <x v="1"/>
    <s v="Avery 512"/>
    <n v="11.56"/>
    <n v="4"/>
    <n v="5.43"/>
  </r>
  <r>
    <d v="2017-06-10T00:00:00"/>
    <x v="5"/>
    <x v="3"/>
    <x v="649"/>
    <x v="22"/>
    <x v="0"/>
    <x v="2"/>
    <s v="Personal File Boxes with Fold-Down Carry Handle"/>
    <n v="15.58"/>
    <n v="1"/>
    <n v="3.9"/>
  </r>
  <r>
    <d v="2017-06-10T00:00:00"/>
    <x v="5"/>
    <x v="3"/>
    <x v="434"/>
    <x v="3"/>
    <x v="0"/>
    <x v="4"/>
    <s v="Sanford EarthWrite Recycled Pencils, Medium Soft, #2"/>
    <n v="14.7"/>
    <n v="7"/>
    <n v="4.12"/>
  </r>
  <r>
    <d v="2017-06-10T00:00:00"/>
    <x v="5"/>
    <x v="3"/>
    <x v="22"/>
    <x v="20"/>
    <x v="0"/>
    <x v="7"/>
    <s v="Plymouth Boxed Rubber Bands by Plymouth"/>
    <n v="14.13"/>
    <n v="3"/>
    <n v="0.71"/>
  </r>
  <r>
    <d v="2017-06-11T00:00:00"/>
    <x v="5"/>
    <x v="3"/>
    <x v="265"/>
    <x v="3"/>
    <x v="0"/>
    <x v="0"/>
    <s v="White Dual Perf Computer Printout Paper, 2700 Sheets, 1 Part, Heavyweight, 20 lbs., 14 7/8 x 11"/>
    <n v="122.97"/>
    <n v="3"/>
    <n v="60.26"/>
  </r>
  <r>
    <d v="2017-06-11T00:00:00"/>
    <x v="5"/>
    <x v="3"/>
    <x v="288"/>
    <x v="12"/>
    <x v="1"/>
    <x v="5"/>
    <s v="Global Leather Executive Chair"/>
    <n v="280.79000000000002"/>
    <n v="1"/>
    <n v="35.1"/>
  </r>
  <r>
    <d v="2017-06-11T00:00:00"/>
    <x v="5"/>
    <x v="3"/>
    <x v="288"/>
    <x v="12"/>
    <x v="0"/>
    <x v="2"/>
    <s v="Sortfiler Multipurpose Personal File Organizer, Black"/>
    <n v="68.45"/>
    <n v="4"/>
    <n v="7.7"/>
  </r>
  <r>
    <d v="2017-06-11T00:00:00"/>
    <x v="5"/>
    <x v="3"/>
    <x v="288"/>
    <x v="12"/>
    <x v="0"/>
    <x v="4"/>
    <s v="Boston 16801 Nautilus Battery Pencil Sharpener"/>
    <n v="88.04"/>
    <n v="5"/>
    <n v="6.6"/>
  </r>
  <r>
    <d v="2017-06-11T00:00:00"/>
    <x v="5"/>
    <x v="3"/>
    <x v="288"/>
    <x v="12"/>
    <x v="0"/>
    <x v="4"/>
    <s v="Newell 319"/>
    <n v="15.87"/>
    <n v="1"/>
    <n v="1.98"/>
  </r>
  <r>
    <d v="2017-06-11T00:00:00"/>
    <x v="5"/>
    <x v="3"/>
    <x v="288"/>
    <x v="12"/>
    <x v="0"/>
    <x v="2"/>
    <s v="Fellowes Officeware Wire Shelving"/>
    <n v="215.59"/>
    <n v="3"/>
    <n v="-48.51"/>
  </r>
  <r>
    <d v="2017-06-11T00:00:00"/>
    <x v="5"/>
    <x v="3"/>
    <x v="61"/>
    <x v="33"/>
    <x v="0"/>
    <x v="4"/>
    <s v="OIC #2 Pencils, Medium Soft"/>
    <n v="3.76"/>
    <n v="2"/>
    <n v="1.0900000000000001"/>
  </r>
  <r>
    <d v="2017-06-11T00:00:00"/>
    <x v="5"/>
    <x v="3"/>
    <x v="23"/>
    <x v="22"/>
    <x v="0"/>
    <x v="0"/>
    <s v="Xerox 1939"/>
    <n v="37.94"/>
    <n v="2"/>
    <n v="18.21"/>
  </r>
  <r>
    <d v="2017-06-11T00:00:00"/>
    <x v="5"/>
    <x v="3"/>
    <x v="23"/>
    <x v="22"/>
    <x v="0"/>
    <x v="3"/>
    <s v="Acco Pressboard Covers with Storage Hooks, 14 7/8&quot; x 11&quot;, Dark Blue"/>
    <n v="18.29"/>
    <n v="6"/>
    <n v="6.63"/>
  </r>
  <r>
    <d v="2017-06-11T00:00:00"/>
    <x v="5"/>
    <x v="3"/>
    <x v="23"/>
    <x v="22"/>
    <x v="2"/>
    <x v="15"/>
    <s v="Cisco Desktop Collaboration Experience DX650 IP Video Phone"/>
    <n v="385.8"/>
    <n v="5"/>
    <n v="130.21"/>
  </r>
  <r>
    <d v="2017-06-11T00:00:00"/>
    <x v="5"/>
    <x v="3"/>
    <x v="23"/>
    <x v="22"/>
    <x v="0"/>
    <x v="2"/>
    <s v="Belkin 19&quot; Vented Equipment Shelf, Black"/>
    <n v="102.96"/>
    <n v="2"/>
    <n v="1.03"/>
  </r>
  <r>
    <d v="2017-06-11T00:00:00"/>
    <x v="5"/>
    <x v="3"/>
    <x v="23"/>
    <x v="22"/>
    <x v="1"/>
    <x v="11"/>
    <s v="O'Sullivan 3-Shelf Heavy-Duty Bookcases"/>
    <n v="174.42"/>
    <n v="3"/>
    <n v="41.86"/>
  </r>
  <r>
    <d v="2017-06-11T00:00:00"/>
    <x v="5"/>
    <x v="3"/>
    <x v="368"/>
    <x v="3"/>
    <x v="0"/>
    <x v="12"/>
    <s v="Kensington 6 Outlet Guardian Standard Surge Protector"/>
    <n v="61.44"/>
    <n v="3"/>
    <n v="16.59"/>
  </r>
  <r>
    <d v="2017-06-11T00:00:00"/>
    <x v="5"/>
    <x v="3"/>
    <x v="456"/>
    <x v="25"/>
    <x v="0"/>
    <x v="3"/>
    <s v="Acco Pressboard Covers with Storage Hooks, 14 7/8&quot; x 11&quot;, Executive Red"/>
    <n v="4.57"/>
    <n v="4"/>
    <n v="-3.81"/>
  </r>
  <r>
    <d v="2017-06-12T00:00:00"/>
    <x v="5"/>
    <x v="3"/>
    <x v="5"/>
    <x v="4"/>
    <x v="0"/>
    <x v="3"/>
    <s v="Ibico Plastic Spiral Binding Combs"/>
    <n v="91.2"/>
    <n v="3"/>
    <n v="41.95"/>
  </r>
  <r>
    <d v="2017-06-12T00:00:00"/>
    <x v="5"/>
    <x v="3"/>
    <x v="5"/>
    <x v="4"/>
    <x v="1"/>
    <x v="13"/>
    <s v="Iceberg OfficeWorks 42&quot; Round Tables"/>
    <n v="452.94"/>
    <n v="3"/>
    <n v="67.94"/>
  </r>
  <r>
    <d v="2017-06-12T00:00:00"/>
    <x v="5"/>
    <x v="3"/>
    <x v="242"/>
    <x v="20"/>
    <x v="0"/>
    <x v="0"/>
    <s v="TOPS Voice Message Log Book, Flash Format"/>
    <n v="19.04"/>
    <n v="4"/>
    <n v="9.33"/>
  </r>
  <r>
    <d v="2017-06-12T00:00:00"/>
    <x v="5"/>
    <x v="3"/>
    <x v="242"/>
    <x v="20"/>
    <x v="0"/>
    <x v="3"/>
    <s v="Angle-D Ring Binders"/>
    <n v="13.13"/>
    <n v="3"/>
    <n v="4.2699999999999996"/>
  </r>
  <r>
    <d v="2017-06-12T00:00:00"/>
    <x v="5"/>
    <x v="3"/>
    <x v="242"/>
    <x v="20"/>
    <x v="0"/>
    <x v="4"/>
    <s v="Boston 1730 StandUp Electric Pencil Sharpener"/>
    <n v="64.14"/>
    <n v="3"/>
    <n v="16.68"/>
  </r>
  <r>
    <d v="2017-06-12T00:00:00"/>
    <x v="5"/>
    <x v="3"/>
    <x v="242"/>
    <x v="20"/>
    <x v="1"/>
    <x v="5"/>
    <s v="Safco Contoured Stacking Chairs"/>
    <n v="858.24"/>
    <n v="4"/>
    <n v="143.04"/>
  </r>
  <r>
    <d v="2017-06-12T00:00:00"/>
    <x v="5"/>
    <x v="3"/>
    <x v="164"/>
    <x v="16"/>
    <x v="1"/>
    <x v="8"/>
    <s v="Dana Swing-Arm Lamps"/>
    <n v="17.09"/>
    <n v="2"/>
    <n v="1.07"/>
  </r>
  <r>
    <d v="2017-06-12T00:00:00"/>
    <x v="5"/>
    <x v="3"/>
    <x v="459"/>
    <x v="10"/>
    <x v="2"/>
    <x v="9"/>
    <s v="Microsoft Sculpt Comfort Mouse"/>
    <n v="63.92"/>
    <n v="2"/>
    <n v="19.18"/>
  </r>
  <r>
    <d v="2017-06-12T00:00:00"/>
    <x v="5"/>
    <x v="3"/>
    <x v="417"/>
    <x v="22"/>
    <x v="2"/>
    <x v="6"/>
    <s v="OtterBox Defender Series Case - Samsung Galaxy S4"/>
    <n v="71.98"/>
    <n v="3"/>
    <n v="9"/>
  </r>
  <r>
    <d v="2017-06-12T00:00:00"/>
    <x v="5"/>
    <x v="3"/>
    <x v="417"/>
    <x v="22"/>
    <x v="0"/>
    <x v="0"/>
    <s v="Xerox 203"/>
    <n v="19.440000000000001"/>
    <n v="3"/>
    <n v="9.33"/>
  </r>
  <r>
    <d v="2017-06-12T00:00:00"/>
    <x v="5"/>
    <x v="3"/>
    <x v="350"/>
    <x v="1"/>
    <x v="1"/>
    <x v="8"/>
    <s v="Eldon Expressions Wood Desk Accessories, Oak"/>
    <n v="8.86"/>
    <n v="3"/>
    <n v="-6.86"/>
  </r>
  <r>
    <d v="2017-06-13T00:00:00"/>
    <x v="5"/>
    <x v="3"/>
    <x v="26"/>
    <x v="1"/>
    <x v="0"/>
    <x v="2"/>
    <s v="Belkin 19&quot; Vented Equipment Shelf, Black"/>
    <n v="164.74"/>
    <n v="4"/>
    <n v="-39.119999999999997"/>
  </r>
  <r>
    <d v="2017-06-13T00:00:00"/>
    <x v="5"/>
    <x v="3"/>
    <x v="26"/>
    <x v="1"/>
    <x v="1"/>
    <x v="5"/>
    <s v="Global Super Steno Chair"/>
    <n v="470.3"/>
    <n v="7"/>
    <n v="-87.34"/>
  </r>
  <r>
    <d v="2017-06-13T00:00:00"/>
    <x v="5"/>
    <x v="3"/>
    <x v="26"/>
    <x v="1"/>
    <x v="2"/>
    <x v="6"/>
    <s v="OtterBox Defender Series Case - Samsung Galaxy S4"/>
    <n v="47.98"/>
    <n v="2"/>
    <n v="6"/>
  </r>
  <r>
    <d v="2017-06-13T00:00:00"/>
    <x v="5"/>
    <x v="3"/>
    <x v="194"/>
    <x v="6"/>
    <x v="0"/>
    <x v="4"/>
    <s v="Boston 1799 Powerhouse Electric Pencil Sharpener"/>
    <n v="181.86"/>
    <n v="7"/>
    <n v="50.92"/>
  </r>
  <r>
    <d v="2017-06-13T00:00:00"/>
    <x v="5"/>
    <x v="3"/>
    <x v="581"/>
    <x v="22"/>
    <x v="1"/>
    <x v="5"/>
    <s v="Global Wood Trimmed Manager's Task Chair, Khaki"/>
    <n v="291.14"/>
    <n v="4"/>
    <n v="-25.47"/>
  </r>
  <r>
    <d v="2017-06-15T00:00:00"/>
    <x v="5"/>
    <x v="3"/>
    <x v="786"/>
    <x v="3"/>
    <x v="2"/>
    <x v="6"/>
    <s v="Anker 36W 4-Port USB Wall Charger Travel Power Adapter for iPhone 5s 5c 5"/>
    <n v="47.98"/>
    <n v="3"/>
    <n v="4.8"/>
  </r>
  <r>
    <d v="2017-06-15T00:00:00"/>
    <x v="5"/>
    <x v="3"/>
    <x v="210"/>
    <x v="1"/>
    <x v="0"/>
    <x v="4"/>
    <s v="Newell 331"/>
    <n v="19.559999999999999"/>
    <n v="5"/>
    <n v="1.71"/>
  </r>
  <r>
    <d v="2017-06-15T00:00:00"/>
    <x v="5"/>
    <x v="3"/>
    <x v="723"/>
    <x v="3"/>
    <x v="0"/>
    <x v="4"/>
    <s v="Dixon Prang Watercolor Pencils, 10-Color Set with Brush"/>
    <n v="4.26"/>
    <n v="1"/>
    <n v="1.75"/>
  </r>
  <r>
    <d v="2017-06-15T00:00:00"/>
    <x v="5"/>
    <x v="3"/>
    <x v="222"/>
    <x v="28"/>
    <x v="0"/>
    <x v="1"/>
    <s v="Avery 490"/>
    <n v="44.4"/>
    <n v="3"/>
    <n v="22.2"/>
  </r>
  <r>
    <d v="2017-06-15T00:00:00"/>
    <x v="5"/>
    <x v="3"/>
    <x v="222"/>
    <x v="28"/>
    <x v="0"/>
    <x v="2"/>
    <s v="Tenex Personal Self-Stacking Standard File Box, Black/Gray"/>
    <n v="84.55"/>
    <n v="5"/>
    <n v="22.83"/>
  </r>
  <r>
    <d v="2017-06-15T00:00:00"/>
    <x v="5"/>
    <x v="3"/>
    <x v="222"/>
    <x v="28"/>
    <x v="0"/>
    <x v="0"/>
    <s v="Xerox 1992"/>
    <n v="17.940000000000001"/>
    <n v="3"/>
    <n v="8.7899999999999991"/>
  </r>
  <r>
    <d v="2017-06-15T00:00:00"/>
    <x v="5"/>
    <x v="3"/>
    <x v="94"/>
    <x v="3"/>
    <x v="2"/>
    <x v="6"/>
    <s v="Panasonic KX T7736-B Digital phone"/>
    <n v="119.96"/>
    <n v="1"/>
    <n v="7.5"/>
  </r>
  <r>
    <d v="2017-06-15T00:00:00"/>
    <x v="5"/>
    <x v="3"/>
    <x v="93"/>
    <x v="15"/>
    <x v="2"/>
    <x v="6"/>
    <s v="HTC One"/>
    <n v="239.98"/>
    <n v="3"/>
    <n v="27"/>
  </r>
  <r>
    <d v="2017-06-15T00:00:00"/>
    <x v="5"/>
    <x v="3"/>
    <x v="93"/>
    <x v="15"/>
    <x v="1"/>
    <x v="8"/>
    <s v="Staple-based wall hangings"/>
    <n v="31.17"/>
    <n v="4"/>
    <n v="9.35"/>
  </r>
  <r>
    <d v="2017-06-15T00:00:00"/>
    <x v="5"/>
    <x v="3"/>
    <x v="93"/>
    <x v="15"/>
    <x v="1"/>
    <x v="13"/>
    <s v="Barricks 18&quot; x 48&quot; Non-Folding Utility Table with Bottom Storage Shelf"/>
    <n v="120.96"/>
    <n v="2"/>
    <n v="-28.22"/>
  </r>
  <r>
    <d v="2017-06-15T00:00:00"/>
    <x v="5"/>
    <x v="3"/>
    <x v="93"/>
    <x v="15"/>
    <x v="2"/>
    <x v="6"/>
    <s v="Samsung Galaxy S III - 16GB - pebble blue (T-Mobile)"/>
    <n v="2239.94"/>
    <n v="8"/>
    <n v="223.99"/>
  </r>
  <r>
    <d v="2017-06-15T00:00:00"/>
    <x v="5"/>
    <x v="3"/>
    <x v="93"/>
    <x v="15"/>
    <x v="0"/>
    <x v="12"/>
    <s v="Staple holder"/>
    <n v="76.61"/>
    <n v="8"/>
    <n v="6.7"/>
  </r>
  <r>
    <d v="2017-06-15T00:00:00"/>
    <x v="5"/>
    <x v="3"/>
    <x v="93"/>
    <x v="15"/>
    <x v="0"/>
    <x v="2"/>
    <s v="Hot File 7-Pocket, Floor Stand"/>
    <n v="142.78"/>
    <n v="1"/>
    <n v="17.850000000000001"/>
  </r>
  <r>
    <d v="2017-06-15T00:00:00"/>
    <x v="5"/>
    <x v="3"/>
    <x v="93"/>
    <x v="15"/>
    <x v="0"/>
    <x v="0"/>
    <s v="Xerox 1955"/>
    <n v="91.36"/>
    <n v="5"/>
    <n v="29.69"/>
  </r>
  <r>
    <d v="2017-06-15T00:00:00"/>
    <x v="5"/>
    <x v="3"/>
    <x v="364"/>
    <x v="25"/>
    <x v="1"/>
    <x v="5"/>
    <s v="Global Executive Mid-Back Manager's Chair"/>
    <n v="698.35"/>
    <n v="3"/>
    <n v="52.38"/>
  </r>
  <r>
    <d v="2017-06-15T00:00:00"/>
    <x v="5"/>
    <x v="3"/>
    <x v="364"/>
    <x v="25"/>
    <x v="1"/>
    <x v="11"/>
    <s v="O'Sullivan 2-Shelf Heavy-Duty Bookcases"/>
    <n v="77.73"/>
    <n v="2"/>
    <n v="-3.89"/>
  </r>
  <r>
    <d v="2017-06-16T00:00:00"/>
    <x v="5"/>
    <x v="3"/>
    <x v="595"/>
    <x v="25"/>
    <x v="0"/>
    <x v="4"/>
    <s v="Quartet Omega Colored Chalk, 12/Pack"/>
    <n v="14.02"/>
    <n v="3"/>
    <n v="4.7300000000000004"/>
  </r>
  <r>
    <d v="2017-06-16T00:00:00"/>
    <x v="5"/>
    <x v="3"/>
    <x v="264"/>
    <x v="5"/>
    <x v="1"/>
    <x v="5"/>
    <s v="Global Airflow Leather Mesh Back Chair, Black"/>
    <n v="301.95999999999998"/>
    <n v="2"/>
    <n v="90.59"/>
  </r>
  <r>
    <d v="2017-06-16T00:00:00"/>
    <x v="5"/>
    <x v="3"/>
    <x v="264"/>
    <x v="5"/>
    <x v="0"/>
    <x v="12"/>
    <s v="Fellowes Smart Surge Ten-Outlet Protector, Platinum"/>
    <n v="180.66"/>
    <n v="3"/>
    <n v="50.58"/>
  </r>
  <r>
    <d v="2017-06-16T00:00:00"/>
    <x v="5"/>
    <x v="3"/>
    <x v="264"/>
    <x v="5"/>
    <x v="2"/>
    <x v="6"/>
    <s v="Pyle PMP37LED"/>
    <n v="191.98"/>
    <n v="2"/>
    <n v="51.83"/>
  </r>
  <r>
    <d v="2017-06-16T00:00:00"/>
    <x v="5"/>
    <x v="3"/>
    <x v="264"/>
    <x v="5"/>
    <x v="2"/>
    <x v="6"/>
    <s v="Clarity 53712"/>
    <n v="65.989999999999995"/>
    <n v="1"/>
    <n v="17.16"/>
  </r>
  <r>
    <d v="2017-06-16T00:00:00"/>
    <x v="5"/>
    <x v="3"/>
    <x v="350"/>
    <x v="3"/>
    <x v="1"/>
    <x v="5"/>
    <s v="Hon Multipurpose Stacking Arm Chairs"/>
    <n v="1212.96"/>
    <n v="7"/>
    <n v="90.97"/>
  </r>
  <r>
    <d v="2017-06-16T00:00:00"/>
    <x v="5"/>
    <x v="3"/>
    <x v="350"/>
    <x v="3"/>
    <x v="0"/>
    <x v="0"/>
    <s v="Wirebound Message Books, Four 2 3/4&quot; x 5&quot; Forms per Page, 600 Sets per Book"/>
    <n v="18.54"/>
    <n v="2"/>
    <n v="8.7100000000000009"/>
  </r>
  <r>
    <d v="2017-06-16T00:00:00"/>
    <x v="5"/>
    <x v="3"/>
    <x v="314"/>
    <x v="31"/>
    <x v="0"/>
    <x v="14"/>
    <s v="Acme Elite Stainless Steel Scissors"/>
    <n v="16.68"/>
    <n v="2"/>
    <n v="4.34"/>
  </r>
  <r>
    <d v="2017-06-16T00:00:00"/>
    <x v="5"/>
    <x v="3"/>
    <x v="314"/>
    <x v="31"/>
    <x v="0"/>
    <x v="0"/>
    <s v="Xerox 215"/>
    <n v="19.440000000000001"/>
    <n v="3"/>
    <n v="9.33"/>
  </r>
  <r>
    <d v="2017-06-16T00:00:00"/>
    <x v="5"/>
    <x v="3"/>
    <x v="314"/>
    <x v="31"/>
    <x v="0"/>
    <x v="0"/>
    <s v="Xerox 1885"/>
    <n v="192.16"/>
    <n v="4"/>
    <n v="92.24"/>
  </r>
  <r>
    <d v="2017-06-16T00:00:00"/>
    <x v="5"/>
    <x v="3"/>
    <x v="521"/>
    <x v="1"/>
    <x v="0"/>
    <x v="3"/>
    <s v="Storex DuraTech Recycled Plastic Frosted Binders"/>
    <n v="5.94"/>
    <n v="7"/>
    <n v="-8.9"/>
  </r>
  <r>
    <d v="2017-06-16T00:00:00"/>
    <x v="5"/>
    <x v="3"/>
    <x v="349"/>
    <x v="10"/>
    <x v="2"/>
    <x v="9"/>
    <s v="Logitech Wireless Performance Mouse MX for PC and Mac"/>
    <n v="479.95"/>
    <n v="6"/>
    <n v="107.99"/>
  </r>
  <r>
    <d v="2017-06-16T00:00:00"/>
    <x v="5"/>
    <x v="3"/>
    <x v="349"/>
    <x v="10"/>
    <x v="0"/>
    <x v="4"/>
    <s v="Newell 330"/>
    <n v="23.92"/>
    <n v="5"/>
    <n v="1.79"/>
  </r>
  <r>
    <d v="2017-06-17T00:00:00"/>
    <x v="5"/>
    <x v="3"/>
    <x v="375"/>
    <x v="3"/>
    <x v="0"/>
    <x v="3"/>
    <s v="Trimflex Flexible Post Binders"/>
    <n v="51.31"/>
    <n v="3"/>
    <n v="17.96"/>
  </r>
  <r>
    <d v="2017-06-17T00:00:00"/>
    <x v="5"/>
    <x v="3"/>
    <x v="413"/>
    <x v="22"/>
    <x v="1"/>
    <x v="8"/>
    <s v="Howard Miller 13-3/4&quot; Diameter Brushed Chrome Round Wall Clock"/>
    <n v="155.25"/>
    <n v="3"/>
    <n v="46.58"/>
  </r>
  <r>
    <d v="2017-06-17T00:00:00"/>
    <x v="5"/>
    <x v="3"/>
    <x v="413"/>
    <x v="22"/>
    <x v="0"/>
    <x v="2"/>
    <s v="Project Tote Personal File"/>
    <n v="14.03"/>
    <n v="1"/>
    <n v="4.07"/>
  </r>
  <r>
    <d v="2017-06-17T00:00:00"/>
    <x v="5"/>
    <x v="3"/>
    <x v="465"/>
    <x v="1"/>
    <x v="0"/>
    <x v="0"/>
    <s v="Rediform Wirebound &quot;Phone Memo&quot; Message Book, 11 x 5-3/4"/>
    <n v="12.22"/>
    <n v="2"/>
    <n v="4.43"/>
  </r>
  <r>
    <d v="2017-06-17T00:00:00"/>
    <x v="5"/>
    <x v="3"/>
    <x v="465"/>
    <x v="1"/>
    <x v="0"/>
    <x v="3"/>
    <s v="Avery Durable Binders"/>
    <n v="2.2999999999999998"/>
    <n v="4"/>
    <n v="-3.57"/>
  </r>
  <r>
    <d v="2017-06-17T00:00:00"/>
    <x v="5"/>
    <x v="3"/>
    <x v="465"/>
    <x v="1"/>
    <x v="0"/>
    <x v="3"/>
    <s v="Fellowes Binding Cases"/>
    <n v="9.36"/>
    <n v="4"/>
    <n v="-16.38"/>
  </r>
  <r>
    <d v="2017-06-17T00:00:00"/>
    <x v="5"/>
    <x v="3"/>
    <x v="371"/>
    <x v="26"/>
    <x v="0"/>
    <x v="2"/>
    <s v="Carina Media Storage Towers in Natural &amp; Black"/>
    <n v="146.35"/>
    <n v="3"/>
    <n v="-32.93"/>
  </r>
  <r>
    <d v="2017-06-17T00:00:00"/>
    <x v="5"/>
    <x v="3"/>
    <x v="50"/>
    <x v="20"/>
    <x v="2"/>
    <x v="15"/>
    <s v="Hewlett-Packard Desktjet 6988DT Refurbished Printer"/>
    <n v="3404.5"/>
    <n v="5"/>
    <n v="1668.21"/>
  </r>
  <r>
    <d v="2017-06-17T00:00:00"/>
    <x v="5"/>
    <x v="3"/>
    <x v="50"/>
    <x v="20"/>
    <x v="2"/>
    <x v="9"/>
    <s v="Kingston Digital DataTraveler 64GB USB 2.0"/>
    <n v="101.34"/>
    <n v="3"/>
    <n v="8.11"/>
  </r>
  <r>
    <d v="2017-06-18T00:00:00"/>
    <x v="5"/>
    <x v="3"/>
    <x v="583"/>
    <x v="3"/>
    <x v="1"/>
    <x v="11"/>
    <s v="Bush Andora Bookcase, Maple/Graphite Gray Finish"/>
    <n v="917.92"/>
    <n v="9"/>
    <n v="75.59"/>
  </r>
  <r>
    <d v="2017-06-18T00:00:00"/>
    <x v="5"/>
    <x v="3"/>
    <x v="583"/>
    <x v="3"/>
    <x v="0"/>
    <x v="0"/>
    <s v="Xerox 1930"/>
    <n v="38.880000000000003"/>
    <n v="6"/>
    <n v="19.05"/>
  </r>
  <r>
    <d v="2017-06-18T00:00:00"/>
    <x v="5"/>
    <x v="3"/>
    <x v="646"/>
    <x v="0"/>
    <x v="0"/>
    <x v="0"/>
    <s v="Xerox 1925"/>
    <n v="74.349999999999994"/>
    <n v="3"/>
    <n v="23.24"/>
  </r>
  <r>
    <d v="2017-06-19T00:00:00"/>
    <x v="5"/>
    <x v="3"/>
    <x v="444"/>
    <x v="20"/>
    <x v="0"/>
    <x v="0"/>
    <s v="Xerox 1943"/>
    <n v="97.82"/>
    <n v="2"/>
    <n v="45.98"/>
  </r>
  <r>
    <d v="2017-06-19T00:00:00"/>
    <x v="5"/>
    <x v="3"/>
    <x v="444"/>
    <x v="20"/>
    <x v="2"/>
    <x v="9"/>
    <s v="Sony 16GB Class 10 Micro SDHC R40 Memory Card"/>
    <n v="103.12"/>
    <n v="8"/>
    <n v="10.31"/>
  </r>
  <r>
    <d v="2017-06-19T00:00:00"/>
    <x v="5"/>
    <x v="3"/>
    <x v="251"/>
    <x v="0"/>
    <x v="0"/>
    <x v="14"/>
    <s v="Fiskars Spring-Action Scissors"/>
    <n v="11.18"/>
    <n v="1"/>
    <n v="0.84"/>
  </r>
  <r>
    <d v="2017-06-19T00:00:00"/>
    <x v="5"/>
    <x v="3"/>
    <x v="251"/>
    <x v="0"/>
    <x v="0"/>
    <x v="2"/>
    <s v="Safco Industrial Wire Shelving"/>
    <n v="153.58000000000001"/>
    <n v="2"/>
    <n v="-32.64"/>
  </r>
  <r>
    <d v="2017-06-19T00:00:00"/>
    <x v="5"/>
    <x v="3"/>
    <x v="456"/>
    <x v="0"/>
    <x v="0"/>
    <x v="12"/>
    <s v="Holmes Visible Mist Ultrasonic Humidifier with 2.3-Gallon Output per Day, Replacement Filter"/>
    <n v="2.2599999999999998"/>
    <n v="1"/>
    <n v="-5.21"/>
  </r>
  <r>
    <d v="2017-06-19T00:00:00"/>
    <x v="5"/>
    <x v="3"/>
    <x v="456"/>
    <x v="0"/>
    <x v="0"/>
    <x v="12"/>
    <s v="Hoover Replacement Belt for Commercial Guardsman Heavy-Duty Upright Vacuum"/>
    <n v="0.44"/>
    <n v="1"/>
    <n v="-1.1100000000000001"/>
  </r>
  <r>
    <d v="2017-06-19T00:00:00"/>
    <x v="5"/>
    <x v="3"/>
    <x v="456"/>
    <x v="0"/>
    <x v="0"/>
    <x v="0"/>
    <s v="Xerox 1982"/>
    <n v="146.18"/>
    <n v="8"/>
    <n v="47.51"/>
  </r>
  <r>
    <d v="2017-06-19T00:00:00"/>
    <x v="5"/>
    <x v="3"/>
    <x v="121"/>
    <x v="10"/>
    <x v="1"/>
    <x v="5"/>
    <s v="Global Ergonomic Managers Chair"/>
    <n v="760.12"/>
    <n v="6"/>
    <n v="-43.44"/>
  </r>
  <r>
    <d v="2017-06-19T00:00:00"/>
    <x v="5"/>
    <x v="3"/>
    <x v="121"/>
    <x v="10"/>
    <x v="1"/>
    <x v="8"/>
    <s v="Contemporary Wood/Metal Frame"/>
    <n v="38.78"/>
    <n v="3"/>
    <n v="7.27"/>
  </r>
  <r>
    <d v="2017-06-19T00:00:00"/>
    <x v="5"/>
    <x v="3"/>
    <x v="121"/>
    <x v="10"/>
    <x v="2"/>
    <x v="9"/>
    <s v="Memorex 25GB 6X Branded Blu-Ray Recordable Disc, 15/Pack"/>
    <n v="122.33"/>
    <n v="9"/>
    <n v="1.53"/>
  </r>
  <r>
    <d v="2017-06-19T00:00:00"/>
    <x v="5"/>
    <x v="3"/>
    <x v="35"/>
    <x v="0"/>
    <x v="0"/>
    <x v="3"/>
    <s v="GBC Plasticlear Binding Covers"/>
    <n v="6.89"/>
    <n v="3"/>
    <n v="-11.02"/>
  </r>
  <r>
    <d v="2017-06-19T00:00:00"/>
    <x v="5"/>
    <x v="3"/>
    <x v="35"/>
    <x v="0"/>
    <x v="1"/>
    <x v="13"/>
    <s v="Chromcraft Bull-Nose Wood Round Conference Table Top, Wood Base"/>
    <n v="457.49"/>
    <n v="3"/>
    <n v="-84.96"/>
  </r>
  <r>
    <d v="2017-06-19T00:00:00"/>
    <x v="5"/>
    <x v="3"/>
    <x v="763"/>
    <x v="20"/>
    <x v="0"/>
    <x v="2"/>
    <s v="Space Solutions Commercial Steel Shelving"/>
    <n v="129.30000000000001"/>
    <n v="2"/>
    <n v="6.47"/>
  </r>
  <r>
    <d v="2017-06-19T00:00:00"/>
    <x v="5"/>
    <x v="3"/>
    <x v="763"/>
    <x v="20"/>
    <x v="0"/>
    <x v="3"/>
    <s v="Wilson Jones Turn Tabs Binder Tool for Ring Binders"/>
    <n v="11.57"/>
    <n v="3"/>
    <n v="3.76"/>
  </r>
  <r>
    <d v="2017-06-19T00:00:00"/>
    <x v="5"/>
    <x v="3"/>
    <x v="208"/>
    <x v="3"/>
    <x v="1"/>
    <x v="8"/>
    <s v="DAX Copper Panel Document Frame, 5 x 7 Size"/>
    <n v="50.32"/>
    <n v="4"/>
    <n v="21.13"/>
  </r>
  <r>
    <d v="2017-06-19T00:00:00"/>
    <x v="5"/>
    <x v="3"/>
    <x v="208"/>
    <x v="3"/>
    <x v="0"/>
    <x v="0"/>
    <s v="Xerox 1907"/>
    <n v="24.56"/>
    <n v="2"/>
    <n v="11.54"/>
  </r>
  <r>
    <d v="2017-06-20T00:00:00"/>
    <x v="5"/>
    <x v="3"/>
    <x v="546"/>
    <x v="23"/>
    <x v="2"/>
    <x v="9"/>
    <s v="Razer Kraken PRO Over Ear PC and Music Headset"/>
    <n v="239.97"/>
    <n v="3"/>
    <n v="71.989999999999995"/>
  </r>
  <r>
    <d v="2017-06-20T00:00:00"/>
    <x v="5"/>
    <x v="3"/>
    <x v="546"/>
    <x v="23"/>
    <x v="0"/>
    <x v="1"/>
    <s v="Avery 508"/>
    <n v="9.82"/>
    <n v="2"/>
    <n v="4.8099999999999996"/>
  </r>
  <r>
    <d v="2017-06-20T00:00:00"/>
    <x v="5"/>
    <x v="3"/>
    <x v="617"/>
    <x v="20"/>
    <x v="2"/>
    <x v="9"/>
    <s v="Anker Ultrathin Bluetooth Wireless Keyboard Aluminum Cover with Stand"/>
    <n v="149.94999999999999"/>
    <n v="5"/>
    <n v="15"/>
  </r>
  <r>
    <d v="2017-06-20T00:00:00"/>
    <x v="5"/>
    <x v="3"/>
    <x v="617"/>
    <x v="20"/>
    <x v="0"/>
    <x v="3"/>
    <s v="Acco D-Ring Binder w/DublLock"/>
    <n v="51.31"/>
    <n v="3"/>
    <n v="18.600000000000001"/>
  </r>
  <r>
    <d v="2017-06-20T00:00:00"/>
    <x v="5"/>
    <x v="3"/>
    <x v="43"/>
    <x v="10"/>
    <x v="0"/>
    <x v="0"/>
    <s v="Xerox 203"/>
    <n v="31.1"/>
    <n v="6"/>
    <n v="10.89"/>
  </r>
  <r>
    <d v="2017-06-20T00:00:00"/>
    <x v="5"/>
    <x v="3"/>
    <x v="43"/>
    <x v="10"/>
    <x v="0"/>
    <x v="4"/>
    <s v="Newell 35"/>
    <n v="5.25"/>
    <n v="2"/>
    <n v="0.59"/>
  </r>
  <r>
    <d v="2017-06-20T00:00:00"/>
    <x v="5"/>
    <x v="3"/>
    <x v="137"/>
    <x v="16"/>
    <x v="0"/>
    <x v="2"/>
    <s v="Plastic Stacking Crates &amp; Casters"/>
    <n v="4.46"/>
    <n v="1"/>
    <n v="0.33"/>
  </r>
  <r>
    <d v="2017-06-20T00:00:00"/>
    <x v="5"/>
    <x v="3"/>
    <x v="194"/>
    <x v="6"/>
    <x v="0"/>
    <x v="0"/>
    <s v="Xerox 230"/>
    <n v="32.4"/>
    <n v="5"/>
    <n v="15.55"/>
  </r>
  <r>
    <d v="2017-06-20T00:00:00"/>
    <x v="5"/>
    <x v="3"/>
    <x v="194"/>
    <x v="6"/>
    <x v="2"/>
    <x v="6"/>
    <s v="BlackBerry Q10"/>
    <n v="503.96"/>
    <n v="4"/>
    <n v="125.99"/>
  </r>
  <r>
    <d v="2017-06-21T00:00:00"/>
    <x v="5"/>
    <x v="3"/>
    <x v="83"/>
    <x v="10"/>
    <x v="1"/>
    <x v="8"/>
    <s v="Stacking Tray, Side-Loading, Legal, Smoke"/>
    <n v="17.920000000000002"/>
    <n v="5"/>
    <n v="2.46"/>
  </r>
  <r>
    <d v="2017-06-21T00:00:00"/>
    <x v="5"/>
    <x v="3"/>
    <x v="83"/>
    <x v="10"/>
    <x v="0"/>
    <x v="3"/>
    <s v="Deluxe Heavy-Duty Vinyl Round Ring Binder"/>
    <n v="41.26"/>
    <n v="6"/>
    <n v="-34.380000000000003"/>
  </r>
  <r>
    <d v="2017-06-21T00:00:00"/>
    <x v="5"/>
    <x v="3"/>
    <x v="469"/>
    <x v="48"/>
    <x v="0"/>
    <x v="3"/>
    <s v="Ibico Standard Transparent Covers"/>
    <n v="82.4"/>
    <n v="5"/>
    <n v="40.380000000000003"/>
  </r>
  <r>
    <d v="2017-06-21T00:00:00"/>
    <x v="5"/>
    <x v="3"/>
    <x v="469"/>
    <x v="48"/>
    <x v="0"/>
    <x v="3"/>
    <s v="Zipper Ring Binder Pockets"/>
    <n v="6.24"/>
    <n v="2"/>
    <n v="3.06"/>
  </r>
  <r>
    <d v="2017-06-21T00:00:00"/>
    <x v="5"/>
    <x v="3"/>
    <x v="469"/>
    <x v="48"/>
    <x v="0"/>
    <x v="0"/>
    <s v="Xerox 1908"/>
    <n v="447.84"/>
    <n v="8"/>
    <n v="219.44"/>
  </r>
  <r>
    <d v="2017-06-22T00:00:00"/>
    <x v="5"/>
    <x v="3"/>
    <x v="284"/>
    <x v="16"/>
    <x v="0"/>
    <x v="10"/>
    <s v="#10 White Business Envelopes,4 1/8 x 9 1/2"/>
    <n v="37.61"/>
    <n v="3"/>
    <n v="12.69"/>
  </r>
  <r>
    <d v="2017-06-22T00:00:00"/>
    <x v="5"/>
    <x v="3"/>
    <x v="485"/>
    <x v="2"/>
    <x v="0"/>
    <x v="3"/>
    <s v="GBC Plasticlear Binding Covers"/>
    <n v="10.33"/>
    <n v="3"/>
    <n v="-7.58"/>
  </r>
  <r>
    <d v="2017-06-22T00:00:00"/>
    <x v="5"/>
    <x v="3"/>
    <x v="485"/>
    <x v="2"/>
    <x v="0"/>
    <x v="3"/>
    <s v="Wilson Jones Century Plastic Molded Ring Binders"/>
    <n v="31.16"/>
    <n v="5"/>
    <n v="-23.89"/>
  </r>
  <r>
    <d v="2017-06-22T00:00:00"/>
    <x v="5"/>
    <x v="3"/>
    <x v="485"/>
    <x v="2"/>
    <x v="0"/>
    <x v="2"/>
    <s v="Plastic Stacking Crates &amp; Casters"/>
    <n v="8.93"/>
    <n v="2"/>
    <n v="0.67"/>
  </r>
  <r>
    <d v="2017-06-22T00:00:00"/>
    <x v="5"/>
    <x v="3"/>
    <x v="519"/>
    <x v="1"/>
    <x v="0"/>
    <x v="3"/>
    <s v="Wilson Jones Standard D-Ring Binders"/>
    <n v="3.04"/>
    <n v="3"/>
    <n v="-5.01"/>
  </r>
  <r>
    <d v="2017-06-22T00:00:00"/>
    <x v="5"/>
    <x v="3"/>
    <x v="81"/>
    <x v="14"/>
    <x v="1"/>
    <x v="5"/>
    <s v="Hon Deluxe Fabric Upholstered Stacking Chairs, Rounded Back"/>
    <n v="487.96"/>
    <n v="2"/>
    <n v="146.38999999999999"/>
  </r>
  <r>
    <d v="2017-06-24T00:00:00"/>
    <x v="5"/>
    <x v="3"/>
    <x v="337"/>
    <x v="10"/>
    <x v="0"/>
    <x v="0"/>
    <s v="Southworth 25% Cotton Linen-Finish Paper &amp; Envelopes"/>
    <n v="21.74"/>
    <n v="3"/>
    <n v="6.8"/>
  </r>
  <r>
    <d v="2017-06-24T00:00:00"/>
    <x v="5"/>
    <x v="3"/>
    <x v="740"/>
    <x v="3"/>
    <x v="0"/>
    <x v="4"/>
    <s v="Bulldog Vacuum Base Pencil Sharpener"/>
    <n v="95.92"/>
    <n v="8"/>
    <n v="25.9"/>
  </r>
  <r>
    <d v="2017-06-24T00:00:00"/>
    <x v="5"/>
    <x v="3"/>
    <x v="62"/>
    <x v="3"/>
    <x v="0"/>
    <x v="4"/>
    <s v="Boston Heavy-Duty Trimline Electric Pencil Sharpeners"/>
    <n v="385.6"/>
    <n v="8"/>
    <n v="111.82"/>
  </r>
  <r>
    <d v="2017-06-24T00:00:00"/>
    <x v="5"/>
    <x v="3"/>
    <x v="62"/>
    <x v="3"/>
    <x v="0"/>
    <x v="4"/>
    <s v="4009 Highlighters by Sanford"/>
    <n v="35.82"/>
    <n v="9"/>
    <n v="11.82"/>
  </r>
  <r>
    <d v="2017-06-24T00:00:00"/>
    <x v="5"/>
    <x v="3"/>
    <x v="208"/>
    <x v="20"/>
    <x v="1"/>
    <x v="8"/>
    <s v="Deflect-o RollaMat Studded, Beveled Mat for Medium Pile Carpeting"/>
    <n v="276.69"/>
    <n v="3"/>
    <n v="49.8"/>
  </r>
  <r>
    <d v="2017-06-24T00:00:00"/>
    <x v="5"/>
    <x v="3"/>
    <x v="208"/>
    <x v="20"/>
    <x v="1"/>
    <x v="5"/>
    <s v="Global Deluxe Office Fabric Chairs"/>
    <n v="172.76"/>
    <n v="2"/>
    <n v="32.630000000000003"/>
  </r>
  <r>
    <d v="2017-06-24T00:00:00"/>
    <x v="5"/>
    <x v="3"/>
    <x v="543"/>
    <x v="1"/>
    <x v="0"/>
    <x v="3"/>
    <s v="Ibico Hi-Tech Manual Binding System"/>
    <n v="182.99"/>
    <n v="3"/>
    <n v="-320.24"/>
  </r>
  <r>
    <d v="2017-06-24T00:00:00"/>
    <x v="5"/>
    <x v="3"/>
    <x v="543"/>
    <x v="1"/>
    <x v="0"/>
    <x v="0"/>
    <s v="Xerox 1971"/>
    <n v="10.27"/>
    <n v="3"/>
    <n v="3.21"/>
  </r>
  <r>
    <d v="2017-06-24T00:00:00"/>
    <x v="5"/>
    <x v="3"/>
    <x v="73"/>
    <x v="3"/>
    <x v="0"/>
    <x v="7"/>
    <s v="Acco Banker's Clasps, 5 3/4&quot;-Long"/>
    <n v="2.88"/>
    <n v="1"/>
    <n v="1.35"/>
  </r>
  <r>
    <d v="2017-06-24T00:00:00"/>
    <x v="5"/>
    <x v="3"/>
    <x v="256"/>
    <x v="43"/>
    <x v="0"/>
    <x v="3"/>
    <s v="GBC Prestige Therm-A-Bind Covers"/>
    <n v="102.93"/>
    <n v="3"/>
    <n v="48.38"/>
  </r>
  <r>
    <d v="2017-06-25T00:00:00"/>
    <x v="5"/>
    <x v="3"/>
    <x v="770"/>
    <x v="11"/>
    <x v="0"/>
    <x v="1"/>
    <s v="Alphabetical Labels for Top Tab Filing"/>
    <n v="71.040000000000006"/>
    <n v="6"/>
    <n v="26.64"/>
  </r>
  <r>
    <d v="2017-06-25T00:00:00"/>
    <x v="5"/>
    <x v="3"/>
    <x v="770"/>
    <x v="11"/>
    <x v="0"/>
    <x v="4"/>
    <s v="Eldon Spacemaker Box, Quick-Snap Lid, Clear"/>
    <n v="5.34"/>
    <n v="2"/>
    <n v="0.73"/>
  </r>
  <r>
    <d v="2017-06-25T00:00:00"/>
    <x v="5"/>
    <x v="3"/>
    <x v="770"/>
    <x v="11"/>
    <x v="0"/>
    <x v="7"/>
    <s v="Plymouth Boxed Rubber Bands by Plymouth"/>
    <n v="11.3"/>
    <n v="3"/>
    <n v="-2.12"/>
  </r>
  <r>
    <d v="2017-06-25T00:00:00"/>
    <x v="5"/>
    <x v="3"/>
    <x v="481"/>
    <x v="22"/>
    <x v="1"/>
    <x v="13"/>
    <s v="Chromcraft Bull-Nose Wood Round Conference Table Top, Wood Base"/>
    <n v="871.4"/>
    <n v="4"/>
    <n v="148.13999999999999"/>
  </r>
  <r>
    <d v="2017-06-25T00:00:00"/>
    <x v="5"/>
    <x v="3"/>
    <x v="667"/>
    <x v="1"/>
    <x v="2"/>
    <x v="6"/>
    <s v="Geemarc AmpliPOWER60"/>
    <n v="148.47999999999999"/>
    <n v="2"/>
    <n v="16.7"/>
  </r>
  <r>
    <d v="2017-06-25T00:00:00"/>
    <x v="5"/>
    <x v="3"/>
    <x v="417"/>
    <x v="20"/>
    <x v="1"/>
    <x v="11"/>
    <s v="DMI Eclipse Executive Suite Bookcases"/>
    <n v="400.78"/>
    <n v="1"/>
    <n v="-5.01"/>
  </r>
  <r>
    <d v="2017-06-26T00:00:00"/>
    <x v="5"/>
    <x v="3"/>
    <x v="635"/>
    <x v="3"/>
    <x v="0"/>
    <x v="2"/>
    <s v="Eldon Shelf Savers Cubes and Bins"/>
    <n v="83.76"/>
    <n v="12"/>
    <n v="1.68"/>
  </r>
  <r>
    <d v="2017-06-26T00:00:00"/>
    <x v="5"/>
    <x v="3"/>
    <x v="128"/>
    <x v="14"/>
    <x v="0"/>
    <x v="0"/>
    <s v="Ampad Poly Cover Wirebound Steno Book, 6&quot; x 9&quot; Assorted Colors, Gregg Ruled"/>
    <n v="4.54"/>
    <n v="1"/>
    <n v="2.04"/>
  </r>
  <r>
    <d v="2017-06-26T00:00:00"/>
    <x v="5"/>
    <x v="3"/>
    <x v="128"/>
    <x v="14"/>
    <x v="0"/>
    <x v="4"/>
    <s v="Fluorescent Highlighters by Dixon"/>
    <n v="15.92"/>
    <n v="4"/>
    <n v="5.41"/>
  </r>
  <r>
    <d v="2017-06-26T00:00:00"/>
    <x v="5"/>
    <x v="3"/>
    <x v="128"/>
    <x v="14"/>
    <x v="2"/>
    <x v="6"/>
    <s v="Nortel Networks T7316 E Nt8 B27"/>
    <n v="543.91999999999996"/>
    <n v="8"/>
    <n v="135.97999999999999"/>
  </r>
  <r>
    <d v="2017-06-26T00:00:00"/>
    <x v="5"/>
    <x v="3"/>
    <x v="674"/>
    <x v="18"/>
    <x v="1"/>
    <x v="8"/>
    <s v="Eldon Antistatic Chair Mats for Low to Medium Pile Carpets"/>
    <n v="526.45000000000005"/>
    <n v="5"/>
    <n v="31.59"/>
  </r>
  <r>
    <d v="2017-06-26T00:00:00"/>
    <x v="5"/>
    <x v="3"/>
    <x v="377"/>
    <x v="26"/>
    <x v="2"/>
    <x v="9"/>
    <s v="Kensington Orbit Wireless Mobile Trackball for PC and Mac"/>
    <n v="431.93"/>
    <n v="9"/>
    <n v="64.790000000000006"/>
  </r>
  <r>
    <d v="2017-06-26T00:00:00"/>
    <x v="5"/>
    <x v="3"/>
    <x v="236"/>
    <x v="20"/>
    <x v="2"/>
    <x v="6"/>
    <s v="Mophie Juice Pack Helium for iPhone"/>
    <n v="239.97"/>
    <n v="3"/>
    <n v="67.19"/>
  </r>
  <r>
    <d v="2017-06-26T00:00:00"/>
    <x v="5"/>
    <x v="3"/>
    <x v="393"/>
    <x v="2"/>
    <x v="2"/>
    <x v="6"/>
    <s v="Bose SoundLink Bluetooth Speaker"/>
    <n v="358.2"/>
    <n v="3"/>
    <n v="41.79"/>
  </r>
  <r>
    <d v="2017-06-26T00:00:00"/>
    <x v="5"/>
    <x v="3"/>
    <x v="393"/>
    <x v="2"/>
    <x v="2"/>
    <x v="6"/>
    <s v="Plantronics Voyager Pro HD - Bluetooth Headset"/>
    <n v="545.91999999999996"/>
    <n v="14"/>
    <n v="72.790000000000006"/>
  </r>
  <r>
    <d v="2017-06-26T00:00:00"/>
    <x v="5"/>
    <x v="3"/>
    <x v="696"/>
    <x v="16"/>
    <x v="0"/>
    <x v="1"/>
    <s v="Avery 512"/>
    <n v="13.87"/>
    <n v="6"/>
    <n v="4.68"/>
  </r>
  <r>
    <d v="2017-06-26T00:00:00"/>
    <x v="5"/>
    <x v="3"/>
    <x v="696"/>
    <x v="16"/>
    <x v="1"/>
    <x v="5"/>
    <s v="Hon Comfortask Task/Swivel Chairs"/>
    <n v="273.55"/>
    <n v="3"/>
    <n v="-13.68"/>
  </r>
  <r>
    <d v="2017-06-26T00:00:00"/>
    <x v="5"/>
    <x v="3"/>
    <x v="445"/>
    <x v="20"/>
    <x v="0"/>
    <x v="2"/>
    <s v="Safco Industrial Wire Shelving System"/>
    <n v="272.94"/>
    <n v="3"/>
    <n v="0"/>
  </r>
  <r>
    <d v="2017-06-26T00:00:00"/>
    <x v="5"/>
    <x v="3"/>
    <x v="134"/>
    <x v="20"/>
    <x v="0"/>
    <x v="3"/>
    <s v="GBC ProClick Punch Binding System"/>
    <n v="102.37"/>
    <n v="2"/>
    <n v="37.11"/>
  </r>
  <r>
    <d v="2017-06-26T00:00:00"/>
    <x v="5"/>
    <x v="3"/>
    <x v="134"/>
    <x v="20"/>
    <x v="0"/>
    <x v="14"/>
    <s v="Acme Preferred Stainless Steel Scissors"/>
    <n v="28.4"/>
    <n v="5"/>
    <n v="8.24"/>
  </r>
  <r>
    <d v="2017-06-26T00:00:00"/>
    <x v="5"/>
    <x v="3"/>
    <x v="134"/>
    <x v="20"/>
    <x v="0"/>
    <x v="2"/>
    <s v="Hot File 7-Pocket, Floor Stand"/>
    <n v="713.88"/>
    <n v="4"/>
    <n v="214.16"/>
  </r>
  <r>
    <d v="2017-06-26T00:00:00"/>
    <x v="5"/>
    <x v="3"/>
    <x v="134"/>
    <x v="20"/>
    <x v="0"/>
    <x v="0"/>
    <s v="Xerox 1991"/>
    <n v="68.52"/>
    <n v="3"/>
    <n v="31.52"/>
  </r>
  <r>
    <d v="2017-06-27T00:00:00"/>
    <x v="5"/>
    <x v="3"/>
    <x v="415"/>
    <x v="20"/>
    <x v="1"/>
    <x v="5"/>
    <s v="Situations Contoured Folding Chairs, 4/Set"/>
    <n v="191.65"/>
    <n v="3"/>
    <n v="31.94"/>
  </r>
  <r>
    <d v="2017-06-27T00:00:00"/>
    <x v="5"/>
    <x v="3"/>
    <x v="217"/>
    <x v="40"/>
    <x v="0"/>
    <x v="0"/>
    <s v="Wirebound Message Books, Four 2 3/4 x 5 White Forms per Page"/>
    <n v="20.07"/>
    <n v="3"/>
    <n v="9.23"/>
  </r>
  <r>
    <d v="2017-06-27T00:00:00"/>
    <x v="5"/>
    <x v="3"/>
    <x v="203"/>
    <x v="22"/>
    <x v="0"/>
    <x v="0"/>
    <s v="Xerox 1997"/>
    <n v="19.440000000000001"/>
    <n v="3"/>
    <n v="9.33"/>
  </r>
  <r>
    <d v="2017-06-27T00:00:00"/>
    <x v="5"/>
    <x v="3"/>
    <x v="203"/>
    <x v="22"/>
    <x v="1"/>
    <x v="8"/>
    <s v="Executive Impressions Supervisor Wall Clock"/>
    <n v="126.3"/>
    <n v="3"/>
    <n v="40.42"/>
  </r>
  <r>
    <d v="2017-06-27T00:00:00"/>
    <x v="5"/>
    <x v="3"/>
    <x v="203"/>
    <x v="22"/>
    <x v="2"/>
    <x v="9"/>
    <s v="LogitechÂ P710e Mobile Speakerphone"/>
    <n v="1287.45"/>
    <n v="5"/>
    <n v="244.62"/>
  </r>
  <r>
    <d v="2017-06-29T00:00:00"/>
    <x v="5"/>
    <x v="3"/>
    <x v="78"/>
    <x v="3"/>
    <x v="0"/>
    <x v="2"/>
    <s v="Tennsco 16-Compartment Lockers with Coat Rack"/>
    <n v="1295.78"/>
    <n v="2"/>
    <n v="310.99"/>
  </r>
  <r>
    <d v="2017-06-29T00:00:00"/>
    <x v="5"/>
    <x v="3"/>
    <x v="116"/>
    <x v="28"/>
    <x v="0"/>
    <x v="12"/>
    <s v="Belkin 325VA UPS Surge Protector, 6'"/>
    <n v="362.94"/>
    <n v="3"/>
    <n v="90.74"/>
  </r>
  <r>
    <d v="2017-06-29T00:00:00"/>
    <x v="5"/>
    <x v="3"/>
    <x v="116"/>
    <x v="28"/>
    <x v="0"/>
    <x v="3"/>
    <s v="Avery Binding System Hidden Tab Executive Style Index Sets"/>
    <n v="11.54"/>
    <n v="2"/>
    <n v="5.77"/>
  </r>
  <r>
    <d v="2017-06-29T00:00:00"/>
    <x v="5"/>
    <x v="3"/>
    <x v="189"/>
    <x v="3"/>
    <x v="0"/>
    <x v="3"/>
    <s v="Satellite Sectional Post Binders"/>
    <n v="312.55"/>
    <n v="9"/>
    <n v="101.58"/>
  </r>
  <r>
    <d v="2017-06-29T00:00:00"/>
    <x v="5"/>
    <x v="3"/>
    <x v="452"/>
    <x v="0"/>
    <x v="0"/>
    <x v="0"/>
    <s v="Xerox 218"/>
    <n v="5.18"/>
    <n v="1"/>
    <n v="1.81"/>
  </r>
  <r>
    <d v="2017-06-29T00:00:00"/>
    <x v="5"/>
    <x v="3"/>
    <x v="494"/>
    <x v="3"/>
    <x v="0"/>
    <x v="3"/>
    <s v="GBC DocuBind TL200 Manual Binding Machine"/>
    <n v="895.92"/>
    <n v="5"/>
    <n v="302.37"/>
  </r>
  <r>
    <d v="2017-06-29T00:00:00"/>
    <x v="5"/>
    <x v="3"/>
    <x v="494"/>
    <x v="3"/>
    <x v="0"/>
    <x v="2"/>
    <s v="Trav-L-File Heavy-Duty Shuttle II, Black"/>
    <n v="130.71"/>
    <n v="3"/>
    <n v="39.21"/>
  </r>
  <r>
    <d v="2017-06-29T00:00:00"/>
    <x v="5"/>
    <x v="3"/>
    <x v="494"/>
    <x v="3"/>
    <x v="0"/>
    <x v="4"/>
    <s v="Newell 328"/>
    <n v="11.68"/>
    <n v="2"/>
    <n v="3.04"/>
  </r>
  <r>
    <d v="2017-06-29T00:00:00"/>
    <x v="5"/>
    <x v="3"/>
    <x v="494"/>
    <x v="3"/>
    <x v="2"/>
    <x v="9"/>
    <s v="Enermax Briskie RF Wireless Keyboard and Mouse Combo"/>
    <n v="62.31"/>
    <n v="3"/>
    <n v="22.43"/>
  </r>
  <r>
    <d v="2017-06-29T00:00:00"/>
    <x v="5"/>
    <x v="3"/>
    <x v="696"/>
    <x v="37"/>
    <x v="1"/>
    <x v="11"/>
    <s v="Hon Metal Bookcases, Putty"/>
    <n v="638.82000000000005"/>
    <n v="9"/>
    <n v="185.26"/>
  </r>
  <r>
    <d v="2017-06-29T00:00:00"/>
    <x v="5"/>
    <x v="3"/>
    <x v="696"/>
    <x v="37"/>
    <x v="0"/>
    <x v="14"/>
    <s v="Acme Box Cutter Scissors"/>
    <n v="30.69"/>
    <n v="3"/>
    <n v="7.98"/>
  </r>
  <r>
    <d v="2017-06-29T00:00:00"/>
    <x v="5"/>
    <x v="3"/>
    <x v="696"/>
    <x v="37"/>
    <x v="1"/>
    <x v="8"/>
    <s v="DAX Executive Solid Wood Document Frame, Desktop or Hang, Mahogany, 5 x 7"/>
    <n v="25.16"/>
    <n v="2"/>
    <n v="8.5500000000000007"/>
  </r>
  <r>
    <d v="2017-06-29T00:00:00"/>
    <x v="5"/>
    <x v="3"/>
    <x v="297"/>
    <x v="0"/>
    <x v="0"/>
    <x v="12"/>
    <s v="Belkin F9G930V10-GRY 9 Outlet Surge"/>
    <n v="21.39"/>
    <n v="2"/>
    <n v="-54.55"/>
  </r>
  <r>
    <d v="2017-06-29T00:00:00"/>
    <x v="5"/>
    <x v="3"/>
    <x v="297"/>
    <x v="0"/>
    <x v="1"/>
    <x v="13"/>
    <s v="Bevis Round Conference Table Top &amp; Single Column Base"/>
    <n v="307.31"/>
    <n v="3"/>
    <n v="-39.51"/>
  </r>
  <r>
    <d v="2017-06-29T00:00:00"/>
    <x v="5"/>
    <x v="3"/>
    <x v="297"/>
    <x v="0"/>
    <x v="1"/>
    <x v="11"/>
    <s v="O'Sullivan Plantations 2-Door Library in Landvery Oak"/>
    <n v="410"/>
    <n v="3"/>
    <n v="-96.47"/>
  </r>
  <r>
    <d v="2017-06-30T00:00:00"/>
    <x v="5"/>
    <x v="3"/>
    <x v="665"/>
    <x v="17"/>
    <x v="0"/>
    <x v="3"/>
    <s v="Tuf-Vin Binders"/>
    <n v="75.790000000000006"/>
    <n v="3"/>
    <n v="25.58"/>
  </r>
  <r>
    <d v="2017-06-30T00:00:00"/>
    <x v="5"/>
    <x v="3"/>
    <x v="320"/>
    <x v="20"/>
    <x v="1"/>
    <x v="13"/>
    <s v="Bretford CR4500 Series Slim Rectangular Table"/>
    <n v="1044.6300000000001"/>
    <n v="5"/>
    <n v="-295.98"/>
  </r>
  <r>
    <d v="2017-06-30T00:00:00"/>
    <x v="5"/>
    <x v="3"/>
    <x v="565"/>
    <x v="20"/>
    <x v="0"/>
    <x v="2"/>
    <s v="Steel Personal Filing/Posting Tote"/>
    <n v="248.57"/>
    <n v="7"/>
    <n v="67.11"/>
  </r>
  <r>
    <d v="2017-06-30T00:00:00"/>
    <x v="5"/>
    <x v="3"/>
    <x v="565"/>
    <x v="20"/>
    <x v="1"/>
    <x v="8"/>
    <s v="Executive Impressions 14&quot;"/>
    <n v="22.23"/>
    <n v="1"/>
    <n v="9.7799999999999994"/>
  </r>
  <r>
    <d v="2017-06-30T00:00:00"/>
    <x v="5"/>
    <x v="3"/>
    <x v="292"/>
    <x v="1"/>
    <x v="2"/>
    <x v="6"/>
    <s v="Samsung Galaxy S4"/>
    <n v="1001.58"/>
    <n v="2"/>
    <n v="125.2"/>
  </r>
  <r>
    <d v="2017-06-30T00:00:00"/>
    <x v="5"/>
    <x v="3"/>
    <x v="292"/>
    <x v="1"/>
    <x v="1"/>
    <x v="5"/>
    <s v="Global Enterprise Series Seating High-Back Swivel/Tilt Chairs"/>
    <n v="569.05999999999995"/>
    <n v="3"/>
    <n v="-178.85"/>
  </r>
  <r>
    <d v="2017-06-30T00:00:00"/>
    <x v="5"/>
    <x v="3"/>
    <x v="292"/>
    <x v="1"/>
    <x v="1"/>
    <x v="8"/>
    <s v="Seth Thomas 13 1/2&quot; Wall Clock"/>
    <n v="14.22"/>
    <n v="2"/>
    <n v="-10.31"/>
  </r>
  <r>
    <d v="2017-06-30T00:00:00"/>
    <x v="5"/>
    <x v="3"/>
    <x v="762"/>
    <x v="15"/>
    <x v="1"/>
    <x v="8"/>
    <s v="Advantus Panel Wall Certificate Holder - 8.5x11"/>
    <n v="19.52"/>
    <n v="2"/>
    <n v="5.37"/>
  </r>
  <r>
    <d v="2017-06-30T00:00:00"/>
    <x v="5"/>
    <x v="3"/>
    <x v="405"/>
    <x v="3"/>
    <x v="1"/>
    <x v="11"/>
    <s v="Sauder Facets Collection Library, Sky Alder Finish"/>
    <n v="436"/>
    <n v="3"/>
    <n v="5.13"/>
  </r>
  <r>
    <d v="2017-06-30T00:00:00"/>
    <x v="5"/>
    <x v="3"/>
    <x v="426"/>
    <x v="3"/>
    <x v="0"/>
    <x v="0"/>
    <s v="Xerox 1919"/>
    <n v="204.95"/>
    <n v="5"/>
    <n v="100.43"/>
  </r>
  <r>
    <d v="2017-06-30T00:00:00"/>
    <x v="5"/>
    <x v="3"/>
    <x v="37"/>
    <x v="20"/>
    <x v="0"/>
    <x v="2"/>
    <s v="Dual Level, Single-Width Filing Carts"/>
    <n v="1085.42"/>
    <n v="7"/>
    <n v="282.20999999999998"/>
  </r>
  <r>
    <d v="2017-07-01T00:00:00"/>
    <x v="6"/>
    <x v="3"/>
    <x v="432"/>
    <x v="18"/>
    <x v="0"/>
    <x v="2"/>
    <s v="Carina Mini System Audio Rack, Model AR050B"/>
    <n v="443.92"/>
    <n v="4"/>
    <n v="13.32"/>
  </r>
  <r>
    <d v="2017-07-01T00:00:00"/>
    <x v="6"/>
    <x v="3"/>
    <x v="432"/>
    <x v="18"/>
    <x v="0"/>
    <x v="3"/>
    <s v="Fellowes PB200 Plastic Comb Binding Machine"/>
    <n v="169.99"/>
    <n v="1"/>
    <n v="78.2"/>
  </r>
  <r>
    <d v="2017-07-01T00:00:00"/>
    <x v="6"/>
    <x v="3"/>
    <x v="432"/>
    <x v="18"/>
    <x v="0"/>
    <x v="0"/>
    <s v="Xerox 226"/>
    <n v="25.92"/>
    <n v="4"/>
    <n v="12.44"/>
  </r>
  <r>
    <d v="2017-07-02T00:00:00"/>
    <x v="6"/>
    <x v="3"/>
    <x v="303"/>
    <x v="0"/>
    <x v="0"/>
    <x v="0"/>
    <s v="White Dual Perf Computer Printout Paper, 2700 Sheets, 1 Part, Heavyweight, 20 lbs., 14 7/8 x 11"/>
    <n v="163.96"/>
    <n v="5"/>
    <n v="59.44"/>
  </r>
  <r>
    <d v="2017-07-02T00:00:00"/>
    <x v="6"/>
    <x v="3"/>
    <x v="303"/>
    <x v="0"/>
    <x v="0"/>
    <x v="3"/>
    <s v="Wilson Jones Four-Pocket Poly Binders"/>
    <n v="5.23"/>
    <n v="4"/>
    <n v="-8.11"/>
  </r>
  <r>
    <d v="2017-07-03T00:00:00"/>
    <x v="6"/>
    <x v="3"/>
    <x v="787"/>
    <x v="4"/>
    <x v="1"/>
    <x v="8"/>
    <s v="Westinghouse Floor Lamp with Metal Mesh Shade, Black"/>
    <n v="23.99"/>
    <n v="1"/>
    <n v="5.52"/>
  </r>
  <r>
    <d v="2017-07-03T00:00:00"/>
    <x v="6"/>
    <x v="3"/>
    <x v="787"/>
    <x v="4"/>
    <x v="2"/>
    <x v="6"/>
    <s v="Pyle PMP37LED"/>
    <n v="287.97000000000003"/>
    <n v="3"/>
    <n v="77.75"/>
  </r>
  <r>
    <d v="2017-07-03T00:00:00"/>
    <x v="6"/>
    <x v="3"/>
    <x v="598"/>
    <x v="25"/>
    <x v="0"/>
    <x v="4"/>
    <s v="4009 Highlighters by Sanford"/>
    <n v="9.5500000000000007"/>
    <n v="3"/>
    <n v="1.55"/>
  </r>
  <r>
    <d v="2017-07-03T00:00:00"/>
    <x v="6"/>
    <x v="3"/>
    <x v="122"/>
    <x v="0"/>
    <x v="2"/>
    <x v="6"/>
    <s v="netTALK DUO VoIP Telephone Service"/>
    <n v="167.97"/>
    <n v="4"/>
    <n v="62.99"/>
  </r>
  <r>
    <d v="2017-07-03T00:00:00"/>
    <x v="6"/>
    <x v="3"/>
    <x v="136"/>
    <x v="0"/>
    <x v="0"/>
    <x v="0"/>
    <s v="Xerox 1891"/>
    <n v="273.89999999999998"/>
    <n v="7"/>
    <n v="92.44"/>
  </r>
  <r>
    <d v="2017-07-03T00:00:00"/>
    <x v="6"/>
    <x v="3"/>
    <x v="136"/>
    <x v="0"/>
    <x v="2"/>
    <x v="15"/>
    <s v="Hewlett-Packard Deskjet 5550 Printer"/>
    <n v="597.13"/>
    <n v="3"/>
    <n v="49.76"/>
  </r>
  <r>
    <d v="2017-07-03T00:00:00"/>
    <x v="6"/>
    <x v="3"/>
    <x v="103"/>
    <x v="31"/>
    <x v="1"/>
    <x v="8"/>
    <s v="Tenex Traditional Chairmats for Medium Pile Carpet, Standard Lip, 36&quot; x 48&quot;"/>
    <n v="545.85"/>
    <n v="9"/>
    <n v="114.63"/>
  </r>
  <r>
    <d v="2017-07-03T00:00:00"/>
    <x v="6"/>
    <x v="3"/>
    <x v="381"/>
    <x v="10"/>
    <x v="0"/>
    <x v="0"/>
    <s v="Message Book, Wirebound, Four 5 1/2&quot; X 4&quot; Forms/Pg., 200 Dupl. Sets/Book"/>
    <n v="32.9"/>
    <n v="4"/>
    <n v="11.1"/>
  </r>
  <r>
    <d v="2017-07-03T00:00:00"/>
    <x v="6"/>
    <x v="3"/>
    <x v="381"/>
    <x v="10"/>
    <x v="1"/>
    <x v="13"/>
    <s v="Bevis Round Conference Table Top, X-Base"/>
    <n v="215.15"/>
    <n v="2"/>
    <n v="-103.99"/>
  </r>
  <r>
    <d v="2017-07-03T00:00:00"/>
    <x v="6"/>
    <x v="3"/>
    <x v="381"/>
    <x v="10"/>
    <x v="0"/>
    <x v="0"/>
    <s v="Wirebound Four 2-3/4 x 5 Forms per Page, 400 Sets per Book"/>
    <n v="30.96"/>
    <n v="6"/>
    <n v="11.22"/>
  </r>
  <r>
    <d v="2017-07-03T00:00:00"/>
    <x v="6"/>
    <x v="3"/>
    <x v="412"/>
    <x v="22"/>
    <x v="2"/>
    <x v="9"/>
    <s v="Logitech 910-002974 M325 Wireless Mouse for Web Scrolling"/>
    <n v="59.98"/>
    <n v="2"/>
    <n v="26.39"/>
  </r>
  <r>
    <d v="2017-07-03T00:00:00"/>
    <x v="6"/>
    <x v="3"/>
    <x v="412"/>
    <x v="22"/>
    <x v="2"/>
    <x v="15"/>
    <s v="Okidata MB491 Multifunction Printer"/>
    <n v="2395.1999999999998"/>
    <n v="6"/>
    <n v="209.58"/>
  </r>
  <r>
    <d v="2017-07-03T00:00:00"/>
    <x v="6"/>
    <x v="3"/>
    <x v="412"/>
    <x v="22"/>
    <x v="2"/>
    <x v="9"/>
    <s v="Plantronics Savi W720 Multi-Device Wireless Headset System"/>
    <n v="1687.8"/>
    <n v="4"/>
    <n v="742.63"/>
  </r>
  <r>
    <d v="2017-07-03T00:00:00"/>
    <x v="6"/>
    <x v="3"/>
    <x v="412"/>
    <x v="22"/>
    <x v="2"/>
    <x v="6"/>
    <s v="Square Credit Card Reader, 4 1/2&quot; x 4 1/2&quot; x 1&quot;, White"/>
    <n v="7.99"/>
    <n v="1"/>
    <n v="2.7"/>
  </r>
  <r>
    <d v="2017-07-03T00:00:00"/>
    <x v="6"/>
    <x v="3"/>
    <x v="365"/>
    <x v="32"/>
    <x v="2"/>
    <x v="9"/>
    <s v="TRENDnet 56K USB 2.0 Phone, Internet and Fax Modem"/>
    <n v="258.89999999999998"/>
    <n v="10"/>
    <n v="93.2"/>
  </r>
  <r>
    <d v="2017-07-03T00:00:00"/>
    <x v="6"/>
    <x v="3"/>
    <x v="365"/>
    <x v="32"/>
    <x v="0"/>
    <x v="0"/>
    <s v="Xerox 1881"/>
    <n v="24.56"/>
    <n v="2"/>
    <n v="11.54"/>
  </r>
  <r>
    <d v="2017-07-03T00:00:00"/>
    <x v="6"/>
    <x v="3"/>
    <x v="337"/>
    <x v="3"/>
    <x v="1"/>
    <x v="8"/>
    <s v="Howard Miller 11-1/2&quot; Diameter Brentwood Wall Clock"/>
    <n v="129.38999999999999"/>
    <n v="3"/>
    <n v="54.34"/>
  </r>
  <r>
    <d v="2017-07-03T00:00:00"/>
    <x v="6"/>
    <x v="3"/>
    <x v="122"/>
    <x v="3"/>
    <x v="0"/>
    <x v="2"/>
    <s v="Rogers Deluxe File Chest"/>
    <n v="87.92"/>
    <n v="4"/>
    <n v="0.88"/>
  </r>
  <r>
    <d v="2017-07-03T00:00:00"/>
    <x v="6"/>
    <x v="3"/>
    <x v="627"/>
    <x v="25"/>
    <x v="2"/>
    <x v="9"/>
    <s v="ImationÂ 8gb Micro Traveldrive Usb 2.0Â Flash Drive"/>
    <n v="24"/>
    <n v="2"/>
    <n v="-2.7"/>
  </r>
  <r>
    <d v="2017-07-03T00:00:00"/>
    <x v="6"/>
    <x v="3"/>
    <x v="578"/>
    <x v="38"/>
    <x v="1"/>
    <x v="8"/>
    <s v="Luxo Professional Combination Clamp-On Lamps"/>
    <n v="102.3"/>
    <n v="1"/>
    <n v="26.6"/>
  </r>
  <r>
    <d v="2017-07-05T00:00:00"/>
    <x v="6"/>
    <x v="3"/>
    <x v="637"/>
    <x v="0"/>
    <x v="1"/>
    <x v="8"/>
    <s v="Deflect-o RollaMat Studded, Beveled Mat for Medium Pile Carpeting"/>
    <n v="332.03"/>
    <n v="9"/>
    <n v="-348.63"/>
  </r>
  <r>
    <d v="2017-07-05T00:00:00"/>
    <x v="6"/>
    <x v="3"/>
    <x v="637"/>
    <x v="0"/>
    <x v="0"/>
    <x v="3"/>
    <s v="Cardinal HOLDit! Binder Insert Strips,Extra Strips"/>
    <n v="11.39"/>
    <n v="9"/>
    <n v="-17.66"/>
  </r>
  <r>
    <d v="2017-07-05T00:00:00"/>
    <x v="6"/>
    <x v="3"/>
    <x v="637"/>
    <x v="0"/>
    <x v="0"/>
    <x v="0"/>
    <s v="Xerox 1975"/>
    <n v="15.55"/>
    <n v="3"/>
    <n v="5.64"/>
  </r>
  <r>
    <d v="2017-07-05T00:00:00"/>
    <x v="6"/>
    <x v="3"/>
    <x v="637"/>
    <x v="0"/>
    <x v="0"/>
    <x v="0"/>
    <s v="Xerox 1966"/>
    <n v="31.1"/>
    <n v="6"/>
    <n v="11.28"/>
  </r>
  <r>
    <d v="2017-07-05T00:00:00"/>
    <x v="6"/>
    <x v="3"/>
    <x v="637"/>
    <x v="0"/>
    <x v="0"/>
    <x v="3"/>
    <s v="Tuf-Vin Binders"/>
    <n v="6.32"/>
    <n v="1"/>
    <n v="-10.42"/>
  </r>
  <r>
    <d v="2017-07-05T00:00:00"/>
    <x v="6"/>
    <x v="3"/>
    <x v="105"/>
    <x v="40"/>
    <x v="2"/>
    <x v="6"/>
    <s v="Anker 36W 4-Port USB Wall Charger Travel Power Adapter for iPhone 5s 5c 5"/>
    <n v="79.959999999999994"/>
    <n v="4"/>
    <n v="22.39"/>
  </r>
  <r>
    <d v="2017-07-06T00:00:00"/>
    <x v="6"/>
    <x v="3"/>
    <x v="470"/>
    <x v="2"/>
    <x v="0"/>
    <x v="3"/>
    <s v="Pressboard Covers with Storage Hooks, 9 1/2&quot; x 11&quot;, Light Blue"/>
    <n v="2.95"/>
    <n v="2"/>
    <n v="-2.2599999999999998"/>
  </r>
  <r>
    <d v="2017-07-06T00:00:00"/>
    <x v="6"/>
    <x v="3"/>
    <x v="470"/>
    <x v="2"/>
    <x v="0"/>
    <x v="0"/>
    <s v="Wirebound Message Books, 5-1/2 x 4 Forms, 2 or 4 Forms per Page"/>
    <n v="16.059999999999999"/>
    <n v="3"/>
    <n v="5.82"/>
  </r>
  <r>
    <d v="2017-07-06T00:00:00"/>
    <x v="6"/>
    <x v="3"/>
    <x v="475"/>
    <x v="16"/>
    <x v="1"/>
    <x v="5"/>
    <s v="Global Comet Stacking Armless Chair"/>
    <n v="239.24"/>
    <n v="1"/>
    <n v="23.92"/>
  </r>
  <r>
    <d v="2017-07-06T00:00:00"/>
    <x v="6"/>
    <x v="3"/>
    <x v="487"/>
    <x v="3"/>
    <x v="1"/>
    <x v="5"/>
    <s v="Global Task Chair, Black"/>
    <n v="122.14"/>
    <n v="3"/>
    <n v="-13.74"/>
  </r>
  <r>
    <d v="2017-07-07T00:00:00"/>
    <x v="6"/>
    <x v="3"/>
    <x v="349"/>
    <x v="20"/>
    <x v="0"/>
    <x v="3"/>
    <s v="Wilson Jones Active Use Binders"/>
    <n v="17.47"/>
    <n v="3"/>
    <n v="6.33"/>
  </r>
  <r>
    <d v="2017-07-07T00:00:00"/>
    <x v="6"/>
    <x v="3"/>
    <x v="634"/>
    <x v="43"/>
    <x v="2"/>
    <x v="9"/>
    <s v="Hypercom P1300 Pinpad"/>
    <n v="252"/>
    <n v="4"/>
    <n v="93.24"/>
  </r>
  <r>
    <d v="2017-07-07T00:00:00"/>
    <x v="6"/>
    <x v="3"/>
    <x v="556"/>
    <x v="2"/>
    <x v="1"/>
    <x v="11"/>
    <s v="O'Sullivan 3-Shelf Heavy-Duty Bookcases"/>
    <n v="87.21"/>
    <n v="3"/>
    <n v="-45.35"/>
  </r>
  <r>
    <d v="2017-07-07T00:00:00"/>
    <x v="6"/>
    <x v="3"/>
    <x v="556"/>
    <x v="2"/>
    <x v="0"/>
    <x v="0"/>
    <s v="Xerox 216"/>
    <n v="15.55"/>
    <n v="3"/>
    <n v="5.44"/>
  </r>
  <r>
    <d v="2017-07-07T00:00:00"/>
    <x v="6"/>
    <x v="3"/>
    <x v="556"/>
    <x v="2"/>
    <x v="2"/>
    <x v="6"/>
    <s v="Apple iPhone 5S"/>
    <n v="683.99"/>
    <n v="2"/>
    <n v="-114"/>
  </r>
  <r>
    <d v="2017-07-07T00:00:00"/>
    <x v="6"/>
    <x v="3"/>
    <x v="556"/>
    <x v="2"/>
    <x v="0"/>
    <x v="2"/>
    <s v="Plastic Stacking Crates &amp; Casters"/>
    <n v="13.39"/>
    <n v="3"/>
    <n v="1"/>
  </r>
  <r>
    <d v="2017-07-07T00:00:00"/>
    <x v="6"/>
    <x v="3"/>
    <x v="556"/>
    <x v="2"/>
    <x v="2"/>
    <x v="9"/>
    <s v="AmazonBasics 3-Button USB Wired Mouse"/>
    <n v="16.78"/>
    <n v="3"/>
    <n v="4.82"/>
  </r>
  <r>
    <d v="2017-07-07T00:00:00"/>
    <x v="6"/>
    <x v="3"/>
    <x v="556"/>
    <x v="2"/>
    <x v="2"/>
    <x v="9"/>
    <s v="Plantronics CS510 - Over-the-Head monaural Wireless Headset System"/>
    <n v="527.91999999999996"/>
    <n v="2"/>
    <n v="85.79"/>
  </r>
  <r>
    <d v="2017-07-07T00:00:00"/>
    <x v="6"/>
    <x v="3"/>
    <x v="372"/>
    <x v="3"/>
    <x v="0"/>
    <x v="7"/>
    <s v="Brites Rubber Bands, 1 1/2 oz. Box"/>
    <n v="5.94"/>
    <n v="3"/>
    <n v="0.12"/>
  </r>
  <r>
    <d v="2017-07-08T00:00:00"/>
    <x v="6"/>
    <x v="3"/>
    <x v="210"/>
    <x v="32"/>
    <x v="0"/>
    <x v="4"/>
    <s v="Binney &amp; Smith inkTank Erasable Desk Highlighter, Chisel Tip, Yellow, 12/Box"/>
    <n v="7.56"/>
    <n v="3"/>
    <n v="3.1"/>
  </r>
  <r>
    <d v="2017-07-08T00:00:00"/>
    <x v="6"/>
    <x v="3"/>
    <x v="210"/>
    <x v="32"/>
    <x v="0"/>
    <x v="0"/>
    <s v="Easy-staple paper"/>
    <n v="24.56"/>
    <n v="2"/>
    <n v="11.54"/>
  </r>
  <r>
    <d v="2017-07-08T00:00:00"/>
    <x v="6"/>
    <x v="3"/>
    <x v="210"/>
    <x v="32"/>
    <x v="0"/>
    <x v="4"/>
    <s v="BIC Brite Liner Highlighters, Chisel Tip"/>
    <n v="12.96"/>
    <n v="2"/>
    <n v="4.1500000000000004"/>
  </r>
  <r>
    <d v="2017-07-08T00:00:00"/>
    <x v="6"/>
    <x v="3"/>
    <x v="381"/>
    <x v="3"/>
    <x v="1"/>
    <x v="8"/>
    <s v="Deflect-o SuperTray Unbreakable Stackable Tray, Letter, Black"/>
    <n v="145.9"/>
    <n v="5"/>
    <n v="62.74"/>
  </r>
  <r>
    <d v="2017-07-08T00:00:00"/>
    <x v="6"/>
    <x v="3"/>
    <x v="788"/>
    <x v="22"/>
    <x v="1"/>
    <x v="8"/>
    <s v="GE 48&quot; Fluorescent Tube, Cool White Energy Saver, 34 Watts, 30/Box"/>
    <n v="198.46"/>
    <n v="2"/>
    <n v="99.23"/>
  </r>
  <r>
    <d v="2017-07-08T00:00:00"/>
    <x v="6"/>
    <x v="3"/>
    <x v="788"/>
    <x v="22"/>
    <x v="0"/>
    <x v="1"/>
    <s v="Dot Matrix Printer Tape Reel Labels, White, 5000/Box"/>
    <n v="786.48"/>
    <n v="8"/>
    <n v="385.38"/>
  </r>
  <r>
    <d v="2017-07-08T00:00:00"/>
    <x v="6"/>
    <x v="3"/>
    <x v="788"/>
    <x v="22"/>
    <x v="0"/>
    <x v="3"/>
    <s v="GBC White Gloss Covers, Plain Front"/>
    <n v="23.17"/>
    <n v="2"/>
    <n v="7.82"/>
  </r>
  <r>
    <d v="2017-07-08T00:00:00"/>
    <x v="6"/>
    <x v="3"/>
    <x v="788"/>
    <x v="22"/>
    <x v="2"/>
    <x v="9"/>
    <s v="Micro Innovations USB RF Wireless Keyboard with Mouse"/>
    <n v="50"/>
    <n v="2"/>
    <n v="10.5"/>
  </r>
  <r>
    <d v="2017-07-08T00:00:00"/>
    <x v="6"/>
    <x v="3"/>
    <x v="339"/>
    <x v="3"/>
    <x v="0"/>
    <x v="1"/>
    <s v="Avery 485"/>
    <n v="75.180000000000007"/>
    <n v="6"/>
    <n v="35.33"/>
  </r>
  <r>
    <d v="2017-07-08T00:00:00"/>
    <x v="6"/>
    <x v="3"/>
    <x v="58"/>
    <x v="22"/>
    <x v="1"/>
    <x v="8"/>
    <s v="Master Big Foot Doorstop, Beige"/>
    <n v="15.84"/>
    <n v="3"/>
    <n v="4.91"/>
  </r>
  <r>
    <d v="2017-07-08T00:00:00"/>
    <x v="6"/>
    <x v="3"/>
    <x v="58"/>
    <x v="22"/>
    <x v="0"/>
    <x v="3"/>
    <s v="GBC VeloBinder Manual Binding System"/>
    <n v="86.38"/>
    <n v="3"/>
    <n v="30.23"/>
  </r>
  <r>
    <d v="2017-07-08T00:00:00"/>
    <x v="6"/>
    <x v="3"/>
    <x v="58"/>
    <x v="22"/>
    <x v="0"/>
    <x v="4"/>
    <s v="Zebra Zazzle Fluorescent Highlighters"/>
    <n v="18.239999999999998"/>
    <n v="3"/>
    <n v="6.2"/>
  </r>
  <r>
    <d v="2017-07-08T00:00:00"/>
    <x v="6"/>
    <x v="3"/>
    <x v="58"/>
    <x v="22"/>
    <x v="0"/>
    <x v="4"/>
    <s v="Crayola Colored Pencils"/>
    <n v="13.12"/>
    <n v="4"/>
    <n v="4.33"/>
  </r>
  <r>
    <d v="2017-07-08T00:00:00"/>
    <x v="6"/>
    <x v="3"/>
    <x v="736"/>
    <x v="7"/>
    <x v="1"/>
    <x v="8"/>
    <s v="36X48 HARDFLOOR CHAIRMAT"/>
    <n v="83.92"/>
    <n v="4"/>
    <n v="5.87"/>
  </r>
  <r>
    <d v="2017-07-08T00:00:00"/>
    <x v="6"/>
    <x v="3"/>
    <x v="736"/>
    <x v="7"/>
    <x v="2"/>
    <x v="9"/>
    <s v="Maxell 4.7GB DVD-R"/>
    <n v="141.9"/>
    <n v="5"/>
    <n v="58.18"/>
  </r>
  <r>
    <d v="2017-07-08T00:00:00"/>
    <x v="6"/>
    <x v="3"/>
    <x v="736"/>
    <x v="7"/>
    <x v="1"/>
    <x v="8"/>
    <s v="Tensor Track Tree Floor Lamp"/>
    <n v="39.979999999999997"/>
    <n v="2"/>
    <n v="9.1999999999999993"/>
  </r>
  <r>
    <d v="2017-07-08T00:00:00"/>
    <x v="6"/>
    <x v="3"/>
    <x v="736"/>
    <x v="7"/>
    <x v="0"/>
    <x v="4"/>
    <s v="Newell 325"/>
    <n v="28.91"/>
    <n v="7"/>
    <n v="8.67"/>
  </r>
  <r>
    <d v="2017-07-08T00:00:00"/>
    <x v="6"/>
    <x v="3"/>
    <x v="736"/>
    <x v="7"/>
    <x v="0"/>
    <x v="4"/>
    <s v="Hunt Boston Vacuum Mount KS Pencil Sharpener"/>
    <n v="174.95"/>
    <n v="5"/>
    <n v="45.49"/>
  </r>
  <r>
    <d v="2017-07-08T00:00:00"/>
    <x v="6"/>
    <x v="3"/>
    <x v="376"/>
    <x v="22"/>
    <x v="0"/>
    <x v="0"/>
    <s v="Easy-staple paper"/>
    <n v="52.76"/>
    <n v="2"/>
    <n v="24.27"/>
  </r>
  <r>
    <d v="2017-07-09T00:00:00"/>
    <x v="6"/>
    <x v="3"/>
    <x v="210"/>
    <x v="11"/>
    <x v="0"/>
    <x v="3"/>
    <s v="Wilson Jones Easy Flow II Sheet Lifters"/>
    <n v="1.08"/>
    <n v="2"/>
    <n v="-0.79"/>
  </r>
  <r>
    <d v="2017-07-09T00:00:00"/>
    <x v="6"/>
    <x v="3"/>
    <x v="270"/>
    <x v="1"/>
    <x v="0"/>
    <x v="4"/>
    <s v="Quartet Alpha White Chalk, 12/Pack"/>
    <n v="8.84"/>
    <n v="5"/>
    <n v="2.98"/>
  </r>
  <r>
    <d v="2017-07-09T00:00:00"/>
    <x v="6"/>
    <x v="3"/>
    <x v="270"/>
    <x v="1"/>
    <x v="0"/>
    <x v="12"/>
    <s v="Belkin F9S820V06 8 Outlet Surge"/>
    <n v="58.46"/>
    <n v="9"/>
    <n v="-146.16"/>
  </r>
  <r>
    <d v="2017-07-09T00:00:00"/>
    <x v="6"/>
    <x v="3"/>
    <x v="209"/>
    <x v="1"/>
    <x v="0"/>
    <x v="2"/>
    <s v="Recycled Steel Personal File for Hanging File Folders"/>
    <n v="228.92"/>
    <n v="5"/>
    <n v="14.31"/>
  </r>
  <r>
    <d v="2017-07-09T00:00:00"/>
    <x v="6"/>
    <x v="3"/>
    <x v="88"/>
    <x v="18"/>
    <x v="1"/>
    <x v="8"/>
    <s v="Eldon Antistatic Chair Mats for Low to Medium Pile Carpets"/>
    <n v="526.45000000000005"/>
    <n v="5"/>
    <n v="31.59"/>
  </r>
  <r>
    <d v="2017-07-09T00:00:00"/>
    <x v="6"/>
    <x v="3"/>
    <x v="509"/>
    <x v="37"/>
    <x v="0"/>
    <x v="0"/>
    <s v="Xerox 1914"/>
    <n v="274.8"/>
    <n v="5"/>
    <n v="134.65"/>
  </r>
  <r>
    <d v="2017-07-09T00:00:00"/>
    <x v="6"/>
    <x v="3"/>
    <x v="509"/>
    <x v="37"/>
    <x v="0"/>
    <x v="2"/>
    <s v="Tennsco Industrial Shelving"/>
    <n v="195.64"/>
    <n v="4"/>
    <n v="3.91"/>
  </r>
  <r>
    <d v="2017-07-09T00:00:00"/>
    <x v="6"/>
    <x v="3"/>
    <x v="509"/>
    <x v="37"/>
    <x v="2"/>
    <x v="6"/>
    <s v="Digium D40 VoIP phone"/>
    <n v="257.98"/>
    <n v="2"/>
    <n v="74.81"/>
  </r>
  <r>
    <d v="2017-07-09T00:00:00"/>
    <x v="6"/>
    <x v="3"/>
    <x v="509"/>
    <x v="37"/>
    <x v="0"/>
    <x v="4"/>
    <s v="Prismacolor Color Pencil Set"/>
    <n v="119.04"/>
    <n v="6"/>
    <n v="48.81"/>
  </r>
  <r>
    <d v="2017-07-10T00:00:00"/>
    <x v="6"/>
    <x v="3"/>
    <x v="652"/>
    <x v="4"/>
    <x v="1"/>
    <x v="8"/>
    <s v="Eldon 200 Class Desk Accessories, Smoke"/>
    <n v="18.84"/>
    <n v="3"/>
    <n v="7.91"/>
  </r>
  <r>
    <d v="2017-07-10T00:00:00"/>
    <x v="6"/>
    <x v="3"/>
    <x v="215"/>
    <x v="1"/>
    <x v="0"/>
    <x v="2"/>
    <s v="Fellowes Mobile File Cart, Black"/>
    <n v="298.45999999999998"/>
    <n v="6"/>
    <n v="26.12"/>
  </r>
  <r>
    <d v="2017-07-10T00:00:00"/>
    <x v="6"/>
    <x v="3"/>
    <x v="97"/>
    <x v="4"/>
    <x v="0"/>
    <x v="12"/>
    <s v="Belkin 7-Outlet SurgeMaster Home Series"/>
    <n v="41.91"/>
    <n v="3"/>
    <n v="10.9"/>
  </r>
  <r>
    <d v="2017-07-11T00:00:00"/>
    <x v="6"/>
    <x v="3"/>
    <x v="549"/>
    <x v="3"/>
    <x v="0"/>
    <x v="1"/>
    <s v="Avery 482"/>
    <n v="8.67"/>
    <n v="3"/>
    <n v="4.07"/>
  </r>
  <r>
    <d v="2017-07-11T00:00:00"/>
    <x v="6"/>
    <x v="3"/>
    <x v="448"/>
    <x v="20"/>
    <x v="2"/>
    <x v="9"/>
    <s v="SanDisk Ultra 32 GB MicroSDHC Class 10 Memory Card"/>
    <n v="132.6"/>
    <n v="6"/>
    <n v="17.239999999999998"/>
  </r>
  <r>
    <d v="2017-07-11T00:00:00"/>
    <x v="6"/>
    <x v="3"/>
    <x v="262"/>
    <x v="30"/>
    <x v="0"/>
    <x v="4"/>
    <s v="Staples in misc. colors"/>
    <n v="30.32"/>
    <n v="4"/>
    <n v="11.82"/>
  </r>
  <r>
    <d v="2017-07-11T00:00:00"/>
    <x v="6"/>
    <x v="3"/>
    <x v="119"/>
    <x v="3"/>
    <x v="2"/>
    <x v="9"/>
    <s v="LogitechÂ P710e Mobile Speakerphone"/>
    <n v="1287.45"/>
    <n v="5"/>
    <n v="244.62"/>
  </r>
  <r>
    <d v="2017-07-11T00:00:00"/>
    <x v="6"/>
    <x v="3"/>
    <x v="119"/>
    <x v="3"/>
    <x v="0"/>
    <x v="12"/>
    <s v="Fellowes 8 Outlet Superior Workstation Surge Protector w/o Phone/Fax/Modem Protection"/>
    <n v="168.1"/>
    <n v="5"/>
    <n v="43.71"/>
  </r>
  <r>
    <d v="2017-07-11T00:00:00"/>
    <x v="6"/>
    <x v="3"/>
    <x v="324"/>
    <x v="3"/>
    <x v="2"/>
    <x v="6"/>
    <s v="Belkin iPhone and iPad Lightning Cable"/>
    <n v="71.95"/>
    <n v="6"/>
    <n v="5.4"/>
  </r>
  <r>
    <d v="2017-07-11T00:00:00"/>
    <x v="6"/>
    <x v="3"/>
    <x v="324"/>
    <x v="3"/>
    <x v="0"/>
    <x v="3"/>
    <s v="Acco Four Pocket Poly Ring Binder with Label Holder, Smoke, 1&quot;"/>
    <n v="29.8"/>
    <n v="5"/>
    <n v="9.31"/>
  </r>
  <r>
    <d v="2017-07-12T00:00:00"/>
    <x v="6"/>
    <x v="3"/>
    <x v="178"/>
    <x v="10"/>
    <x v="0"/>
    <x v="0"/>
    <s v="Wirebound Message Books, Four 2 3/4 x 5 Forms per Page, 200 Sets per Book"/>
    <n v="3.82"/>
    <n v="1"/>
    <n v="1.19"/>
  </r>
  <r>
    <d v="2017-07-13T00:00:00"/>
    <x v="6"/>
    <x v="3"/>
    <x v="294"/>
    <x v="2"/>
    <x v="2"/>
    <x v="6"/>
    <s v="Cisco SPA508G"/>
    <n v="39.590000000000003"/>
    <n v="1"/>
    <n v="-7.26"/>
  </r>
  <r>
    <d v="2017-07-13T00:00:00"/>
    <x v="6"/>
    <x v="3"/>
    <x v="294"/>
    <x v="2"/>
    <x v="1"/>
    <x v="8"/>
    <s v="Nu-Dell Executive Frame"/>
    <n v="91.01"/>
    <n v="9"/>
    <n v="19.34"/>
  </r>
  <r>
    <d v="2017-07-13T00:00:00"/>
    <x v="6"/>
    <x v="3"/>
    <x v="390"/>
    <x v="42"/>
    <x v="0"/>
    <x v="2"/>
    <s v="Standard Rollaway File with Lock"/>
    <n v="360.38"/>
    <n v="2"/>
    <n v="93.7"/>
  </r>
  <r>
    <d v="2017-07-13T00:00:00"/>
    <x v="6"/>
    <x v="3"/>
    <x v="390"/>
    <x v="42"/>
    <x v="0"/>
    <x v="0"/>
    <s v="Strathmore Photo Mount Cards"/>
    <n v="13.56"/>
    <n v="2"/>
    <n v="6.24"/>
  </r>
  <r>
    <d v="2017-07-14T00:00:00"/>
    <x v="6"/>
    <x v="3"/>
    <x v="460"/>
    <x v="3"/>
    <x v="0"/>
    <x v="3"/>
    <s v="Acco Suede Grain Vinyl Round Ring Binder"/>
    <n v="4.45"/>
    <n v="2"/>
    <n v="1.45"/>
  </r>
  <r>
    <d v="2017-07-14T00:00:00"/>
    <x v="6"/>
    <x v="3"/>
    <x v="460"/>
    <x v="3"/>
    <x v="1"/>
    <x v="8"/>
    <s v="Deflect-o RollaMat Studded, Beveled Mat for Medium Pile Carpeting"/>
    <n v="276.69"/>
    <n v="3"/>
    <n v="49.8"/>
  </r>
  <r>
    <d v="2017-07-14T00:00:00"/>
    <x v="6"/>
    <x v="3"/>
    <x v="460"/>
    <x v="3"/>
    <x v="0"/>
    <x v="7"/>
    <s v="OIC Binder Clips, Mini, 1/4&quot; Capacity, Black"/>
    <n v="4.96"/>
    <n v="4"/>
    <n v="2.33"/>
  </r>
  <r>
    <d v="2017-07-14T00:00:00"/>
    <x v="6"/>
    <x v="3"/>
    <x v="460"/>
    <x v="3"/>
    <x v="0"/>
    <x v="4"/>
    <s v="BOSTON Model 1800 Electric Pencil Sharpeners, Putty/Woodgrain"/>
    <n v="71.92"/>
    <n v="4"/>
    <n v="20.86"/>
  </r>
  <r>
    <d v="2017-07-14T00:00:00"/>
    <x v="6"/>
    <x v="3"/>
    <x v="460"/>
    <x v="3"/>
    <x v="1"/>
    <x v="8"/>
    <s v="Eldon 200 Class Desk Accessories, Burgundy"/>
    <n v="18.84"/>
    <n v="3"/>
    <n v="7.91"/>
  </r>
  <r>
    <d v="2017-07-14T00:00:00"/>
    <x v="6"/>
    <x v="3"/>
    <x v="460"/>
    <x v="3"/>
    <x v="2"/>
    <x v="9"/>
    <s v="Sony Micro Vault Click 8 GB USB 2.0 Flash Drive"/>
    <n v="140.97"/>
    <n v="3"/>
    <n v="19.739999999999998"/>
  </r>
  <r>
    <d v="2017-07-14T00:00:00"/>
    <x v="6"/>
    <x v="3"/>
    <x v="460"/>
    <x v="3"/>
    <x v="2"/>
    <x v="6"/>
    <s v="GE 30524EE4"/>
    <n v="470.38"/>
    <n v="3"/>
    <n v="52.92"/>
  </r>
  <r>
    <d v="2017-07-14T00:00:00"/>
    <x v="6"/>
    <x v="3"/>
    <x v="154"/>
    <x v="10"/>
    <x v="0"/>
    <x v="0"/>
    <s v="Xerox 1950"/>
    <n v="9.25"/>
    <n v="2"/>
    <n v="3.35"/>
  </r>
  <r>
    <d v="2017-07-14T00:00:00"/>
    <x v="6"/>
    <x v="3"/>
    <x v="154"/>
    <x v="10"/>
    <x v="2"/>
    <x v="6"/>
    <s v="Samsung Galaxy S III - 16GB - pebble blue (T-Mobile)"/>
    <n v="1889.95"/>
    <n v="9"/>
    <n v="-377.99"/>
  </r>
  <r>
    <d v="2017-07-14T00:00:00"/>
    <x v="6"/>
    <x v="3"/>
    <x v="154"/>
    <x v="10"/>
    <x v="0"/>
    <x v="2"/>
    <s v="Tenex File Box, Personal Filing Tote with Lid, Black"/>
    <n v="62.04"/>
    <n v="5"/>
    <n v="4.6500000000000004"/>
  </r>
  <r>
    <d v="2017-07-14T00:00:00"/>
    <x v="6"/>
    <x v="3"/>
    <x v="154"/>
    <x v="10"/>
    <x v="1"/>
    <x v="8"/>
    <s v="GE 48&quot; Fluorescent Tube, Cool White Energy Saver, 34 Watts, 30/Box"/>
    <n v="396.92"/>
    <n v="5"/>
    <n v="148.85"/>
  </r>
  <r>
    <d v="2017-07-14T00:00:00"/>
    <x v="6"/>
    <x v="3"/>
    <x v="154"/>
    <x v="10"/>
    <x v="0"/>
    <x v="2"/>
    <s v="SAFCO Mobile Desk Side File, Wire Frame"/>
    <n v="239.46"/>
    <n v="7"/>
    <n v="17.96"/>
  </r>
  <r>
    <d v="2017-07-14T00:00:00"/>
    <x v="6"/>
    <x v="3"/>
    <x v="154"/>
    <x v="10"/>
    <x v="0"/>
    <x v="4"/>
    <s v="Crayola Colored Pencils"/>
    <n v="13.12"/>
    <n v="5"/>
    <n v="2.13"/>
  </r>
  <r>
    <d v="2017-07-15T00:00:00"/>
    <x v="6"/>
    <x v="3"/>
    <x v="226"/>
    <x v="7"/>
    <x v="0"/>
    <x v="3"/>
    <s v="GBC Standard Plastic Binding Systems Combs"/>
    <n v="26.55"/>
    <n v="3"/>
    <n v="13.01"/>
  </r>
  <r>
    <d v="2017-07-15T00:00:00"/>
    <x v="6"/>
    <x v="3"/>
    <x v="226"/>
    <x v="7"/>
    <x v="1"/>
    <x v="13"/>
    <s v="Hon 2111 Invitation Series Straight Table"/>
    <n v="310.44"/>
    <n v="3"/>
    <n v="-48.78"/>
  </r>
  <r>
    <d v="2017-07-15T00:00:00"/>
    <x v="6"/>
    <x v="3"/>
    <x v="147"/>
    <x v="20"/>
    <x v="0"/>
    <x v="4"/>
    <s v="Newell 349"/>
    <n v="6.56"/>
    <n v="2"/>
    <n v="1.9"/>
  </r>
  <r>
    <d v="2017-07-15T00:00:00"/>
    <x v="6"/>
    <x v="3"/>
    <x v="147"/>
    <x v="20"/>
    <x v="0"/>
    <x v="1"/>
    <s v="Avery 509"/>
    <n v="7.83"/>
    <n v="3"/>
    <n v="3.6"/>
  </r>
  <r>
    <d v="2017-07-15T00:00:00"/>
    <x v="6"/>
    <x v="3"/>
    <x v="147"/>
    <x v="20"/>
    <x v="2"/>
    <x v="9"/>
    <s v="Sony 32GB Class 10 Micro SDHC R40 Memory Card"/>
    <n v="41.9"/>
    <n v="2"/>
    <n v="8.8000000000000007"/>
  </r>
  <r>
    <d v="2017-07-15T00:00:00"/>
    <x v="6"/>
    <x v="3"/>
    <x v="147"/>
    <x v="20"/>
    <x v="1"/>
    <x v="5"/>
    <s v="Hon Mobius Operator's Chair"/>
    <n v="664.15"/>
    <n v="6"/>
    <n v="88.55"/>
  </r>
  <r>
    <d v="2017-07-15T00:00:00"/>
    <x v="6"/>
    <x v="3"/>
    <x v="147"/>
    <x v="20"/>
    <x v="0"/>
    <x v="0"/>
    <s v="Spiral Phone Message Books with Labels by Adams"/>
    <n v="8.9600000000000009"/>
    <n v="2"/>
    <n v="4.3899999999999997"/>
  </r>
  <r>
    <d v="2017-07-15T00:00:00"/>
    <x v="6"/>
    <x v="3"/>
    <x v="332"/>
    <x v="6"/>
    <x v="0"/>
    <x v="12"/>
    <s v="Belkin 8 Outlet SurgeMaster II Gold Surge Protector"/>
    <n v="179.94"/>
    <n v="3"/>
    <n v="50.38"/>
  </r>
  <r>
    <d v="2017-07-15T00:00:00"/>
    <x v="6"/>
    <x v="3"/>
    <x v="332"/>
    <x v="6"/>
    <x v="1"/>
    <x v="13"/>
    <s v="Hon 5100 Series Wood Tables"/>
    <n v="872.94"/>
    <n v="3"/>
    <n v="157.13"/>
  </r>
  <r>
    <d v="2017-07-15T00:00:00"/>
    <x v="6"/>
    <x v="3"/>
    <x v="332"/>
    <x v="6"/>
    <x v="0"/>
    <x v="0"/>
    <s v="Xerox 1999"/>
    <n v="12.96"/>
    <n v="2"/>
    <n v="6.22"/>
  </r>
  <r>
    <d v="2017-07-16T00:00:00"/>
    <x v="6"/>
    <x v="3"/>
    <x v="394"/>
    <x v="2"/>
    <x v="1"/>
    <x v="5"/>
    <s v="Global Deluxe Stacking Chair, Gray"/>
    <n v="71.37"/>
    <n v="2"/>
    <n v="-1.02"/>
  </r>
  <r>
    <d v="2017-07-16T00:00:00"/>
    <x v="6"/>
    <x v="3"/>
    <x v="139"/>
    <x v="1"/>
    <x v="0"/>
    <x v="4"/>
    <s v="Crayola Anti Dust Chalk, 12/Pack"/>
    <n v="2.91"/>
    <n v="2"/>
    <n v="0.91"/>
  </r>
  <r>
    <d v="2017-07-16T00:00:00"/>
    <x v="6"/>
    <x v="3"/>
    <x v="40"/>
    <x v="25"/>
    <x v="1"/>
    <x v="5"/>
    <s v="Global Fabric Manager's Chair, Dark Gray"/>
    <n v="242.35"/>
    <n v="3"/>
    <n v="15.15"/>
  </r>
  <r>
    <d v="2017-07-17T00:00:00"/>
    <x v="6"/>
    <x v="3"/>
    <x v="661"/>
    <x v="16"/>
    <x v="1"/>
    <x v="8"/>
    <s v="C-Line Magnetic Cubicle Keepers, Clear Polypropylene"/>
    <n v="7.9"/>
    <n v="2"/>
    <n v="2.17"/>
  </r>
  <r>
    <d v="2017-07-17T00:00:00"/>
    <x v="6"/>
    <x v="3"/>
    <x v="734"/>
    <x v="20"/>
    <x v="2"/>
    <x v="6"/>
    <s v="Avaya 5420 Digital phone"/>
    <n v="269.98"/>
    <n v="2"/>
    <n v="67.5"/>
  </r>
  <r>
    <d v="2017-07-17T00:00:00"/>
    <x v="6"/>
    <x v="3"/>
    <x v="734"/>
    <x v="20"/>
    <x v="0"/>
    <x v="0"/>
    <s v="Southworth 25% Cotton Premium Laser Paper and Envelopes"/>
    <n v="99.9"/>
    <n v="5"/>
    <n v="47.95"/>
  </r>
  <r>
    <d v="2017-07-17T00:00:00"/>
    <x v="6"/>
    <x v="3"/>
    <x v="734"/>
    <x v="20"/>
    <x v="1"/>
    <x v="8"/>
    <s v="DAX Solid Wood Frames"/>
    <n v="39.08"/>
    <n v="4"/>
    <n v="14.46"/>
  </r>
  <r>
    <d v="2017-07-17T00:00:00"/>
    <x v="6"/>
    <x v="3"/>
    <x v="314"/>
    <x v="3"/>
    <x v="2"/>
    <x v="16"/>
    <s v="Brother DCP1000 Digital 3 in 1 Multifunction Machine"/>
    <n v="479.98"/>
    <n v="2"/>
    <n v="90"/>
  </r>
  <r>
    <d v="2017-07-17T00:00:00"/>
    <x v="6"/>
    <x v="3"/>
    <x v="202"/>
    <x v="3"/>
    <x v="0"/>
    <x v="0"/>
    <s v="Xerox 221"/>
    <n v="32.4"/>
    <n v="5"/>
    <n v="15.55"/>
  </r>
  <r>
    <d v="2017-07-17T00:00:00"/>
    <x v="6"/>
    <x v="3"/>
    <x v="202"/>
    <x v="3"/>
    <x v="0"/>
    <x v="10"/>
    <s v="Peel &amp; Seel Recycled Catalog Envelopes, Brown"/>
    <n v="57.9"/>
    <n v="5"/>
    <n v="28.95"/>
  </r>
  <r>
    <d v="2017-07-17T00:00:00"/>
    <x v="6"/>
    <x v="3"/>
    <x v="202"/>
    <x v="3"/>
    <x v="0"/>
    <x v="2"/>
    <s v="Sterilite Show Offs Storage Containers"/>
    <n v="10.56"/>
    <n v="2"/>
    <n v="0"/>
  </r>
  <r>
    <d v="2017-07-17T00:00:00"/>
    <x v="6"/>
    <x v="3"/>
    <x v="202"/>
    <x v="3"/>
    <x v="1"/>
    <x v="11"/>
    <s v="Atlantic Metals Mobile 4-Shelf Bookcases, Custom Colors"/>
    <n v="1194.17"/>
    <n v="5"/>
    <n v="210.74"/>
  </r>
  <r>
    <d v="2017-07-18T00:00:00"/>
    <x v="6"/>
    <x v="3"/>
    <x v="505"/>
    <x v="12"/>
    <x v="1"/>
    <x v="13"/>
    <s v="Chromcraft 48&quot; x 96&quot; Racetrack Double Pedestal Table"/>
    <n v="801.6"/>
    <n v="5"/>
    <n v="-448.9"/>
  </r>
  <r>
    <d v="2017-07-18T00:00:00"/>
    <x v="6"/>
    <x v="3"/>
    <x v="505"/>
    <x v="12"/>
    <x v="1"/>
    <x v="5"/>
    <s v="Global Fabric Manager's Chair, Dark Gray"/>
    <n v="161.57"/>
    <n v="2"/>
    <n v="10.1"/>
  </r>
  <r>
    <d v="2017-07-18T00:00:00"/>
    <x v="6"/>
    <x v="3"/>
    <x v="505"/>
    <x v="12"/>
    <x v="0"/>
    <x v="0"/>
    <s v="Riverleaf Stik-Withit Designer Note Cubes"/>
    <n v="16.100000000000001"/>
    <n v="2"/>
    <n v="5.23"/>
  </r>
  <r>
    <d v="2017-07-18T00:00:00"/>
    <x v="6"/>
    <x v="3"/>
    <x v="505"/>
    <x v="12"/>
    <x v="0"/>
    <x v="3"/>
    <s v="Acco Expandable Hanging Binders"/>
    <n v="7.66"/>
    <n v="4"/>
    <n v="-6.12"/>
  </r>
  <r>
    <d v="2017-07-18T00:00:00"/>
    <x v="6"/>
    <x v="3"/>
    <x v="505"/>
    <x v="12"/>
    <x v="1"/>
    <x v="5"/>
    <s v="High-Back Leather Manager's Chair"/>
    <n v="311.98"/>
    <n v="3"/>
    <n v="-42.9"/>
  </r>
  <r>
    <d v="2017-07-18T00:00:00"/>
    <x v="6"/>
    <x v="3"/>
    <x v="9"/>
    <x v="2"/>
    <x v="2"/>
    <x v="16"/>
    <s v="Canon PC-428 Personal Copier"/>
    <n v="599.97"/>
    <n v="5"/>
    <n v="70"/>
  </r>
  <r>
    <d v="2017-07-18T00:00:00"/>
    <x v="6"/>
    <x v="3"/>
    <x v="9"/>
    <x v="2"/>
    <x v="1"/>
    <x v="5"/>
    <s v="Situations Contoured Folding Chairs, 4/Set"/>
    <n v="198.74"/>
    <n v="4"/>
    <n v="-14.2"/>
  </r>
  <r>
    <d v="2017-07-18T00:00:00"/>
    <x v="6"/>
    <x v="3"/>
    <x v="9"/>
    <x v="2"/>
    <x v="0"/>
    <x v="14"/>
    <s v="Acme Kleencut Forged Steel Scissors"/>
    <n v="9.18"/>
    <n v="2"/>
    <n v="1.1499999999999999"/>
  </r>
  <r>
    <d v="2017-07-20T00:00:00"/>
    <x v="6"/>
    <x v="3"/>
    <x v="246"/>
    <x v="1"/>
    <x v="0"/>
    <x v="2"/>
    <s v="Trav-L-File Heavy-Duty Shuttle II, Black"/>
    <n v="69.709999999999994"/>
    <n v="2"/>
    <n v="8.7100000000000009"/>
  </r>
  <r>
    <d v="2017-07-20T00:00:00"/>
    <x v="6"/>
    <x v="3"/>
    <x v="246"/>
    <x v="1"/>
    <x v="1"/>
    <x v="8"/>
    <s v="Contract Clock, 14&quot;, Brown"/>
    <n v="8.7899999999999991"/>
    <n v="1"/>
    <n v="-5.71"/>
  </r>
  <r>
    <d v="2017-07-20T00:00:00"/>
    <x v="6"/>
    <x v="3"/>
    <x v="551"/>
    <x v="19"/>
    <x v="0"/>
    <x v="1"/>
    <s v="Avery 486"/>
    <n v="14.62"/>
    <n v="2"/>
    <n v="6.87"/>
  </r>
  <r>
    <d v="2017-07-20T00:00:00"/>
    <x v="6"/>
    <x v="3"/>
    <x v="551"/>
    <x v="19"/>
    <x v="0"/>
    <x v="12"/>
    <s v="1.7 Cubic Foot Compact &quot;Cube&quot; Office Refrigerators"/>
    <n v="416.32"/>
    <n v="2"/>
    <n v="112.41"/>
  </r>
  <r>
    <d v="2017-07-20T00:00:00"/>
    <x v="6"/>
    <x v="3"/>
    <x v="551"/>
    <x v="19"/>
    <x v="0"/>
    <x v="3"/>
    <s v="Avery Printable Repositionable Plastic Tabs"/>
    <n v="43"/>
    <n v="5"/>
    <n v="20.21"/>
  </r>
  <r>
    <d v="2017-07-20T00:00:00"/>
    <x v="6"/>
    <x v="3"/>
    <x v="551"/>
    <x v="19"/>
    <x v="1"/>
    <x v="5"/>
    <s v="Novimex Fabric Task Chair"/>
    <n v="182.94"/>
    <n v="3"/>
    <n v="27.44"/>
  </r>
  <r>
    <d v="2017-07-20T00:00:00"/>
    <x v="6"/>
    <x v="3"/>
    <x v="551"/>
    <x v="19"/>
    <x v="0"/>
    <x v="3"/>
    <s v="Cardinal Slant-D Ring Binders"/>
    <n v="60.83"/>
    <n v="7"/>
    <n v="30.42"/>
  </r>
  <r>
    <d v="2017-07-20T00:00:00"/>
    <x v="6"/>
    <x v="3"/>
    <x v="551"/>
    <x v="19"/>
    <x v="2"/>
    <x v="9"/>
    <s v="Logitech G35 7.1-Channel Surround Sound Headset"/>
    <n v="389.97"/>
    <n v="3"/>
    <n v="132.59"/>
  </r>
  <r>
    <d v="2017-07-20T00:00:00"/>
    <x v="6"/>
    <x v="3"/>
    <x v="436"/>
    <x v="28"/>
    <x v="0"/>
    <x v="3"/>
    <s v="Ibico Ibimaster 300 Manual Binding System"/>
    <n v="735.98"/>
    <n v="2"/>
    <n v="331.19"/>
  </r>
  <r>
    <d v="2017-07-20T00:00:00"/>
    <x v="6"/>
    <x v="3"/>
    <x v="278"/>
    <x v="20"/>
    <x v="0"/>
    <x v="0"/>
    <s v="Xerox 1977"/>
    <n v="13.36"/>
    <n v="2"/>
    <n v="6.41"/>
  </r>
  <r>
    <d v="2017-07-20T00:00:00"/>
    <x v="6"/>
    <x v="3"/>
    <x v="278"/>
    <x v="20"/>
    <x v="1"/>
    <x v="5"/>
    <s v="Office Star - Task Chair with Contemporary Loop Arms"/>
    <n v="163.76"/>
    <n v="2"/>
    <n v="25.47"/>
  </r>
  <r>
    <d v="2017-07-20T00:00:00"/>
    <x v="6"/>
    <x v="3"/>
    <x v="278"/>
    <x v="20"/>
    <x v="1"/>
    <x v="8"/>
    <s v="Tenex B1-RE Series Chair Mats for Low Pile Carpets"/>
    <n v="183.92"/>
    <n v="4"/>
    <n v="31.27"/>
  </r>
  <r>
    <d v="2017-07-21T00:00:00"/>
    <x v="6"/>
    <x v="3"/>
    <x v="581"/>
    <x v="23"/>
    <x v="0"/>
    <x v="0"/>
    <s v="Xerox 1993"/>
    <n v="6.48"/>
    <n v="1"/>
    <n v="3.18"/>
  </r>
  <r>
    <d v="2017-07-21T00:00:00"/>
    <x v="6"/>
    <x v="3"/>
    <x v="582"/>
    <x v="27"/>
    <x v="2"/>
    <x v="6"/>
    <s v="PayAnywhere Card Reader"/>
    <n v="71.930000000000007"/>
    <n v="9"/>
    <n v="6.29"/>
  </r>
  <r>
    <d v="2017-07-21T00:00:00"/>
    <x v="6"/>
    <x v="3"/>
    <x v="582"/>
    <x v="27"/>
    <x v="0"/>
    <x v="4"/>
    <s v="BOSTON Ranger #55 Pencil Sharpener, Black"/>
    <n v="25.99"/>
    <n v="1"/>
    <n v="7.54"/>
  </r>
  <r>
    <d v="2017-07-21T00:00:00"/>
    <x v="6"/>
    <x v="3"/>
    <x v="746"/>
    <x v="10"/>
    <x v="0"/>
    <x v="3"/>
    <s v="Vinyl Sectional Post Binders"/>
    <n v="33.93"/>
    <n v="3"/>
    <n v="-22.62"/>
  </r>
  <r>
    <d v="2017-07-21T00:00:00"/>
    <x v="6"/>
    <x v="3"/>
    <x v="746"/>
    <x v="10"/>
    <x v="0"/>
    <x v="2"/>
    <s v="Letter Size File"/>
    <n v="222.32"/>
    <n v="7"/>
    <n v="25.01"/>
  </r>
  <r>
    <d v="2017-07-21T00:00:00"/>
    <x v="6"/>
    <x v="3"/>
    <x v="746"/>
    <x v="10"/>
    <x v="2"/>
    <x v="6"/>
    <s v="Dexim XPower Skin Super-Thin Power Case for iPhone 5 - Black"/>
    <n v="210.56"/>
    <n v="6"/>
    <n v="-52.64"/>
  </r>
  <r>
    <d v="2017-07-21T00:00:00"/>
    <x v="6"/>
    <x v="3"/>
    <x v="481"/>
    <x v="6"/>
    <x v="0"/>
    <x v="4"/>
    <s v="Berol Giant Pencil Sharpener"/>
    <n v="101.94"/>
    <n v="6"/>
    <n v="29.56"/>
  </r>
  <r>
    <d v="2017-07-21T00:00:00"/>
    <x v="6"/>
    <x v="3"/>
    <x v="481"/>
    <x v="6"/>
    <x v="2"/>
    <x v="6"/>
    <s v="Nortel Networks T7316 E Nt8 B27"/>
    <n v="271.95999999999998"/>
    <n v="4"/>
    <n v="67.989999999999995"/>
  </r>
  <r>
    <d v="2017-07-21T00:00:00"/>
    <x v="6"/>
    <x v="3"/>
    <x v="481"/>
    <x v="6"/>
    <x v="1"/>
    <x v="8"/>
    <s v="Regeneration Desk Collection"/>
    <n v="8.8000000000000007"/>
    <n v="5"/>
    <n v="3.87"/>
  </r>
  <r>
    <d v="2017-07-21T00:00:00"/>
    <x v="6"/>
    <x v="3"/>
    <x v="481"/>
    <x v="6"/>
    <x v="0"/>
    <x v="4"/>
    <s v="Newell 35"/>
    <n v="19.68"/>
    <n v="6"/>
    <n v="5.71"/>
  </r>
  <r>
    <d v="2017-07-21T00:00:00"/>
    <x v="6"/>
    <x v="3"/>
    <x v="481"/>
    <x v="6"/>
    <x v="1"/>
    <x v="11"/>
    <s v="Bush Westfield Collection Bookcases, Fully Assembled"/>
    <n v="302.94"/>
    <n v="3"/>
    <n v="69.680000000000007"/>
  </r>
  <r>
    <d v="2017-07-21T00:00:00"/>
    <x v="6"/>
    <x v="3"/>
    <x v="481"/>
    <x v="6"/>
    <x v="0"/>
    <x v="3"/>
    <s v="Cardinal Holdit Business Card Pockets"/>
    <n v="14.94"/>
    <n v="3"/>
    <n v="7.17"/>
  </r>
  <r>
    <d v="2017-07-21T00:00:00"/>
    <x v="6"/>
    <x v="3"/>
    <x v="481"/>
    <x v="6"/>
    <x v="0"/>
    <x v="14"/>
    <s v="Premier Electric Letter Opener"/>
    <n v="231.72"/>
    <n v="2"/>
    <n v="11.59"/>
  </r>
  <r>
    <d v="2017-07-21T00:00:00"/>
    <x v="6"/>
    <x v="3"/>
    <x v="661"/>
    <x v="3"/>
    <x v="0"/>
    <x v="0"/>
    <s v="Wirebound Message Forms, Four 2 3/4 x 5 Forms per Page, Pink Paper"/>
    <n v="16.34"/>
    <n v="2"/>
    <n v="7.68"/>
  </r>
  <r>
    <d v="2017-07-21T00:00:00"/>
    <x v="6"/>
    <x v="3"/>
    <x v="661"/>
    <x v="3"/>
    <x v="1"/>
    <x v="5"/>
    <s v="Hon Olson Stacker Stools"/>
    <n v="225.3"/>
    <n v="2"/>
    <n v="22.53"/>
  </r>
  <r>
    <d v="2017-07-21T00:00:00"/>
    <x v="6"/>
    <x v="3"/>
    <x v="661"/>
    <x v="3"/>
    <x v="0"/>
    <x v="3"/>
    <s v="GBC Premium Transparent Covers with Diagonal Lined Pattern"/>
    <n v="50.35"/>
    <n v="3"/>
    <n v="17.62"/>
  </r>
  <r>
    <d v="2017-07-21T00:00:00"/>
    <x v="6"/>
    <x v="3"/>
    <x v="178"/>
    <x v="20"/>
    <x v="0"/>
    <x v="12"/>
    <s v="Eureka Sanitaire  Multi-Pro Heavy-Duty Upright, Disposable Bags"/>
    <n v="17.48"/>
    <n v="4"/>
    <n v="4.54"/>
  </r>
  <r>
    <d v="2017-07-21T00:00:00"/>
    <x v="6"/>
    <x v="3"/>
    <x v="278"/>
    <x v="3"/>
    <x v="0"/>
    <x v="4"/>
    <s v="Nontoxic Chalk"/>
    <n v="3.52"/>
    <n v="2"/>
    <n v="1.69"/>
  </r>
  <r>
    <d v="2017-07-21T00:00:00"/>
    <x v="6"/>
    <x v="3"/>
    <x v="278"/>
    <x v="3"/>
    <x v="2"/>
    <x v="6"/>
    <s v="Polycom SoundPoint IP 450 VoIP phone"/>
    <n v="1626.19"/>
    <n v="9"/>
    <n v="121.96"/>
  </r>
  <r>
    <d v="2017-07-21T00:00:00"/>
    <x v="6"/>
    <x v="3"/>
    <x v="344"/>
    <x v="0"/>
    <x v="1"/>
    <x v="13"/>
    <s v="Hon 61000 Series Interactive Training Tables"/>
    <n v="124.4"/>
    <n v="4"/>
    <n v="-21.33"/>
  </r>
  <r>
    <d v="2017-07-21T00:00:00"/>
    <x v="6"/>
    <x v="3"/>
    <x v="254"/>
    <x v="1"/>
    <x v="0"/>
    <x v="3"/>
    <s v="Avery Poly Binder Pockets"/>
    <n v="2.86"/>
    <n v="4"/>
    <n v="-4.58"/>
  </r>
  <r>
    <d v="2017-07-21T00:00:00"/>
    <x v="6"/>
    <x v="3"/>
    <x v="254"/>
    <x v="1"/>
    <x v="0"/>
    <x v="3"/>
    <s v="Catalog Binders with Expanding Posts"/>
    <n v="94.19"/>
    <n v="7"/>
    <n v="-164.84"/>
  </r>
  <r>
    <d v="2017-07-21T00:00:00"/>
    <x v="6"/>
    <x v="3"/>
    <x v="397"/>
    <x v="1"/>
    <x v="0"/>
    <x v="3"/>
    <s v="Wilson Jones 1&quot; Hanging DublLock Ring Binders"/>
    <n v="2.11"/>
    <n v="2"/>
    <n v="-3.38"/>
  </r>
  <r>
    <d v="2017-07-22T00:00:00"/>
    <x v="6"/>
    <x v="3"/>
    <x v="470"/>
    <x v="20"/>
    <x v="2"/>
    <x v="6"/>
    <s v="Square Credit Card Reader, 4 1/2&quot; x 4 1/2&quot; x 1&quot;, White"/>
    <n v="29.97"/>
    <n v="3"/>
    <n v="14.09"/>
  </r>
  <r>
    <d v="2017-07-22T00:00:00"/>
    <x v="6"/>
    <x v="3"/>
    <x v="34"/>
    <x v="1"/>
    <x v="1"/>
    <x v="5"/>
    <s v="Hon Every-Day Series Multi-Task Chairs"/>
    <n v="526.34"/>
    <n v="4"/>
    <n v="-75.19"/>
  </r>
  <r>
    <d v="2017-07-23T00:00:00"/>
    <x v="6"/>
    <x v="3"/>
    <x v="85"/>
    <x v="20"/>
    <x v="0"/>
    <x v="3"/>
    <s v="Angle-D Ring Binders"/>
    <n v="13.13"/>
    <n v="3"/>
    <n v="4.2699999999999996"/>
  </r>
  <r>
    <d v="2017-07-23T00:00:00"/>
    <x v="6"/>
    <x v="3"/>
    <x v="352"/>
    <x v="18"/>
    <x v="0"/>
    <x v="4"/>
    <s v="Quartet Omega Colored Chalk, 12/Pack"/>
    <n v="11.68"/>
    <n v="2"/>
    <n v="5.49"/>
  </r>
  <r>
    <d v="2017-07-23T00:00:00"/>
    <x v="6"/>
    <x v="3"/>
    <x v="352"/>
    <x v="18"/>
    <x v="2"/>
    <x v="9"/>
    <s v="Memorex 25GB 6X Branded Blu-Ray Recordable Disc, 30/Pack"/>
    <n v="159.75"/>
    <n v="5"/>
    <n v="11.18"/>
  </r>
  <r>
    <d v="2017-07-23T00:00:00"/>
    <x v="6"/>
    <x v="3"/>
    <x v="382"/>
    <x v="20"/>
    <x v="0"/>
    <x v="1"/>
    <s v="Avery Address/Shipping Labels for Typewriters, 4&quot; x 2&quot;"/>
    <n v="41.4"/>
    <n v="4"/>
    <n v="19.87"/>
  </r>
  <r>
    <d v="2017-07-23T00:00:00"/>
    <x v="6"/>
    <x v="3"/>
    <x v="39"/>
    <x v="20"/>
    <x v="0"/>
    <x v="3"/>
    <s v="Wilson Jones Â“SnapÂ” Scratch Pad Binder Tool for Ring Binders"/>
    <n v="13.92"/>
    <n v="3"/>
    <n v="4.3499999999999996"/>
  </r>
  <r>
    <d v="2017-07-23T00:00:00"/>
    <x v="6"/>
    <x v="3"/>
    <x v="706"/>
    <x v="1"/>
    <x v="0"/>
    <x v="0"/>
    <s v="Xerox 1909"/>
    <n v="63.31"/>
    <n v="3"/>
    <n v="20.58"/>
  </r>
  <r>
    <d v="2017-07-23T00:00:00"/>
    <x v="6"/>
    <x v="3"/>
    <x v="675"/>
    <x v="21"/>
    <x v="2"/>
    <x v="9"/>
    <s v="Logitech G600 MMO Gaming Mouse"/>
    <n v="399.95"/>
    <n v="5"/>
    <n v="143.97999999999999"/>
  </r>
  <r>
    <d v="2017-07-23T00:00:00"/>
    <x v="6"/>
    <x v="3"/>
    <x v="463"/>
    <x v="3"/>
    <x v="0"/>
    <x v="3"/>
    <s v="Cardinal HOLDit! Binder Insert Strips,Extra Strips"/>
    <n v="15.19"/>
    <n v="3"/>
    <n v="5.51"/>
  </r>
  <r>
    <d v="2017-07-23T00:00:00"/>
    <x v="6"/>
    <x v="3"/>
    <x v="463"/>
    <x v="3"/>
    <x v="0"/>
    <x v="0"/>
    <s v="Weyerhaeuser First Choice Laser/Copy Paper (20Lb. and 88 Bright)"/>
    <n v="58.32"/>
    <n v="9"/>
    <n v="27.99"/>
  </r>
  <r>
    <d v="2017-07-23T00:00:00"/>
    <x v="6"/>
    <x v="3"/>
    <x v="86"/>
    <x v="1"/>
    <x v="0"/>
    <x v="4"/>
    <s v="Hunt PowerHouse Electric Pencil Sharpener, Blue"/>
    <n v="121.54"/>
    <n v="4"/>
    <n v="15.19"/>
  </r>
  <r>
    <d v="2017-07-24T00:00:00"/>
    <x v="6"/>
    <x v="3"/>
    <x v="535"/>
    <x v="3"/>
    <x v="2"/>
    <x v="16"/>
    <s v="Hewlett Packard LaserJet 3310 Copier"/>
    <n v="2399.96"/>
    <n v="5"/>
    <n v="839.99"/>
  </r>
  <r>
    <d v="2017-07-25T00:00:00"/>
    <x v="6"/>
    <x v="3"/>
    <x v="745"/>
    <x v="19"/>
    <x v="0"/>
    <x v="1"/>
    <s v="Avery 498"/>
    <n v="20.23"/>
    <n v="7"/>
    <n v="9.51"/>
  </r>
  <r>
    <d v="2017-07-25T00:00:00"/>
    <x v="6"/>
    <x v="3"/>
    <x v="118"/>
    <x v="2"/>
    <x v="0"/>
    <x v="1"/>
    <s v="Avery 491"/>
    <n v="3.3"/>
    <n v="1"/>
    <n v="1.07"/>
  </r>
  <r>
    <d v="2017-07-25T00:00:00"/>
    <x v="6"/>
    <x v="3"/>
    <x v="405"/>
    <x v="2"/>
    <x v="1"/>
    <x v="8"/>
    <s v="Eldon 200 Class Desk Accessories"/>
    <n v="20.100000000000001"/>
    <n v="4"/>
    <n v="3.01"/>
  </r>
  <r>
    <d v="2017-07-25T00:00:00"/>
    <x v="6"/>
    <x v="3"/>
    <x v="405"/>
    <x v="2"/>
    <x v="0"/>
    <x v="14"/>
    <s v="Acme Galleria Hot Forged Steel Scissors with Colored Handles"/>
    <n v="37.75"/>
    <n v="3"/>
    <n v="4.25"/>
  </r>
  <r>
    <d v="2017-07-25T00:00:00"/>
    <x v="6"/>
    <x v="3"/>
    <x v="405"/>
    <x v="2"/>
    <x v="1"/>
    <x v="13"/>
    <s v="Bush Cubix Conference Tables, Fully Assembled"/>
    <n v="138.59"/>
    <n v="1"/>
    <n v="-34.65"/>
  </r>
  <r>
    <d v="2017-07-25T00:00:00"/>
    <x v="6"/>
    <x v="3"/>
    <x v="405"/>
    <x v="2"/>
    <x v="0"/>
    <x v="2"/>
    <s v="Fellowes Bankers Box Staxonsteel Drawer File/Stacking System"/>
    <n v="259.92"/>
    <n v="5"/>
    <n v="-25.99"/>
  </r>
  <r>
    <d v="2017-07-25T00:00:00"/>
    <x v="6"/>
    <x v="3"/>
    <x v="405"/>
    <x v="2"/>
    <x v="0"/>
    <x v="0"/>
    <s v="Xerox 216"/>
    <n v="20.74"/>
    <n v="4"/>
    <n v="7.26"/>
  </r>
  <r>
    <d v="2017-07-25T00:00:00"/>
    <x v="6"/>
    <x v="3"/>
    <x v="726"/>
    <x v="0"/>
    <x v="1"/>
    <x v="13"/>
    <s v="Safco Drafting Table"/>
    <n v="298.12"/>
    <n v="6"/>
    <n v="-4.26"/>
  </r>
  <r>
    <d v="2017-07-26T00:00:00"/>
    <x v="6"/>
    <x v="3"/>
    <x v="434"/>
    <x v="3"/>
    <x v="2"/>
    <x v="9"/>
    <s v="LogitechÂ Z-906 Speaker sys - home theater - 5.1-CH"/>
    <n v="1649.95"/>
    <n v="5"/>
    <n v="659.98"/>
  </r>
  <r>
    <d v="2017-07-26T00:00:00"/>
    <x v="6"/>
    <x v="3"/>
    <x v="434"/>
    <x v="3"/>
    <x v="1"/>
    <x v="5"/>
    <s v="Global Airflow Leather Mesh Back Chair, Black"/>
    <n v="362.35"/>
    <n v="3"/>
    <n v="45.29"/>
  </r>
  <r>
    <d v="2017-07-27T00:00:00"/>
    <x v="6"/>
    <x v="3"/>
    <x v="110"/>
    <x v="16"/>
    <x v="1"/>
    <x v="8"/>
    <s v="Eldon Delta Triangular Chair Mat, 52&quot; x 58&quot;, Clear"/>
    <n v="91.03"/>
    <n v="3"/>
    <n v="-2.2799999999999998"/>
  </r>
  <r>
    <d v="2017-07-27T00:00:00"/>
    <x v="6"/>
    <x v="3"/>
    <x v="784"/>
    <x v="20"/>
    <x v="1"/>
    <x v="8"/>
    <s v="Tensor Computer Mounted Lamp"/>
    <n v="14.89"/>
    <n v="1"/>
    <n v="4.0199999999999996"/>
  </r>
  <r>
    <d v="2017-07-27T00:00:00"/>
    <x v="6"/>
    <x v="3"/>
    <x v="784"/>
    <x v="20"/>
    <x v="2"/>
    <x v="6"/>
    <s v="Nortel Networks T7316 E Nt8 B27"/>
    <n v="543.91999999999996"/>
    <n v="8"/>
    <n v="135.97999999999999"/>
  </r>
  <r>
    <d v="2017-07-27T00:00:00"/>
    <x v="6"/>
    <x v="3"/>
    <x v="380"/>
    <x v="22"/>
    <x v="1"/>
    <x v="8"/>
    <s v="Staple-based wall hangings"/>
    <n v="23.88"/>
    <n v="3"/>
    <n v="10.51"/>
  </r>
  <r>
    <d v="2017-07-27T00:00:00"/>
    <x v="6"/>
    <x v="3"/>
    <x v="380"/>
    <x v="22"/>
    <x v="0"/>
    <x v="0"/>
    <s v="Message Book, Phone, Wirebound Standard Line Memo, 2 3/4&quot; X 5&quot;"/>
    <n v="26.2"/>
    <n v="4"/>
    <n v="12.05"/>
  </r>
  <r>
    <d v="2017-07-27T00:00:00"/>
    <x v="6"/>
    <x v="3"/>
    <x v="380"/>
    <x v="22"/>
    <x v="0"/>
    <x v="0"/>
    <s v="Xerox 227"/>
    <n v="12.96"/>
    <n v="2"/>
    <n v="6.22"/>
  </r>
  <r>
    <d v="2017-07-27T00:00:00"/>
    <x v="6"/>
    <x v="3"/>
    <x v="380"/>
    <x v="22"/>
    <x v="2"/>
    <x v="9"/>
    <s v="Sony Micro Vault Click 8 GB USB 2.0 Flash Drive"/>
    <n v="234.95"/>
    <n v="5"/>
    <n v="32.89"/>
  </r>
  <r>
    <d v="2017-07-27T00:00:00"/>
    <x v="6"/>
    <x v="3"/>
    <x v="677"/>
    <x v="25"/>
    <x v="1"/>
    <x v="5"/>
    <s v="Global Value Mid-Back Manager's Chair, Gray"/>
    <n v="194.85"/>
    <n v="4"/>
    <n v="12.18"/>
  </r>
  <r>
    <d v="2017-07-28T00:00:00"/>
    <x v="6"/>
    <x v="3"/>
    <x v="719"/>
    <x v="3"/>
    <x v="0"/>
    <x v="3"/>
    <s v="Zipper Ring Binder Pockets"/>
    <n v="9.98"/>
    <n v="4"/>
    <n v="3.62"/>
  </r>
  <r>
    <d v="2017-07-28T00:00:00"/>
    <x v="6"/>
    <x v="3"/>
    <x v="719"/>
    <x v="3"/>
    <x v="0"/>
    <x v="2"/>
    <s v="Super Decoflex Portable Personal File"/>
    <n v="14.98"/>
    <n v="1"/>
    <n v="4.1900000000000004"/>
  </r>
  <r>
    <d v="2017-07-28T00:00:00"/>
    <x v="6"/>
    <x v="3"/>
    <x v="719"/>
    <x v="3"/>
    <x v="2"/>
    <x v="6"/>
    <s v="Wilson Electronics DB Pro Signal Booster"/>
    <n v="1145.5999999999999"/>
    <n v="4"/>
    <n v="100.24"/>
  </r>
  <r>
    <d v="2017-07-29T00:00:00"/>
    <x v="6"/>
    <x v="3"/>
    <x v="643"/>
    <x v="25"/>
    <x v="0"/>
    <x v="12"/>
    <s v="Holmes HEPA Air Purifier"/>
    <n v="34.85"/>
    <n v="2"/>
    <n v="6.53"/>
  </r>
  <r>
    <d v="2017-07-29T00:00:00"/>
    <x v="6"/>
    <x v="3"/>
    <x v="643"/>
    <x v="25"/>
    <x v="2"/>
    <x v="6"/>
    <s v="Samsung Replacement EH64AVFWE Premium Headset"/>
    <n v="22"/>
    <n v="5"/>
    <n v="1.38"/>
  </r>
  <r>
    <d v="2017-07-29T00:00:00"/>
    <x v="6"/>
    <x v="3"/>
    <x v="643"/>
    <x v="25"/>
    <x v="0"/>
    <x v="4"/>
    <s v="Newell 322"/>
    <n v="4.37"/>
    <n v="3"/>
    <n v="0.38"/>
  </r>
  <r>
    <d v="2017-07-29T00:00:00"/>
    <x v="6"/>
    <x v="3"/>
    <x v="60"/>
    <x v="22"/>
    <x v="2"/>
    <x v="9"/>
    <s v="ImationÂ 8GB Mini TravelDrive USB 2.0Â Flash Drive"/>
    <n v="90.57"/>
    <n v="3"/>
    <n v="11.77"/>
  </r>
  <r>
    <d v="2017-07-29T00:00:00"/>
    <x v="6"/>
    <x v="3"/>
    <x v="174"/>
    <x v="0"/>
    <x v="0"/>
    <x v="7"/>
    <s v="Assorted Color Push Pins"/>
    <n v="2.9"/>
    <n v="2"/>
    <n v="0.47"/>
  </r>
  <r>
    <d v="2017-07-29T00:00:00"/>
    <x v="6"/>
    <x v="3"/>
    <x v="174"/>
    <x v="0"/>
    <x v="2"/>
    <x v="6"/>
    <s v="Cisco SPA301"/>
    <n v="124.79"/>
    <n v="1"/>
    <n v="15.6"/>
  </r>
  <r>
    <d v="2017-07-29T00:00:00"/>
    <x v="6"/>
    <x v="3"/>
    <x v="95"/>
    <x v="20"/>
    <x v="0"/>
    <x v="4"/>
    <s v="Sanford Liquid Accent Highlighters"/>
    <n v="60.12"/>
    <n v="9"/>
    <n v="22.24"/>
  </r>
  <r>
    <d v="2017-07-29T00:00:00"/>
    <x v="6"/>
    <x v="3"/>
    <x v="334"/>
    <x v="39"/>
    <x v="0"/>
    <x v="3"/>
    <s v="GBC Poly Designer Binding Covers"/>
    <n v="33.479999999999997"/>
    <n v="2"/>
    <n v="16.41"/>
  </r>
  <r>
    <d v="2017-07-29T00:00:00"/>
    <x v="6"/>
    <x v="3"/>
    <x v="334"/>
    <x v="39"/>
    <x v="2"/>
    <x v="6"/>
    <s v="Nortel Meridian M3904 Professional Digital phone"/>
    <n v="461.97"/>
    <n v="3"/>
    <n v="133.97"/>
  </r>
  <r>
    <d v="2017-07-29T00:00:00"/>
    <x v="6"/>
    <x v="3"/>
    <x v="334"/>
    <x v="39"/>
    <x v="0"/>
    <x v="12"/>
    <s v="Holmes Replacement Filter for HEPA Air Cleaner, Very Large Room, HEPA Filter"/>
    <n v="137.62"/>
    <n v="2"/>
    <n v="60.55"/>
  </r>
  <r>
    <d v="2017-07-29T00:00:00"/>
    <x v="6"/>
    <x v="3"/>
    <x v="334"/>
    <x v="39"/>
    <x v="1"/>
    <x v="5"/>
    <s v="Office Star Flex Back Scooter Chair with Aluminum Finish Frame"/>
    <n v="302.67"/>
    <n v="3"/>
    <n v="72.64"/>
  </r>
  <r>
    <d v="2017-07-29T00:00:00"/>
    <x v="6"/>
    <x v="3"/>
    <x v="339"/>
    <x v="22"/>
    <x v="1"/>
    <x v="11"/>
    <s v="Bush Westfield Collection Bookcases, Medium Cherry Finish"/>
    <n v="115.96"/>
    <n v="2"/>
    <n v="25.51"/>
  </r>
  <r>
    <d v="2017-07-30T00:00:00"/>
    <x v="6"/>
    <x v="3"/>
    <x v="154"/>
    <x v="3"/>
    <x v="0"/>
    <x v="2"/>
    <s v="Economy Rollaway Files"/>
    <n v="330.4"/>
    <n v="2"/>
    <n v="85.9"/>
  </r>
  <r>
    <d v="2017-07-30T00:00:00"/>
    <x v="6"/>
    <x v="3"/>
    <x v="154"/>
    <x v="3"/>
    <x v="0"/>
    <x v="1"/>
    <s v="Avery 480"/>
    <n v="26.25"/>
    <n v="7"/>
    <n v="12.6"/>
  </r>
  <r>
    <d v="2017-07-30T00:00:00"/>
    <x v="6"/>
    <x v="3"/>
    <x v="529"/>
    <x v="10"/>
    <x v="0"/>
    <x v="3"/>
    <s v="GBC ProClick Punch Binding System"/>
    <n v="76.78"/>
    <n v="4"/>
    <n v="-53.74"/>
  </r>
  <r>
    <d v="2017-07-30T00:00:00"/>
    <x v="6"/>
    <x v="3"/>
    <x v="705"/>
    <x v="36"/>
    <x v="2"/>
    <x v="6"/>
    <s v="invisibleSHIELD by ZAGG Smudge-Free Screen Protector"/>
    <n v="89.95"/>
    <n v="5"/>
    <n v="43.18"/>
  </r>
  <r>
    <d v="2017-07-31T00:00:00"/>
    <x v="6"/>
    <x v="3"/>
    <x v="400"/>
    <x v="2"/>
    <x v="0"/>
    <x v="0"/>
    <s v="Xerox 1991"/>
    <n v="54.82"/>
    <n v="3"/>
    <n v="17.82"/>
  </r>
  <r>
    <d v="2017-07-31T00:00:00"/>
    <x v="6"/>
    <x v="3"/>
    <x v="469"/>
    <x v="16"/>
    <x v="2"/>
    <x v="9"/>
    <s v="TRENDnet 56K USB 2.0 Phone, Internet and Fax Modem"/>
    <n v="41.42"/>
    <n v="2"/>
    <n v="8.2799999999999994"/>
  </r>
  <r>
    <d v="2017-07-31T00:00:00"/>
    <x v="6"/>
    <x v="3"/>
    <x v="682"/>
    <x v="1"/>
    <x v="2"/>
    <x v="6"/>
    <s v="Motorola L804"/>
    <n v="36.79"/>
    <n v="1"/>
    <n v="4.1399999999999997"/>
  </r>
  <r>
    <d v="2017-07-31T00:00:00"/>
    <x v="6"/>
    <x v="3"/>
    <x v="574"/>
    <x v="3"/>
    <x v="0"/>
    <x v="2"/>
    <s v="Eldon Portable Mobile Manager"/>
    <n v="56.56"/>
    <n v="2"/>
    <n v="15.27"/>
  </r>
  <r>
    <d v="2017-07-31T00:00:00"/>
    <x v="6"/>
    <x v="3"/>
    <x v="574"/>
    <x v="3"/>
    <x v="1"/>
    <x v="8"/>
    <s v="Master Big Foot Doorstop, Beige"/>
    <n v="36.96"/>
    <n v="7"/>
    <n v="11.46"/>
  </r>
  <r>
    <d v="2017-07-31T00:00:00"/>
    <x v="6"/>
    <x v="3"/>
    <x v="465"/>
    <x v="21"/>
    <x v="0"/>
    <x v="3"/>
    <s v="Acco 3-Hole Punch"/>
    <n v="17.52"/>
    <n v="4"/>
    <n v="8.41"/>
  </r>
  <r>
    <d v="2017-07-31T00:00:00"/>
    <x v="6"/>
    <x v="3"/>
    <x v="465"/>
    <x v="21"/>
    <x v="0"/>
    <x v="12"/>
    <s v="3M Office Air Cleaner"/>
    <n v="155.88"/>
    <n v="6"/>
    <n v="54.56"/>
  </r>
  <r>
    <d v="2017-07-31T00:00:00"/>
    <x v="6"/>
    <x v="3"/>
    <x v="193"/>
    <x v="2"/>
    <x v="2"/>
    <x v="6"/>
    <s v="Polycom SoundPoint Pro SE-225 Corded phone"/>
    <n v="285.58"/>
    <n v="4"/>
    <n v="-57.12"/>
  </r>
  <r>
    <d v="2017-07-31T00:00:00"/>
    <x v="6"/>
    <x v="3"/>
    <x v="162"/>
    <x v="7"/>
    <x v="0"/>
    <x v="0"/>
    <s v="Avery Personal Creations Heavyweight Cards"/>
    <n v="11.54"/>
    <n v="1"/>
    <n v="5.54"/>
  </r>
  <r>
    <d v="2017-07-31T00:00:00"/>
    <x v="6"/>
    <x v="3"/>
    <x v="162"/>
    <x v="7"/>
    <x v="0"/>
    <x v="3"/>
    <s v="Fellowes PB200 Plastic Comb Binding Machine"/>
    <n v="849.95"/>
    <n v="5"/>
    <n v="390.98"/>
  </r>
  <r>
    <d v="2017-07-31T00:00:00"/>
    <x v="6"/>
    <x v="3"/>
    <x v="162"/>
    <x v="7"/>
    <x v="0"/>
    <x v="3"/>
    <s v="Black Avery Memo-Size 3-Ring Binder, 5 1/2&quot; x 8 1/2&quot;"/>
    <n v="11.01"/>
    <n v="3"/>
    <n v="5.39"/>
  </r>
  <r>
    <d v="2017-08-01T00:00:00"/>
    <x v="7"/>
    <x v="3"/>
    <x v="372"/>
    <x v="1"/>
    <x v="2"/>
    <x v="6"/>
    <s v="JBL Micro Wireless Portable Bluetooth Speaker"/>
    <n v="95.98"/>
    <n v="2"/>
    <n v="6"/>
  </r>
  <r>
    <d v="2017-08-01T00:00:00"/>
    <x v="7"/>
    <x v="3"/>
    <x v="420"/>
    <x v="25"/>
    <x v="2"/>
    <x v="6"/>
    <s v="Nortel Networks T7316 E Nt8 B27"/>
    <n v="271.95999999999998"/>
    <n v="5"/>
    <n v="17"/>
  </r>
  <r>
    <d v="2017-08-01T00:00:00"/>
    <x v="7"/>
    <x v="3"/>
    <x v="322"/>
    <x v="0"/>
    <x v="2"/>
    <x v="15"/>
    <s v="Bady BDG101FRU Card Printer"/>
    <n v="1439.98"/>
    <n v="3"/>
    <n v="-264"/>
  </r>
  <r>
    <d v="2017-08-01T00:00:00"/>
    <x v="7"/>
    <x v="3"/>
    <x v="322"/>
    <x v="0"/>
    <x v="0"/>
    <x v="0"/>
    <s v="Xerox 1998"/>
    <n v="36.29"/>
    <n v="7"/>
    <n v="12.7"/>
  </r>
  <r>
    <d v="2017-08-01T00:00:00"/>
    <x v="7"/>
    <x v="3"/>
    <x v="252"/>
    <x v="3"/>
    <x v="0"/>
    <x v="3"/>
    <s v="GBC Prestige Therm-A-Bind Covers"/>
    <n v="54.9"/>
    <n v="2"/>
    <n v="18.53"/>
  </r>
  <r>
    <d v="2017-08-01T00:00:00"/>
    <x v="7"/>
    <x v="3"/>
    <x v="699"/>
    <x v="3"/>
    <x v="0"/>
    <x v="2"/>
    <s v="Fellowes Mobile File Cart, Black"/>
    <n v="186.54"/>
    <n v="3"/>
    <n v="50.37"/>
  </r>
  <r>
    <d v="2017-08-03T00:00:00"/>
    <x v="7"/>
    <x v="3"/>
    <x v="693"/>
    <x v="1"/>
    <x v="1"/>
    <x v="11"/>
    <s v="O'Sullivan Elevations Bookcase, Cherry Finish"/>
    <n v="183.37"/>
    <n v="2"/>
    <n v="-36.67"/>
  </r>
  <r>
    <d v="2017-08-03T00:00:00"/>
    <x v="7"/>
    <x v="3"/>
    <x v="664"/>
    <x v="3"/>
    <x v="0"/>
    <x v="1"/>
    <s v="Avery 473"/>
    <n v="51.75"/>
    <n v="5"/>
    <n v="24.84"/>
  </r>
  <r>
    <d v="2017-08-03T00:00:00"/>
    <x v="7"/>
    <x v="3"/>
    <x v="664"/>
    <x v="3"/>
    <x v="1"/>
    <x v="8"/>
    <s v="Deflect-o EconoMat Studded, No Bevel Mat for Low Pile Carpeting"/>
    <n v="123.96"/>
    <n v="3"/>
    <n v="11.16"/>
  </r>
  <r>
    <d v="2017-08-03T00:00:00"/>
    <x v="7"/>
    <x v="3"/>
    <x v="208"/>
    <x v="3"/>
    <x v="0"/>
    <x v="2"/>
    <s v="Fellowes Bases and Tops For Staxonsteel/High-Stak Systems"/>
    <n v="99.87"/>
    <n v="3"/>
    <n v="23.97"/>
  </r>
  <r>
    <d v="2017-08-03T00:00:00"/>
    <x v="7"/>
    <x v="3"/>
    <x v="579"/>
    <x v="1"/>
    <x v="2"/>
    <x v="9"/>
    <s v="Kensington K72356US Mouse-in-a-Box USB Desktop Mouse"/>
    <n v="39.82"/>
    <n v="3"/>
    <n v="7.47"/>
  </r>
  <r>
    <d v="2017-08-03T00:00:00"/>
    <x v="7"/>
    <x v="3"/>
    <x v="759"/>
    <x v="22"/>
    <x v="0"/>
    <x v="2"/>
    <s v="Letter/Legal File Tote with Clear Snap-On Lid, Black Granite"/>
    <n v="16.059999999999999"/>
    <n v="1"/>
    <n v="4.18"/>
  </r>
  <r>
    <d v="2017-08-03T00:00:00"/>
    <x v="7"/>
    <x v="3"/>
    <x v="764"/>
    <x v="10"/>
    <x v="0"/>
    <x v="1"/>
    <s v="Avery 476"/>
    <n v="16.52"/>
    <n v="5"/>
    <n v="5.37"/>
  </r>
  <r>
    <d v="2017-08-04T00:00:00"/>
    <x v="7"/>
    <x v="3"/>
    <x v="312"/>
    <x v="26"/>
    <x v="0"/>
    <x v="0"/>
    <s v="Hammermill CopyPlus Copy Paper (20Lb. and 84 Bright)"/>
    <n v="7.97"/>
    <n v="2"/>
    <n v="2.89"/>
  </r>
  <r>
    <d v="2017-08-04T00:00:00"/>
    <x v="7"/>
    <x v="3"/>
    <x v="312"/>
    <x v="26"/>
    <x v="0"/>
    <x v="10"/>
    <s v="Manila Recycled Extra-Heavyweight Clasp Envelopes, 6&quot; x 9&quot;"/>
    <n v="8.7799999999999994"/>
    <n v="1"/>
    <n v="3.18"/>
  </r>
  <r>
    <d v="2017-08-04T00:00:00"/>
    <x v="7"/>
    <x v="3"/>
    <x v="312"/>
    <x v="0"/>
    <x v="0"/>
    <x v="3"/>
    <s v="Avery Durable Poly Binders"/>
    <n v="3.32"/>
    <n v="3"/>
    <n v="-5.64"/>
  </r>
  <r>
    <d v="2017-08-05T00:00:00"/>
    <x v="7"/>
    <x v="3"/>
    <x v="203"/>
    <x v="5"/>
    <x v="0"/>
    <x v="0"/>
    <s v="Adams Phone Message Book, 200 Message Capacity, 8 1/16Â” x 11Â”"/>
    <n v="13.76"/>
    <n v="2"/>
    <n v="6.33"/>
  </r>
  <r>
    <d v="2017-08-05T00:00:00"/>
    <x v="7"/>
    <x v="3"/>
    <x v="327"/>
    <x v="0"/>
    <x v="0"/>
    <x v="2"/>
    <s v="Tennsco Lockers, Sand"/>
    <n v="151.06"/>
    <n v="9"/>
    <n v="7.55"/>
  </r>
  <r>
    <d v="2017-08-05T00:00:00"/>
    <x v="7"/>
    <x v="3"/>
    <x v="99"/>
    <x v="18"/>
    <x v="0"/>
    <x v="3"/>
    <s v="Premium Transparent Presentation Covers by GBC"/>
    <n v="125.88"/>
    <n v="6"/>
    <n v="60.42"/>
  </r>
  <r>
    <d v="2017-08-05T00:00:00"/>
    <x v="7"/>
    <x v="3"/>
    <x v="99"/>
    <x v="18"/>
    <x v="2"/>
    <x v="9"/>
    <s v="LogitechÂ MX Performance Wireless Mouse"/>
    <n v="79.78"/>
    <n v="2"/>
    <n v="29.52"/>
  </r>
  <r>
    <d v="2017-08-05T00:00:00"/>
    <x v="7"/>
    <x v="3"/>
    <x v="99"/>
    <x v="18"/>
    <x v="0"/>
    <x v="1"/>
    <s v="Avery 475"/>
    <n v="133.19999999999999"/>
    <n v="9"/>
    <n v="66.599999999999994"/>
  </r>
  <r>
    <d v="2017-08-06T00:00:00"/>
    <x v="7"/>
    <x v="3"/>
    <x v="9"/>
    <x v="8"/>
    <x v="1"/>
    <x v="11"/>
    <s v="O'Sullivan 2-Shelf Heavy-Duty Bookcases"/>
    <n v="145.74"/>
    <n v="3"/>
    <n v="23.32"/>
  </r>
  <r>
    <d v="2017-08-06T00:00:00"/>
    <x v="7"/>
    <x v="3"/>
    <x v="9"/>
    <x v="8"/>
    <x v="1"/>
    <x v="8"/>
    <s v="Longer-Life Soft White Bulbs"/>
    <n v="15.4"/>
    <n v="5"/>
    <n v="7.39"/>
  </r>
  <r>
    <d v="2017-08-06T00:00:00"/>
    <x v="7"/>
    <x v="3"/>
    <x v="735"/>
    <x v="0"/>
    <x v="0"/>
    <x v="0"/>
    <s v="14-7/8 x 11 Blue Bar Computer Printout Paper"/>
    <n v="115.3"/>
    <n v="3"/>
    <n v="40.35"/>
  </r>
  <r>
    <d v="2017-08-06T00:00:00"/>
    <x v="7"/>
    <x v="3"/>
    <x v="146"/>
    <x v="38"/>
    <x v="2"/>
    <x v="6"/>
    <s v="Ativa D5772 2-Line 5.8GHz Digital Expandable Corded/Cordless Phone System with Answering &amp; Caller ID/Call Waiting, Black/Silver"/>
    <n v="824.95"/>
    <n v="5"/>
    <n v="247.49"/>
  </r>
  <r>
    <d v="2017-08-06T00:00:00"/>
    <x v="7"/>
    <x v="3"/>
    <x v="146"/>
    <x v="38"/>
    <x v="0"/>
    <x v="1"/>
    <s v="Avery 481"/>
    <n v="24.64"/>
    <n v="8"/>
    <n v="11.83"/>
  </r>
  <r>
    <d v="2017-08-06T00:00:00"/>
    <x v="7"/>
    <x v="3"/>
    <x v="146"/>
    <x v="38"/>
    <x v="0"/>
    <x v="4"/>
    <s v="Hunt PowerHouse Electric Pencil Sharpener, Blue"/>
    <n v="227.88"/>
    <n v="6"/>
    <n v="68.36"/>
  </r>
  <r>
    <d v="2017-08-06T00:00:00"/>
    <x v="7"/>
    <x v="3"/>
    <x v="489"/>
    <x v="20"/>
    <x v="0"/>
    <x v="14"/>
    <s v="Acme 10&quot; Easy Grip Assistive Scissors"/>
    <n v="70.12"/>
    <n v="4"/>
    <n v="21.04"/>
  </r>
  <r>
    <d v="2017-08-07T00:00:00"/>
    <x v="7"/>
    <x v="3"/>
    <x v="667"/>
    <x v="25"/>
    <x v="2"/>
    <x v="9"/>
    <s v="Logitech G700s Rechargeable Gaming Mouse"/>
    <n v="79.989999999999995"/>
    <n v="1"/>
    <n v="22"/>
  </r>
  <r>
    <d v="2017-08-07T00:00:00"/>
    <x v="7"/>
    <x v="3"/>
    <x v="677"/>
    <x v="20"/>
    <x v="0"/>
    <x v="4"/>
    <s v="Quartet Omega Colored Chalk, 12/Pack"/>
    <n v="11.68"/>
    <n v="2"/>
    <n v="5.49"/>
  </r>
  <r>
    <d v="2017-08-07T00:00:00"/>
    <x v="7"/>
    <x v="3"/>
    <x v="677"/>
    <x v="20"/>
    <x v="0"/>
    <x v="4"/>
    <s v="Staples in misc. colors"/>
    <n v="104.8"/>
    <n v="10"/>
    <n v="26.2"/>
  </r>
  <r>
    <d v="2017-08-07T00:00:00"/>
    <x v="7"/>
    <x v="3"/>
    <x v="144"/>
    <x v="3"/>
    <x v="2"/>
    <x v="6"/>
    <s v="GE DSL Phone Line Filter"/>
    <n v="159.96"/>
    <n v="5"/>
    <n v="18"/>
  </r>
  <r>
    <d v="2017-08-07T00:00:00"/>
    <x v="7"/>
    <x v="3"/>
    <x v="144"/>
    <x v="3"/>
    <x v="0"/>
    <x v="3"/>
    <s v="Avery Printable Repositionable Plastic Tabs"/>
    <n v="13.76"/>
    <n v="2"/>
    <n v="4.6399999999999997"/>
  </r>
  <r>
    <d v="2017-08-07T00:00:00"/>
    <x v="7"/>
    <x v="3"/>
    <x v="204"/>
    <x v="28"/>
    <x v="2"/>
    <x v="9"/>
    <s v="Memorex Micro Travel Drive 16 GB"/>
    <n v="63.96"/>
    <n v="4"/>
    <n v="19.829999999999998"/>
  </r>
  <r>
    <d v="2017-08-07T00:00:00"/>
    <x v="7"/>
    <x v="3"/>
    <x v="550"/>
    <x v="3"/>
    <x v="0"/>
    <x v="0"/>
    <s v="Xerox 1891"/>
    <n v="244.55"/>
    <n v="5"/>
    <n v="114.94"/>
  </r>
  <r>
    <d v="2017-08-07T00:00:00"/>
    <x v="7"/>
    <x v="3"/>
    <x v="74"/>
    <x v="0"/>
    <x v="2"/>
    <x v="9"/>
    <s v="Logitech K350 2.4Ghz Wireless Keyboard"/>
    <n v="119.45"/>
    <n v="3"/>
    <n v="-13.44"/>
  </r>
  <r>
    <d v="2017-08-07T00:00:00"/>
    <x v="7"/>
    <x v="3"/>
    <x v="74"/>
    <x v="0"/>
    <x v="0"/>
    <x v="2"/>
    <s v="Safco Industrial Shelving"/>
    <n v="118.16"/>
    <n v="2"/>
    <n v="-25.11"/>
  </r>
  <r>
    <d v="2017-08-07T00:00:00"/>
    <x v="7"/>
    <x v="3"/>
    <x v="506"/>
    <x v="3"/>
    <x v="2"/>
    <x v="6"/>
    <s v="Polycom VoiceStation 500 ConferenceÂ phone"/>
    <n v="707.88"/>
    <n v="3"/>
    <n v="44.24"/>
  </r>
  <r>
    <d v="2017-08-07T00:00:00"/>
    <x v="7"/>
    <x v="3"/>
    <x v="506"/>
    <x v="3"/>
    <x v="0"/>
    <x v="3"/>
    <s v="Cardinal Holdit Business Card Pockets"/>
    <n v="11.95"/>
    <n v="3"/>
    <n v="4.18"/>
  </r>
  <r>
    <d v="2017-08-07T00:00:00"/>
    <x v="7"/>
    <x v="3"/>
    <x v="506"/>
    <x v="3"/>
    <x v="0"/>
    <x v="3"/>
    <s v="Mead 1st Gear 2&quot; Zipper Binder, Asst. Colors"/>
    <n v="31.13"/>
    <n v="3"/>
    <n v="11.67"/>
  </r>
  <r>
    <d v="2017-08-07T00:00:00"/>
    <x v="7"/>
    <x v="3"/>
    <x v="506"/>
    <x v="3"/>
    <x v="2"/>
    <x v="9"/>
    <s v="Sony Micro Vault Click 4 GB USB 2.0 Flash Drive"/>
    <n v="55.76"/>
    <n v="4"/>
    <n v="7.81"/>
  </r>
  <r>
    <d v="2017-08-07T00:00:00"/>
    <x v="7"/>
    <x v="3"/>
    <x v="506"/>
    <x v="3"/>
    <x v="0"/>
    <x v="0"/>
    <s v="Xerox 1881"/>
    <n v="24.56"/>
    <n v="2"/>
    <n v="11.54"/>
  </r>
  <r>
    <d v="2017-08-07T00:00:00"/>
    <x v="7"/>
    <x v="3"/>
    <x v="506"/>
    <x v="3"/>
    <x v="1"/>
    <x v="8"/>
    <s v="Howard Miller 13-3/4&quot; Diameter Brushed Chrome Round Wall Clock"/>
    <n v="51.75"/>
    <n v="1"/>
    <n v="15.53"/>
  </r>
  <r>
    <d v="2017-08-07T00:00:00"/>
    <x v="7"/>
    <x v="3"/>
    <x v="506"/>
    <x v="3"/>
    <x v="1"/>
    <x v="5"/>
    <s v="Global Enterprise Series Seating Low-Back Swivel/Tilt Chairs"/>
    <n v="207.18"/>
    <n v="1"/>
    <n v="25.9"/>
  </r>
  <r>
    <d v="2017-08-07T00:00:00"/>
    <x v="7"/>
    <x v="3"/>
    <x v="506"/>
    <x v="3"/>
    <x v="0"/>
    <x v="12"/>
    <s v="3.6 Cubic Foot Counter Height Office Refrigerator"/>
    <n v="1473.1"/>
    <n v="5"/>
    <n v="412.47"/>
  </r>
  <r>
    <d v="2017-08-10T00:00:00"/>
    <x v="7"/>
    <x v="3"/>
    <x v="325"/>
    <x v="18"/>
    <x v="0"/>
    <x v="10"/>
    <s v="Staple envelope"/>
    <n v="70.08"/>
    <n v="6"/>
    <n v="35.04"/>
  </r>
  <r>
    <d v="2017-08-10T00:00:00"/>
    <x v="7"/>
    <x v="3"/>
    <x v="325"/>
    <x v="18"/>
    <x v="1"/>
    <x v="8"/>
    <s v="Tenex Traditional Chairmats for Medium Pile Carpet, Standard Lip, 36&quot; x 48&quot;"/>
    <n v="121.3"/>
    <n v="2"/>
    <n v="25.47"/>
  </r>
  <r>
    <d v="2017-08-10T00:00:00"/>
    <x v="7"/>
    <x v="3"/>
    <x v="325"/>
    <x v="18"/>
    <x v="2"/>
    <x v="6"/>
    <s v="Aastra 57i VoIP phone"/>
    <n v="1454.49"/>
    <n v="9"/>
    <n v="378.17"/>
  </r>
  <r>
    <d v="2017-08-10T00:00:00"/>
    <x v="7"/>
    <x v="3"/>
    <x v="571"/>
    <x v="18"/>
    <x v="0"/>
    <x v="0"/>
    <s v="Xerox 1906"/>
    <n v="177.2"/>
    <n v="5"/>
    <n v="83.28"/>
  </r>
  <r>
    <d v="2017-08-11T00:00:00"/>
    <x v="7"/>
    <x v="3"/>
    <x v="472"/>
    <x v="0"/>
    <x v="0"/>
    <x v="0"/>
    <s v="Wirebound Message Books, Four 2 3/4&quot; x 5&quot; Forms per Page, 600 Sets per Book"/>
    <n v="29.66"/>
    <n v="4"/>
    <n v="10.01"/>
  </r>
  <r>
    <d v="2017-08-11T00:00:00"/>
    <x v="7"/>
    <x v="3"/>
    <x v="472"/>
    <x v="0"/>
    <x v="0"/>
    <x v="4"/>
    <s v="BIC Brite Liner Grip Highlighters"/>
    <n v="9.18"/>
    <n v="7"/>
    <n v="2.87"/>
  </r>
  <r>
    <d v="2017-08-11T00:00:00"/>
    <x v="7"/>
    <x v="3"/>
    <x v="472"/>
    <x v="0"/>
    <x v="2"/>
    <x v="6"/>
    <s v="Pyle PMP37LED"/>
    <n v="153.58000000000001"/>
    <n v="2"/>
    <n v="13.44"/>
  </r>
  <r>
    <d v="2017-08-11T00:00:00"/>
    <x v="7"/>
    <x v="3"/>
    <x v="472"/>
    <x v="0"/>
    <x v="0"/>
    <x v="3"/>
    <s v="Fellowes Twister Kit, Gray/Clear, 3/pkg"/>
    <n v="12.86"/>
    <n v="8"/>
    <n v="-22.51"/>
  </r>
  <r>
    <d v="2017-08-11T00:00:00"/>
    <x v="7"/>
    <x v="3"/>
    <x v="108"/>
    <x v="8"/>
    <x v="0"/>
    <x v="3"/>
    <s v="Satellite Sectional Post Binders"/>
    <n v="477.51"/>
    <n v="11"/>
    <n v="219.65"/>
  </r>
  <r>
    <d v="2017-08-11T00:00:00"/>
    <x v="7"/>
    <x v="3"/>
    <x v="694"/>
    <x v="20"/>
    <x v="0"/>
    <x v="0"/>
    <s v="Xerox 226"/>
    <n v="25.92"/>
    <n v="4"/>
    <n v="12.44"/>
  </r>
  <r>
    <d v="2017-08-12T00:00:00"/>
    <x v="7"/>
    <x v="3"/>
    <x v="356"/>
    <x v="16"/>
    <x v="0"/>
    <x v="0"/>
    <s v="Xerox 2000"/>
    <n v="20.74"/>
    <n v="4"/>
    <n v="7.26"/>
  </r>
  <r>
    <d v="2017-08-12T00:00:00"/>
    <x v="7"/>
    <x v="3"/>
    <x v="176"/>
    <x v="3"/>
    <x v="0"/>
    <x v="12"/>
    <s v="Avanti 4.4 Cu. Ft. Refrigerator"/>
    <n v="542.94000000000005"/>
    <n v="3"/>
    <n v="152.02000000000001"/>
  </r>
  <r>
    <d v="2017-08-12T00:00:00"/>
    <x v="7"/>
    <x v="3"/>
    <x v="176"/>
    <x v="3"/>
    <x v="1"/>
    <x v="8"/>
    <s v="DAX Wood Document Frame"/>
    <n v="54.92"/>
    <n v="4"/>
    <n v="19.77"/>
  </r>
  <r>
    <d v="2017-08-12T00:00:00"/>
    <x v="7"/>
    <x v="3"/>
    <x v="653"/>
    <x v="36"/>
    <x v="0"/>
    <x v="4"/>
    <s v="Newell 312"/>
    <n v="17.52"/>
    <n v="3"/>
    <n v="5.26"/>
  </r>
  <r>
    <d v="2017-08-12T00:00:00"/>
    <x v="7"/>
    <x v="3"/>
    <x v="653"/>
    <x v="36"/>
    <x v="1"/>
    <x v="5"/>
    <s v="Hon 4700 Series Mobuis Mid-Back Task Chairs with Adjustable Arms"/>
    <n v="1779.9"/>
    <n v="5"/>
    <n v="373.78"/>
  </r>
  <r>
    <d v="2017-08-12T00:00:00"/>
    <x v="7"/>
    <x v="3"/>
    <x v="653"/>
    <x v="36"/>
    <x v="0"/>
    <x v="4"/>
    <s v="Boston 1645 Deluxe Heavier-Duty Electric Pencil Sharpener"/>
    <n v="219.9"/>
    <n v="5"/>
    <n v="59.37"/>
  </r>
  <r>
    <d v="2017-08-12T00:00:00"/>
    <x v="7"/>
    <x v="3"/>
    <x v="613"/>
    <x v="22"/>
    <x v="2"/>
    <x v="16"/>
    <s v="Hewlett Packard 310 Color Digital Copier"/>
    <n v="299.99"/>
    <n v="1"/>
    <n v="90"/>
  </r>
  <r>
    <d v="2017-08-12T00:00:00"/>
    <x v="7"/>
    <x v="3"/>
    <x v="613"/>
    <x v="22"/>
    <x v="0"/>
    <x v="0"/>
    <s v="Xerox 1937"/>
    <n v="192.16"/>
    <n v="4"/>
    <n v="92.24"/>
  </r>
  <r>
    <d v="2017-08-12T00:00:00"/>
    <x v="7"/>
    <x v="3"/>
    <x v="613"/>
    <x v="22"/>
    <x v="2"/>
    <x v="6"/>
    <s v="Grandstream GXP1160 VoIP phone"/>
    <n v="242.62"/>
    <n v="8"/>
    <n v="27.3"/>
  </r>
  <r>
    <d v="2017-08-12T00:00:00"/>
    <x v="7"/>
    <x v="3"/>
    <x v="613"/>
    <x v="22"/>
    <x v="0"/>
    <x v="2"/>
    <s v="Personal File Boxes with Fold-Down Carry Handle"/>
    <n v="46.74"/>
    <n v="3"/>
    <n v="11.69"/>
  </r>
  <r>
    <d v="2017-08-12T00:00:00"/>
    <x v="7"/>
    <x v="3"/>
    <x v="613"/>
    <x v="22"/>
    <x v="2"/>
    <x v="9"/>
    <s v="Perixx PERIBOARD-512B, Ergonomic Split Keyboard"/>
    <n v="174.95"/>
    <n v="5"/>
    <n v="12.25"/>
  </r>
  <r>
    <d v="2017-08-12T00:00:00"/>
    <x v="7"/>
    <x v="3"/>
    <x v="613"/>
    <x v="22"/>
    <x v="0"/>
    <x v="3"/>
    <s v="Avery Legal 4-Ring Binder"/>
    <n v="100.7"/>
    <n v="6"/>
    <n v="37.76"/>
  </r>
  <r>
    <d v="2017-08-13T00:00:00"/>
    <x v="7"/>
    <x v="3"/>
    <x v="144"/>
    <x v="3"/>
    <x v="0"/>
    <x v="2"/>
    <s v="Sterilite Officeware Hinged File Box"/>
    <n v="31.44"/>
    <n v="3"/>
    <n v="8.49"/>
  </r>
  <r>
    <d v="2017-08-13T00:00:00"/>
    <x v="7"/>
    <x v="3"/>
    <x v="144"/>
    <x v="3"/>
    <x v="0"/>
    <x v="12"/>
    <s v="Staple holder"/>
    <n v="83.79"/>
    <n v="7"/>
    <n v="22.62"/>
  </r>
  <r>
    <d v="2017-08-13T00:00:00"/>
    <x v="7"/>
    <x v="3"/>
    <x v="144"/>
    <x v="3"/>
    <x v="0"/>
    <x v="4"/>
    <s v="Newell 345"/>
    <n v="59.52"/>
    <n v="3"/>
    <n v="15.48"/>
  </r>
  <r>
    <d v="2017-08-13T00:00:00"/>
    <x v="7"/>
    <x v="3"/>
    <x v="144"/>
    <x v="3"/>
    <x v="0"/>
    <x v="14"/>
    <s v="Staple remover"/>
    <n v="31.92"/>
    <n v="4"/>
    <n v="9.26"/>
  </r>
  <r>
    <d v="2017-08-13T00:00:00"/>
    <x v="7"/>
    <x v="3"/>
    <x v="435"/>
    <x v="2"/>
    <x v="0"/>
    <x v="1"/>
    <s v="Avery 486"/>
    <n v="17.54"/>
    <n v="3"/>
    <n v="5.92"/>
  </r>
  <r>
    <d v="2017-08-13T00:00:00"/>
    <x v="7"/>
    <x v="3"/>
    <x v="521"/>
    <x v="3"/>
    <x v="0"/>
    <x v="3"/>
    <s v="GBC Prepunched Paper, 19-Hole, for Binding Systems, 24-lb"/>
    <n v="36.020000000000003"/>
    <n v="3"/>
    <n v="11.71"/>
  </r>
  <r>
    <d v="2017-08-13T00:00:00"/>
    <x v="7"/>
    <x v="3"/>
    <x v="284"/>
    <x v="15"/>
    <x v="0"/>
    <x v="12"/>
    <s v="Belkin Premiere Surge Master II 8-outlet surge protector"/>
    <n v="272.05"/>
    <n v="7"/>
    <n v="30.61"/>
  </r>
  <r>
    <d v="2017-08-13T00:00:00"/>
    <x v="7"/>
    <x v="3"/>
    <x v="284"/>
    <x v="15"/>
    <x v="0"/>
    <x v="3"/>
    <s v="GBC DocuBind TL300 Electric Binding System"/>
    <n v="1614.58"/>
    <n v="6"/>
    <n v="-1237.8499999999999"/>
  </r>
  <r>
    <d v="2017-08-13T00:00:00"/>
    <x v="7"/>
    <x v="3"/>
    <x v="284"/>
    <x v="15"/>
    <x v="0"/>
    <x v="7"/>
    <s v="Staples"/>
    <n v="24.32"/>
    <n v="5"/>
    <n v="9.1199999999999992"/>
  </r>
  <r>
    <d v="2017-08-13T00:00:00"/>
    <x v="7"/>
    <x v="3"/>
    <x v="284"/>
    <x v="15"/>
    <x v="2"/>
    <x v="9"/>
    <s v="Maxell 4.7GB DVD-R 5/Pack"/>
    <n v="1.58"/>
    <n v="2"/>
    <n v="0.48"/>
  </r>
  <r>
    <d v="2017-08-13T00:00:00"/>
    <x v="7"/>
    <x v="3"/>
    <x v="284"/>
    <x v="15"/>
    <x v="1"/>
    <x v="8"/>
    <s v="Eldon Radial Chair Mat for Low to Medium Pile Carpets"/>
    <n v="31.98"/>
    <n v="1"/>
    <n v="0"/>
  </r>
  <r>
    <d v="2017-08-13T00:00:00"/>
    <x v="7"/>
    <x v="3"/>
    <x v="284"/>
    <x v="15"/>
    <x v="0"/>
    <x v="10"/>
    <s v="Colored Envelopes"/>
    <n v="14.76"/>
    <n v="5"/>
    <n v="4.8"/>
  </r>
  <r>
    <d v="2017-08-13T00:00:00"/>
    <x v="7"/>
    <x v="3"/>
    <x v="284"/>
    <x v="15"/>
    <x v="1"/>
    <x v="5"/>
    <s v="Hon Olson Stacker Chairs"/>
    <n v="423.65"/>
    <n v="2"/>
    <n v="47.66"/>
  </r>
  <r>
    <d v="2017-08-14T00:00:00"/>
    <x v="7"/>
    <x v="3"/>
    <x v="377"/>
    <x v="3"/>
    <x v="0"/>
    <x v="1"/>
    <s v="Avery File Folder Labels"/>
    <n v="5.76"/>
    <n v="2"/>
    <n v="2.82"/>
  </r>
  <r>
    <d v="2017-08-14T00:00:00"/>
    <x v="7"/>
    <x v="3"/>
    <x v="377"/>
    <x v="3"/>
    <x v="0"/>
    <x v="4"/>
    <s v="Newell 318"/>
    <n v="16.68"/>
    <n v="6"/>
    <n v="4.34"/>
  </r>
  <r>
    <d v="2017-08-14T00:00:00"/>
    <x v="7"/>
    <x v="3"/>
    <x v="744"/>
    <x v="3"/>
    <x v="1"/>
    <x v="13"/>
    <s v="Chromcraft Round Conference Tables"/>
    <n v="418.3"/>
    <n v="3"/>
    <n v="5.23"/>
  </r>
  <r>
    <d v="2017-08-15T00:00:00"/>
    <x v="7"/>
    <x v="3"/>
    <x v="229"/>
    <x v="23"/>
    <x v="0"/>
    <x v="12"/>
    <s v="Fellowes Premier Superior Surge Suppressor, 10-Outlet, With Phone and Remote"/>
    <n v="97.84"/>
    <n v="2"/>
    <n v="25.44"/>
  </r>
  <r>
    <d v="2017-08-15T00:00:00"/>
    <x v="7"/>
    <x v="3"/>
    <x v="729"/>
    <x v="2"/>
    <x v="0"/>
    <x v="2"/>
    <s v="Tennsco Single-Tier Lockers"/>
    <n v="1801.63"/>
    <n v="6"/>
    <n v="-337.81"/>
  </r>
  <r>
    <d v="2017-08-15T00:00:00"/>
    <x v="7"/>
    <x v="3"/>
    <x v="731"/>
    <x v="28"/>
    <x v="0"/>
    <x v="1"/>
    <s v="Avery 495"/>
    <n v="50.4"/>
    <n v="8"/>
    <n v="23.18"/>
  </r>
  <r>
    <d v="2017-08-16T00:00:00"/>
    <x v="7"/>
    <x v="3"/>
    <x v="605"/>
    <x v="15"/>
    <x v="0"/>
    <x v="3"/>
    <s v="Recycled Easel Ring Binders"/>
    <n v="13.43"/>
    <n v="3"/>
    <n v="-11.19"/>
  </r>
  <r>
    <d v="2017-08-16T00:00:00"/>
    <x v="7"/>
    <x v="3"/>
    <x v="605"/>
    <x v="15"/>
    <x v="0"/>
    <x v="2"/>
    <s v="Acco Perma 3000 Stacking Storage Drawers"/>
    <n v="67.14"/>
    <n v="4"/>
    <n v="-0.84"/>
  </r>
  <r>
    <d v="2017-08-17T00:00:00"/>
    <x v="7"/>
    <x v="3"/>
    <x v="150"/>
    <x v="20"/>
    <x v="0"/>
    <x v="3"/>
    <s v="GBC DocuBind TL200 Manual Binding Machine"/>
    <n v="895.92"/>
    <n v="5"/>
    <n v="302.37"/>
  </r>
  <r>
    <d v="2017-08-17T00:00:00"/>
    <x v="7"/>
    <x v="3"/>
    <x v="150"/>
    <x v="20"/>
    <x v="1"/>
    <x v="5"/>
    <s v="Global Commerce Series Low-Back Swivel/Tilt Chairs"/>
    <n v="462.56"/>
    <n v="2"/>
    <n v="97.65"/>
  </r>
  <r>
    <d v="2017-08-17T00:00:00"/>
    <x v="7"/>
    <x v="3"/>
    <x v="303"/>
    <x v="5"/>
    <x v="0"/>
    <x v="3"/>
    <s v="GBC Prestige Therm-A-Bind Covers"/>
    <n v="102.93"/>
    <n v="3"/>
    <n v="48.38"/>
  </r>
  <r>
    <d v="2017-08-17T00:00:00"/>
    <x v="7"/>
    <x v="3"/>
    <x v="303"/>
    <x v="5"/>
    <x v="2"/>
    <x v="9"/>
    <s v="Logitech Desktop MK120 Mouse and keyboard Combo"/>
    <n v="98.16"/>
    <n v="6"/>
    <n v="9.82"/>
  </r>
  <r>
    <d v="2017-08-17T00:00:00"/>
    <x v="7"/>
    <x v="3"/>
    <x v="341"/>
    <x v="0"/>
    <x v="0"/>
    <x v="14"/>
    <s v="Acco Side-Punched Conventional Columnar Pads"/>
    <n v="5.55"/>
    <n v="2"/>
    <n v="-1.04"/>
  </r>
  <r>
    <d v="2017-08-17T00:00:00"/>
    <x v="7"/>
    <x v="3"/>
    <x v="341"/>
    <x v="0"/>
    <x v="0"/>
    <x v="4"/>
    <s v="Avery Fluorescent Highlighter Four-Color Set"/>
    <n v="8.02"/>
    <n v="3"/>
    <n v="1"/>
  </r>
  <r>
    <d v="2017-08-17T00:00:00"/>
    <x v="7"/>
    <x v="3"/>
    <x v="341"/>
    <x v="0"/>
    <x v="1"/>
    <x v="5"/>
    <s v="SAFCO Optional Arm Kit for Workspace Cribbage Stacking Chair"/>
    <n v="74.59"/>
    <n v="4"/>
    <n v="-2.13"/>
  </r>
  <r>
    <d v="2017-08-17T00:00:00"/>
    <x v="7"/>
    <x v="3"/>
    <x v="341"/>
    <x v="0"/>
    <x v="1"/>
    <x v="8"/>
    <s v="36X48 HARDFLOOR CHAIRMAT"/>
    <n v="16.78"/>
    <n v="2"/>
    <n v="-22.24"/>
  </r>
  <r>
    <d v="2017-08-17T00:00:00"/>
    <x v="7"/>
    <x v="3"/>
    <x v="341"/>
    <x v="0"/>
    <x v="0"/>
    <x v="12"/>
    <s v="Belkin Premiere Surge Master II 8-outlet surge protector"/>
    <n v="38.86"/>
    <n v="4"/>
    <n v="-99.1"/>
  </r>
  <r>
    <d v="2017-08-17T00:00:00"/>
    <x v="7"/>
    <x v="3"/>
    <x v="717"/>
    <x v="2"/>
    <x v="1"/>
    <x v="5"/>
    <s v="HON 5400 Series Task Chairs for Big and Tall"/>
    <n v="4416.17"/>
    <n v="9"/>
    <n v="-630.88"/>
  </r>
  <r>
    <d v="2017-08-17T00:00:00"/>
    <x v="7"/>
    <x v="3"/>
    <x v="602"/>
    <x v="3"/>
    <x v="0"/>
    <x v="10"/>
    <s v="Staple envelope"/>
    <n v="23.36"/>
    <n v="2"/>
    <n v="11.68"/>
  </r>
  <r>
    <d v="2017-08-17T00:00:00"/>
    <x v="7"/>
    <x v="3"/>
    <x v="602"/>
    <x v="3"/>
    <x v="2"/>
    <x v="6"/>
    <s v="OtterBox Defender Series Case - Samsung Galaxy S4"/>
    <n v="71.98"/>
    <n v="3"/>
    <n v="9"/>
  </r>
  <r>
    <d v="2017-08-17T00:00:00"/>
    <x v="7"/>
    <x v="3"/>
    <x v="602"/>
    <x v="3"/>
    <x v="0"/>
    <x v="0"/>
    <s v="Xerox 1962"/>
    <n v="8.56"/>
    <n v="2"/>
    <n v="3.85"/>
  </r>
  <r>
    <d v="2017-08-17T00:00:00"/>
    <x v="7"/>
    <x v="3"/>
    <x v="602"/>
    <x v="3"/>
    <x v="0"/>
    <x v="3"/>
    <s v="Wilson Jones Clip &amp; Carry Folder Binder Tool for Ring Binders, Clear"/>
    <n v="13.92"/>
    <n v="3"/>
    <n v="4.87"/>
  </r>
  <r>
    <d v="2017-08-17T00:00:00"/>
    <x v="7"/>
    <x v="3"/>
    <x v="602"/>
    <x v="3"/>
    <x v="0"/>
    <x v="12"/>
    <s v="Sanyo 2.5 Cubic Foot Mid-Size Office Refrigerators"/>
    <n v="2518.29"/>
    <n v="9"/>
    <n v="654.76"/>
  </r>
  <r>
    <d v="2017-08-17T00:00:00"/>
    <x v="7"/>
    <x v="3"/>
    <x v="602"/>
    <x v="3"/>
    <x v="0"/>
    <x v="2"/>
    <s v="Standard Rollaway File with Lock"/>
    <n v="540.57000000000005"/>
    <n v="3"/>
    <n v="140.55000000000001"/>
  </r>
  <r>
    <d v="2017-08-17T00:00:00"/>
    <x v="7"/>
    <x v="3"/>
    <x v="602"/>
    <x v="3"/>
    <x v="0"/>
    <x v="3"/>
    <s v="GBC Recycled Grain Textured Covers"/>
    <n v="221.06"/>
    <n v="8"/>
    <n v="77.37"/>
  </r>
  <r>
    <d v="2017-08-18T00:00:00"/>
    <x v="7"/>
    <x v="3"/>
    <x v="537"/>
    <x v="20"/>
    <x v="1"/>
    <x v="8"/>
    <s v="DAX Metal Frame, Desktop, Stepped-Edge"/>
    <n v="40.479999999999997"/>
    <n v="2"/>
    <n v="15.79"/>
  </r>
  <r>
    <d v="2017-08-18T00:00:00"/>
    <x v="7"/>
    <x v="3"/>
    <x v="537"/>
    <x v="20"/>
    <x v="1"/>
    <x v="8"/>
    <s v="DAX Value U-Channel Document Frames, Easel Back"/>
    <n v="9.94"/>
    <n v="2"/>
    <n v="3.08"/>
  </r>
  <r>
    <d v="2017-08-18T00:00:00"/>
    <x v="7"/>
    <x v="3"/>
    <x v="537"/>
    <x v="20"/>
    <x v="0"/>
    <x v="3"/>
    <s v="Recycled Easel Ring Binders"/>
    <n v="107.42"/>
    <n v="9"/>
    <n v="33.57"/>
  </r>
  <r>
    <d v="2017-08-18T00:00:00"/>
    <x v="7"/>
    <x v="3"/>
    <x v="537"/>
    <x v="20"/>
    <x v="2"/>
    <x v="6"/>
    <s v="Grandstream GXP1160 VoIP phone"/>
    <n v="37.909999999999997"/>
    <n v="1"/>
    <n v="10.99"/>
  </r>
  <r>
    <d v="2017-08-18T00:00:00"/>
    <x v="7"/>
    <x v="3"/>
    <x v="537"/>
    <x v="20"/>
    <x v="1"/>
    <x v="8"/>
    <s v="Seth Thomas 14&quot; Putty-Colored Wall Clock"/>
    <n v="88.02"/>
    <n v="3"/>
    <n v="27.29"/>
  </r>
  <r>
    <d v="2017-08-18T00:00:00"/>
    <x v="7"/>
    <x v="3"/>
    <x v="277"/>
    <x v="0"/>
    <x v="0"/>
    <x v="2"/>
    <s v="Safco Steel Mobile File Cart"/>
    <n v="200.06"/>
    <n v="3"/>
    <n v="12.5"/>
  </r>
  <r>
    <d v="2017-08-18T00:00:00"/>
    <x v="7"/>
    <x v="3"/>
    <x v="277"/>
    <x v="0"/>
    <x v="0"/>
    <x v="3"/>
    <s v="Acco D-Ring Binder w/DublLock"/>
    <n v="21.38"/>
    <n v="5"/>
    <n v="-33.14"/>
  </r>
  <r>
    <d v="2017-08-18T00:00:00"/>
    <x v="7"/>
    <x v="3"/>
    <x v="277"/>
    <x v="0"/>
    <x v="0"/>
    <x v="3"/>
    <s v="Ibico Plastic and Wire Spiral Binding Combs"/>
    <n v="6.74"/>
    <n v="4"/>
    <n v="-11.46"/>
  </r>
  <r>
    <d v="2017-08-18T00:00:00"/>
    <x v="7"/>
    <x v="3"/>
    <x v="155"/>
    <x v="22"/>
    <x v="0"/>
    <x v="2"/>
    <s v="Fellowes Super Stor/Drawer Files"/>
    <n v="323.10000000000002"/>
    <n v="2"/>
    <n v="61.39"/>
  </r>
  <r>
    <d v="2017-08-18T00:00:00"/>
    <x v="7"/>
    <x v="3"/>
    <x v="698"/>
    <x v="22"/>
    <x v="2"/>
    <x v="9"/>
    <s v="Plantronics Savi W720 Multi-Device Wireless Headset System"/>
    <n v="843.9"/>
    <n v="2"/>
    <n v="371.32"/>
  </r>
  <r>
    <d v="2017-08-18T00:00:00"/>
    <x v="7"/>
    <x v="3"/>
    <x v="698"/>
    <x v="22"/>
    <x v="2"/>
    <x v="9"/>
    <s v="Imation Bio 8GB USBÂ Flash Drive ImationÂ Corp"/>
    <n v="1496.16"/>
    <n v="9"/>
    <n v="224.42"/>
  </r>
  <r>
    <d v="2017-08-18T00:00:00"/>
    <x v="7"/>
    <x v="3"/>
    <x v="598"/>
    <x v="22"/>
    <x v="0"/>
    <x v="3"/>
    <s v="Fellowes PB300 Plastic Comb Binding Machine"/>
    <n v="2793.53"/>
    <n v="9"/>
    <n v="942.82"/>
  </r>
  <r>
    <d v="2017-08-18T00:00:00"/>
    <x v="7"/>
    <x v="3"/>
    <x v="598"/>
    <x v="22"/>
    <x v="0"/>
    <x v="2"/>
    <s v="Letter Size Cart"/>
    <n v="1000.02"/>
    <n v="7"/>
    <n v="290.01"/>
  </r>
  <r>
    <d v="2017-08-18T00:00:00"/>
    <x v="7"/>
    <x v="3"/>
    <x v="598"/>
    <x v="22"/>
    <x v="1"/>
    <x v="8"/>
    <s v="Contract Clock, 14&quot;, Brown"/>
    <n v="65.94"/>
    <n v="3"/>
    <n v="22.42"/>
  </r>
  <r>
    <d v="2017-08-18T00:00:00"/>
    <x v="7"/>
    <x v="3"/>
    <x v="137"/>
    <x v="10"/>
    <x v="0"/>
    <x v="4"/>
    <s v="Newell 325"/>
    <n v="9.91"/>
    <n v="3"/>
    <n v="1.24"/>
  </r>
  <r>
    <d v="2017-08-18T00:00:00"/>
    <x v="7"/>
    <x v="3"/>
    <x v="74"/>
    <x v="10"/>
    <x v="0"/>
    <x v="3"/>
    <s v="GBC Personal VeloBind Strips"/>
    <n v="10.78"/>
    <n v="3"/>
    <n v="-7.91"/>
  </r>
  <r>
    <d v="2017-08-18T00:00:00"/>
    <x v="7"/>
    <x v="3"/>
    <x v="773"/>
    <x v="32"/>
    <x v="2"/>
    <x v="9"/>
    <s v="Verbatim 25 GB 6x Blu-ray Single Layer Recordable Disc, 10/Pack"/>
    <n v="23.18"/>
    <n v="2"/>
    <n v="7.65"/>
  </r>
  <r>
    <d v="2017-08-19T00:00:00"/>
    <x v="7"/>
    <x v="3"/>
    <x v="403"/>
    <x v="32"/>
    <x v="0"/>
    <x v="3"/>
    <s v="Fellowes PB300 Plastic Comb Binding Machine"/>
    <n v="387.99"/>
    <n v="1"/>
    <n v="182.36"/>
  </r>
  <r>
    <d v="2017-08-19T00:00:00"/>
    <x v="7"/>
    <x v="3"/>
    <x v="256"/>
    <x v="1"/>
    <x v="0"/>
    <x v="3"/>
    <s v="Binder Posts"/>
    <n v="2.2999999999999998"/>
    <n v="2"/>
    <n v="-3.9"/>
  </r>
  <r>
    <d v="2017-08-19T00:00:00"/>
    <x v="7"/>
    <x v="3"/>
    <x v="712"/>
    <x v="32"/>
    <x v="0"/>
    <x v="0"/>
    <s v="Xerox 200"/>
    <n v="19.440000000000001"/>
    <n v="3"/>
    <n v="9.33"/>
  </r>
  <r>
    <d v="2017-08-19T00:00:00"/>
    <x v="7"/>
    <x v="3"/>
    <x v="445"/>
    <x v="27"/>
    <x v="0"/>
    <x v="3"/>
    <s v="Wilson Jones Elliptical Ring 3 1/2&quot; Capacity Binders, 800 sheets"/>
    <n v="102.72"/>
    <n v="3"/>
    <n v="37.24"/>
  </r>
  <r>
    <d v="2017-08-20T00:00:00"/>
    <x v="7"/>
    <x v="3"/>
    <x v="344"/>
    <x v="3"/>
    <x v="0"/>
    <x v="3"/>
    <s v="GBC Recycled Regency Composition Covers"/>
    <n v="239.12"/>
    <n v="5"/>
    <n v="77.709999999999994"/>
  </r>
  <r>
    <d v="2017-08-20T00:00:00"/>
    <x v="7"/>
    <x v="3"/>
    <x v="654"/>
    <x v="32"/>
    <x v="0"/>
    <x v="2"/>
    <s v="Neat Ideas Personal Hanging Folder Files, Black"/>
    <n v="40.29"/>
    <n v="3"/>
    <n v="10.48"/>
  </r>
  <r>
    <d v="2017-08-20T00:00:00"/>
    <x v="7"/>
    <x v="3"/>
    <x v="382"/>
    <x v="3"/>
    <x v="0"/>
    <x v="14"/>
    <s v="Acme Kleencut Forged Steel Scissors"/>
    <n v="17.22"/>
    <n v="3"/>
    <n v="5.17"/>
  </r>
  <r>
    <d v="2017-08-20T00:00:00"/>
    <x v="7"/>
    <x v="3"/>
    <x v="382"/>
    <x v="3"/>
    <x v="0"/>
    <x v="2"/>
    <s v="Companion Letter/Legal File, Black"/>
    <n v="226.56"/>
    <n v="6"/>
    <n v="63.44"/>
  </r>
  <r>
    <d v="2017-08-20T00:00:00"/>
    <x v="7"/>
    <x v="3"/>
    <x v="382"/>
    <x v="3"/>
    <x v="2"/>
    <x v="6"/>
    <s v="Plantronics Encore H101 Dual EarpiecesÂ Headset"/>
    <n v="107.88"/>
    <n v="3"/>
    <n v="10.79"/>
  </r>
  <r>
    <d v="2017-08-20T00:00:00"/>
    <x v="7"/>
    <x v="3"/>
    <x v="73"/>
    <x v="3"/>
    <x v="0"/>
    <x v="0"/>
    <s v="Xerox 203"/>
    <n v="25.92"/>
    <n v="4"/>
    <n v="12.44"/>
  </r>
  <r>
    <d v="2017-08-20T00:00:00"/>
    <x v="7"/>
    <x v="3"/>
    <x v="722"/>
    <x v="25"/>
    <x v="2"/>
    <x v="6"/>
    <s v="Plantronics Encore H101 Dual EarpiecesÂ Headset"/>
    <n v="35.96"/>
    <n v="1"/>
    <n v="3.6"/>
  </r>
  <r>
    <d v="2017-08-21T00:00:00"/>
    <x v="7"/>
    <x v="3"/>
    <x v="40"/>
    <x v="29"/>
    <x v="1"/>
    <x v="5"/>
    <s v="Hon Multipurpose Stacking Arm Chairs"/>
    <n v="866.4"/>
    <n v="4"/>
    <n v="225.26"/>
  </r>
  <r>
    <d v="2017-08-21T00:00:00"/>
    <x v="7"/>
    <x v="3"/>
    <x v="217"/>
    <x v="28"/>
    <x v="0"/>
    <x v="7"/>
    <s v="Advantus Plastic Paper Clips"/>
    <n v="35"/>
    <n v="7"/>
    <n v="16.8"/>
  </r>
  <r>
    <d v="2017-08-21T00:00:00"/>
    <x v="7"/>
    <x v="3"/>
    <x v="217"/>
    <x v="28"/>
    <x v="0"/>
    <x v="14"/>
    <s v="Acme Forged Steel Scissors with Black Enamel Handles"/>
    <n v="37.24"/>
    <n v="4"/>
    <n v="10.8"/>
  </r>
  <r>
    <d v="2017-08-21T00:00:00"/>
    <x v="7"/>
    <x v="3"/>
    <x v="217"/>
    <x v="28"/>
    <x v="0"/>
    <x v="10"/>
    <s v="Security-Tint Envelopes"/>
    <n v="15.28"/>
    <n v="2"/>
    <n v="7.49"/>
  </r>
  <r>
    <d v="2017-08-21T00:00:00"/>
    <x v="7"/>
    <x v="3"/>
    <x v="378"/>
    <x v="3"/>
    <x v="0"/>
    <x v="4"/>
    <s v="Newell 336"/>
    <n v="17.12"/>
    <n v="4"/>
    <n v="4.96"/>
  </r>
  <r>
    <d v="2017-08-21T00:00:00"/>
    <x v="7"/>
    <x v="3"/>
    <x v="378"/>
    <x v="3"/>
    <x v="2"/>
    <x v="6"/>
    <s v="Cisco 8x8 Inc. 6753i IP Business Phone System"/>
    <n v="431.97"/>
    <n v="4"/>
    <n v="37.799999999999997"/>
  </r>
  <r>
    <d v="2017-08-21T00:00:00"/>
    <x v="7"/>
    <x v="3"/>
    <x v="378"/>
    <x v="3"/>
    <x v="1"/>
    <x v="8"/>
    <s v="Tenex Chairmats For Use with Hard Floors"/>
    <n v="129.91999999999999"/>
    <n v="4"/>
    <n v="10.39"/>
  </r>
  <r>
    <d v="2017-08-21T00:00:00"/>
    <x v="7"/>
    <x v="3"/>
    <x v="378"/>
    <x v="3"/>
    <x v="1"/>
    <x v="13"/>
    <s v="Chromcraft Rectangular Conference Tables"/>
    <n v="568.73"/>
    <n v="3"/>
    <n v="28.44"/>
  </r>
  <r>
    <d v="2017-08-21T00:00:00"/>
    <x v="7"/>
    <x v="3"/>
    <x v="378"/>
    <x v="3"/>
    <x v="0"/>
    <x v="3"/>
    <s v="Acco Flexible ACCOHIDE Square Ring Data Binder, Dark Blue, 11 1/2&quot; X 14&quot; 7/8&quot;"/>
    <n v="117.14"/>
    <n v="9"/>
    <n v="42.46"/>
  </r>
  <r>
    <d v="2017-08-21T00:00:00"/>
    <x v="7"/>
    <x v="3"/>
    <x v="378"/>
    <x v="3"/>
    <x v="0"/>
    <x v="12"/>
    <s v="Fellowes Command Center 5-outlet power strip"/>
    <n v="203.52"/>
    <n v="3"/>
    <n v="54.95"/>
  </r>
  <r>
    <d v="2017-08-21T00:00:00"/>
    <x v="7"/>
    <x v="3"/>
    <x v="378"/>
    <x v="3"/>
    <x v="0"/>
    <x v="1"/>
    <s v="Avery Address/Shipping Labels for Typewriters, 4&quot; x 2&quot;"/>
    <n v="51.75"/>
    <n v="5"/>
    <n v="24.84"/>
  </r>
  <r>
    <d v="2017-08-21T00:00:00"/>
    <x v="7"/>
    <x v="3"/>
    <x v="128"/>
    <x v="36"/>
    <x v="0"/>
    <x v="0"/>
    <s v="Xerox 1888"/>
    <n v="277.39999999999998"/>
    <n v="5"/>
    <n v="133.15"/>
  </r>
  <r>
    <d v="2017-08-21T00:00:00"/>
    <x v="7"/>
    <x v="3"/>
    <x v="128"/>
    <x v="36"/>
    <x v="1"/>
    <x v="8"/>
    <s v="DAX Executive Solid Wood Document Frame, Desktop or Hang, Mahogany, 5 x 7"/>
    <n v="25.16"/>
    <n v="2"/>
    <n v="8.5500000000000007"/>
  </r>
  <r>
    <d v="2017-08-21T00:00:00"/>
    <x v="7"/>
    <x v="3"/>
    <x v="128"/>
    <x v="36"/>
    <x v="1"/>
    <x v="8"/>
    <s v="Seth Thomas 12&quot; Clock w/ Goldtone Case"/>
    <n v="91.92"/>
    <n v="4"/>
    <n v="31.25"/>
  </r>
  <r>
    <d v="2017-08-21T00:00:00"/>
    <x v="7"/>
    <x v="3"/>
    <x v="729"/>
    <x v="12"/>
    <x v="0"/>
    <x v="0"/>
    <s v="Xerox 1941"/>
    <n v="83.88"/>
    <n v="1"/>
    <n v="29.36"/>
  </r>
  <r>
    <d v="2017-08-21T00:00:00"/>
    <x v="7"/>
    <x v="3"/>
    <x v="507"/>
    <x v="22"/>
    <x v="1"/>
    <x v="5"/>
    <s v="Padded Folding Chairs, Black, 4/Carton"/>
    <n v="388.7"/>
    <n v="6"/>
    <n v="38.869999999999997"/>
  </r>
  <r>
    <d v="2017-08-21T00:00:00"/>
    <x v="7"/>
    <x v="3"/>
    <x v="507"/>
    <x v="22"/>
    <x v="0"/>
    <x v="2"/>
    <s v="Fellowes Stor/Drawer Steel Plus Storage Drawers"/>
    <n v="572.58000000000004"/>
    <n v="6"/>
    <n v="34.35"/>
  </r>
  <r>
    <d v="2017-08-21T00:00:00"/>
    <x v="7"/>
    <x v="3"/>
    <x v="507"/>
    <x v="22"/>
    <x v="2"/>
    <x v="9"/>
    <s v="Kensington K72356US Mouse-in-a-Box USB Desktop Mouse"/>
    <n v="33.18"/>
    <n v="2"/>
    <n v="11.61"/>
  </r>
  <r>
    <d v="2017-08-21T00:00:00"/>
    <x v="7"/>
    <x v="3"/>
    <x v="500"/>
    <x v="20"/>
    <x v="0"/>
    <x v="3"/>
    <s v="Avery Metallic Poly Binders"/>
    <n v="32.090000000000003"/>
    <n v="7"/>
    <n v="11.23"/>
  </r>
  <r>
    <d v="2017-08-21T00:00:00"/>
    <x v="7"/>
    <x v="3"/>
    <x v="500"/>
    <x v="20"/>
    <x v="0"/>
    <x v="3"/>
    <s v="GBC DocuBind TL300 Electric Binding System"/>
    <n v="4305.55"/>
    <n v="6"/>
    <n v="1453.12"/>
  </r>
  <r>
    <d v="2017-08-21T00:00:00"/>
    <x v="7"/>
    <x v="3"/>
    <x v="774"/>
    <x v="26"/>
    <x v="0"/>
    <x v="2"/>
    <s v="Recycled Data-Pak for Archival Bound Computer Printouts, 12-1/2 x 12-1/2 x 16"/>
    <n v="237.1"/>
    <n v="3"/>
    <n v="20.75"/>
  </r>
  <r>
    <d v="2017-08-21T00:00:00"/>
    <x v="7"/>
    <x v="3"/>
    <x v="774"/>
    <x v="26"/>
    <x v="1"/>
    <x v="8"/>
    <s v="DAX Charcoal/Nickel-Tone Document Frame, 5 x 7"/>
    <n v="22.75"/>
    <n v="3"/>
    <n v="7.11"/>
  </r>
  <r>
    <d v="2017-08-21T00:00:00"/>
    <x v="7"/>
    <x v="3"/>
    <x v="774"/>
    <x v="26"/>
    <x v="0"/>
    <x v="0"/>
    <s v="Southworth 25% Cotton Antique Laid Paper &amp; Envelopes"/>
    <n v="6.67"/>
    <n v="1"/>
    <n v="2.09"/>
  </r>
  <r>
    <d v="2017-08-22T00:00:00"/>
    <x v="7"/>
    <x v="3"/>
    <x v="784"/>
    <x v="3"/>
    <x v="1"/>
    <x v="13"/>
    <s v="Hon Racetrack Conference Tables"/>
    <n v="210.01"/>
    <n v="1"/>
    <n v="2.63"/>
  </r>
  <r>
    <d v="2017-08-22T00:00:00"/>
    <x v="7"/>
    <x v="3"/>
    <x v="222"/>
    <x v="2"/>
    <x v="1"/>
    <x v="13"/>
    <s v="Bevis Boat-Shaped Conference Table"/>
    <n v="314.52999999999997"/>
    <n v="2"/>
    <n v="-83.88"/>
  </r>
  <r>
    <d v="2017-08-23T00:00:00"/>
    <x v="7"/>
    <x v="3"/>
    <x v="487"/>
    <x v="16"/>
    <x v="2"/>
    <x v="6"/>
    <s v="Samsung Galaxy Mega 6.3"/>
    <n v="4367.8999999999996"/>
    <n v="13"/>
    <n v="327.58999999999997"/>
  </r>
  <r>
    <d v="2017-08-23T00:00:00"/>
    <x v="7"/>
    <x v="3"/>
    <x v="487"/>
    <x v="16"/>
    <x v="0"/>
    <x v="0"/>
    <s v="IBM Multi-Purpose Copy Paper, 8 1/2 x 11&quot;, Case"/>
    <n v="49.57"/>
    <n v="2"/>
    <n v="15.49"/>
  </r>
  <r>
    <d v="2017-08-23T00:00:00"/>
    <x v="7"/>
    <x v="3"/>
    <x v="487"/>
    <x v="16"/>
    <x v="0"/>
    <x v="12"/>
    <s v="Fellowes 8 Outlet Superior Workstation Surge Protector w/o Phone/Fax/Modem Protection"/>
    <n v="161.38"/>
    <n v="6"/>
    <n v="12.1"/>
  </r>
  <r>
    <d v="2017-08-23T00:00:00"/>
    <x v="7"/>
    <x v="3"/>
    <x v="487"/>
    <x v="16"/>
    <x v="1"/>
    <x v="8"/>
    <s v="Eldon Regeneration Recycled Desk Accessories, Smoke"/>
    <n v="2.78"/>
    <n v="2"/>
    <n v="0.42"/>
  </r>
  <r>
    <d v="2017-08-23T00:00:00"/>
    <x v="7"/>
    <x v="3"/>
    <x v="487"/>
    <x v="16"/>
    <x v="0"/>
    <x v="0"/>
    <s v="Ampad Evidence Wirebond Steno Books, 6&quot; x 9&quot;"/>
    <n v="8.7200000000000006"/>
    <n v="5"/>
    <n v="2.94"/>
  </r>
  <r>
    <d v="2017-08-24T00:00:00"/>
    <x v="7"/>
    <x v="3"/>
    <x v="611"/>
    <x v="20"/>
    <x v="0"/>
    <x v="3"/>
    <s v="DXL Angle-View Binders with Locking Rings by Samsill"/>
    <n v="24.67"/>
    <n v="4"/>
    <n v="7.71"/>
  </r>
  <r>
    <d v="2017-08-24T00:00:00"/>
    <x v="7"/>
    <x v="3"/>
    <x v="611"/>
    <x v="20"/>
    <x v="0"/>
    <x v="3"/>
    <s v="Acco Translucent Poly Ring Binders"/>
    <n v="3.74"/>
    <n v="1"/>
    <n v="1.31"/>
  </r>
  <r>
    <d v="2017-08-24T00:00:00"/>
    <x v="7"/>
    <x v="3"/>
    <x v="406"/>
    <x v="10"/>
    <x v="0"/>
    <x v="12"/>
    <s v="Avanti 1.7 Cu. Ft. Refrigerator"/>
    <n v="646.27"/>
    <n v="8"/>
    <n v="64.63"/>
  </r>
  <r>
    <d v="2017-08-24T00:00:00"/>
    <x v="7"/>
    <x v="3"/>
    <x v="406"/>
    <x v="10"/>
    <x v="0"/>
    <x v="0"/>
    <s v="Xerox 1966"/>
    <n v="10.37"/>
    <n v="2"/>
    <n v="3.76"/>
  </r>
  <r>
    <d v="2017-08-25T00:00:00"/>
    <x v="7"/>
    <x v="3"/>
    <x v="41"/>
    <x v="25"/>
    <x v="0"/>
    <x v="0"/>
    <s v="Xerox 1910"/>
    <n v="192.16"/>
    <n v="5"/>
    <n v="67.260000000000005"/>
  </r>
  <r>
    <d v="2017-08-25T00:00:00"/>
    <x v="7"/>
    <x v="3"/>
    <x v="738"/>
    <x v="15"/>
    <x v="0"/>
    <x v="4"/>
    <s v="Zebra Zazzle Fluorescent Highlighters"/>
    <n v="9.73"/>
    <n v="2"/>
    <n v="1.7"/>
  </r>
  <r>
    <d v="2017-08-25T00:00:00"/>
    <x v="7"/>
    <x v="3"/>
    <x v="738"/>
    <x v="15"/>
    <x v="0"/>
    <x v="0"/>
    <s v="Xerox 199"/>
    <n v="3.42"/>
    <n v="1"/>
    <n v="1.07"/>
  </r>
  <r>
    <d v="2017-08-25T00:00:00"/>
    <x v="7"/>
    <x v="3"/>
    <x v="364"/>
    <x v="10"/>
    <x v="0"/>
    <x v="2"/>
    <s v="Letter/Legal File Tote with Clear Snap-On Lid, Black Granite"/>
    <n v="25.7"/>
    <n v="2"/>
    <n v="1.93"/>
  </r>
  <r>
    <d v="2017-08-25T00:00:00"/>
    <x v="7"/>
    <x v="3"/>
    <x v="9"/>
    <x v="2"/>
    <x v="1"/>
    <x v="11"/>
    <s v="Bush Somerset Collection Bookcase"/>
    <n v="130.97999999999999"/>
    <n v="2"/>
    <n v="-89.07"/>
  </r>
  <r>
    <d v="2017-08-26T00:00:00"/>
    <x v="7"/>
    <x v="3"/>
    <x v="528"/>
    <x v="4"/>
    <x v="2"/>
    <x v="9"/>
    <s v="Sony 64GB Class 10 Micro SDHC R40 Memory Card"/>
    <n v="71.98"/>
    <n v="2"/>
    <n v="15.12"/>
  </r>
  <r>
    <d v="2017-08-26T00:00:00"/>
    <x v="7"/>
    <x v="3"/>
    <x v="0"/>
    <x v="1"/>
    <x v="1"/>
    <x v="8"/>
    <s v="Seth Thomas 16&quot; Steel Case Clock"/>
    <n v="64.959999999999994"/>
    <n v="5"/>
    <n v="-43.85"/>
  </r>
  <r>
    <d v="2017-08-26T00:00:00"/>
    <x v="7"/>
    <x v="3"/>
    <x v="631"/>
    <x v="14"/>
    <x v="0"/>
    <x v="2"/>
    <s v="Neat Ideas Personal Hanging Folder Files, Black"/>
    <n v="53.72"/>
    <n v="4"/>
    <n v="13.97"/>
  </r>
  <r>
    <d v="2017-08-27T00:00:00"/>
    <x v="7"/>
    <x v="3"/>
    <x v="444"/>
    <x v="32"/>
    <x v="1"/>
    <x v="13"/>
    <s v="Office Impressions End Table, 20-1/2&quot;H x 24&quot;W x 20&quot;D"/>
    <n v="1488.42"/>
    <n v="7"/>
    <n v="-297.68"/>
  </r>
  <r>
    <d v="2017-08-27T00:00:00"/>
    <x v="7"/>
    <x v="3"/>
    <x v="376"/>
    <x v="20"/>
    <x v="0"/>
    <x v="2"/>
    <s v="Iris Project Case"/>
    <n v="63.84"/>
    <n v="8"/>
    <n v="16.600000000000001"/>
  </r>
  <r>
    <d v="2017-08-27T00:00:00"/>
    <x v="7"/>
    <x v="3"/>
    <x v="376"/>
    <x v="20"/>
    <x v="2"/>
    <x v="6"/>
    <s v="GE 30522EE2"/>
    <n v="347.97"/>
    <n v="3"/>
    <n v="100.91"/>
  </r>
  <r>
    <d v="2017-08-27T00:00:00"/>
    <x v="7"/>
    <x v="3"/>
    <x v="376"/>
    <x v="20"/>
    <x v="0"/>
    <x v="3"/>
    <s v="DXL Angle-View Binders with Locking Rings by Samsill"/>
    <n v="37.01"/>
    <n v="6"/>
    <n v="11.57"/>
  </r>
  <r>
    <d v="2017-08-27T00:00:00"/>
    <x v="7"/>
    <x v="3"/>
    <x v="145"/>
    <x v="0"/>
    <x v="0"/>
    <x v="4"/>
    <s v="Eberhard Faber 3 1/2&quot; Golf Pencils"/>
    <n v="5.95"/>
    <n v="1"/>
    <n v="0.37"/>
  </r>
  <r>
    <d v="2017-08-27T00:00:00"/>
    <x v="7"/>
    <x v="3"/>
    <x v="386"/>
    <x v="16"/>
    <x v="0"/>
    <x v="10"/>
    <s v="Convenience Packs of Business Envelopes"/>
    <n v="2.9"/>
    <n v="1"/>
    <n v="0.98"/>
  </r>
  <r>
    <d v="2017-08-27T00:00:00"/>
    <x v="7"/>
    <x v="3"/>
    <x v="696"/>
    <x v="3"/>
    <x v="1"/>
    <x v="8"/>
    <s v="GE 48&quot; Fluorescent Tube, Cool White Energy Saver, 34 Watts, 30/Box"/>
    <n v="198.46"/>
    <n v="2"/>
    <n v="99.23"/>
  </r>
  <r>
    <d v="2017-08-27T00:00:00"/>
    <x v="7"/>
    <x v="3"/>
    <x v="696"/>
    <x v="3"/>
    <x v="0"/>
    <x v="12"/>
    <s v="APC 7 Outlet Network SurgeArrest Surge Protector"/>
    <n v="321.92"/>
    <n v="4"/>
    <n v="96.58"/>
  </r>
  <r>
    <d v="2017-08-27T00:00:00"/>
    <x v="7"/>
    <x v="3"/>
    <x v="696"/>
    <x v="3"/>
    <x v="2"/>
    <x v="16"/>
    <s v="Sharp 1540cs Digital Laser Copier"/>
    <n v="879.98"/>
    <n v="2"/>
    <n v="329.99"/>
  </r>
  <r>
    <d v="2017-08-27T00:00:00"/>
    <x v="7"/>
    <x v="3"/>
    <x v="696"/>
    <x v="3"/>
    <x v="0"/>
    <x v="14"/>
    <s v="Acme Preferred Stainless Steel Scissors"/>
    <n v="28.4"/>
    <n v="5"/>
    <n v="8.24"/>
  </r>
  <r>
    <d v="2017-08-27T00:00:00"/>
    <x v="7"/>
    <x v="3"/>
    <x v="696"/>
    <x v="3"/>
    <x v="1"/>
    <x v="5"/>
    <s v="Bevis Steel Folding Chairs"/>
    <n v="230.28"/>
    <n v="3"/>
    <n v="23.03"/>
  </r>
  <r>
    <d v="2017-08-27T00:00:00"/>
    <x v="7"/>
    <x v="3"/>
    <x v="696"/>
    <x v="3"/>
    <x v="0"/>
    <x v="0"/>
    <s v="White Computer Printout Paper by Universal"/>
    <n v="116.28"/>
    <n v="3"/>
    <n v="56.98"/>
  </r>
  <r>
    <d v="2017-08-27T00:00:00"/>
    <x v="7"/>
    <x v="3"/>
    <x v="696"/>
    <x v="3"/>
    <x v="0"/>
    <x v="3"/>
    <s v="GBC DocuBind 300 Electric Binding Machine"/>
    <n v="841.57"/>
    <n v="2"/>
    <n v="294.55"/>
  </r>
  <r>
    <d v="2017-08-27T00:00:00"/>
    <x v="7"/>
    <x v="3"/>
    <x v="696"/>
    <x v="3"/>
    <x v="0"/>
    <x v="2"/>
    <s v="Sensible Storage WireTech Storage Systems"/>
    <n v="354.9"/>
    <n v="5"/>
    <n v="17.75"/>
  </r>
  <r>
    <d v="2017-08-27T00:00:00"/>
    <x v="7"/>
    <x v="3"/>
    <x v="613"/>
    <x v="15"/>
    <x v="0"/>
    <x v="0"/>
    <s v="Xerox 217"/>
    <n v="5.18"/>
    <n v="1"/>
    <n v="1.81"/>
  </r>
  <r>
    <d v="2017-08-27T00:00:00"/>
    <x v="7"/>
    <x v="3"/>
    <x v="43"/>
    <x v="16"/>
    <x v="0"/>
    <x v="12"/>
    <s v="Hoover Portapower Portable Vacuum"/>
    <n v="14.34"/>
    <n v="4"/>
    <n v="0.9"/>
  </r>
  <r>
    <d v="2017-08-27T00:00:00"/>
    <x v="7"/>
    <x v="3"/>
    <x v="624"/>
    <x v="2"/>
    <x v="0"/>
    <x v="0"/>
    <s v="Xerox 1981"/>
    <n v="12.67"/>
    <n v="3"/>
    <n v="3.96"/>
  </r>
  <r>
    <d v="2017-08-27T00:00:00"/>
    <x v="7"/>
    <x v="3"/>
    <x v="624"/>
    <x v="2"/>
    <x v="2"/>
    <x v="9"/>
    <s v="Logitech Wireless Headset h800"/>
    <n v="1119.8900000000001"/>
    <n v="14"/>
    <n v="209.98"/>
  </r>
  <r>
    <d v="2017-08-27T00:00:00"/>
    <x v="7"/>
    <x v="3"/>
    <x v="582"/>
    <x v="12"/>
    <x v="1"/>
    <x v="8"/>
    <s v="Flat Face Poster Frame"/>
    <n v="120.58"/>
    <n v="8"/>
    <n v="33.159999999999997"/>
  </r>
  <r>
    <d v="2017-08-28T00:00:00"/>
    <x v="7"/>
    <x v="3"/>
    <x v="61"/>
    <x v="22"/>
    <x v="2"/>
    <x v="6"/>
    <s v="Anker 24W Portable Micro USB Car Charger"/>
    <n v="35.17"/>
    <n v="4"/>
    <n v="11.43"/>
  </r>
  <r>
    <d v="2017-08-28T00:00:00"/>
    <x v="7"/>
    <x v="3"/>
    <x v="61"/>
    <x v="22"/>
    <x v="1"/>
    <x v="13"/>
    <s v="Hon Practical Foundations 30 x 60 Training Table, Light Gray/Charcoal"/>
    <n v="1137.75"/>
    <n v="5"/>
    <n v="250.31"/>
  </r>
  <r>
    <d v="2017-08-28T00:00:00"/>
    <x v="7"/>
    <x v="3"/>
    <x v="61"/>
    <x v="22"/>
    <x v="0"/>
    <x v="3"/>
    <s v="GBC Standard Therm-A-Bind Covers"/>
    <n v="99.68"/>
    <n v="5"/>
    <n v="32.4"/>
  </r>
  <r>
    <d v="2017-08-28T00:00:00"/>
    <x v="7"/>
    <x v="3"/>
    <x v="61"/>
    <x v="22"/>
    <x v="0"/>
    <x v="4"/>
    <s v="Newell 344"/>
    <n v="5.56"/>
    <n v="2"/>
    <n v="1.45"/>
  </r>
  <r>
    <d v="2017-08-28T00:00:00"/>
    <x v="7"/>
    <x v="3"/>
    <x v="573"/>
    <x v="1"/>
    <x v="0"/>
    <x v="0"/>
    <s v="Xerox 4200 Series MultiUse Premium Copy Paper (20Lb. and 84 Bright)"/>
    <n v="25.34"/>
    <n v="6"/>
    <n v="7.92"/>
  </r>
  <r>
    <d v="2017-08-28T00:00:00"/>
    <x v="7"/>
    <x v="3"/>
    <x v="573"/>
    <x v="1"/>
    <x v="0"/>
    <x v="0"/>
    <s v="HP Office Paper (20Lb. and 87 Bright)"/>
    <n v="26.72"/>
    <n v="5"/>
    <n v="9.35"/>
  </r>
  <r>
    <d v="2017-08-28T00:00:00"/>
    <x v="7"/>
    <x v="3"/>
    <x v="342"/>
    <x v="21"/>
    <x v="0"/>
    <x v="14"/>
    <s v="Acme Stainless Steel Office Snips"/>
    <n v="21.81"/>
    <n v="3"/>
    <n v="5.89"/>
  </r>
  <r>
    <d v="2017-08-28T00:00:00"/>
    <x v="7"/>
    <x v="3"/>
    <x v="342"/>
    <x v="21"/>
    <x v="0"/>
    <x v="12"/>
    <s v="Acco 6 Outlet Guardian Premium Plus Surge Suppressor"/>
    <n v="91.6"/>
    <n v="5"/>
    <n v="26.56"/>
  </r>
  <r>
    <d v="2017-08-29T00:00:00"/>
    <x v="7"/>
    <x v="3"/>
    <x v="552"/>
    <x v="1"/>
    <x v="0"/>
    <x v="1"/>
    <s v="Avery 505"/>
    <n v="47.36"/>
    <n v="4"/>
    <n v="17.760000000000002"/>
  </r>
  <r>
    <d v="2017-08-29T00:00:00"/>
    <x v="7"/>
    <x v="3"/>
    <x v="552"/>
    <x v="1"/>
    <x v="0"/>
    <x v="2"/>
    <s v="Advantus Rolling Storage Box"/>
    <n v="27.44"/>
    <n v="2"/>
    <n v="2.4"/>
  </r>
  <r>
    <d v="2017-08-29T00:00:00"/>
    <x v="7"/>
    <x v="3"/>
    <x v="552"/>
    <x v="1"/>
    <x v="0"/>
    <x v="3"/>
    <s v="Wilson Jones Easy Flow II Sheet Lifters"/>
    <n v="3.24"/>
    <n v="9"/>
    <n v="-5.18"/>
  </r>
  <r>
    <d v="2017-08-29T00:00:00"/>
    <x v="7"/>
    <x v="3"/>
    <x v="548"/>
    <x v="2"/>
    <x v="0"/>
    <x v="4"/>
    <s v="Newell 323"/>
    <n v="9.41"/>
    <n v="7"/>
    <n v="0.71"/>
  </r>
  <r>
    <d v="2017-08-29T00:00:00"/>
    <x v="7"/>
    <x v="3"/>
    <x v="602"/>
    <x v="3"/>
    <x v="1"/>
    <x v="8"/>
    <s v="Electrix Fluorescent Magnifier Lamps &amp; Weighted Base"/>
    <n v="148.02000000000001"/>
    <n v="3"/>
    <n v="41.45"/>
  </r>
  <r>
    <d v="2017-08-31T00:00:00"/>
    <x v="7"/>
    <x v="3"/>
    <x v="467"/>
    <x v="12"/>
    <x v="0"/>
    <x v="2"/>
    <s v="Neat Ideas Personal Hanging Folder Files, Black"/>
    <n v="10.74"/>
    <n v="1"/>
    <n v="0.81"/>
  </r>
  <r>
    <d v="2017-08-31T00:00:00"/>
    <x v="7"/>
    <x v="3"/>
    <x v="467"/>
    <x v="12"/>
    <x v="0"/>
    <x v="7"/>
    <s v="OIC Bulk Pack Metal Binder Clips"/>
    <n v="8.3800000000000008"/>
    <n v="3"/>
    <n v="2.72"/>
  </r>
  <r>
    <d v="2017-08-31T00:00:00"/>
    <x v="7"/>
    <x v="3"/>
    <x v="556"/>
    <x v="25"/>
    <x v="0"/>
    <x v="0"/>
    <s v="Xerox 1945"/>
    <n v="229.54"/>
    <n v="7"/>
    <n v="83.21"/>
  </r>
  <r>
    <d v="2017-08-31T00:00:00"/>
    <x v="7"/>
    <x v="3"/>
    <x v="63"/>
    <x v="18"/>
    <x v="0"/>
    <x v="12"/>
    <s v="Tripp Lite Isotel 8 Ultra 8 Outlet Metal Surge"/>
    <n v="638.73"/>
    <n v="9"/>
    <n v="166.07"/>
  </r>
  <r>
    <d v="2017-08-31T00:00:00"/>
    <x v="7"/>
    <x v="3"/>
    <x v="299"/>
    <x v="3"/>
    <x v="0"/>
    <x v="3"/>
    <s v="Acco Suede Grain Vinyl Round Ring Binder"/>
    <n v="6.67"/>
    <n v="3"/>
    <n v="2.17"/>
  </r>
  <r>
    <d v="2017-08-31T00:00:00"/>
    <x v="7"/>
    <x v="3"/>
    <x v="299"/>
    <x v="3"/>
    <x v="2"/>
    <x v="6"/>
    <s v="Aastra 6757i CT Wireless VoIP phone"/>
    <n v="689.41"/>
    <n v="4"/>
    <n v="77.56"/>
  </r>
  <r>
    <d v="2017-08-31T00:00:00"/>
    <x v="7"/>
    <x v="3"/>
    <x v="497"/>
    <x v="8"/>
    <x v="2"/>
    <x v="9"/>
    <s v="Plantronics CS510 - Over-the-Head monaural Wireless Headset System"/>
    <n v="659.9"/>
    <n v="2"/>
    <n v="217.77"/>
  </r>
  <r>
    <d v="2017-08-31T00:00:00"/>
    <x v="7"/>
    <x v="3"/>
    <x v="620"/>
    <x v="22"/>
    <x v="1"/>
    <x v="5"/>
    <s v="Hon 4700 Series Mobuis Mid-Back Task Chairs with Adjustable Arms"/>
    <n v="569.57000000000005"/>
    <n v="2"/>
    <n v="7.12"/>
  </r>
  <r>
    <d v="2017-08-31T00:00:00"/>
    <x v="7"/>
    <x v="3"/>
    <x v="620"/>
    <x v="22"/>
    <x v="0"/>
    <x v="2"/>
    <s v="Sortfiler Multipurpose Personal File Organizer, Black"/>
    <n v="149.72999999999999"/>
    <n v="7"/>
    <n v="43.42"/>
  </r>
  <r>
    <d v="2017-08-31T00:00:00"/>
    <x v="7"/>
    <x v="3"/>
    <x v="588"/>
    <x v="11"/>
    <x v="0"/>
    <x v="14"/>
    <s v="Acme Kleen Earth Office Shears"/>
    <n v="6.21"/>
    <n v="2"/>
    <n v="0.7"/>
  </r>
  <r>
    <d v="2017-08-31T00:00:00"/>
    <x v="7"/>
    <x v="3"/>
    <x v="282"/>
    <x v="3"/>
    <x v="0"/>
    <x v="2"/>
    <s v="Space Solutions Commercial Steel Shelving"/>
    <n v="193.95"/>
    <n v="3"/>
    <n v="9.6999999999999993"/>
  </r>
  <r>
    <d v="2017-09-01T00:00:00"/>
    <x v="8"/>
    <x v="3"/>
    <x v="84"/>
    <x v="20"/>
    <x v="1"/>
    <x v="8"/>
    <s v="Seth Thomas 12&quot; Clock w/ Goldtone Case"/>
    <n v="114.9"/>
    <n v="5"/>
    <n v="39.07"/>
  </r>
  <r>
    <d v="2017-09-01T00:00:00"/>
    <x v="8"/>
    <x v="3"/>
    <x v="567"/>
    <x v="22"/>
    <x v="2"/>
    <x v="9"/>
    <s v="LogitechÂ LS21 Speaker System - PC Multimedia - 2.1-CH - Wired"/>
    <n v="19.989999999999998"/>
    <n v="1"/>
    <n v="6.8"/>
  </r>
  <r>
    <d v="2017-09-01T00:00:00"/>
    <x v="8"/>
    <x v="3"/>
    <x v="567"/>
    <x v="22"/>
    <x v="0"/>
    <x v="3"/>
    <s v="Avery Metallic Poly Binders"/>
    <n v="22.92"/>
    <n v="5"/>
    <n v="8.02"/>
  </r>
  <r>
    <d v="2017-09-01T00:00:00"/>
    <x v="8"/>
    <x v="3"/>
    <x v="79"/>
    <x v="22"/>
    <x v="0"/>
    <x v="4"/>
    <s v="Staples in misc. colors"/>
    <n v="7.58"/>
    <n v="1"/>
    <n v="2.96"/>
  </r>
  <r>
    <d v="2017-09-01T00:00:00"/>
    <x v="8"/>
    <x v="3"/>
    <x v="273"/>
    <x v="14"/>
    <x v="1"/>
    <x v="5"/>
    <s v="Harbour Creations 67200 Series Stacking Chairs"/>
    <n v="498.26"/>
    <n v="7"/>
    <n v="134.53"/>
  </r>
  <r>
    <d v="2017-09-01T00:00:00"/>
    <x v="8"/>
    <x v="3"/>
    <x v="602"/>
    <x v="22"/>
    <x v="0"/>
    <x v="12"/>
    <s v="Honeywell Quietcare HEPA Air Cleaner"/>
    <n v="314.60000000000002"/>
    <n v="4"/>
    <n v="103.82"/>
  </r>
  <r>
    <d v="2017-09-01T00:00:00"/>
    <x v="8"/>
    <x v="3"/>
    <x v="602"/>
    <x v="22"/>
    <x v="1"/>
    <x v="13"/>
    <s v="KI Conference Tables"/>
    <n v="283.56"/>
    <n v="4"/>
    <n v="45.37"/>
  </r>
  <r>
    <d v="2017-09-02T00:00:00"/>
    <x v="8"/>
    <x v="3"/>
    <x v="112"/>
    <x v="10"/>
    <x v="1"/>
    <x v="8"/>
    <s v="Eldon 200 Class Desk Accessories, Burgundy"/>
    <n v="15.07"/>
    <n v="3"/>
    <n v="4.1399999999999997"/>
  </r>
  <r>
    <d v="2017-09-02T00:00:00"/>
    <x v="8"/>
    <x v="3"/>
    <x v="734"/>
    <x v="14"/>
    <x v="2"/>
    <x v="6"/>
    <s v="Polycom CX600 IP Phone VoIP phone"/>
    <n v="1199.8"/>
    <n v="4"/>
    <n v="323.95"/>
  </r>
  <r>
    <d v="2017-09-02T00:00:00"/>
    <x v="8"/>
    <x v="3"/>
    <x v="734"/>
    <x v="14"/>
    <x v="2"/>
    <x v="9"/>
    <s v="MaxellÂ iVDR EX 500GB Cartridge"/>
    <n v="1928.78"/>
    <n v="7"/>
    <n v="829.38"/>
  </r>
  <r>
    <d v="2017-09-02T00:00:00"/>
    <x v="8"/>
    <x v="3"/>
    <x v="734"/>
    <x v="14"/>
    <x v="0"/>
    <x v="2"/>
    <s v="Fellowes High-Stak Drawer Files"/>
    <n v="352.38"/>
    <n v="2"/>
    <n v="81.05"/>
  </r>
  <r>
    <d v="2017-09-02T00:00:00"/>
    <x v="8"/>
    <x v="3"/>
    <x v="670"/>
    <x v="2"/>
    <x v="0"/>
    <x v="0"/>
    <s v="RSVP Cards &amp; Envelopes, Blank White, 8-1/2&quot; X 11&quot;, 24 Cards/25 Envelopes/Set"/>
    <n v="12.19"/>
    <n v="3"/>
    <n v="4.1100000000000003"/>
  </r>
  <r>
    <d v="2017-09-02T00:00:00"/>
    <x v="8"/>
    <x v="3"/>
    <x v="766"/>
    <x v="3"/>
    <x v="0"/>
    <x v="4"/>
    <s v="Pencil and Crayon Sharpener"/>
    <n v="6.57"/>
    <n v="3"/>
    <n v="1.77"/>
  </r>
  <r>
    <d v="2017-09-02T00:00:00"/>
    <x v="8"/>
    <x v="3"/>
    <x v="689"/>
    <x v="20"/>
    <x v="0"/>
    <x v="4"/>
    <s v="Newell 324"/>
    <n v="23.1"/>
    <n v="2"/>
    <n v="6.47"/>
  </r>
  <r>
    <d v="2017-09-02T00:00:00"/>
    <x v="8"/>
    <x v="3"/>
    <x v="689"/>
    <x v="20"/>
    <x v="1"/>
    <x v="8"/>
    <s v="DAX Cubicle Frames - 8x10"/>
    <n v="11.54"/>
    <n v="2"/>
    <n v="3.46"/>
  </r>
  <r>
    <d v="2017-09-02T00:00:00"/>
    <x v="8"/>
    <x v="3"/>
    <x v="689"/>
    <x v="20"/>
    <x v="1"/>
    <x v="13"/>
    <s v="Bush Advantage Collection Racetrack Conference Table"/>
    <n v="254.53"/>
    <n v="1"/>
    <n v="-93.33"/>
  </r>
  <r>
    <d v="2017-09-02T00:00:00"/>
    <x v="8"/>
    <x v="3"/>
    <x v="689"/>
    <x v="20"/>
    <x v="0"/>
    <x v="12"/>
    <s v="Fellowes Basic Home/Office Series Surge Protectors"/>
    <n v="12.98"/>
    <n v="1"/>
    <n v="3.76"/>
  </r>
  <r>
    <d v="2017-09-02T00:00:00"/>
    <x v="8"/>
    <x v="3"/>
    <x v="689"/>
    <x v="20"/>
    <x v="0"/>
    <x v="3"/>
    <s v="ACCOHIDE 3-Ring Binder, Blue, 1&quot;"/>
    <n v="26.43"/>
    <n v="8"/>
    <n v="8.92"/>
  </r>
  <r>
    <d v="2017-09-02T00:00:00"/>
    <x v="8"/>
    <x v="3"/>
    <x v="689"/>
    <x v="20"/>
    <x v="2"/>
    <x v="6"/>
    <s v="Cisco SPA508G"/>
    <n v="197.97"/>
    <n v="3"/>
    <n v="57.41"/>
  </r>
  <r>
    <d v="2017-09-02T00:00:00"/>
    <x v="8"/>
    <x v="3"/>
    <x v="689"/>
    <x v="20"/>
    <x v="0"/>
    <x v="1"/>
    <s v="Avery 518"/>
    <n v="18.899999999999999"/>
    <n v="6"/>
    <n v="9.07"/>
  </r>
  <r>
    <d v="2017-09-02T00:00:00"/>
    <x v="8"/>
    <x v="3"/>
    <x v="689"/>
    <x v="20"/>
    <x v="1"/>
    <x v="5"/>
    <s v="Global Commerce Series High-Back Swivel/Tilt Chairs"/>
    <n v="1282.4100000000001"/>
    <n v="5"/>
    <n v="213.74"/>
  </r>
  <r>
    <d v="2017-09-02T00:00:00"/>
    <x v="8"/>
    <x v="3"/>
    <x v="689"/>
    <x v="20"/>
    <x v="0"/>
    <x v="4"/>
    <s v="BIC Brite Liner Grip Highlighters"/>
    <n v="4.92"/>
    <n v="3"/>
    <n v="2.21"/>
  </r>
  <r>
    <d v="2017-09-02T00:00:00"/>
    <x v="8"/>
    <x v="3"/>
    <x v="689"/>
    <x v="20"/>
    <x v="2"/>
    <x v="9"/>
    <s v="WD My Passport Ultra 2TB Portable External Hard Drive"/>
    <n v="238"/>
    <n v="2"/>
    <n v="38.08"/>
  </r>
  <r>
    <d v="2017-09-02T00:00:00"/>
    <x v="8"/>
    <x v="3"/>
    <x v="689"/>
    <x v="20"/>
    <x v="2"/>
    <x v="9"/>
    <s v="Sony Micro Vault Click 16 GB USB 2.0 Flash Drive"/>
    <n v="167.97"/>
    <n v="3"/>
    <n v="40.31"/>
  </r>
  <r>
    <d v="2017-09-02T00:00:00"/>
    <x v="8"/>
    <x v="3"/>
    <x v="689"/>
    <x v="20"/>
    <x v="0"/>
    <x v="0"/>
    <s v="Xerox 1962"/>
    <n v="17.12"/>
    <n v="4"/>
    <n v="7.7"/>
  </r>
  <r>
    <d v="2017-09-02T00:00:00"/>
    <x v="8"/>
    <x v="3"/>
    <x v="630"/>
    <x v="3"/>
    <x v="0"/>
    <x v="4"/>
    <s v="OIC #2 Pencils, Medium Soft"/>
    <n v="9.4"/>
    <n v="5"/>
    <n v="2.73"/>
  </r>
  <r>
    <d v="2017-09-02T00:00:00"/>
    <x v="8"/>
    <x v="3"/>
    <x v="630"/>
    <x v="3"/>
    <x v="0"/>
    <x v="1"/>
    <s v="Avery 505"/>
    <n v="74"/>
    <n v="5"/>
    <n v="37"/>
  </r>
  <r>
    <d v="2017-09-02T00:00:00"/>
    <x v="8"/>
    <x v="3"/>
    <x v="630"/>
    <x v="3"/>
    <x v="2"/>
    <x v="6"/>
    <s v="Ooma Telo VoIP Home Phone System"/>
    <n v="201.58"/>
    <n v="2"/>
    <n v="12.6"/>
  </r>
  <r>
    <d v="2017-09-02T00:00:00"/>
    <x v="8"/>
    <x v="3"/>
    <x v="764"/>
    <x v="37"/>
    <x v="0"/>
    <x v="2"/>
    <s v="Crate-A-Files"/>
    <n v="10.9"/>
    <n v="1"/>
    <n v="2.83"/>
  </r>
  <r>
    <d v="2017-09-02T00:00:00"/>
    <x v="8"/>
    <x v="3"/>
    <x v="764"/>
    <x v="37"/>
    <x v="0"/>
    <x v="0"/>
    <s v="Xerox 191"/>
    <n v="79.92"/>
    <n v="4"/>
    <n v="37.56"/>
  </r>
  <r>
    <d v="2017-09-02T00:00:00"/>
    <x v="8"/>
    <x v="3"/>
    <x v="764"/>
    <x v="37"/>
    <x v="0"/>
    <x v="0"/>
    <s v="Xerox 1890"/>
    <n v="146.82"/>
    <n v="3"/>
    <n v="73.41"/>
  </r>
  <r>
    <d v="2017-09-02T00:00:00"/>
    <x v="8"/>
    <x v="3"/>
    <x v="65"/>
    <x v="1"/>
    <x v="0"/>
    <x v="7"/>
    <s v="Advantus Plastic Paper Clips"/>
    <n v="16"/>
    <n v="4"/>
    <n v="5.6"/>
  </r>
  <r>
    <d v="2017-09-02T00:00:00"/>
    <x v="8"/>
    <x v="3"/>
    <x v="65"/>
    <x v="1"/>
    <x v="0"/>
    <x v="12"/>
    <s v="Belkin 7-Outlet SurgeMaster Home Series"/>
    <n v="5.59"/>
    <n v="2"/>
    <n v="-15.09"/>
  </r>
  <r>
    <d v="2017-09-02T00:00:00"/>
    <x v="8"/>
    <x v="3"/>
    <x v="65"/>
    <x v="1"/>
    <x v="0"/>
    <x v="2"/>
    <s v="Belkin 19&quot; Center-Weighted Shelf, Gray"/>
    <n v="235.92"/>
    <n v="5"/>
    <n v="-44.24"/>
  </r>
  <r>
    <d v="2017-09-02T00:00:00"/>
    <x v="8"/>
    <x v="3"/>
    <x v="260"/>
    <x v="1"/>
    <x v="2"/>
    <x v="9"/>
    <s v="Kingston Digital DataTraveler 32GB USB 2.0"/>
    <n v="40.68"/>
    <n v="3"/>
    <n v="-7.12"/>
  </r>
  <r>
    <d v="2017-09-02T00:00:00"/>
    <x v="8"/>
    <x v="3"/>
    <x v="219"/>
    <x v="3"/>
    <x v="0"/>
    <x v="3"/>
    <s v="Acco Translucent Poly Ring Binders"/>
    <n v="18.72"/>
    <n v="5"/>
    <n v="6.55"/>
  </r>
  <r>
    <d v="2017-09-02T00:00:00"/>
    <x v="8"/>
    <x v="3"/>
    <x v="219"/>
    <x v="3"/>
    <x v="1"/>
    <x v="13"/>
    <s v="Hon 2111 Invitation Series Straight Table"/>
    <n v="236.53"/>
    <n v="2"/>
    <n v="-2.96"/>
  </r>
  <r>
    <d v="2017-09-02T00:00:00"/>
    <x v="8"/>
    <x v="3"/>
    <x v="720"/>
    <x v="22"/>
    <x v="1"/>
    <x v="5"/>
    <s v="Global Leather Task Chair, Black"/>
    <n v="215.98"/>
    <n v="3"/>
    <n v="-2.7"/>
  </r>
  <r>
    <d v="2017-09-02T00:00:00"/>
    <x v="8"/>
    <x v="3"/>
    <x v="545"/>
    <x v="5"/>
    <x v="0"/>
    <x v="3"/>
    <s v="GBC DocuBind 300 Electric Binding Machine"/>
    <n v="1577.94"/>
    <n v="3"/>
    <n v="757.41"/>
  </r>
  <r>
    <d v="2017-09-02T00:00:00"/>
    <x v="8"/>
    <x v="3"/>
    <x v="399"/>
    <x v="26"/>
    <x v="0"/>
    <x v="1"/>
    <s v="Avery 519"/>
    <n v="11.7"/>
    <n v="2"/>
    <n v="3.95"/>
  </r>
  <r>
    <d v="2017-09-02T00:00:00"/>
    <x v="8"/>
    <x v="3"/>
    <x v="167"/>
    <x v="3"/>
    <x v="0"/>
    <x v="12"/>
    <s v="Acco Six-Outlet Power Strip, 4' Cord Length"/>
    <n v="43.1"/>
    <n v="5"/>
    <n v="11.21"/>
  </r>
  <r>
    <d v="2017-09-02T00:00:00"/>
    <x v="8"/>
    <x v="3"/>
    <x v="167"/>
    <x v="3"/>
    <x v="1"/>
    <x v="8"/>
    <s v="Luxo Professional Combination Clamp-On Lamps"/>
    <n v="511.5"/>
    <n v="5"/>
    <n v="132.99"/>
  </r>
  <r>
    <d v="2017-09-02T00:00:00"/>
    <x v="8"/>
    <x v="3"/>
    <x v="167"/>
    <x v="3"/>
    <x v="0"/>
    <x v="3"/>
    <s v="GBC Velobind Prepunched Cover Sets, Regency Series"/>
    <n v="147.91999999999999"/>
    <n v="5"/>
    <n v="46.23"/>
  </r>
  <r>
    <d v="2017-09-03T00:00:00"/>
    <x v="8"/>
    <x v="3"/>
    <x v="287"/>
    <x v="1"/>
    <x v="0"/>
    <x v="3"/>
    <s v="Premier Elliptical Ring Binder, Black"/>
    <n v="42.62"/>
    <n v="7"/>
    <n v="-68.19"/>
  </r>
  <r>
    <d v="2017-09-03T00:00:00"/>
    <x v="8"/>
    <x v="3"/>
    <x v="358"/>
    <x v="16"/>
    <x v="0"/>
    <x v="10"/>
    <s v="#10- 4 1/8&quot; x 9 1/2&quot; Security-Tint Envelopes"/>
    <n v="24.45"/>
    <n v="4"/>
    <n v="8.86"/>
  </r>
  <r>
    <d v="2017-09-03T00:00:00"/>
    <x v="8"/>
    <x v="3"/>
    <x v="166"/>
    <x v="3"/>
    <x v="0"/>
    <x v="4"/>
    <s v="Premium Writing Pencils, Soft, #2 by Central Association for the Blind"/>
    <n v="5.96"/>
    <n v="2"/>
    <n v="1.67"/>
  </r>
  <r>
    <d v="2017-09-03T00:00:00"/>
    <x v="8"/>
    <x v="3"/>
    <x v="90"/>
    <x v="3"/>
    <x v="0"/>
    <x v="3"/>
    <s v="Square Ring Data Binders, Rigid 75 Pt. Covers, 11&quot; x 14-7/8&quot;"/>
    <n v="82.56"/>
    <n v="5"/>
    <n v="28.9"/>
  </r>
  <r>
    <d v="2017-09-03T00:00:00"/>
    <x v="8"/>
    <x v="3"/>
    <x v="90"/>
    <x v="3"/>
    <x v="2"/>
    <x v="9"/>
    <s v="Kensington Expert Mouse Optical USB Trackball for PC or Mac"/>
    <n v="284.97000000000003"/>
    <n v="3"/>
    <n v="85.49"/>
  </r>
  <r>
    <d v="2017-09-03T00:00:00"/>
    <x v="8"/>
    <x v="3"/>
    <x v="716"/>
    <x v="20"/>
    <x v="0"/>
    <x v="0"/>
    <s v="Xerox 189"/>
    <n v="419.4"/>
    <n v="4"/>
    <n v="201.31"/>
  </r>
  <r>
    <d v="2017-09-03T00:00:00"/>
    <x v="8"/>
    <x v="3"/>
    <x v="716"/>
    <x v="20"/>
    <x v="1"/>
    <x v="5"/>
    <s v="Office Star Flex Back Scooter Chair with Aluminum Finish Frame"/>
    <n v="90.8"/>
    <n v="1"/>
    <n v="14.12"/>
  </r>
  <r>
    <d v="2017-09-03T00:00:00"/>
    <x v="8"/>
    <x v="3"/>
    <x v="716"/>
    <x v="20"/>
    <x v="1"/>
    <x v="5"/>
    <s v="Global Low Back Tilter Chair"/>
    <n v="181.76"/>
    <n v="2"/>
    <n v="-8.08"/>
  </r>
  <r>
    <d v="2017-09-03T00:00:00"/>
    <x v="8"/>
    <x v="3"/>
    <x v="716"/>
    <x v="20"/>
    <x v="0"/>
    <x v="4"/>
    <s v="Prang Drawing Pencil Set"/>
    <n v="5.56"/>
    <n v="2"/>
    <n v="2.2200000000000002"/>
  </r>
  <r>
    <d v="2017-09-03T00:00:00"/>
    <x v="8"/>
    <x v="3"/>
    <x v="519"/>
    <x v="3"/>
    <x v="1"/>
    <x v="11"/>
    <s v="Bush Heritage Pine Collection 5-Shelf Bookcase, Albany Pine Finish, *Special Order"/>
    <n v="239.67"/>
    <n v="2"/>
    <n v="14.1"/>
  </r>
  <r>
    <d v="2017-09-03T00:00:00"/>
    <x v="8"/>
    <x v="3"/>
    <x v="316"/>
    <x v="0"/>
    <x v="1"/>
    <x v="8"/>
    <s v="Eldon Advantage Foldable Chair Mats for Low Pile Carpets"/>
    <n v="108.4"/>
    <n v="5"/>
    <n v="-105.69"/>
  </r>
  <r>
    <d v="2017-09-03T00:00:00"/>
    <x v="8"/>
    <x v="3"/>
    <x v="168"/>
    <x v="1"/>
    <x v="0"/>
    <x v="0"/>
    <s v="&quot;While you Were Out&quot; Message Book, One Form per Page"/>
    <n v="8.9"/>
    <n v="3"/>
    <n v="3.34"/>
  </r>
  <r>
    <d v="2017-09-03T00:00:00"/>
    <x v="8"/>
    <x v="3"/>
    <x v="168"/>
    <x v="1"/>
    <x v="2"/>
    <x v="9"/>
    <s v="Hypercom P1300 Pinpad"/>
    <n v="100.8"/>
    <n v="2"/>
    <n v="21.42"/>
  </r>
  <r>
    <d v="2017-09-04T00:00:00"/>
    <x v="8"/>
    <x v="3"/>
    <x v="628"/>
    <x v="0"/>
    <x v="0"/>
    <x v="4"/>
    <s v="Crayola Anti Dust Chalk, 12/Pack"/>
    <n v="10.19"/>
    <n v="7"/>
    <n v="3.19"/>
  </r>
  <r>
    <d v="2017-09-04T00:00:00"/>
    <x v="8"/>
    <x v="3"/>
    <x v="628"/>
    <x v="0"/>
    <x v="0"/>
    <x v="2"/>
    <s v="Acco Perma 3000 Stacking Storage Drawers"/>
    <n v="16.78"/>
    <n v="1"/>
    <n v="-0.21"/>
  </r>
  <r>
    <d v="2017-09-04T00:00:00"/>
    <x v="8"/>
    <x v="3"/>
    <x v="628"/>
    <x v="0"/>
    <x v="0"/>
    <x v="4"/>
    <s v="Sanford Colorific Eraseable Coloring Pencils, 12 Count"/>
    <n v="13.12"/>
    <n v="5"/>
    <n v="3.77"/>
  </r>
  <r>
    <d v="2017-09-04T00:00:00"/>
    <x v="8"/>
    <x v="3"/>
    <x v="69"/>
    <x v="20"/>
    <x v="2"/>
    <x v="9"/>
    <s v="Verbatim 25 GB 6x Blu-ray Single Layer Recordable Disc, 25/Pack"/>
    <n v="91.96"/>
    <n v="4"/>
    <n v="39.54"/>
  </r>
  <r>
    <d v="2017-09-04T00:00:00"/>
    <x v="8"/>
    <x v="3"/>
    <x v="129"/>
    <x v="3"/>
    <x v="1"/>
    <x v="13"/>
    <s v="Chromcraft Bull-Nose Wood Oval Conference Tables &amp; Bases"/>
    <n v="1322.35"/>
    <n v="3"/>
    <n v="-99.18"/>
  </r>
  <r>
    <d v="2017-09-04T00:00:00"/>
    <x v="8"/>
    <x v="3"/>
    <x v="716"/>
    <x v="3"/>
    <x v="0"/>
    <x v="0"/>
    <s v="Xerox 220"/>
    <n v="12.96"/>
    <n v="2"/>
    <n v="6.22"/>
  </r>
  <r>
    <d v="2017-09-04T00:00:00"/>
    <x v="8"/>
    <x v="3"/>
    <x v="716"/>
    <x v="3"/>
    <x v="2"/>
    <x v="6"/>
    <s v="invisibleSHIELD by ZAGG Smudge-Free Screen Protector"/>
    <n v="43.18"/>
    <n v="3"/>
    <n v="15.11"/>
  </r>
  <r>
    <d v="2017-09-04T00:00:00"/>
    <x v="8"/>
    <x v="3"/>
    <x v="698"/>
    <x v="1"/>
    <x v="1"/>
    <x v="11"/>
    <s v="Bush Birmingham Collection Bookcase, Dark Cherry"/>
    <n v="825.17"/>
    <n v="9"/>
    <n v="-117.88"/>
  </r>
  <r>
    <d v="2017-09-04T00:00:00"/>
    <x v="8"/>
    <x v="3"/>
    <x v="698"/>
    <x v="1"/>
    <x v="0"/>
    <x v="0"/>
    <s v="It's Hot Message Books with Stickers, 2 3/4&quot; x 5&quot;"/>
    <n v="17.760000000000002"/>
    <n v="3"/>
    <n v="5.55"/>
  </r>
  <r>
    <d v="2017-09-04T00:00:00"/>
    <x v="8"/>
    <x v="3"/>
    <x v="698"/>
    <x v="1"/>
    <x v="0"/>
    <x v="4"/>
    <s v="Sanford Colorific Colored Pencils, 12/Box"/>
    <n v="6.91"/>
    <n v="3"/>
    <n v="0.86"/>
  </r>
  <r>
    <d v="2017-09-04T00:00:00"/>
    <x v="8"/>
    <x v="3"/>
    <x v="496"/>
    <x v="10"/>
    <x v="0"/>
    <x v="4"/>
    <s v="DIXON Oriole Pencils"/>
    <n v="8.26"/>
    <n v="4"/>
    <n v="0.62"/>
  </r>
  <r>
    <d v="2017-09-04T00:00:00"/>
    <x v="8"/>
    <x v="3"/>
    <x v="496"/>
    <x v="10"/>
    <x v="0"/>
    <x v="3"/>
    <s v="GBC Recycled VeloBinder Covers"/>
    <n v="25.56"/>
    <n v="5"/>
    <n v="-20.45"/>
  </r>
  <r>
    <d v="2017-09-04T00:00:00"/>
    <x v="8"/>
    <x v="3"/>
    <x v="496"/>
    <x v="10"/>
    <x v="0"/>
    <x v="3"/>
    <s v="Wilson Jones Active Use Binders"/>
    <n v="4.37"/>
    <n v="2"/>
    <n v="-3.06"/>
  </r>
  <r>
    <d v="2017-09-04T00:00:00"/>
    <x v="8"/>
    <x v="3"/>
    <x v="496"/>
    <x v="10"/>
    <x v="0"/>
    <x v="0"/>
    <s v="Telephone Message Books with Fax/Mobile Section, 4 1/4&quot; x 6&quot;"/>
    <n v="11.52"/>
    <n v="4"/>
    <n v="3.74"/>
  </r>
  <r>
    <d v="2017-09-04T00:00:00"/>
    <x v="8"/>
    <x v="3"/>
    <x v="565"/>
    <x v="3"/>
    <x v="0"/>
    <x v="3"/>
    <s v="Ibico Hi-Tech Manual Binding System"/>
    <n v="487.98"/>
    <n v="2"/>
    <n v="152.5"/>
  </r>
  <r>
    <d v="2017-09-04T00:00:00"/>
    <x v="8"/>
    <x v="3"/>
    <x v="565"/>
    <x v="3"/>
    <x v="2"/>
    <x v="6"/>
    <s v="QVS USB Car Charger 2-Port 2.1Amp for iPod/iPhone/iPad/iPad 2/iPad 3"/>
    <n v="5.56"/>
    <n v="1"/>
    <n v="1.74"/>
  </r>
  <r>
    <d v="2017-09-04T00:00:00"/>
    <x v="8"/>
    <x v="3"/>
    <x v="565"/>
    <x v="3"/>
    <x v="0"/>
    <x v="2"/>
    <s v="Trav-L-File Heavy-Duty Shuttle II, Black"/>
    <n v="217.85"/>
    <n v="5"/>
    <n v="65.36"/>
  </r>
  <r>
    <d v="2017-09-04T00:00:00"/>
    <x v="8"/>
    <x v="3"/>
    <x v="13"/>
    <x v="2"/>
    <x v="2"/>
    <x v="9"/>
    <s v="Kingston Digital DataTraveler 8GB USB 2.0"/>
    <n v="19.04"/>
    <n v="4"/>
    <n v="-1.43"/>
  </r>
  <r>
    <d v="2017-09-04T00:00:00"/>
    <x v="8"/>
    <x v="3"/>
    <x v="495"/>
    <x v="3"/>
    <x v="0"/>
    <x v="2"/>
    <s v="Rogers Jumbo File, Granite"/>
    <n v="54.32"/>
    <n v="4"/>
    <n v="0.54"/>
  </r>
  <r>
    <d v="2017-09-04T00:00:00"/>
    <x v="8"/>
    <x v="3"/>
    <x v="500"/>
    <x v="3"/>
    <x v="0"/>
    <x v="3"/>
    <s v="Acco Suede Grain Vinyl Round Ring Binder"/>
    <n v="13.34"/>
    <n v="6"/>
    <n v="4.34"/>
  </r>
  <r>
    <d v="2017-09-04T00:00:00"/>
    <x v="8"/>
    <x v="3"/>
    <x v="500"/>
    <x v="3"/>
    <x v="1"/>
    <x v="13"/>
    <s v="Bush Cubix Conference Tables, Fully Assembled"/>
    <n v="1478.27"/>
    <n v="8"/>
    <n v="92.39"/>
  </r>
  <r>
    <d v="2017-09-04T00:00:00"/>
    <x v="8"/>
    <x v="3"/>
    <x v="98"/>
    <x v="38"/>
    <x v="0"/>
    <x v="7"/>
    <s v="Staples"/>
    <n v="14.82"/>
    <n v="6"/>
    <n v="6.97"/>
  </r>
  <r>
    <d v="2017-09-04T00:00:00"/>
    <x v="8"/>
    <x v="3"/>
    <x v="67"/>
    <x v="3"/>
    <x v="0"/>
    <x v="2"/>
    <s v="24 Capacity Maxi Data Binder Racks, Pearl"/>
    <n v="421.1"/>
    <n v="2"/>
    <n v="105.28"/>
  </r>
  <r>
    <d v="2017-09-04T00:00:00"/>
    <x v="8"/>
    <x v="3"/>
    <x v="712"/>
    <x v="16"/>
    <x v="1"/>
    <x v="5"/>
    <s v="Global Value Steno Chair, Gray"/>
    <n v="97.18"/>
    <n v="2"/>
    <n v="6.07"/>
  </r>
  <r>
    <d v="2017-09-04T00:00:00"/>
    <x v="8"/>
    <x v="3"/>
    <x v="712"/>
    <x v="16"/>
    <x v="0"/>
    <x v="0"/>
    <s v="Xerox 213"/>
    <n v="10.37"/>
    <n v="2"/>
    <n v="3.63"/>
  </r>
  <r>
    <d v="2017-09-04T00:00:00"/>
    <x v="8"/>
    <x v="3"/>
    <x v="488"/>
    <x v="0"/>
    <x v="0"/>
    <x v="4"/>
    <s v="Hunt PowerHouse Electric Pencil Sharpener, Blue"/>
    <n v="30.38"/>
    <n v="1"/>
    <n v="3.8"/>
  </r>
  <r>
    <d v="2017-09-04T00:00:00"/>
    <x v="8"/>
    <x v="3"/>
    <x v="755"/>
    <x v="3"/>
    <x v="0"/>
    <x v="3"/>
    <s v="Pressboard Hanging Data Binders for Unburst Sheets"/>
    <n v="11.81"/>
    <n v="3"/>
    <n v="4.13"/>
  </r>
  <r>
    <d v="2017-09-04T00:00:00"/>
    <x v="8"/>
    <x v="3"/>
    <x v="322"/>
    <x v="11"/>
    <x v="0"/>
    <x v="3"/>
    <s v="Avery Trapezoid Extra Heavy Duty 4&quot; Binders"/>
    <n v="88.07"/>
    <n v="7"/>
    <n v="-58.72"/>
  </r>
  <r>
    <d v="2017-09-05T00:00:00"/>
    <x v="8"/>
    <x v="3"/>
    <x v="431"/>
    <x v="22"/>
    <x v="0"/>
    <x v="4"/>
    <s v="Newell 333"/>
    <n v="2.78"/>
    <n v="1"/>
    <n v="0.72"/>
  </r>
  <r>
    <d v="2017-09-05T00:00:00"/>
    <x v="8"/>
    <x v="3"/>
    <x v="53"/>
    <x v="16"/>
    <x v="0"/>
    <x v="2"/>
    <s v="Gould Plastics 18-Pocket Panel Bin, 34w x 5-1/4d x 20-1/2h"/>
    <n v="147.18"/>
    <n v="2"/>
    <n v="-29.44"/>
  </r>
  <r>
    <d v="2017-09-05T00:00:00"/>
    <x v="8"/>
    <x v="3"/>
    <x v="760"/>
    <x v="15"/>
    <x v="2"/>
    <x v="9"/>
    <s v="MaxellÂ LTO Ultrium - 800 GB"/>
    <n v="89.57"/>
    <n v="4"/>
    <n v="-1.1200000000000001"/>
  </r>
  <r>
    <d v="2017-09-05T00:00:00"/>
    <x v="8"/>
    <x v="3"/>
    <x v="760"/>
    <x v="15"/>
    <x v="0"/>
    <x v="4"/>
    <s v="Model L Table or Wall-Mount Pencil Sharpener"/>
    <n v="71.959999999999994"/>
    <n v="5"/>
    <n v="7.2"/>
  </r>
  <r>
    <d v="2017-09-05T00:00:00"/>
    <x v="8"/>
    <x v="3"/>
    <x v="760"/>
    <x v="15"/>
    <x v="0"/>
    <x v="0"/>
    <s v="Xerox 220"/>
    <n v="15.55"/>
    <n v="3"/>
    <n v="5.44"/>
  </r>
  <r>
    <d v="2017-09-07T00:00:00"/>
    <x v="8"/>
    <x v="3"/>
    <x v="29"/>
    <x v="3"/>
    <x v="1"/>
    <x v="8"/>
    <s v="Tenex Chairmats For Use With Carpeted Floors"/>
    <n v="47.94"/>
    <n v="3"/>
    <n v="2.4"/>
  </r>
  <r>
    <d v="2017-09-07T00:00:00"/>
    <x v="8"/>
    <x v="3"/>
    <x v="131"/>
    <x v="11"/>
    <x v="0"/>
    <x v="2"/>
    <s v="Hanging Personal Folder File"/>
    <n v="37.68"/>
    <n v="3"/>
    <n v="2.36"/>
  </r>
  <r>
    <d v="2017-09-07T00:00:00"/>
    <x v="8"/>
    <x v="3"/>
    <x v="131"/>
    <x v="11"/>
    <x v="2"/>
    <x v="9"/>
    <s v="Logitech Wireless Marathon Mouse M705"/>
    <n v="279.94"/>
    <n v="7"/>
    <n v="80.48"/>
  </r>
  <r>
    <d v="2017-09-07T00:00:00"/>
    <x v="8"/>
    <x v="3"/>
    <x v="386"/>
    <x v="20"/>
    <x v="0"/>
    <x v="2"/>
    <s v="Advantus 10-Drawer Portable Organizer, Chrome Metal Frame, Smoke Drawers"/>
    <n v="478.08"/>
    <n v="8"/>
    <n v="133.86000000000001"/>
  </r>
  <r>
    <d v="2017-09-07T00:00:00"/>
    <x v="8"/>
    <x v="3"/>
    <x v="155"/>
    <x v="1"/>
    <x v="0"/>
    <x v="0"/>
    <s v="Easy-staple paper"/>
    <n v="73.010000000000005"/>
    <n v="9"/>
    <n v="26.47"/>
  </r>
  <r>
    <d v="2017-09-07T00:00:00"/>
    <x v="8"/>
    <x v="3"/>
    <x v="629"/>
    <x v="24"/>
    <x v="0"/>
    <x v="3"/>
    <s v="GBC DocuBind 300 Electric Binding Machine"/>
    <n v="1577.94"/>
    <n v="3"/>
    <n v="757.41"/>
  </r>
  <r>
    <d v="2017-09-07T00:00:00"/>
    <x v="8"/>
    <x v="3"/>
    <x v="222"/>
    <x v="12"/>
    <x v="0"/>
    <x v="3"/>
    <s v="Wilson Jones Leather-Like Binders with DublLock Round Rings"/>
    <n v="7.86"/>
    <n v="3"/>
    <n v="-6.02"/>
  </r>
  <r>
    <d v="2017-09-07T00:00:00"/>
    <x v="8"/>
    <x v="3"/>
    <x v="92"/>
    <x v="2"/>
    <x v="0"/>
    <x v="1"/>
    <s v="Avery 519"/>
    <n v="29.24"/>
    <n v="5"/>
    <n v="9.8699999999999992"/>
  </r>
  <r>
    <d v="2017-09-07T00:00:00"/>
    <x v="8"/>
    <x v="3"/>
    <x v="92"/>
    <x v="2"/>
    <x v="0"/>
    <x v="0"/>
    <s v="Eureka Recycled Copy Paper 8 1/2&quot; x 11&quot;, Ream"/>
    <n v="15.55"/>
    <n v="3"/>
    <n v="5.44"/>
  </r>
  <r>
    <d v="2017-09-07T00:00:00"/>
    <x v="8"/>
    <x v="3"/>
    <x v="92"/>
    <x v="2"/>
    <x v="0"/>
    <x v="10"/>
    <s v="Poly String Tie Envelopes"/>
    <n v="4.9000000000000004"/>
    <n v="3"/>
    <n v="1.65"/>
  </r>
  <r>
    <d v="2017-09-07T00:00:00"/>
    <x v="8"/>
    <x v="3"/>
    <x v="643"/>
    <x v="21"/>
    <x v="2"/>
    <x v="9"/>
    <s v="Rosewill 107 Normal Keys USB Wired Standard Keyboard"/>
    <n v="13.48"/>
    <n v="1"/>
    <n v="1.89"/>
  </r>
  <r>
    <d v="2017-09-07T00:00:00"/>
    <x v="8"/>
    <x v="3"/>
    <x v="176"/>
    <x v="27"/>
    <x v="1"/>
    <x v="8"/>
    <s v="DAX Copper Panel Document Frame, 5 x 7 Size"/>
    <n v="25.16"/>
    <n v="2"/>
    <n v="10.57"/>
  </r>
  <r>
    <d v="2017-09-07T00:00:00"/>
    <x v="8"/>
    <x v="3"/>
    <x v="176"/>
    <x v="27"/>
    <x v="2"/>
    <x v="6"/>
    <s v="Motorla HX550 Universal Bluetooth Headset"/>
    <n v="126.56"/>
    <n v="4"/>
    <n v="47.46"/>
  </r>
  <r>
    <d v="2017-09-07T00:00:00"/>
    <x v="8"/>
    <x v="3"/>
    <x v="156"/>
    <x v="3"/>
    <x v="1"/>
    <x v="8"/>
    <s v="C-Line Magnetic Cubicle Keepers, Clear Polypropylene"/>
    <n v="19.760000000000002"/>
    <n v="4"/>
    <n v="8.3000000000000007"/>
  </r>
  <r>
    <d v="2017-09-07T00:00:00"/>
    <x v="8"/>
    <x v="3"/>
    <x v="120"/>
    <x v="24"/>
    <x v="2"/>
    <x v="9"/>
    <s v="Maxell 4.7GB DVD-R"/>
    <n v="113.52"/>
    <n v="4"/>
    <n v="46.54"/>
  </r>
  <r>
    <d v="2017-09-07T00:00:00"/>
    <x v="8"/>
    <x v="3"/>
    <x v="120"/>
    <x v="24"/>
    <x v="1"/>
    <x v="8"/>
    <s v="DataProducts Ampli Magnifier Task Lamp, Black,"/>
    <n v="135.30000000000001"/>
    <n v="5"/>
    <n v="37.880000000000003"/>
  </r>
  <r>
    <d v="2017-09-07T00:00:00"/>
    <x v="8"/>
    <x v="3"/>
    <x v="409"/>
    <x v="3"/>
    <x v="1"/>
    <x v="5"/>
    <s v="Global Low Back Tilter Chair"/>
    <n v="161.57"/>
    <n v="2"/>
    <n v="-28.27"/>
  </r>
  <r>
    <d v="2017-09-07T00:00:00"/>
    <x v="8"/>
    <x v="3"/>
    <x v="441"/>
    <x v="15"/>
    <x v="0"/>
    <x v="12"/>
    <s v="Eureka The Boss Cordless Rechargeable Stick Vac"/>
    <n v="81.569999999999993"/>
    <n v="2"/>
    <n v="7.14"/>
  </r>
  <r>
    <d v="2017-09-07T00:00:00"/>
    <x v="8"/>
    <x v="3"/>
    <x v="766"/>
    <x v="22"/>
    <x v="1"/>
    <x v="8"/>
    <s v="DAX Two-Tone Silver Metal Document Frame"/>
    <n v="80.959999999999994"/>
    <n v="4"/>
    <n v="34.81"/>
  </r>
  <r>
    <d v="2017-09-07T00:00:00"/>
    <x v="8"/>
    <x v="3"/>
    <x v="766"/>
    <x v="22"/>
    <x v="2"/>
    <x v="6"/>
    <s v="Konftel 250 ConferenceÂ phoneÂ - Charcoal black"/>
    <n v="455.71"/>
    <n v="2"/>
    <n v="34.18"/>
  </r>
  <r>
    <d v="2017-09-07T00:00:00"/>
    <x v="8"/>
    <x v="3"/>
    <x v="766"/>
    <x v="22"/>
    <x v="0"/>
    <x v="4"/>
    <s v="Boston 1799 Powerhouse Electric Pencil Sharpener"/>
    <n v="25.98"/>
    <n v="1"/>
    <n v="7.27"/>
  </r>
  <r>
    <d v="2017-09-07T00:00:00"/>
    <x v="8"/>
    <x v="3"/>
    <x v="158"/>
    <x v="43"/>
    <x v="0"/>
    <x v="0"/>
    <s v="Avoid Verbal Orders Carbonless Minifold Book"/>
    <n v="16.899999999999999"/>
    <n v="5"/>
    <n v="7.77"/>
  </r>
  <r>
    <d v="2017-09-07T00:00:00"/>
    <x v="8"/>
    <x v="3"/>
    <x v="158"/>
    <x v="43"/>
    <x v="0"/>
    <x v="0"/>
    <s v="Xerox 191"/>
    <n v="39.96"/>
    <n v="2"/>
    <n v="18.78"/>
  </r>
  <r>
    <d v="2017-09-08T00:00:00"/>
    <x v="8"/>
    <x v="3"/>
    <x v="147"/>
    <x v="1"/>
    <x v="1"/>
    <x v="13"/>
    <s v="BoxOffice By Design Rectangular and Half-Moon Meeting Room Tables"/>
    <n v="765.63"/>
    <n v="7"/>
    <n v="-566.55999999999995"/>
  </r>
  <r>
    <d v="2017-09-08T00:00:00"/>
    <x v="8"/>
    <x v="3"/>
    <x v="632"/>
    <x v="2"/>
    <x v="2"/>
    <x v="6"/>
    <s v="Aastra 6757i CT Wireless VoIP phone"/>
    <n v="258.52999999999997"/>
    <n v="2"/>
    <n v="-47.4"/>
  </r>
  <r>
    <d v="2017-09-08T00:00:00"/>
    <x v="8"/>
    <x v="3"/>
    <x v="159"/>
    <x v="10"/>
    <x v="2"/>
    <x v="9"/>
    <s v="ImationÂ SwivelÂ Flash DriveÂ USBÂ flash driveÂ - 8 GB"/>
    <n v="9.1"/>
    <n v="1"/>
    <n v="1.71"/>
  </r>
  <r>
    <d v="2017-09-08T00:00:00"/>
    <x v="8"/>
    <x v="3"/>
    <x v="138"/>
    <x v="10"/>
    <x v="2"/>
    <x v="9"/>
    <s v="Memorex Micro Travel Drive 32 GB"/>
    <n v="116.83"/>
    <n v="4"/>
    <n v="33.590000000000003"/>
  </r>
  <r>
    <d v="2017-09-08T00:00:00"/>
    <x v="8"/>
    <x v="3"/>
    <x v="592"/>
    <x v="0"/>
    <x v="2"/>
    <x v="9"/>
    <s v="Memorex Froggy Flash Drive 8 GB"/>
    <n v="85.2"/>
    <n v="6"/>
    <n v="20.239999999999998"/>
  </r>
  <r>
    <d v="2017-09-08T00:00:00"/>
    <x v="8"/>
    <x v="3"/>
    <x v="45"/>
    <x v="0"/>
    <x v="0"/>
    <x v="3"/>
    <s v="Premier Elliptical Ring Binder, Black"/>
    <n v="42.62"/>
    <n v="7"/>
    <n v="-68.19"/>
  </r>
  <r>
    <d v="2017-09-08T00:00:00"/>
    <x v="8"/>
    <x v="3"/>
    <x v="45"/>
    <x v="0"/>
    <x v="2"/>
    <x v="16"/>
    <s v="Canon PC-428 Personal Copier"/>
    <n v="319.98"/>
    <n v="2"/>
    <n v="107.99"/>
  </r>
  <r>
    <d v="2017-09-08T00:00:00"/>
    <x v="8"/>
    <x v="3"/>
    <x v="45"/>
    <x v="0"/>
    <x v="0"/>
    <x v="7"/>
    <s v="Vinyl Coated Wire Paper Clips in Organizer Box, 800/Box"/>
    <n v="45.92"/>
    <n v="5"/>
    <n v="15.5"/>
  </r>
  <r>
    <d v="2017-09-08T00:00:00"/>
    <x v="8"/>
    <x v="3"/>
    <x v="45"/>
    <x v="0"/>
    <x v="1"/>
    <x v="8"/>
    <s v="DAX Black Cherry Wood-Tone Poster Frame"/>
    <n v="21.18"/>
    <n v="2"/>
    <n v="-11.65"/>
  </r>
  <r>
    <d v="2017-09-08T00:00:00"/>
    <x v="8"/>
    <x v="3"/>
    <x v="45"/>
    <x v="0"/>
    <x v="0"/>
    <x v="0"/>
    <s v="Xerox 205"/>
    <n v="20.74"/>
    <n v="4"/>
    <n v="7.26"/>
  </r>
  <r>
    <d v="2017-09-08T00:00:00"/>
    <x v="8"/>
    <x v="3"/>
    <x v="45"/>
    <x v="0"/>
    <x v="1"/>
    <x v="5"/>
    <s v="Global Armless Task Chair, Royal Blue"/>
    <n v="213.43"/>
    <n v="5"/>
    <n v="-39.64"/>
  </r>
  <r>
    <d v="2017-09-08T00:00:00"/>
    <x v="8"/>
    <x v="3"/>
    <x v="658"/>
    <x v="16"/>
    <x v="0"/>
    <x v="2"/>
    <s v="Decoflex Hanging Personal Folder File, Blue"/>
    <n v="61.68"/>
    <n v="5"/>
    <n v="5.4"/>
  </r>
  <r>
    <d v="2017-09-08T00:00:00"/>
    <x v="8"/>
    <x v="3"/>
    <x v="658"/>
    <x v="16"/>
    <x v="2"/>
    <x v="6"/>
    <s v="Samsung Rugby III"/>
    <n v="158.38"/>
    <n v="3"/>
    <n v="13.86"/>
  </r>
  <r>
    <d v="2017-09-08T00:00:00"/>
    <x v="8"/>
    <x v="3"/>
    <x v="673"/>
    <x v="20"/>
    <x v="0"/>
    <x v="2"/>
    <s v="Adjustable Personal File Tote"/>
    <n v="65.12"/>
    <n v="4"/>
    <n v="16.93"/>
  </r>
  <r>
    <d v="2017-09-09T00:00:00"/>
    <x v="8"/>
    <x v="3"/>
    <x v="386"/>
    <x v="2"/>
    <x v="1"/>
    <x v="5"/>
    <s v="Global Low Back Tilter Chair"/>
    <n v="141.37"/>
    <n v="2"/>
    <n v="-48.47"/>
  </r>
  <r>
    <d v="2017-09-09T00:00:00"/>
    <x v="8"/>
    <x v="3"/>
    <x v="386"/>
    <x v="2"/>
    <x v="0"/>
    <x v="3"/>
    <s v="Wilson Jones Standard D-Ring Binders"/>
    <n v="3.04"/>
    <n v="2"/>
    <n v="-2.33"/>
  </r>
  <r>
    <d v="2017-09-09T00:00:00"/>
    <x v="8"/>
    <x v="3"/>
    <x v="386"/>
    <x v="2"/>
    <x v="0"/>
    <x v="3"/>
    <s v="GBC Prepunched Paper, 19-Hole, for Binding Systems, 24-lb"/>
    <n v="4.5"/>
    <n v="1"/>
    <n v="-3.6"/>
  </r>
  <r>
    <d v="2017-09-09T00:00:00"/>
    <x v="8"/>
    <x v="3"/>
    <x v="386"/>
    <x v="2"/>
    <x v="0"/>
    <x v="4"/>
    <s v="Quartet Omega Colored Chalk, 12/Pack"/>
    <n v="4.67"/>
    <n v="1"/>
    <n v="1.58"/>
  </r>
  <r>
    <d v="2017-09-09T00:00:00"/>
    <x v="8"/>
    <x v="3"/>
    <x v="386"/>
    <x v="2"/>
    <x v="2"/>
    <x v="9"/>
    <s v="Microsoft Sculpt Comfort Mouse"/>
    <n v="95.88"/>
    <n v="3"/>
    <n v="28.76"/>
  </r>
  <r>
    <d v="2017-09-09T00:00:00"/>
    <x v="8"/>
    <x v="3"/>
    <x v="386"/>
    <x v="2"/>
    <x v="1"/>
    <x v="8"/>
    <s v="Eldon Expressions Punched Metal &amp; Wood Desk Accessories, Pewter &amp; Cherry"/>
    <n v="17.02"/>
    <n v="2"/>
    <n v="1.7"/>
  </r>
  <r>
    <d v="2017-09-09T00:00:00"/>
    <x v="8"/>
    <x v="3"/>
    <x v="386"/>
    <x v="2"/>
    <x v="2"/>
    <x v="9"/>
    <s v="Plantronics S12 Corded Telephone Headset System"/>
    <n v="258.7"/>
    <n v="3"/>
    <n v="64.67"/>
  </r>
  <r>
    <d v="2017-09-09T00:00:00"/>
    <x v="8"/>
    <x v="3"/>
    <x v="386"/>
    <x v="2"/>
    <x v="2"/>
    <x v="6"/>
    <s v="Samsung Galaxy Note 2"/>
    <n v="1931.96"/>
    <n v="7"/>
    <n v="-386.39"/>
  </r>
  <r>
    <d v="2017-09-09T00:00:00"/>
    <x v="8"/>
    <x v="3"/>
    <x v="191"/>
    <x v="9"/>
    <x v="0"/>
    <x v="2"/>
    <s v="Fellowes Officeware Wire Shelving"/>
    <n v="628.80999999999995"/>
    <n v="7"/>
    <n v="12.58"/>
  </r>
  <r>
    <d v="2017-09-09T00:00:00"/>
    <x v="8"/>
    <x v="3"/>
    <x v="191"/>
    <x v="9"/>
    <x v="0"/>
    <x v="2"/>
    <s v="X-Rack File for Hanging Folders"/>
    <n v="56.45"/>
    <n v="5"/>
    <n v="14.68"/>
  </r>
  <r>
    <d v="2017-09-09T00:00:00"/>
    <x v="8"/>
    <x v="3"/>
    <x v="703"/>
    <x v="15"/>
    <x v="0"/>
    <x v="14"/>
    <s v="Staple remover"/>
    <n v="8.83"/>
    <n v="3"/>
    <n v="-1.99"/>
  </r>
  <r>
    <d v="2017-09-09T00:00:00"/>
    <x v="8"/>
    <x v="3"/>
    <x v="703"/>
    <x v="15"/>
    <x v="0"/>
    <x v="0"/>
    <s v="Xerox 1888"/>
    <n v="177.54"/>
    <n v="4"/>
    <n v="62.14"/>
  </r>
  <r>
    <d v="2017-09-09T00:00:00"/>
    <x v="8"/>
    <x v="3"/>
    <x v="703"/>
    <x v="15"/>
    <x v="0"/>
    <x v="2"/>
    <s v="Fellowes Super Stor/Drawer Files"/>
    <n v="258.48"/>
    <n v="2"/>
    <n v="-3.23"/>
  </r>
  <r>
    <d v="2017-09-09T00:00:00"/>
    <x v="8"/>
    <x v="3"/>
    <x v="703"/>
    <x v="15"/>
    <x v="1"/>
    <x v="8"/>
    <s v="Eldon Wave Desk Accessories"/>
    <n v="14.14"/>
    <n v="3"/>
    <n v="4.24"/>
  </r>
  <r>
    <d v="2017-09-09T00:00:00"/>
    <x v="8"/>
    <x v="3"/>
    <x v="733"/>
    <x v="14"/>
    <x v="0"/>
    <x v="10"/>
    <s v="#10- 4 1/8&quot; x 9 1/2&quot; Recycled Envelopes"/>
    <n v="17.48"/>
    <n v="2"/>
    <n v="8.2200000000000006"/>
  </r>
  <r>
    <d v="2017-09-09T00:00:00"/>
    <x v="8"/>
    <x v="3"/>
    <x v="170"/>
    <x v="12"/>
    <x v="0"/>
    <x v="0"/>
    <s v="Unpadded Memo Slips"/>
    <n v="6.37"/>
    <n v="2"/>
    <n v="2.39"/>
  </r>
  <r>
    <d v="2017-09-09T00:00:00"/>
    <x v="8"/>
    <x v="3"/>
    <x v="31"/>
    <x v="3"/>
    <x v="0"/>
    <x v="4"/>
    <s v="Newell 35"/>
    <n v="6.56"/>
    <n v="2"/>
    <n v="1.9"/>
  </r>
  <r>
    <d v="2017-09-09T00:00:00"/>
    <x v="8"/>
    <x v="3"/>
    <x v="31"/>
    <x v="3"/>
    <x v="1"/>
    <x v="5"/>
    <s v="Novimex Fabric Task Chair"/>
    <n v="243.92"/>
    <n v="5"/>
    <n v="-15.25"/>
  </r>
  <r>
    <d v="2017-09-09T00:00:00"/>
    <x v="8"/>
    <x v="3"/>
    <x v="31"/>
    <x v="3"/>
    <x v="0"/>
    <x v="0"/>
    <s v="Astroparche Fine Business Paper"/>
    <n v="47.52"/>
    <n v="9"/>
    <n v="22.81"/>
  </r>
  <r>
    <d v="2017-09-09T00:00:00"/>
    <x v="8"/>
    <x v="3"/>
    <x v="435"/>
    <x v="3"/>
    <x v="0"/>
    <x v="2"/>
    <s v="Fellowes Bases and Tops For Staxonsteel/High-Stak Systems"/>
    <n v="99.87"/>
    <n v="3"/>
    <n v="23.97"/>
  </r>
  <r>
    <d v="2017-09-09T00:00:00"/>
    <x v="8"/>
    <x v="3"/>
    <x v="271"/>
    <x v="0"/>
    <x v="0"/>
    <x v="1"/>
    <s v="Avery 511"/>
    <n v="9.86"/>
    <n v="4"/>
    <n v="3.45"/>
  </r>
  <r>
    <d v="2017-09-09T00:00:00"/>
    <x v="8"/>
    <x v="3"/>
    <x v="391"/>
    <x v="10"/>
    <x v="0"/>
    <x v="4"/>
    <s v="BIC Brite Liner Highlighters, Chisel Tip"/>
    <n v="25.92"/>
    <n v="5"/>
    <n v="3.89"/>
  </r>
  <r>
    <d v="2017-09-09T00:00:00"/>
    <x v="8"/>
    <x v="3"/>
    <x v="391"/>
    <x v="10"/>
    <x v="1"/>
    <x v="8"/>
    <s v="Deflect-o EconoMat Studded, No Bevel Mat for Low Pile Carpeting"/>
    <n v="66.11"/>
    <n v="2"/>
    <n v="-9.09"/>
  </r>
  <r>
    <d v="2017-09-09T00:00:00"/>
    <x v="8"/>
    <x v="3"/>
    <x v="91"/>
    <x v="3"/>
    <x v="2"/>
    <x v="9"/>
    <s v="Microsoft Wireless Mobile Mouse 4000"/>
    <n v="159.96"/>
    <n v="4"/>
    <n v="51.19"/>
  </r>
  <r>
    <d v="2017-09-09T00:00:00"/>
    <x v="8"/>
    <x v="3"/>
    <x v="105"/>
    <x v="11"/>
    <x v="0"/>
    <x v="0"/>
    <s v="Xerox 1930"/>
    <n v="31.1"/>
    <n v="6"/>
    <n v="11.28"/>
  </r>
  <r>
    <d v="2017-09-09T00:00:00"/>
    <x v="8"/>
    <x v="3"/>
    <x v="105"/>
    <x v="11"/>
    <x v="0"/>
    <x v="12"/>
    <s v="Belkin 7-Outlet SurgeMaster Home Series"/>
    <n v="11.18"/>
    <n v="1"/>
    <n v="0.84"/>
  </r>
  <r>
    <d v="2017-09-09T00:00:00"/>
    <x v="8"/>
    <x v="3"/>
    <x v="448"/>
    <x v="10"/>
    <x v="0"/>
    <x v="1"/>
    <s v="Avery 501"/>
    <n v="17.71"/>
    <n v="6"/>
    <n v="5.98"/>
  </r>
  <r>
    <d v="2017-09-09T00:00:00"/>
    <x v="8"/>
    <x v="3"/>
    <x v="448"/>
    <x v="10"/>
    <x v="0"/>
    <x v="3"/>
    <s v="3M Organizer Strips"/>
    <n v="4.8600000000000003"/>
    <n v="3"/>
    <n v="-3.56"/>
  </r>
  <r>
    <d v="2017-09-09T00:00:00"/>
    <x v="8"/>
    <x v="3"/>
    <x v="448"/>
    <x v="10"/>
    <x v="0"/>
    <x v="3"/>
    <s v="Acco Data Flex Cable Posts For Top &amp; Bottom Load Binders, 6&quot; Capacity"/>
    <n v="6.26"/>
    <n v="2"/>
    <n v="-5.22"/>
  </r>
  <r>
    <d v="2017-09-10T00:00:00"/>
    <x v="8"/>
    <x v="3"/>
    <x v="49"/>
    <x v="1"/>
    <x v="2"/>
    <x v="6"/>
    <s v="Panasonic Kx-TS550"/>
    <n v="147.16999999999999"/>
    <n v="4"/>
    <n v="16.559999999999999"/>
  </r>
  <r>
    <d v="2017-09-10T00:00:00"/>
    <x v="8"/>
    <x v="3"/>
    <x v="136"/>
    <x v="3"/>
    <x v="1"/>
    <x v="5"/>
    <s v="DMI Arturo Collection Mission-style Design Wood Chair"/>
    <n v="362.35"/>
    <n v="3"/>
    <n v="27.18"/>
  </r>
  <r>
    <d v="2017-09-10T00:00:00"/>
    <x v="8"/>
    <x v="3"/>
    <x v="136"/>
    <x v="3"/>
    <x v="0"/>
    <x v="3"/>
    <s v="Avery Non-Stick Binders"/>
    <n v="7.18"/>
    <n v="2"/>
    <n v="2.25"/>
  </r>
  <r>
    <d v="2017-09-10T00:00:00"/>
    <x v="8"/>
    <x v="3"/>
    <x v="758"/>
    <x v="24"/>
    <x v="0"/>
    <x v="3"/>
    <s v="3M Organizer Strips"/>
    <n v="16.2"/>
    <n v="3"/>
    <n v="7.78"/>
  </r>
  <r>
    <d v="2017-09-10T00:00:00"/>
    <x v="8"/>
    <x v="3"/>
    <x v="758"/>
    <x v="24"/>
    <x v="0"/>
    <x v="12"/>
    <s v="Holmes Replacement Filter for HEPA Air Cleaner, Medium Room"/>
    <n v="33.99"/>
    <n v="3"/>
    <n v="14.62"/>
  </r>
  <r>
    <d v="2017-09-10T00:00:00"/>
    <x v="8"/>
    <x v="3"/>
    <x v="758"/>
    <x v="24"/>
    <x v="2"/>
    <x v="9"/>
    <s v="Logitech G105 Gaming Keyboard"/>
    <n v="296.85000000000002"/>
    <n v="5"/>
    <n v="53.43"/>
  </r>
  <r>
    <d v="2017-09-10T00:00:00"/>
    <x v="8"/>
    <x v="3"/>
    <x v="758"/>
    <x v="24"/>
    <x v="2"/>
    <x v="9"/>
    <s v="ImationÂ Clip USBÂ flash driveÂ - 8 GB"/>
    <n v="112.8"/>
    <n v="6"/>
    <n v="6.77"/>
  </r>
  <r>
    <d v="2017-09-10T00:00:00"/>
    <x v="8"/>
    <x v="3"/>
    <x v="758"/>
    <x v="24"/>
    <x v="0"/>
    <x v="3"/>
    <s v="Newell 3-Hole Punched Plastic Slotted Magazine Holders for Binders"/>
    <n v="13.71"/>
    <n v="3"/>
    <n v="6.58"/>
  </r>
  <r>
    <d v="2017-09-10T00:00:00"/>
    <x v="8"/>
    <x v="3"/>
    <x v="758"/>
    <x v="24"/>
    <x v="0"/>
    <x v="0"/>
    <s v="Xerox 1970"/>
    <n v="24.9"/>
    <n v="5"/>
    <n v="11.7"/>
  </r>
  <r>
    <d v="2017-09-10T00:00:00"/>
    <x v="8"/>
    <x v="3"/>
    <x v="758"/>
    <x v="24"/>
    <x v="0"/>
    <x v="2"/>
    <s v="Fellowes Stor/Drawer Steel Plus Storage Drawers"/>
    <n v="286.29000000000002"/>
    <n v="3"/>
    <n v="17.18"/>
  </r>
  <r>
    <d v="2017-09-10T00:00:00"/>
    <x v="8"/>
    <x v="3"/>
    <x v="758"/>
    <x v="24"/>
    <x v="0"/>
    <x v="12"/>
    <s v="Acco 6 Outlet Guardian Standard Surge Suppressor"/>
    <n v="24.18"/>
    <n v="2"/>
    <n v="7.25"/>
  </r>
  <r>
    <d v="2017-09-10T00:00:00"/>
    <x v="8"/>
    <x v="3"/>
    <x v="659"/>
    <x v="1"/>
    <x v="0"/>
    <x v="3"/>
    <s v="Fellowes PB500 Electric Punch Plastic Comb Binding Machine with Manual Bind"/>
    <n v="762.59"/>
    <n v="3"/>
    <n v="-1143.8900000000001"/>
  </r>
  <r>
    <d v="2017-09-10T00:00:00"/>
    <x v="8"/>
    <x v="3"/>
    <x v="489"/>
    <x v="20"/>
    <x v="0"/>
    <x v="0"/>
    <s v="Rediform S.O.S. 1-Up Phone Message Bk, 4-1/4x3-1/16 Bk, 1 Form/Pg, 40 Messages/Bk, 3/Pk"/>
    <n v="18.760000000000002"/>
    <n v="2"/>
    <n v="9"/>
  </r>
  <r>
    <d v="2017-09-10T00:00:00"/>
    <x v="8"/>
    <x v="3"/>
    <x v="592"/>
    <x v="32"/>
    <x v="0"/>
    <x v="4"/>
    <s v="Eberhard Faber 3 1/2&quot; Golf Pencils"/>
    <n v="14.88"/>
    <n v="2"/>
    <n v="3.72"/>
  </r>
  <r>
    <d v="2017-09-10T00:00:00"/>
    <x v="8"/>
    <x v="3"/>
    <x v="484"/>
    <x v="10"/>
    <x v="0"/>
    <x v="0"/>
    <s v="Xerox 1906"/>
    <n v="85.06"/>
    <n v="3"/>
    <n v="28.71"/>
  </r>
  <r>
    <d v="2017-09-10T00:00:00"/>
    <x v="8"/>
    <x v="3"/>
    <x v="228"/>
    <x v="4"/>
    <x v="0"/>
    <x v="3"/>
    <s v="Wilson Jones Suede Grain Vinyl Binders"/>
    <n v="2.78"/>
    <n v="1"/>
    <n v="1.36"/>
  </r>
  <r>
    <d v="2017-09-10T00:00:00"/>
    <x v="8"/>
    <x v="3"/>
    <x v="276"/>
    <x v="10"/>
    <x v="2"/>
    <x v="9"/>
    <s v="Memorex Mini Travel Drive 8 GB USB 2.0 Flash Drive"/>
    <n v="37.06"/>
    <n v="4"/>
    <n v="8.8000000000000007"/>
  </r>
  <r>
    <d v="2017-09-10T00:00:00"/>
    <x v="8"/>
    <x v="3"/>
    <x v="276"/>
    <x v="10"/>
    <x v="2"/>
    <x v="6"/>
    <s v="Cisco IP Phone 7961G-GE VoIP phone"/>
    <n v="259.89999999999998"/>
    <n v="2"/>
    <n v="-56.31"/>
  </r>
  <r>
    <d v="2017-09-11T00:00:00"/>
    <x v="8"/>
    <x v="3"/>
    <x v="361"/>
    <x v="16"/>
    <x v="1"/>
    <x v="8"/>
    <s v="Howard Miller 11-1/2&quot; Diameter Grantwood Wall Clock"/>
    <n v="34.5"/>
    <n v="1"/>
    <n v="6.04"/>
  </r>
  <r>
    <d v="2017-09-11T00:00:00"/>
    <x v="8"/>
    <x v="3"/>
    <x v="474"/>
    <x v="4"/>
    <x v="0"/>
    <x v="0"/>
    <s v="Xerox 1935"/>
    <n v="184.66"/>
    <n v="7"/>
    <n v="84.94"/>
  </r>
  <r>
    <d v="2017-09-11T00:00:00"/>
    <x v="8"/>
    <x v="3"/>
    <x v="432"/>
    <x v="3"/>
    <x v="0"/>
    <x v="0"/>
    <s v="Xerox 1996"/>
    <n v="12.96"/>
    <n v="2"/>
    <n v="6.22"/>
  </r>
  <r>
    <d v="2017-09-11T00:00:00"/>
    <x v="8"/>
    <x v="3"/>
    <x v="432"/>
    <x v="3"/>
    <x v="0"/>
    <x v="10"/>
    <s v="#10 Self-Seal White Envelopes"/>
    <n v="22.18"/>
    <n v="2"/>
    <n v="10.87"/>
  </r>
  <r>
    <d v="2017-09-11T00:00:00"/>
    <x v="8"/>
    <x v="3"/>
    <x v="432"/>
    <x v="3"/>
    <x v="1"/>
    <x v="5"/>
    <s v="Hon Pagoda Stacking Chairs"/>
    <n v="2054.27"/>
    <n v="8"/>
    <n v="256.77999999999997"/>
  </r>
  <r>
    <d v="2017-09-11T00:00:00"/>
    <x v="8"/>
    <x v="3"/>
    <x v="454"/>
    <x v="1"/>
    <x v="0"/>
    <x v="7"/>
    <s v="Acco Hot Clips Clips to Go"/>
    <n v="10.53"/>
    <n v="4"/>
    <n v="3.29"/>
  </r>
  <r>
    <d v="2017-09-11T00:00:00"/>
    <x v="8"/>
    <x v="3"/>
    <x v="454"/>
    <x v="1"/>
    <x v="0"/>
    <x v="0"/>
    <s v="Xerox 1927"/>
    <n v="20.54"/>
    <n v="6"/>
    <n v="6.42"/>
  </r>
  <r>
    <d v="2017-09-11T00:00:00"/>
    <x v="8"/>
    <x v="3"/>
    <x v="92"/>
    <x v="3"/>
    <x v="1"/>
    <x v="8"/>
    <s v="6&quot; Cubicle Wall Clock, Black"/>
    <n v="32.36"/>
    <n v="4"/>
    <n v="11.65"/>
  </r>
  <r>
    <d v="2017-09-11T00:00:00"/>
    <x v="8"/>
    <x v="3"/>
    <x v="92"/>
    <x v="3"/>
    <x v="0"/>
    <x v="12"/>
    <s v="Kensington 4 Outlet MasterPiece Compact Power Control Center"/>
    <n v="406.6"/>
    <n v="5"/>
    <n v="113.85"/>
  </r>
  <r>
    <d v="2017-09-11T00:00:00"/>
    <x v="8"/>
    <x v="3"/>
    <x v="259"/>
    <x v="22"/>
    <x v="1"/>
    <x v="5"/>
    <s v="Office Star - Contemporary Task Swivel Chair"/>
    <n v="177.57"/>
    <n v="2"/>
    <n v="8.8800000000000008"/>
  </r>
  <r>
    <d v="2017-09-11T00:00:00"/>
    <x v="8"/>
    <x v="3"/>
    <x v="259"/>
    <x v="22"/>
    <x v="0"/>
    <x v="0"/>
    <s v="Xerox 225"/>
    <n v="19.440000000000001"/>
    <n v="3"/>
    <n v="9.33"/>
  </r>
  <r>
    <d v="2017-09-11T00:00:00"/>
    <x v="8"/>
    <x v="3"/>
    <x v="259"/>
    <x v="22"/>
    <x v="0"/>
    <x v="0"/>
    <s v="Xerox 1894"/>
    <n v="71.28"/>
    <n v="11"/>
    <n v="34.21"/>
  </r>
  <r>
    <d v="2017-09-11T00:00:00"/>
    <x v="8"/>
    <x v="3"/>
    <x v="259"/>
    <x v="22"/>
    <x v="0"/>
    <x v="3"/>
    <s v="Ibico Ibimaster 300 Manual Binding System"/>
    <n v="1471.96"/>
    <n v="5"/>
    <n v="459.99"/>
  </r>
  <r>
    <d v="2017-09-11T00:00:00"/>
    <x v="8"/>
    <x v="3"/>
    <x v="259"/>
    <x v="22"/>
    <x v="2"/>
    <x v="6"/>
    <s v="iOttie XL Car Mount"/>
    <n v="79.959999999999994"/>
    <n v="5"/>
    <n v="-17.989999999999998"/>
  </r>
  <r>
    <d v="2017-09-11T00:00:00"/>
    <x v="8"/>
    <x v="3"/>
    <x v="204"/>
    <x v="0"/>
    <x v="0"/>
    <x v="0"/>
    <s v="Xerox 1953"/>
    <n v="10.27"/>
    <n v="3"/>
    <n v="3.21"/>
  </r>
  <r>
    <d v="2017-09-11T00:00:00"/>
    <x v="8"/>
    <x v="3"/>
    <x v="204"/>
    <x v="0"/>
    <x v="1"/>
    <x v="13"/>
    <s v="Bevis Round Conference Table Top &amp; Single Column Base"/>
    <n v="512.19000000000005"/>
    <n v="5"/>
    <n v="-65.849999999999994"/>
  </r>
  <r>
    <d v="2017-09-11T00:00:00"/>
    <x v="8"/>
    <x v="3"/>
    <x v="204"/>
    <x v="0"/>
    <x v="0"/>
    <x v="12"/>
    <s v="Commercial WindTunnel Clean Air Upright Vacuum, Replacement Belts, Filtration Bags"/>
    <n v="1.56"/>
    <n v="2"/>
    <n v="-4.2"/>
  </r>
  <r>
    <d v="2017-09-11T00:00:00"/>
    <x v="8"/>
    <x v="3"/>
    <x v="484"/>
    <x v="3"/>
    <x v="2"/>
    <x v="6"/>
    <s v="OtterBox Defender Series Case - Samsung Galaxy S4"/>
    <n v="143.94999999999999"/>
    <n v="6"/>
    <n v="17.989999999999998"/>
  </r>
  <r>
    <d v="2017-09-11T00:00:00"/>
    <x v="8"/>
    <x v="3"/>
    <x v="484"/>
    <x v="3"/>
    <x v="0"/>
    <x v="0"/>
    <s v="Xerox 192"/>
    <n v="19.440000000000001"/>
    <n v="3"/>
    <n v="9.33"/>
  </r>
  <r>
    <d v="2017-09-11T00:00:00"/>
    <x v="8"/>
    <x v="3"/>
    <x v="92"/>
    <x v="6"/>
    <x v="0"/>
    <x v="12"/>
    <s v="Hoover Commercial SteamVac"/>
    <n v="67.900000000000006"/>
    <n v="5"/>
    <n v="20.37"/>
  </r>
  <r>
    <d v="2017-09-11T00:00:00"/>
    <x v="8"/>
    <x v="3"/>
    <x v="228"/>
    <x v="5"/>
    <x v="0"/>
    <x v="12"/>
    <s v="Fellowes Premier Superior Surge Suppressor, 10-Outlet, With Phone and Remote"/>
    <n v="195.68"/>
    <n v="4"/>
    <n v="50.88"/>
  </r>
  <r>
    <d v="2017-09-11T00:00:00"/>
    <x v="8"/>
    <x v="3"/>
    <x v="228"/>
    <x v="5"/>
    <x v="0"/>
    <x v="7"/>
    <s v="Acco Clips to Go Binder Clips, 24 Clips in Two Sizes"/>
    <n v="14.2"/>
    <n v="4"/>
    <n v="6.67"/>
  </r>
  <r>
    <d v="2017-09-12T00:00:00"/>
    <x v="8"/>
    <x v="3"/>
    <x v="401"/>
    <x v="3"/>
    <x v="1"/>
    <x v="8"/>
    <s v="Eldon Image Series Desk Accessories, Burgundy"/>
    <n v="8.36"/>
    <n v="2"/>
    <n v="3.01"/>
  </r>
  <r>
    <d v="2017-09-12T00:00:00"/>
    <x v="8"/>
    <x v="3"/>
    <x v="540"/>
    <x v="36"/>
    <x v="0"/>
    <x v="0"/>
    <s v="Adams Telephone Message Book w/Frequently-Called Numbers Space, 400 Messages per Book"/>
    <n v="39.9"/>
    <n v="5"/>
    <n v="19.95"/>
  </r>
  <r>
    <d v="2017-09-12T00:00:00"/>
    <x v="8"/>
    <x v="3"/>
    <x v="540"/>
    <x v="36"/>
    <x v="0"/>
    <x v="12"/>
    <s v="Fellowes Basic Home/Office Series Surge Protectors"/>
    <n v="90.86"/>
    <n v="7"/>
    <n v="26.35"/>
  </r>
  <r>
    <d v="2017-09-12T00:00:00"/>
    <x v="8"/>
    <x v="3"/>
    <x v="540"/>
    <x v="36"/>
    <x v="0"/>
    <x v="0"/>
    <s v="Xerox 1939"/>
    <n v="94.85"/>
    <n v="5"/>
    <n v="45.53"/>
  </r>
  <r>
    <d v="2017-09-12T00:00:00"/>
    <x v="8"/>
    <x v="3"/>
    <x v="351"/>
    <x v="43"/>
    <x v="0"/>
    <x v="0"/>
    <s v="Xerox 209"/>
    <n v="45.36"/>
    <n v="7"/>
    <n v="21.77"/>
  </r>
  <r>
    <d v="2017-09-12T00:00:00"/>
    <x v="8"/>
    <x v="3"/>
    <x v="351"/>
    <x v="43"/>
    <x v="0"/>
    <x v="3"/>
    <s v="Aluminum Screw Posts"/>
    <n v="45.78"/>
    <n v="3"/>
    <n v="22.89"/>
  </r>
  <r>
    <d v="2017-09-12T00:00:00"/>
    <x v="8"/>
    <x v="3"/>
    <x v="522"/>
    <x v="3"/>
    <x v="0"/>
    <x v="0"/>
    <s v="Eaton Premium Continuous-Feed Paper, 25% Cotton, Letter Size, White, 1000 Shts/Box"/>
    <n v="166.44"/>
    <n v="3"/>
    <n v="79.89"/>
  </r>
  <r>
    <d v="2017-09-13T00:00:00"/>
    <x v="8"/>
    <x v="3"/>
    <x v="25"/>
    <x v="25"/>
    <x v="0"/>
    <x v="4"/>
    <s v="Fluorescent Highlighters by Dixon"/>
    <n v="15.92"/>
    <n v="5"/>
    <n v="2.79"/>
  </r>
  <r>
    <d v="2017-09-14T00:00:00"/>
    <x v="8"/>
    <x v="3"/>
    <x v="463"/>
    <x v="14"/>
    <x v="0"/>
    <x v="0"/>
    <s v="Telephone Message Books with Fax/Mobile Section, 5 1/2&quot; x 3 3/16&quot;"/>
    <n v="19.05"/>
    <n v="3"/>
    <n v="8.76"/>
  </r>
  <r>
    <d v="2017-09-14T00:00:00"/>
    <x v="8"/>
    <x v="3"/>
    <x v="235"/>
    <x v="23"/>
    <x v="0"/>
    <x v="4"/>
    <s v="Boston Home &amp; Office Model 2000 Electric Pencil Sharpeners"/>
    <n v="70.95"/>
    <n v="3"/>
    <n v="18.45"/>
  </r>
  <r>
    <d v="2017-09-14T00:00:00"/>
    <x v="8"/>
    <x v="3"/>
    <x v="733"/>
    <x v="3"/>
    <x v="0"/>
    <x v="1"/>
    <s v="Avery 48"/>
    <n v="56.7"/>
    <n v="9"/>
    <n v="26.08"/>
  </r>
  <r>
    <d v="2017-09-14T00:00:00"/>
    <x v="8"/>
    <x v="3"/>
    <x v="255"/>
    <x v="2"/>
    <x v="0"/>
    <x v="3"/>
    <s v="GBC Instant Report Kit"/>
    <n v="3.88"/>
    <n v="2"/>
    <n v="-2.59"/>
  </r>
  <r>
    <d v="2017-09-14T00:00:00"/>
    <x v="8"/>
    <x v="3"/>
    <x v="255"/>
    <x v="2"/>
    <x v="2"/>
    <x v="15"/>
    <s v="Ricoh - Ink Collector Unit for GX3000 Series Printers"/>
    <n v="12.59"/>
    <n v="1"/>
    <n v="-18.04"/>
  </r>
  <r>
    <d v="2017-09-14T00:00:00"/>
    <x v="8"/>
    <x v="3"/>
    <x v="255"/>
    <x v="2"/>
    <x v="1"/>
    <x v="5"/>
    <s v="Office Star - Ergonomically Designed Knee Chair"/>
    <n v="113.37"/>
    <n v="2"/>
    <n v="-29.15"/>
  </r>
  <r>
    <d v="2017-09-14T00:00:00"/>
    <x v="8"/>
    <x v="3"/>
    <x v="255"/>
    <x v="2"/>
    <x v="0"/>
    <x v="3"/>
    <s v="Aluminum Screw Posts"/>
    <n v="18.309999999999999"/>
    <n v="4"/>
    <n v="-12.21"/>
  </r>
  <r>
    <d v="2017-09-14T00:00:00"/>
    <x v="8"/>
    <x v="3"/>
    <x v="255"/>
    <x v="2"/>
    <x v="1"/>
    <x v="8"/>
    <s v="Tensor Track Tree Floor Lamp"/>
    <n v="127.94"/>
    <n v="8"/>
    <n v="4.8"/>
  </r>
  <r>
    <d v="2017-09-14T00:00:00"/>
    <x v="8"/>
    <x v="3"/>
    <x v="255"/>
    <x v="2"/>
    <x v="2"/>
    <x v="15"/>
    <s v="Lexmark MarkNet N8150 Wireless Print Server"/>
    <n v="241.17"/>
    <n v="2"/>
    <n v="-168.82"/>
  </r>
  <r>
    <d v="2017-09-14T00:00:00"/>
    <x v="8"/>
    <x v="3"/>
    <x v="159"/>
    <x v="25"/>
    <x v="0"/>
    <x v="12"/>
    <s v="3.6 Cubic Foot Counter Height Office Refrigerator"/>
    <n v="942.78"/>
    <n v="4"/>
    <n v="94.28"/>
  </r>
  <r>
    <d v="2017-09-14T00:00:00"/>
    <x v="8"/>
    <x v="3"/>
    <x v="159"/>
    <x v="25"/>
    <x v="0"/>
    <x v="0"/>
    <s v="Xerox 1988"/>
    <n v="74.349999999999994"/>
    <n v="3"/>
    <n v="23.24"/>
  </r>
  <r>
    <d v="2017-09-14T00:00:00"/>
    <x v="8"/>
    <x v="3"/>
    <x v="680"/>
    <x v="20"/>
    <x v="2"/>
    <x v="6"/>
    <s v="Wilson SignalBoost 841262 DB PRO Amplifier Kit"/>
    <n v="1079.8499999999999"/>
    <n v="3"/>
    <n v="323.95999999999998"/>
  </r>
  <r>
    <d v="2017-09-14T00:00:00"/>
    <x v="8"/>
    <x v="3"/>
    <x v="680"/>
    <x v="20"/>
    <x v="0"/>
    <x v="2"/>
    <s v="Sensible Storage WireTech Storage Systems"/>
    <n v="70.98"/>
    <n v="1"/>
    <n v="3.55"/>
  </r>
  <r>
    <d v="2017-09-14T00:00:00"/>
    <x v="8"/>
    <x v="3"/>
    <x v="680"/>
    <x v="20"/>
    <x v="0"/>
    <x v="4"/>
    <s v="Bulldog Table or Wall-Mount Pencil Sharpener"/>
    <n v="29.95"/>
    <n v="5"/>
    <n v="8.69"/>
  </r>
  <r>
    <d v="2017-09-14T00:00:00"/>
    <x v="8"/>
    <x v="3"/>
    <x v="680"/>
    <x v="20"/>
    <x v="1"/>
    <x v="5"/>
    <s v="Office Star - Contemporary Task Swivel chair with Loop Arms, Charcoal"/>
    <n v="589.41"/>
    <n v="5"/>
    <n v="-6.55"/>
  </r>
  <r>
    <d v="2017-09-14T00:00:00"/>
    <x v="8"/>
    <x v="3"/>
    <x v="742"/>
    <x v="20"/>
    <x v="0"/>
    <x v="0"/>
    <s v="Xerox 1980"/>
    <n v="8.56"/>
    <n v="2"/>
    <n v="3.85"/>
  </r>
  <r>
    <d v="2017-09-14T00:00:00"/>
    <x v="8"/>
    <x v="3"/>
    <x v="742"/>
    <x v="20"/>
    <x v="0"/>
    <x v="0"/>
    <s v="Xerox 1987"/>
    <n v="11.56"/>
    <n v="2"/>
    <n v="5.66"/>
  </r>
  <r>
    <d v="2017-09-14T00:00:00"/>
    <x v="8"/>
    <x v="3"/>
    <x v="563"/>
    <x v="10"/>
    <x v="2"/>
    <x v="9"/>
    <s v="Logitech Wireless Gaming Headset G930"/>
    <n v="895.94"/>
    <n v="7"/>
    <n v="190.39"/>
  </r>
  <r>
    <d v="2017-09-15T00:00:00"/>
    <x v="8"/>
    <x v="3"/>
    <x v="653"/>
    <x v="0"/>
    <x v="0"/>
    <x v="0"/>
    <s v="Xerox 1897"/>
    <n v="31.87"/>
    <n v="8"/>
    <n v="11.55"/>
  </r>
  <r>
    <d v="2017-09-15T00:00:00"/>
    <x v="8"/>
    <x v="3"/>
    <x v="690"/>
    <x v="20"/>
    <x v="1"/>
    <x v="8"/>
    <s v="Master Caster Door Stop, Brown"/>
    <n v="35.56"/>
    <n v="7"/>
    <n v="12.09"/>
  </r>
  <r>
    <d v="2017-09-15T00:00:00"/>
    <x v="8"/>
    <x v="3"/>
    <x v="56"/>
    <x v="1"/>
    <x v="2"/>
    <x v="6"/>
    <s v="Avaya 5420 Digital phone"/>
    <n v="323.98"/>
    <n v="3"/>
    <n v="20.25"/>
  </r>
  <r>
    <d v="2017-09-15T00:00:00"/>
    <x v="8"/>
    <x v="3"/>
    <x v="319"/>
    <x v="32"/>
    <x v="2"/>
    <x v="6"/>
    <s v="GE DSL Phone Line Filter"/>
    <n v="39.99"/>
    <n v="1"/>
    <n v="11.6"/>
  </r>
  <r>
    <d v="2017-09-15T00:00:00"/>
    <x v="8"/>
    <x v="3"/>
    <x v="319"/>
    <x v="32"/>
    <x v="0"/>
    <x v="4"/>
    <s v="Avery Hi-Liter EverBold Pen Style Fluorescent Highlighters, 4/Pack"/>
    <n v="16.28"/>
    <n v="2"/>
    <n v="6.51"/>
  </r>
  <r>
    <d v="2017-09-15T00:00:00"/>
    <x v="8"/>
    <x v="3"/>
    <x v="319"/>
    <x v="32"/>
    <x v="1"/>
    <x v="11"/>
    <s v="Atlantic Metals Mobile 3-Shelf Bookcases, Custom Colors"/>
    <n v="782.94"/>
    <n v="3"/>
    <n v="203.56"/>
  </r>
  <r>
    <d v="2017-09-15T00:00:00"/>
    <x v="8"/>
    <x v="3"/>
    <x v="319"/>
    <x v="32"/>
    <x v="0"/>
    <x v="3"/>
    <s v="Wilson Jones Heavy-Duty Casebound Ring Binders with Metal Hinges"/>
    <n v="242.48"/>
    <n v="7"/>
    <n v="116.39"/>
  </r>
  <r>
    <d v="2017-09-15T00:00:00"/>
    <x v="8"/>
    <x v="3"/>
    <x v="414"/>
    <x v="3"/>
    <x v="0"/>
    <x v="3"/>
    <s v="GBC DocuBind 200 Manual Binding Machine"/>
    <n v="2357.4899999999998"/>
    <n v="7"/>
    <n v="884.06"/>
  </r>
  <r>
    <d v="2017-09-15T00:00:00"/>
    <x v="8"/>
    <x v="3"/>
    <x v="414"/>
    <x v="3"/>
    <x v="2"/>
    <x v="6"/>
    <s v="Panasonic KX-TG6844B Expandable Digital Cordless Telephone"/>
    <n v="369.54"/>
    <n v="7"/>
    <n v="32.340000000000003"/>
  </r>
  <r>
    <d v="2017-09-15T00:00:00"/>
    <x v="8"/>
    <x v="3"/>
    <x v="414"/>
    <x v="3"/>
    <x v="1"/>
    <x v="5"/>
    <s v="Global Deluxe Steno Chair"/>
    <n v="184.75"/>
    <n v="3"/>
    <n v="-20.78"/>
  </r>
  <r>
    <d v="2017-09-15T00:00:00"/>
    <x v="8"/>
    <x v="3"/>
    <x v="513"/>
    <x v="15"/>
    <x v="0"/>
    <x v="0"/>
    <s v="Xerox 1893"/>
    <n v="163.96"/>
    <n v="5"/>
    <n v="59.44"/>
  </r>
  <r>
    <d v="2017-09-15T00:00:00"/>
    <x v="8"/>
    <x v="3"/>
    <x v="247"/>
    <x v="3"/>
    <x v="1"/>
    <x v="5"/>
    <s v="Leather Task Chair, Black"/>
    <n v="218.35"/>
    <n v="3"/>
    <n v="0"/>
  </r>
  <r>
    <d v="2017-09-15T00:00:00"/>
    <x v="8"/>
    <x v="3"/>
    <x v="247"/>
    <x v="3"/>
    <x v="1"/>
    <x v="8"/>
    <s v="Tenex 46&quot; x 60&quot; Computer Anti-Static Chairmat, Rectangular Shaped"/>
    <n v="529.9"/>
    <n v="5"/>
    <n v="105.98"/>
  </r>
  <r>
    <d v="2017-09-15T00:00:00"/>
    <x v="8"/>
    <x v="3"/>
    <x v="247"/>
    <x v="3"/>
    <x v="0"/>
    <x v="4"/>
    <s v="Peel-Off China Markers"/>
    <n v="99.3"/>
    <n v="10"/>
    <n v="41.71"/>
  </r>
  <r>
    <d v="2017-09-15T00:00:00"/>
    <x v="8"/>
    <x v="3"/>
    <x v="247"/>
    <x v="3"/>
    <x v="0"/>
    <x v="12"/>
    <s v="Belkin 5 Outlet SurgeMaster Power Centers"/>
    <n v="108.96"/>
    <n v="2"/>
    <n v="30.51"/>
  </r>
  <r>
    <d v="2017-09-15T00:00:00"/>
    <x v="8"/>
    <x v="3"/>
    <x v="247"/>
    <x v="3"/>
    <x v="0"/>
    <x v="3"/>
    <s v="Cardinal Poly Pocket Divider Pockets for Ring Binders"/>
    <n v="2.69"/>
    <n v="1"/>
    <n v="0.84"/>
  </r>
  <r>
    <d v="2017-09-15T00:00:00"/>
    <x v="8"/>
    <x v="3"/>
    <x v="789"/>
    <x v="23"/>
    <x v="1"/>
    <x v="8"/>
    <s v="DAX Two-Tone Rosewood/Black Document Frame, Desktop, 5 x 7"/>
    <n v="47.4"/>
    <n v="5"/>
    <n v="18.96"/>
  </r>
  <r>
    <d v="2017-09-15T00:00:00"/>
    <x v="8"/>
    <x v="3"/>
    <x v="789"/>
    <x v="23"/>
    <x v="1"/>
    <x v="5"/>
    <s v="SAFCO Folding Chair Trolley"/>
    <n v="512.96"/>
    <n v="4"/>
    <n v="143.63"/>
  </r>
  <r>
    <d v="2017-09-15T00:00:00"/>
    <x v="8"/>
    <x v="3"/>
    <x v="789"/>
    <x v="23"/>
    <x v="2"/>
    <x v="6"/>
    <s v="Plantronics 81402"/>
    <n v="395.94"/>
    <n v="6"/>
    <n v="102.94"/>
  </r>
  <r>
    <d v="2017-09-15T00:00:00"/>
    <x v="8"/>
    <x v="3"/>
    <x v="789"/>
    <x v="23"/>
    <x v="0"/>
    <x v="2"/>
    <s v="Contico 72&quot;H Heavy-Duty Storage System"/>
    <n v="81.96"/>
    <n v="2"/>
    <n v="0"/>
  </r>
  <r>
    <d v="2017-09-15T00:00:00"/>
    <x v="8"/>
    <x v="3"/>
    <x v="309"/>
    <x v="0"/>
    <x v="0"/>
    <x v="4"/>
    <s v="Prismacolor Color Pencil Set"/>
    <n v="31.74"/>
    <n v="2"/>
    <n v="8.33"/>
  </r>
  <r>
    <d v="2017-09-15T00:00:00"/>
    <x v="8"/>
    <x v="3"/>
    <x v="344"/>
    <x v="22"/>
    <x v="0"/>
    <x v="4"/>
    <s v="BIC Brite Liner Highlighters"/>
    <n v="12.42"/>
    <n v="3"/>
    <n v="5.22"/>
  </r>
  <r>
    <d v="2017-09-15T00:00:00"/>
    <x v="8"/>
    <x v="3"/>
    <x v="222"/>
    <x v="37"/>
    <x v="0"/>
    <x v="2"/>
    <s v="Eldon ProFile File 'N Store Portable File Tub Letter/Legal Size Black"/>
    <n v="38.619999999999997"/>
    <n v="2"/>
    <n v="10.81"/>
  </r>
  <r>
    <d v="2017-09-15T00:00:00"/>
    <x v="8"/>
    <x v="3"/>
    <x v="222"/>
    <x v="37"/>
    <x v="2"/>
    <x v="9"/>
    <s v="Micro Innovations Wireless Classic Keyboard with Mouse"/>
    <n v="59.98"/>
    <n v="2"/>
    <n v="10.8"/>
  </r>
  <r>
    <d v="2017-09-15T00:00:00"/>
    <x v="8"/>
    <x v="3"/>
    <x v="712"/>
    <x v="27"/>
    <x v="0"/>
    <x v="3"/>
    <s v="Avery Trapezoid Ring Binder, 3&quot; Capacity, Black, 1040 sheets"/>
    <n v="295.06"/>
    <n v="9"/>
    <n v="106.96"/>
  </r>
  <r>
    <d v="2017-09-15T00:00:00"/>
    <x v="8"/>
    <x v="3"/>
    <x v="431"/>
    <x v="3"/>
    <x v="1"/>
    <x v="13"/>
    <s v="Bretford Rectangular Conference Table Tops"/>
    <n v="300.89999999999998"/>
    <n v="1"/>
    <n v="11.28"/>
  </r>
  <r>
    <d v="2017-09-16T00:00:00"/>
    <x v="8"/>
    <x v="3"/>
    <x v="323"/>
    <x v="3"/>
    <x v="0"/>
    <x v="0"/>
    <s v="Ampad Gold Fibre Wirebound Steno Books, 6&quot; x 9&quot;, Gregg Ruled"/>
    <n v="8.82"/>
    <n v="2"/>
    <n v="4.0599999999999996"/>
  </r>
  <r>
    <d v="2017-09-16T00:00:00"/>
    <x v="8"/>
    <x v="3"/>
    <x v="323"/>
    <x v="3"/>
    <x v="0"/>
    <x v="4"/>
    <s v="Newell 330"/>
    <n v="5.98"/>
    <n v="1"/>
    <n v="1.55"/>
  </r>
  <r>
    <d v="2017-09-16T00:00:00"/>
    <x v="8"/>
    <x v="3"/>
    <x v="705"/>
    <x v="0"/>
    <x v="0"/>
    <x v="10"/>
    <s v="Manila Recycled Extra-Heavyweight Clasp Envelopes, 6&quot; x 9&quot;"/>
    <n v="17.57"/>
    <n v="2"/>
    <n v="6.37"/>
  </r>
  <r>
    <d v="2017-09-16T00:00:00"/>
    <x v="8"/>
    <x v="3"/>
    <x v="705"/>
    <x v="0"/>
    <x v="2"/>
    <x v="6"/>
    <s v="ClearSounds CSC500 Amplified Spirit Phone Corded phone"/>
    <n v="55.99"/>
    <n v="1"/>
    <n v="5.6"/>
  </r>
  <r>
    <d v="2017-09-16T00:00:00"/>
    <x v="8"/>
    <x v="3"/>
    <x v="692"/>
    <x v="2"/>
    <x v="0"/>
    <x v="0"/>
    <s v="Xerox 231"/>
    <n v="20.74"/>
    <n v="4"/>
    <n v="7.26"/>
  </r>
  <r>
    <d v="2017-09-16T00:00:00"/>
    <x v="8"/>
    <x v="3"/>
    <x v="423"/>
    <x v="2"/>
    <x v="2"/>
    <x v="9"/>
    <s v="Logitech Trackman Marble Mouse"/>
    <n v="71.98"/>
    <n v="3"/>
    <n v="19.79"/>
  </r>
  <r>
    <d v="2017-09-16T00:00:00"/>
    <x v="8"/>
    <x v="3"/>
    <x v="423"/>
    <x v="2"/>
    <x v="1"/>
    <x v="8"/>
    <s v="Eldon Expressions Punched Metal &amp; Wood Desk Accessories, Black &amp; Cherry"/>
    <n v="22.51"/>
    <n v="3"/>
    <n v="2.25"/>
  </r>
  <r>
    <d v="2017-09-16T00:00:00"/>
    <x v="8"/>
    <x v="3"/>
    <x v="423"/>
    <x v="2"/>
    <x v="0"/>
    <x v="3"/>
    <s v="Binder Posts"/>
    <n v="3.44"/>
    <n v="2"/>
    <n v="-2.76"/>
  </r>
  <r>
    <d v="2017-09-16T00:00:00"/>
    <x v="8"/>
    <x v="3"/>
    <x v="423"/>
    <x v="2"/>
    <x v="0"/>
    <x v="3"/>
    <s v="GBC DocuBind TL300 Electric Binding System"/>
    <n v="538.19000000000005"/>
    <n v="2"/>
    <n v="-412.62"/>
  </r>
  <r>
    <d v="2017-09-16T00:00:00"/>
    <x v="8"/>
    <x v="3"/>
    <x v="423"/>
    <x v="2"/>
    <x v="2"/>
    <x v="9"/>
    <s v="Logitech 910-002974 M325 Wireless Mouse for Web Scrolling"/>
    <n v="47.98"/>
    <n v="2"/>
    <n v="14.4"/>
  </r>
  <r>
    <d v="2017-09-16T00:00:00"/>
    <x v="8"/>
    <x v="3"/>
    <x v="216"/>
    <x v="2"/>
    <x v="0"/>
    <x v="0"/>
    <s v="Xerox 1927"/>
    <n v="20.54"/>
    <n v="6"/>
    <n v="6.42"/>
  </r>
  <r>
    <d v="2017-09-16T00:00:00"/>
    <x v="8"/>
    <x v="3"/>
    <x v="563"/>
    <x v="3"/>
    <x v="0"/>
    <x v="7"/>
    <s v="OIC Colored Binder Clips, Assorted Sizes"/>
    <n v="17.899999999999999"/>
    <n v="5"/>
    <n v="8.77"/>
  </r>
  <r>
    <d v="2017-09-16T00:00:00"/>
    <x v="8"/>
    <x v="3"/>
    <x v="750"/>
    <x v="5"/>
    <x v="2"/>
    <x v="9"/>
    <s v="KeyTronicÂ E03601U1 -Â KeyboardÂ - Beige"/>
    <n v="18"/>
    <n v="1"/>
    <n v="3.24"/>
  </r>
  <r>
    <d v="2017-09-17T00:00:00"/>
    <x v="8"/>
    <x v="3"/>
    <x v="717"/>
    <x v="22"/>
    <x v="0"/>
    <x v="0"/>
    <s v="Xerox 1984"/>
    <n v="12.96"/>
    <n v="2"/>
    <n v="6.35"/>
  </r>
  <r>
    <d v="2017-09-17T00:00:00"/>
    <x v="8"/>
    <x v="3"/>
    <x v="690"/>
    <x v="4"/>
    <x v="1"/>
    <x v="5"/>
    <s v="Global Ergonomic Managers Chair"/>
    <n v="723.92"/>
    <n v="4"/>
    <n v="188.22"/>
  </r>
  <r>
    <d v="2017-09-17T00:00:00"/>
    <x v="8"/>
    <x v="3"/>
    <x v="690"/>
    <x v="4"/>
    <x v="0"/>
    <x v="0"/>
    <s v="Easy-staple paper"/>
    <n v="106.32"/>
    <n v="3"/>
    <n v="49.97"/>
  </r>
  <r>
    <d v="2017-09-17T00:00:00"/>
    <x v="8"/>
    <x v="3"/>
    <x v="464"/>
    <x v="27"/>
    <x v="0"/>
    <x v="3"/>
    <s v="Avery Non-Stick Binders"/>
    <n v="10.78"/>
    <n v="3"/>
    <n v="3.5"/>
  </r>
  <r>
    <d v="2017-09-17T00:00:00"/>
    <x v="8"/>
    <x v="3"/>
    <x v="464"/>
    <x v="27"/>
    <x v="0"/>
    <x v="3"/>
    <s v="Acco Pressboard Covers with Storage Hooks, 14 7/8&quot; x 11&quot;, Light Blue"/>
    <n v="11.78"/>
    <n v="3"/>
    <n v="4.2699999999999996"/>
  </r>
  <r>
    <d v="2017-09-17T00:00:00"/>
    <x v="8"/>
    <x v="3"/>
    <x v="464"/>
    <x v="27"/>
    <x v="0"/>
    <x v="0"/>
    <s v="Green Bar Computer Printout Paper"/>
    <n v="164.88"/>
    <n v="3"/>
    <n v="80.790000000000006"/>
  </r>
  <r>
    <d v="2017-09-17T00:00:00"/>
    <x v="8"/>
    <x v="3"/>
    <x v="464"/>
    <x v="27"/>
    <x v="1"/>
    <x v="11"/>
    <s v="Global Adaptabilites Bookcase, Cherry/Storm Gray Finish"/>
    <n v="1292.94"/>
    <n v="3"/>
    <n v="77.58"/>
  </r>
  <r>
    <d v="2017-09-17T00:00:00"/>
    <x v="8"/>
    <x v="3"/>
    <x v="464"/>
    <x v="27"/>
    <x v="0"/>
    <x v="3"/>
    <s v="GBC Pre-Punched Binding Paper, Plastic, White, 8-1/2&quot; x 11&quot;"/>
    <n v="25.58"/>
    <n v="2"/>
    <n v="8.9499999999999993"/>
  </r>
  <r>
    <d v="2017-09-17T00:00:00"/>
    <x v="8"/>
    <x v="3"/>
    <x v="464"/>
    <x v="27"/>
    <x v="0"/>
    <x v="2"/>
    <s v="Mini 13-1/2 Capacity Data Binder Rack, Pearl"/>
    <n v="261.74"/>
    <n v="2"/>
    <n v="65.44"/>
  </r>
  <r>
    <d v="2017-09-17T00:00:00"/>
    <x v="8"/>
    <x v="3"/>
    <x v="464"/>
    <x v="27"/>
    <x v="0"/>
    <x v="1"/>
    <s v="Avery 514"/>
    <n v="14.4"/>
    <n v="5"/>
    <n v="7.06"/>
  </r>
  <r>
    <d v="2017-09-17T00:00:00"/>
    <x v="8"/>
    <x v="3"/>
    <x v="694"/>
    <x v="0"/>
    <x v="0"/>
    <x v="4"/>
    <s v="Newell Chalk Holder"/>
    <n v="9.91"/>
    <n v="3"/>
    <n v="3.22"/>
  </r>
  <r>
    <d v="2017-09-17T00:00:00"/>
    <x v="8"/>
    <x v="3"/>
    <x v="694"/>
    <x v="0"/>
    <x v="1"/>
    <x v="5"/>
    <s v="Global Wood Trimmed Manager's Task Chair, Khaki"/>
    <n v="318.43"/>
    <n v="5"/>
    <n v="-77.33"/>
  </r>
  <r>
    <d v="2017-09-17T00:00:00"/>
    <x v="8"/>
    <x v="3"/>
    <x v="694"/>
    <x v="0"/>
    <x v="0"/>
    <x v="3"/>
    <s v="Wilson Jones Â“SnapÂ” Scratch Pad Binder Tool for Ring Binders"/>
    <n v="5.8"/>
    <n v="5"/>
    <n v="-10.15"/>
  </r>
  <r>
    <d v="2017-09-17T00:00:00"/>
    <x v="8"/>
    <x v="3"/>
    <x v="694"/>
    <x v="0"/>
    <x v="2"/>
    <x v="6"/>
    <s v="Polycom VoiceStation 500 ConferenceÂ phone"/>
    <n v="1415.76"/>
    <n v="6"/>
    <n v="88.49"/>
  </r>
  <r>
    <d v="2017-09-17T00:00:00"/>
    <x v="8"/>
    <x v="3"/>
    <x v="333"/>
    <x v="23"/>
    <x v="2"/>
    <x v="15"/>
    <s v="Lexmark 20R1285 X6650 Wireless All-in-One Printer"/>
    <n v="480"/>
    <n v="4"/>
    <n v="225.6"/>
  </r>
  <r>
    <d v="2017-09-17T00:00:00"/>
    <x v="8"/>
    <x v="3"/>
    <x v="333"/>
    <x v="23"/>
    <x v="0"/>
    <x v="2"/>
    <s v="SimpliFile Personal File, Black Granite, 15w x 6-15/16d x 11-1/4h"/>
    <n v="34.049999999999997"/>
    <n v="3"/>
    <n v="9.5299999999999994"/>
  </r>
  <r>
    <d v="2017-09-17T00:00:00"/>
    <x v="8"/>
    <x v="3"/>
    <x v="59"/>
    <x v="34"/>
    <x v="2"/>
    <x v="9"/>
    <s v="Logitech Trackman Marble Mouse"/>
    <n v="89.97"/>
    <n v="3"/>
    <n v="37.79"/>
  </r>
  <r>
    <d v="2017-09-18T00:00:00"/>
    <x v="8"/>
    <x v="3"/>
    <x v="562"/>
    <x v="3"/>
    <x v="0"/>
    <x v="4"/>
    <s v="Newell 343"/>
    <n v="8.82"/>
    <n v="3"/>
    <n v="2.38"/>
  </r>
  <r>
    <d v="2017-09-18T00:00:00"/>
    <x v="8"/>
    <x v="3"/>
    <x v="562"/>
    <x v="3"/>
    <x v="0"/>
    <x v="10"/>
    <s v="Convenience Packs of Business Envelopes"/>
    <n v="10.86"/>
    <n v="3"/>
    <n v="5.0999999999999996"/>
  </r>
  <r>
    <d v="2017-09-18T00:00:00"/>
    <x v="8"/>
    <x v="3"/>
    <x v="562"/>
    <x v="3"/>
    <x v="0"/>
    <x v="0"/>
    <s v="Xerox 1911"/>
    <n v="143.69999999999999"/>
    <n v="3"/>
    <n v="68.98"/>
  </r>
  <r>
    <d v="2017-09-18T00:00:00"/>
    <x v="8"/>
    <x v="3"/>
    <x v="45"/>
    <x v="21"/>
    <x v="0"/>
    <x v="0"/>
    <s v="Adams Telephone Message Book W/Dividers/Space For Phone Numbers, 5 1/4&quot;X8 1/2&quot;, 200/Messages"/>
    <n v="22.72"/>
    <n v="4"/>
    <n v="10.220000000000001"/>
  </r>
  <r>
    <d v="2017-09-18T00:00:00"/>
    <x v="8"/>
    <x v="3"/>
    <x v="284"/>
    <x v="0"/>
    <x v="0"/>
    <x v="4"/>
    <s v="Newell 314"/>
    <n v="8.93"/>
    <n v="2"/>
    <n v="0.56000000000000005"/>
  </r>
  <r>
    <d v="2017-09-18T00:00:00"/>
    <x v="8"/>
    <x v="3"/>
    <x v="284"/>
    <x v="0"/>
    <x v="0"/>
    <x v="2"/>
    <s v="Acco Perma 2700 Stacking Storage Drawers"/>
    <n v="47.58"/>
    <n v="2"/>
    <n v="-2.97"/>
  </r>
  <r>
    <d v="2017-09-18T00:00:00"/>
    <x v="8"/>
    <x v="3"/>
    <x v="22"/>
    <x v="20"/>
    <x v="0"/>
    <x v="0"/>
    <s v="Xerox 203"/>
    <n v="19.440000000000001"/>
    <n v="3"/>
    <n v="9.33"/>
  </r>
  <r>
    <d v="2017-09-18T00:00:00"/>
    <x v="8"/>
    <x v="3"/>
    <x v="22"/>
    <x v="20"/>
    <x v="1"/>
    <x v="8"/>
    <s v="Ultra Door Push Plate"/>
    <n v="9.82"/>
    <n v="2"/>
    <n v="3.24"/>
  </r>
  <r>
    <d v="2017-09-18T00:00:00"/>
    <x v="8"/>
    <x v="3"/>
    <x v="51"/>
    <x v="40"/>
    <x v="0"/>
    <x v="0"/>
    <s v="Adams Telephone Message Book w/Frequently-Called Numbers Space, 400 Messages per Book"/>
    <n v="15.96"/>
    <n v="2"/>
    <n v="7.98"/>
  </r>
  <r>
    <d v="2017-09-18T00:00:00"/>
    <x v="8"/>
    <x v="3"/>
    <x v="578"/>
    <x v="31"/>
    <x v="0"/>
    <x v="3"/>
    <s v="Wilson Jones Easy Flow II Sheet Lifters"/>
    <n v="10.08"/>
    <n v="7"/>
    <n v="3.53"/>
  </r>
  <r>
    <d v="2017-09-18T00:00:00"/>
    <x v="8"/>
    <x v="3"/>
    <x v="578"/>
    <x v="31"/>
    <x v="2"/>
    <x v="9"/>
    <s v="Kingston Digital DataTraveler 64GB USB 2.0"/>
    <n v="101.34"/>
    <n v="3"/>
    <n v="8.11"/>
  </r>
  <r>
    <d v="2017-09-18T00:00:00"/>
    <x v="8"/>
    <x v="3"/>
    <x v="531"/>
    <x v="4"/>
    <x v="2"/>
    <x v="6"/>
    <s v="I Need's 3d Hello Kitty Hybrid Silicone Case Cover for HTC One X 4g with 3d Hello Kitty Stylus Pen Green/pink"/>
    <n v="95.68"/>
    <n v="8"/>
    <n v="26.79"/>
  </r>
  <r>
    <d v="2017-09-18T00:00:00"/>
    <x v="8"/>
    <x v="3"/>
    <x v="531"/>
    <x v="4"/>
    <x v="0"/>
    <x v="0"/>
    <s v="Post-it Â“Important MessageÂ” Note Pad, Neon Colors, 50 Sheets/Pad"/>
    <n v="50.96"/>
    <n v="7"/>
    <n v="24.46"/>
  </r>
  <r>
    <d v="2017-09-18T00:00:00"/>
    <x v="8"/>
    <x v="3"/>
    <x v="531"/>
    <x v="4"/>
    <x v="0"/>
    <x v="4"/>
    <s v="Hunt PowerHouse Electric Pencil Sharpener, Blue"/>
    <n v="113.94"/>
    <n v="3"/>
    <n v="34.18"/>
  </r>
  <r>
    <d v="2017-09-18T00:00:00"/>
    <x v="8"/>
    <x v="3"/>
    <x v="531"/>
    <x v="4"/>
    <x v="0"/>
    <x v="0"/>
    <s v="Xerox 1997"/>
    <n v="25.92"/>
    <n v="4"/>
    <n v="12.44"/>
  </r>
  <r>
    <d v="2017-09-18T00:00:00"/>
    <x v="8"/>
    <x v="3"/>
    <x v="531"/>
    <x v="4"/>
    <x v="1"/>
    <x v="8"/>
    <s v="Master Caster Door Stop, Gray"/>
    <n v="20.32"/>
    <n v="4"/>
    <n v="6.91"/>
  </r>
  <r>
    <d v="2017-09-18T00:00:00"/>
    <x v="8"/>
    <x v="3"/>
    <x v="531"/>
    <x v="4"/>
    <x v="2"/>
    <x v="6"/>
    <s v="AT&amp;T CL83451 4-Handset Telephone"/>
    <n v="411.98"/>
    <n v="2"/>
    <n v="119.47"/>
  </r>
  <r>
    <d v="2017-09-18T00:00:00"/>
    <x v="8"/>
    <x v="3"/>
    <x v="531"/>
    <x v="4"/>
    <x v="0"/>
    <x v="14"/>
    <s v="Fiskars 8&quot; Scissors, 2/Pack"/>
    <n v="34.479999999999997"/>
    <n v="2"/>
    <n v="10"/>
  </r>
  <r>
    <d v="2017-09-18T00:00:00"/>
    <x v="8"/>
    <x v="3"/>
    <x v="531"/>
    <x v="4"/>
    <x v="0"/>
    <x v="0"/>
    <s v="Xerox 1917"/>
    <n v="244.55"/>
    <n v="5"/>
    <n v="114.94"/>
  </r>
  <r>
    <d v="2017-09-18T00:00:00"/>
    <x v="8"/>
    <x v="3"/>
    <x v="205"/>
    <x v="0"/>
    <x v="0"/>
    <x v="10"/>
    <s v="Jet-Pak Recycled Peel 'N' Seal Padded Mailers"/>
    <n v="114.85"/>
    <n v="4"/>
    <n v="35.89"/>
  </r>
  <r>
    <d v="2017-09-19T00:00:00"/>
    <x v="8"/>
    <x v="3"/>
    <x v="442"/>
    <x v="16"/>
    <x v="0"/>
    <x v="2"/>
    <s v="Advantus 10-Drawer Portable Organizer, Chrome Metal Frame, Smoke Drawers"/>
    <n v="95.62"/>
    <n v="2"/>
    <n v="9.56"/>
  </r>
  <r>
    <d v="2017-09-19T00:00:00"/>
    <x v="8"/>
    <x v="3"/>
    <x v="691"/>
    <x v="11"/>
    <x v="2"/>
    <x v="6"/>
    <s v="Mophie Juice Pack Helium for iPhone"/>
    <n v="191.98"/>
    <n v="3"/>
    <n v="19.2"/>
  </r>
  <r>
    <d v="2017-09-19T00:00:00"/>
    <x v="8"/>
    <x v="3"/>
    <x v="691"/>
    <x v="11"/>
    <x v="0"/>
    <x v="4"/>
    <s v="Peel-Off China Markers"/>
    <n v="23.83"/>
    <n v="3"/>
    <n v="6.55"/>
  </r>
  <r>
    <d v="2017-09-19T00:00:00"/>
    <x v="8"/>
    <x v="3"/>
    <x v="691"/>
    <x v="11"/>
    <x v="1"/>
    <x v="8"/>
    <s v="Howard Miller 14-1/2&quot; Diameter Chrome Round Wall Clock"/>
    <n v="409.22"/>
    <n v="8"/>
    <n v="61.38"/>
  </r>
  <r>
    <d v="2017-09-19T00:00:00"/>
    <x v="8"/>
    <x v="3"/>
    <x v="691"/>
    <x v="11"/>
    <x v="1"/>
    <x v="11"/>
    <s v="O'Sullivan 4-Shelf Bookcase in Odessa Pine"/>
    <n v="72.59"/>
    <n v="2"/>
    <n v="-128.24"/>
  </r>
  <r>
    <d v="2017-09-19T00:00:00"/>
    <x v="8"/>
    <x v="3"/>
    <x v="401"/>
    <x v="20"/>
    <x v="0"/>
    <x v="0"/>
    <s v="Xerox 228"/>
    <n v="32.4"/>
    <n v="5"/>
    <n v="15.55"/>
  </r>
  <r>
    <d v="2017-09-19T00:00:00"/>
    <x v="8"/>
    <x v="3"/>
    <x v="679"/>
    <x v="3"/>
    <x v="2"/>
    <x v="9"/>
    <s v="Microsoft Natural Ergonomic Keyboard 4000"/>
    <n v="149.94999999999999"/>
    <n v="5"/>
    <n v="31.49"/>
  </r>
  <r>
    <d v="2017-09-19T00:00:00"/>
    <x v="8"/>
    <x v="3"/>
    <x v="679"/>
    <x v="3"/>
    <x v="0"/>
    <x v="4"/>
    <s v="Boston 16765 Mini Stand Up Battery Pencil Sharpener"/>
    <n v="23.32"/>
    <n v="2"/>
    <n v="6.06"/>
  </r>
  <r>
    <d v="2017-09-19T00:00:00"/>
    <x v="8"/>
    <x v="3"/>
    <x v="679"/>
    <x v="3"/>
    <x v="0"/>
    <x v="4"/>
    <s v="Newell 33"/>
    <n v="16.739999999999998"/>
    <n v="3"/>
    <n v="4.8499999999999996"/>
  </r>
  <r>
    <d v="2017-09-19T00:00:00"/>
    <x v="8"/>
    <x v="3"/>
    <x v="425"/>
    <x v="4"/>
    <x v="0"/>
    <x v="4"/>
    <s v="SANFORD Major Accent Highlighters"/>
    <n v="35.4"/>
    <n v="5"/>
    <n v="13.45"/>
  </r>
  <r>
    <d v="2017-09-19T00:00:00"/>
    <x v="8"/>
    <x v="3"/>
    <x v="579"/>
    <x v="12"/>
    <x v="0"/>
    <x v="2"/>
    <s v="Akro Stacking Bins"/>
    <n v="12.62"/>
    <n v="2"/>
    <n v="-2.52"/>
  </r>
  <r>
    <d v="2017-09-19T00:00:00"/>
    <x v="8"/>
    <x v="3"/>
    <x v="579"/>
    <x v="12"/>
    <x v="2"/>
    <x v="9"/>
    <s v="Sony Micro Vault Click 16 GB USB 2.0 Flash Drive"/>
    <n v="89.58"/>
    <n v="2"/>
    <n v="4.4800000000000004"/>
  </r>
  <r>
    <d v="2017-09-19T00:00:00"/>
    <x v="8"/>
    <x v="3"/>
    <x v="579"/>
    <x v="12"/>
    <x v="2"/>
    <x v="6"/>
    <s v="Polycom VoiceStation 500 ConferenceÂ phone"/>
    <n v="471.92"/>
    <n v="2"/>
    <n v="29.5"/>
  </r>
  <r>
    <d v="2017-09-19T00:00:00"/>
    <x v="8"/>
    <x v="3"/>
    <x v="579"/>
    <x v="12"/>
    <x v="0"/>
    <x v="3"/>
    <s v="Plastic Binding Combs"/>
    <n v="18.18"/>
    <n v="4"/>
    <n v="-13.94"/>
  </r>
  <r>
    <d v="2017-09-19T00:00:00"/>
    <x v="8"/>
    <x v="3"/>
    <x v="215"/>
    <x v="2"/>
    <x v="0"/>
    <x v="3"/>
    <s v="Acco PRESSTEX Data Binder with Storage Hooks, Dark Blue, 9 1/2&quot; X 11&quot;"/>
    <n v="4.84"/>
    <n v="3"/>
    <n v="-3.39"/>
  </r>
  <r>
    <d v="2017-09-20T00:00:00"/>
    <x v="8"/>
    <x v="3"/>
    <x v="9"/>
    <x v="20"/>
    <x v="1"/>
    <x v="5"/>
    <s v="Hon Valutask Swivel Chairs"/>
    <n v="272.64999999999998"/>
    <n v="3"/>
    <n v="18.18"/>
  </r>
  <r>
    <d v="2017-09-20T00:00:00"/>
    <x v="8"/>
    <x v="3"/>
    <x v="9"/>
    <x v="20"/>
    <x v="2"/>
    <x v="9"/>
    <s v="LogitechÂ Wireless Boombox Speaker - portable - wireless, wired"/>
    <n v="212.8"/>
    <n v="2"/>
    <n v="95.76"/>
  </r>
  <r>
    <d v="2017-09-20T00:00:00"/>
    <x v="8"/>
    <x v="3"/>
    <x v="9"/>
    <x v="20"/>
    <x v="0"/>
    <x v="0"/>
    <s v="TOPS &quot;Important Message&quot; Pads, Canary, 4-1/4 x 5-1/2, 50 Sheets per Pad"/>
    <n v="38.520000000000003"/>
    <n v="9"/>
    <n v="18.100000000000001"/>
  </r>
  <r>
    <d v="2017-09-20T00:00:00"/>
    <x v="8"/>
    <x v="3"/>
    <x v="9"/>
    <x v="20"/>
    <x v="2"/>
    <x v="9"/>
    <s v="SanDisk Cruzer 64 GB USB Flash Drive"/>
    <n v="72.64"/>
    <n v="2"/>
    <n v="21.79"/>
  </r>
  <r>
    <d v="2017-09-20T00:00:00"/>
    <x v="8"/>
    <x v="3"/>
    <x v="9"/>
    <x v="20"/>
    <x v="0"/>
    <x v="2"/>
    <s v="SimpliFile Personal File, Black Granite, 15w x 6-15/16d x 11-1/4h"/>
    <n v="45.4"/>
    <n v="4"/>
    <n v="12.71"/>
  </r>
  <r>
    <d v="2017-09-20T00:00:00"/>
    <x v="8"/>
    <x v="3"/>
    <x v="9"/>
    <x v="20"/>
    <x v="0"/>
    <x v="0"/>
    <s v="Adams Phone Message Book, 200 Message Capacity, 8 1/16Â” x 11Â”"/>
    <n v="13.76"/>
    <n v="2"/>
    <n v="6.33"/>
  </r>
  <r>
    <d v="2017-09-20T00:00:00"/>
    <x v="8"/>
    <x v="3"/>
    <x v="9"/>
    <x v="20"/>
    <x v="1"/>
    <x v="5"/>
    <s v="Global Leather Task Chair, Black"/>
    <n v="80.989999999999995"/>
    <n v="1"/>
    <n v="8.1"/>
  </r>
  <r>
    <d v="2017-09-20T00:00:00"/>
    <x v="8"/>
    <x v="3"/>
    <x v="9"/>
    <x v="20"/>
    <x v="0"/>
    <x v="3"/>
    <s v="Pressboard Covers with Storage Hooks, 9 1/2&quot; x 11&quot;, Light Blue"/>
    <n v="11.78"/>
    <n v="3"/>
    <n v="3.98"/>
  </r>
  <r>
    <d v="2017-09-20T00:00:00"/>
    <x v="8"/>
    <x v="3"/>
    <x v="9"/>
    <x v="20"/>
    <x v="0"/>
    <x v="7"/>
    <s v="Advantus Push Pins"/>
    <n v="4.3600000000000003"/>
    <n v="2"/>
    <n v="1.79"/>
  </r>
  <r>
    <d v="2017-09-20T00:00:00"/>
    <x v="8"/>
    <x v="3"/>
    <x v="9"/>
    <x v="20"/>
    <x v="1"/>
    <x v="5"/>
    <s v="Hon 4070 Series Pagoda Armless Upholstered Stacking Chairs"/>
    <n v="2888.13"/>
    <n v="11"/>
    <n v="609.72"/>
  </r>
  <r>
    <d v="2017-09-20T00:00:00"/>
    <x v="8"/>
    <x v="3"/>
    <x v="9"/>
    <x v="20"/>
    <x v="2"/>
    <x v="6"/>
    <s v="Apple iPhone 5"/>
    <n v="1299.6600000000001"/>
    <n v="2"/>
    <n v="350.91"/>
  </r>
  <r>
    <d v="2017-09-20T00:00:00"/>
    <x v="8"/>
    <x v="3"/>
    <x v="9"/>
    <x v="20"/>
    <x v="1"/>
    <x v="5"/>
    <s v="Global Troy Executive Leather Low-Back Tilter"/>
    <n v="2254.41"/>
    <n v="5"/>
    <n v="375.74"/>
  </r>
  <r>
    <d v="2017-09-20T00:00:00"/>
    <x v="8"/>
    <x v="3"/>
    <x v="9"/>
    <x v="20"/>
    <x v="2"/>
    <x v="6"/>
    <s v="Plantronics CordlessÂ Phone HeadsetÂ with In-line Volume - M214C"/>
    <n v="104.85"/>
    <n v="3"/>
    <n v="28.31"/>
  </r>
  <r>
    <d v="2017-09-20T00:00:00"/>
    <x v="8"/>
    <x v="3"/>
    <x v="9"/>
    <x v="20"/>
    <x v="2"/>
    <x v="9"/>
    <s v="LogitechÂ LS21 Speaker System - PC Multimedia - 2.1-CH - Wired"/>
    <n v="59.97"/>
    <n v="3"/>
    <n v="20.39"/>
  </r>
  <r>
    <d v="2017-09-21T00:00:00"/>
    <x v="8"/>
    <x v="3"/>
    <x v="356"/>
    <x v="28"/>
    <x v="0"/>
    <x v="3"/>
    <s v="Avery Durable Binders"/>
    <n v="20.16"/>
    <n v="7"/>
    <n v="9.8800000000000008"/>
  </r>
  <r>
    <d v="2017-09-21T00:00:00"/>
    <x v="8"/>
    <x v="3"/>
    <x v="73"/>
    <x v="4"/>
    <x v="0"/>
    <x v="12"/>
    <s v="APC 7 Outlet Network SurgeArrest Surge Protector"/>
    <n v="80.48"/>
    <n v="1"/>
    <n v="24.14"/>
  </r>
  <r>
    <d v="2017-09-21T00:00:00"/>
    <x v="8"/>
    <x v="3"/>
    <x v="185"/>
    <x v="2"/>
    <x v="0"/>
    <x v="3"/>
    <s v="Insertable Tab Indexes For Data Binders"/>
    <n v="1.91"/>
    <n v="2"/>
    <n v="-1.53"/>
  </r>
  <r>
    <d v="2017-09-21T00:00:00"/>
    <x v="8"/>
    <x v="3"/>
    <x v="650"/>
    <x v="22"/>
    <x v="2"/>
    <x v="9"/>
    <s v="Sony 64GB Class 10 Micro SDHC R40 Memory Card"/>
    <n v="71.98"/>
    <n v="2"/>
    <n v="15.12"/>
  </r>
  <r>
    <d v="2017-09-21T00:00:00"/>
    <x v="8"/>
    <x v="3"/>
    <x v="650"/>
    <x v="22"/>
    <x v="2"/>
    <x v="9"/>
    <s v="Logitech M510 Wireless Mouse"/>
    <n v="79.98"/>
    <n v="2"/>
    <n v="26.39"/>
  </r>
  <r>
    <d v="2017-09-21T00:00:00"/>
    <x v="8"/>
    <x v="3"/>
    <x v="275"/>
    <x v="16"/>
    <x v="0"/>
    <x v="3"/>
    <s v="Avery Trapezoid Ring Binder, 3&quot; Capacity, Black, 1040 sheets"/>
    <n v="12.29"/>
    <n v="1"/>
    <n v="-8.61"/>
  </r>
  <r>
    <d v="2017-09-21T00:00:00"/>
    <x v="8"/>
    <x v="3"/>
    <x v="688"/>
    <x v="3"/>
    <x v="0"/>
    <x v="2"/>
    <s v="Tenex Personal Filing Tote With Secure Closure Lid, Black/Frost"/>
    <n v="15.51"/>
    <n v="1"/>
    <n v="3.88"/>
  </r>
  <r>
    <d v="2017-09-21T00:00:00"/>
    <x v="8"/>
    <x v="3"/>
    <x v="440"/>
    <x v="3"/>
    <x v="0"/>
    <x v="0"/>
    <s v="Adams Telephone Message Book w/Frequently-Called Numbers Space, 400 Messages per Book"/>
    <n v="55.86"/>
    <n v="7"/>
    <n v="27.93"/>
  </r>
  <r>
    <d v="2017-09-22T00:00:00"/>
    <x v="8"/>
    <x v="3"/>
    <x v="458"/>
    <x v="21"/>
    <x v="0"/>
    <x v="0"/>
    <s v="Xerox 1940"/>
    <n v="219.84"/>
    <n v="4"/>
    <n v="107.72"/>
  </r>
  <r>
    <d v="2017-09-22T00:00:00"/>
    <x v="8"/>
    <x v="3"/>
    <x v="458"/>
    <x v="21"/>
    <x v="2"/>
    <x v="9"/>
    <s v="Logitech Desktop MK120 Mouse and keyboard Combo"/>
    <n v="98.16"/>
    <n v="6"/>
    <n v="9.82"/>
  </r>
  <r>
    <d v="2017-09-22T00:00:00"/>
    <x v="8"/>
    <x v="3"/>
    <x v="458"/>
    <x v="21"/>
    <x v="0"/>
    <x v="3"/>
    <s v="ACCOHIDE Binder by Acco"/>
    <n v="33.04"/>
    <n v="8"/>
    <n v="15.53"/>
  </r>
  <r>
    <d v="2017-09-22T00:00:00"/>
    <x v="8"/>
    <x v="3"/>
    <x v="458"/>
    <x v="21"/>
    <x v="2"/>
    <x v="6"/>
    <s v="AT&amp;T CL82213"/>
    <n v="86.97"/>
    <n v="3"/>
    <n v="25.22"/>
  </r>
  <r>
    <d v="2017-09-22T00:00:00"/>
    <x v="8"/>
    <x v="3"/>
    <x v="409"/>
    <x v="2"/>
    <x v="0"/>
    <x v="3"/>
    <s v="Clear Mylar Reinforcing Strips"/>
    <n v="5.61"/>
    <n v="1"/>
    <n v="-4.3"/>
  </r>
  <r>
    <d v="2017-09-22T00:00:00"/>
    <x v="8"/>
    <x v="3"/>
    <x v="409"/>
    <x v="2"/>
    <x v="0"/>
    <x v="14"/>
    <s v="Martin Yale Chadless Opener Electric Letter Opener"/>
    <n v="4663.74"/>
    <n v="7"/>
    <n v="-1049.3399999999999"/>
  </r>
  <r>
    <d v="2017-09-22T00:00:00"/>
    <x v="8"/>
    <x v="3"/>
    <x v="409"/>
    <x v="2"/>
    <x v="2"/>
    <x v="9"/>
    <s v="Logitech Wireless Marathon Mouse M705"/>
    <n v="79.98"/>
    <n v="2"/>
    <n v="23"/>
  </r>
  <r>
    <d v="2017-09-22T00:00:00"/>
    <x v="8"/>
    <x v="3"/>
    <x v="200"/>
    <x v="14"/>
    <x v="1"/>
    <x v="11"/>
    <s v="O'Sullivan 4-Shelf Bookcase in Odessa Pine"/>
    <n v="241.96"/>
    <n v="2"/>
    <n v="41.13"/>
  </r>
  <r>
    <d v="2017-09-22T00:00:00"/>
    <x v="8"/>
    <x v="3"/>
    <x v="200"/>
    <x v="14"/>
    <x v="0"/>
    <x v="1"/>
    <s v="Avery 511"/>
    <n v="27.72"/>
    <n v="9"/>
    <n v="13.31"/>
  </r>
  <r>
    <d v="2017-09-22T00:00:00"/>
    <x v="8"/>
    <x v="3"/>
    <x v="562"/>
    <x v="0"/>
    <x v="0"/>
    <x v="10"/>
    <s v="Staple envelope"/>
    <n v="13.39"/>
    <n v="3"/>
    <n v="5.0199999999999996"/>
  </r>
  <r>
    <d v="2017-09-22T00:00:00"/>
    <x v="8"/>
    <x v="3"/>
    <x v="562"/>
    <x v="0"/>
    <x v="0"/>
    <x v="3"/>
    <s v="Insertable Tab Post Binder Dividers"/>
    <n v="11.23"/>
    <n v="7"/>
    <n v="-18.53"/>
  </r>
  <r>
    <d v="2017-09-22T00:00:00"/>
    <x v="8"/>
    <x v="3"/>
    <x v="264"/>
    <x v="13"/>
    <x v="0"/>
    <x v="3"/>
    <s v="Ibico EB-19 Dual Function Manual Binding System"/>
    <n v="691.96"/>
    <n v="4"/>
    <n v="318.3"/>
  </r>
  <r>
    <d v="2017-09-22T00:00:00"/>
    <x v="8"/>
    <x v="3"/>
    <x v="264"/>
    <x v="13"/>
    <x v="2"/>
    <x v="9"/>
    <s v="Verbatim 25 GB 6x Blu-ray Single Layer Recordable Disc, 3/Pack"/>
    <n v="34.950000000000003"/>
    <n v="5"/>
    <n v="15.38"/>
  </r>
  <r>
    <d v="2017-09-22T00:00:00"/>
    <x v="8"/>
    <x v="3"/>
    <x v="17"/>
    <x v="31"/>
    <x v="0"/>
    <x v="0"/>
    <s v="Southworth 25% Cotton Linen-Finish Paper &amp; Envelopes"/>
    <n v="27.18"/>
    <n v="3"/>
    <n v="12.23"/>
  </r>
  <r>
    <d v="2017-09-22T00:00:00"/>
    <x v="8"/>
    <x v="3"/>
    <x v="103"/>
    <x v="7"/>
    <x v="2"/>
    <x v="6"/>
    <s v="GE 30524EE4"/>
    <n v="391.98"/>
    <n v="2"/>
    <n v="113.67"/>
  </r>
  <r>
    <d v="2017-09-22T00:00:00"/>
    <x v="8"/>
    <x v="3"/>
    <x v="588"/>
    <x v="38"/>
    <x v="0"/>
    <x v="2"/>
    <s v="Tenex Personal Project File with Scoop Front Design, Black"/>
    <n v="67.400000000000006"/>
    <n v="5"/>
    <n v="17.52"/>
  </r>
  <r>
    <d v="2017-09-22T00:00:00"/>
    <x v="8"/>
    <x v="3"/>
    <x v="678"/>
    <x v="20"/>
    <x v="0"/>
    <x v="3"/>
    <s v="GBC Poly Designer Binding Covers"/>
    <n v="40.18"/>
    <n v="3"/>
    <n v="14.56"/>
  </r>
  <r>
    <d v="2017-09-22T00:00:00"/>
    <x v="8"/>
    <x v="3"/>
    <x v="510"/>
    <x v="4"/>
    <x v="0"/>
    <x v="0"/>
    <s v="Xerox 219"/>
    <n v="12.96"/>
    <n v="2"/>
    <n v="6.22"/>
  </r>
  <r>
    <d v="2017-09-22T00:00:00"/>
    <x v="8"/>
    <x v="3"/>
    <x v="510"/>
    <x v="4"/>
    <x v="0"/>
    <x v="4"/>
    <s v="Stride Job 150 Highlighters, Chisel Tip, Assorted Colors"/>
    <n v="17.940000000000001"/>
    <n v="3"/>
    <n v="6.46"/>
  </r>
  <r>
    <d v="2017-09-22T00:00:00"/>
    <x v="8"/>
    <x v="3"/>
    <x v="328"/>
    <x v="3"/>
    <x v="0"/>
    <x v="14"/>
    <s v="Fiskars Softgrip Scissors"/>
    <n v="21.96"/>
    <n v="2"/>
    <n v="6.15"/>
  </r>
  <r>
    <d v="2017-09-22T00:00:00"/>
    <x v="8"/>
    <x v="3"/>
    <x v="391"/>
    <x v="20"/>
    <x v="2"/>
    <x v="9"/>
    <s v="WD My Passport Ultra 2TB Portable External Hard Drive"/>
    <n v="1071"/>
    <n v="9"/>
    <n v="171.36"/>
  </r>
  <r>
    <d v="2017-09-22T00:00:00"/>
    <x v="8"/>
    <x v="3"/>
    <x v="391"/>
    <x v="20"/>
    <x v="1"/>
    <x v="8"/>
    <s v="Eldon 500 Class Desk Accessories"/>
    <n v="12.07"/>
    <n v="1"/>
    <n v="3.98"/>
  </r>
  <r>
    <d v="2017-09-23T00:00:00"/>
    <x v="8"/>
    <x v="3"/>
    <x v="738"/>
    <x v="22"/>
    <x v="0"/>
    <x v="12"/>
    <s v="Belkin 8 Outlet SurgeMaster II Gold Surge Protector"/>
    <n v="119.96"/>
    <n v="2"/>
    <n v="33.590000000000003"/>
  </r>
  <r>
    <d v="2017-09-23T00:00:00"/>
    <x v="8"/>
    <x v="3"/>
    <x v="738"/>
    <x v="22"/>
    <x v="0"/>
    <x v="2"/>
    <s v="Sterilite Officeware Hinged File Box"/>
    <n v="31.44"/>
    <n v="3"/>
    <n v="8.49"/>
  </r>
  <r>
    <d v="2017-09-23T00:00:00"/>
    <x v="8"/>
    <x v="3"/>
    <x v="738"/>
    <x v="22"/>
    <x v="0"/>
    <x v="3"/>
    <s v="Avery Printable Repositionable Plastic Tabs"/>
    <n v="6.88"/>
    <n v="1"/>
    <n v="2.3199999999999998"/>
  </r>
  <r>
    <d v="2017-09-23T00:00:00"/>
    <x v="8"/>
    <x v="3"/>
    <x v="196"/>
    <x v="26"/>
    <x v="1"/>
    <x v="8"/>
    <s v="Aluminum Document Frame"/>
    <n v="29.33"/>
    <n v="3"/>
    <n v="3.67"/>
  </r>
  <r>
    <d v="2017-09-23T00:00:00"/>
    <x v="8"/>
    <x v="3"/>
    <x v="649"/>
    <x v="39"/>
    <x v="2"/>
    <x v="9"/>
    <s v="ImationÂ Secure+ Hardware Encrypted USB 2.0Â Flash Drive; 16GB"/>
    <n v="291.95999999999998"/>
    <n v="4"/>
    <n v="102.19"/>
  </r>
  <r>
    <d v="2017-09-23T00:00:00"/>
    <x v="8"/>
    <x v="3"/>
    <x v="61"/>
    <x v="26"/>
    <x v="0"/>
    <x v="10"/>
    <s v="Wausau Papers Astrobrights Colored Envelopes"/>
    <n v="14.35"/>
    <n v="3"/>
    <n v="5.2"/>
  </r>
  <r>
    <d v="2017-09-23T00:00:00"/>
    <x v="8"/>
    <x v="3"/>
    <x v="358"/>
    <x v="26"/>
    <x v="1"/>
    <x v="11"/>
    <s v="Atlantic Metals Mobile 5-Shelf Bookcases, Custom Colors"/>
    <n v="180.59"/>
    <n v="2"/>
    <n v="-240.78"/>
  </r>
  <r>
    <d v="2017-09-23T00:00:00"/>
    <x v="8"/>
    <x v="3"/>
    <x v="358"/>
    <x v="26"/>
    <x v="2"/>
    <x v="9"/>
    <s v="Belkin F8E887 USB Wired Ergonomic Keyboard"/>
    <n v="47.98"/>
    <n v="2"/>
    <n v="0.6"/>
  </r>
  <r>
    <d v="2017-09-23T00:00:00"/>
    <x v="8"/>
    <x v="3"/>
    <x v="206"/>
    <x v="3"/>
    <x v="0"/>
    <x v="3"/>
    <s v="Acco PRESSTEX Data Binder with Storage Hooks, Light Blue, 9 1/2&quot; X 11&quot;"/>
    <n v="25.82"/>
    <n v="6"/>
    <n v="9.0399999999999991"/>
  </r>
  <r>
    <d v="2017-09-23T00:00:00"/>
    <x v="8"/>
    <x v="3"/>
    <x v="206"/>
    <x v="3"/>
    <x v="0"/>
    <x v="12"/>
    <s v="APC 7 Outlet Network SurgeArrest Surge Protector"/>
    <n v="160.96"/>
    <n v="2"/>
    <n v="48.29"/>
  </r>
  <r>
    <d v="2017-09-23T00:00:00"/>
    <x v="8"/>
    <x v="3"/>
    <x v="737"/>
    <x v="16"/>
    <x v="0"/>
    <x v="0"/>
    <s v="Xerox 1941"/>
    <n v="251.64"/>
    <n v="3"/>
    <n v="88.07"/>
  </r>
  <r>
    <d v="2017-09-23T00:00:00"/>
    <x v="8"/>
    <x v="3"/>
    <x v="641"/>
    <x v="1"/>
    <x v="0"/>
    <x v="12"/>
    <s v="Euro Pro Shark Stick Mini Vacuum"/>
    <n v="73.180000000000007"/>
    <n v="6"/>
    <n v="-197.58"/>
  </r>
  <r>
    <d v="2017-09-23T00:00:00"/>
    <x v="8"/>
    <x v="3"/>
    <x v="641"/>
    <x v="1"/>
    <x v="0"/>
    <x v="0"/>
    <s v="Xerox 217"/>
    <n v="20.74"/>
    <n v="4"/>
    <n v="7.26"/>
  </r>
  <r>
    <d v="2017-09-23T00:00:00"/>
    <x v="8"/>
    <x v="3"/>
    <x v="641"/>
    <x v="1"/>
    <x v="2"/>
    <x v="6"/>
    <s v="OtterBox Commuter Series Case - Samsung Galaxy S4"/>
    <n v="39.979999999999997"/>
    <n v="2"/>
    <n v="-9"/>
  </r>
  <r>
    <d v="2017-09-23T00:00:00"/>
    <x v="8"/>
    <x v="3"/>
    <x v="712"/>
    <x v="13"/>
    <x v="2"/>
    <x v="9"/>
    <s v="Microsoft Wireless Mobile Mouse 4000"/>
    <n v="199.95"/>
    <n v="5"/>
    <n v="63.98"/>
  </r>
  <r>
    <d v="2017-09-23T00:00:00"/>
    <x v="8"/>
    <x v="3"/>
    <x v="712"/>
    <x v="13"/>
    <x v="0"/>
    <x v="0"/>
    <s v="Xerox 225"/>
    <n v="12.96"/>
    <n v="2"/>
    <n v="6.22"/>
  </r>
  <r>
    <d v="2017-09-23T00:00:00"/>
    <x v="8"/>
    <x v="3"/>
    <x v="257"/>
    <x v="3"/>
    <x v="0"/>
    <x v="0"/>
    <s v="Xerox 1909"/>
    <n v="211.04"/>
    <n v="8"/>
    <n v="97.08"/>
  </r>
  <r>
    <d v="2017-09-23T00:00:00"/>
    <x v="8"/>
    <x v="3"/>
    <x v="257"/>
    <x v="3"/>
    <x v="1"/>
    <x v="5"/>
    <s v="GuestStacker Chair with Chrome Finish Legs"/>
    <n v="594.82000000000005"/>
    <n v="2"/>
    <n v="59.48"/>
  </r>
  <r>
    <d v="2017-09-23T00:00:00"/>
    <x v="8"/>
    <x v="3"/>
    <x v="257"/>
    <x v="3"/>
    <x v="0"/>
    <x v="3"/>
    <s v="Ibico Plastic Spiral Binding Combs"/>
    <n v="72.959999999999994"/>
    <n v="3"/>
    <n v="23.71"/>
  </r>
  <r>
    <d v="2017-09-23T00:00:00"/>
    <x v="8"/>
    <x v="3"/>
    <x v="223"/>
    <x v="0"/>
    <x v="0"/>
    <x v="0"/>
    <s v="Xerox 1899"/>
    <n v="9.25"/>
    <n v="2"/>
    <n v="3.35"/>
  </r>
  <r>
    <d v="2017-09-24T00:00:00"/>
    <x v="8"/>
    <x v="3"/>
    <x v="12"/>
    <x v="16"/>
    <x v="2"/>
    <x v="9"/>
    <s v="Verbatim 25 GB 6x Blu-ray Single Layer Recordable Disc, 1/Pack"/>
    <n v="17.88"/>
    <n v="3"/>
    <n v="2.46"/>
  </r>
  <r>
    <d v="2017-09-24T00:00:00"/>
    <x v="8"/>
    <x v="3"/>
    <x v="12"/>
    <x v="16"/>
    <x v="0"/>
    <x v="1"/>
    <s v="Dot Matrix Printer Tape Reel Labels, White, 5000/Box"/>
    <n v="235.94"/>
    <n v="3"/>
    <n v="85.53"/>
  </r>
  <r>
    <d v="2017-09-24T00:00:00"/>
    <x v="8"/>
    <x v="3"/>
    <x v="708"/>
    <x v="10"/>
    <x v="1"/>
    <x v="8"/>
    <s v="Howard Miller 13&quot; Diameter Pewter Finish Round Wall Clock"/>
    <n v="103.06"/>
    <n v="3"/>
    <n v="24.48"/>
  </r>
  <r>
    <d v="2017-09-24T00:00:00"/>
    <x v="8"/>
    <x v="3"/>
    <x v="119"/>
    <x v="28"/>
    <x v="2"/>
    <x v="9"/>
    <s v="KeyTronicÂ E03601U1 -Â KeyboardÂ - Beige"/>
    <n v="72"/>
    <n v="4"/>
    <n v="12.96"/>
  </r>
  <r>
    <d v="2017-09-24T00:00:00"/>
    <x v="8"/>
    <x v="3"/>
    <x v="119"/>
    <x v="28"/>
    <x v="2"/>
    <x v="9"/>
    <s v="Imation Bio 2GB USBÂ Flash Drive ImationÂ Corp"/>
    <n v="655.9"/>
    <n v="5"/>
    <n v="275.48"/>
  </r>
  <r>
    <d v="2017-09-24T00:00:00"/>
    <x v="8"/>
    <x v="3"/>
    <x v="119"/>
    <x v="28"/>
    <x v="1"/>
    <x v="5"/>
    <s v="Global Airflow Leather Mesh Back Chair, Black"/>
    <n v="603.91999999999996"/>
    <n v="4"/>
    <n v="181.18"/>
  </r>
  <r>
    <d v="2017-09-24T00:00:00"/>
    <x v="8"/>
    <x v="3"/>
    <x v="772"/>
    <x v="10"/>
    <x v="2"/>
    <x v="6"/>
    <s v="Apple iPhone 5"/>
    <n v="1169.69"/>
    <n v="3"/>
    <n v="-253.43"/>
  </r>
  <r>
    <d v="2017-09-24T00:00:00"/>
    <x v="8"/>
    <x v="3"/>
    <x v="643"/>
    <x v="4"/>
    <x v="0"/>
    <x v="2"/>
    <s v="Fellowes Desktop Hanging File Manager"/>
    <n v="40.29"/>
    <n v="3"/>
    <n v="10.07"/>
  </r>
  <r>
    <d v="2017-09-24T00:00:00"/>
    <x v="8"/>
    <x v="3"/>
    <x v="643"/>
    <x v="4"/>
    <x v="0"/>
    <x v="3"/>
    <s v="Avery Durable Poly Binders"/>
    <n v="38.71"/>
    <n v="7"/>
    <n v="17.809999999999999"/>
  </r>
  <r>
    <d v="2017-09-24T00:00:00"/>
    <x v="8"/>
    <x v="3"/>
    <x v="244"/>
    <x v="32"/>
    <x v="2"/>
    <x v="6"/>
    <s v="Panasonic KX-TG9471B"/>
    <n v="391.98"/>
    <n v="2"/>
    <n v="109.75"/>
  </r>
  <r>
    <d v="2017-09-24T00:00:00"/>
    <x v="8"/>
    <x v="3"/>
    <x v="244"/>
    <x v="32"/>
    <x v="2"/>
    <x v="6"/>
    <s v="Wi-Ex zBoost YX540 Cellular Phone Signal Booster"/>
    <n v="437.85"/>
    <n v="3"/>
    <n v="131.36000000000001"/>
  </r>
  <r>
    <d v="2017-09-24T00:00:00"/>
    <x v="8"/>
    <x v="3"/>
    <x v="410"/>
    <x v="3"/>
    <x v="2"/>
    <x v="6"/>
    <s v="Wilson Electronics DB Pro Signal Booster"/>
    <n v="859.2"/>
    <n v="3"/>
    <n v="75.180000000000007"/>
  </r>
  <r>
    <d v="2017-09-24T00:00:00"/>
    <x v="8"/>
    <x v="3"/>
    <x v="410"/>
    <x v="3"/>
    <x v="2"/>
    <x v="15"/>
    <s v="Socket Bluetooth Cordless Hand Scanner (CHS)"/>
    <n v="506.28"/>
    <n v="3"/>
    <n v="177.2"/>
  </r>
  <r>
    <d v="2017-09-24T00:00:00"/>
    <x v="8"/>
    <x v="3"/>
    <x v="367"/>
    <x v="16"/>
    <x v="2"/>
    <x v="6"/>
    <s v="Vtech CS6719"/>
    <n v="383.96"/>
    <n v="5"/>
    <n v="38.4"/>
  </r>
  <r>
    <d v="2017-09-24T00:00:00"/>
    <x v="8"/>
    <x v="3"/>
    <x v="367"/>
    <x v="16"/>
    <x v="0"/>
    <x v="3"/>
    <s v="Wilson Jones International Size A4 Ring Binders"/>
    <n v="15.57"/>
    <n v="3"/>
    <n v="-11.42"/>
  </r>
  <r>
    <d v="2017-09-24T00:00:00"/>
    <x v="8"/>
    <x v="3"/>
    <x v="300"/>
    <x v="22"/>
    <x v="1"/>
    <x v="8"/>
    <s v="12-1/2 Diameter Round Wall Clock"/>
    <n v="199.8"/>
    <n v="10"/>
    <n v="71.930000000000007"/>
  </r>
  <r>
    <d v="2017-09-24T00:00:00"/>
    <x v="8"/>
    <x v="3"/>
    <x v="432"/>
    <x v="4"/>
    <x v="0"/>
    <x v="2"/>
    <s v="Tenex Personal Filing Tote With Secure Closure Lid, Black/Frost"/>
    <n v="15.51"/>
    <n v="1"/>
    <n v="3.88"/>
  </r>
  <r>
    <d v="2017-09-24T00:00:00"/>
    <x v="8"/>
    <x v="3"/>
    <x v="432"/>
    <x v="4"/>
    <x v="2"/>
    <x v="6"/>
    <s v="Plantronics Encore H101 Dual EarpiecesÂ Headset"/>
    <n v="89.9"/>
    <n v="2"/>
    <n v="25.17"/>
  </r>
  <r>
    <d v="2017-09-24T00:00:00"/>
    <x v="8"/>
    <x v="3"/>
    <x v="432"/>
    <x v="4"/>
    <x v="0"/>
    <x v="4"/>
    <s v="Barrel Sharpener"/>
    <n v="14.28"/>
    <n v="4"/>
    <n v="3.71"/>
  </r>
  <r>
    <d v="2017-09-24T00:00:00"/>
    <x v="8"/>
    <x v="3"/>
    <x v="432"/>
    <x v="4"/>
    <x v="0"/>
    <x v="4"/>
    <s v="BIC Brite Liner Grip Highlighters, Assorted, 5/Pack"/>
    <n v="12.72"/>
    <n v="3"/>
    <n v="4.96"/>
  </r>
  <r>
    <d v="2017-09-24T00:00:00"/>
    <x v="8"/>
    <x v="3"/>
    <x v="432"/>
    <x v="4"/>
    <x v="0"/>
    <x v="1"/>
    <s v="Self-Adhesive Removable Labels"/>
    <n v="15.75"/>
    <n v="5"/>
    <n v="7.56"/>
  </r>
  <r>
    <d v="2017-09-24T00:00:00"/>
    <x v="8"/>
    <x v="3"/>
    <x v="644"/>
    <x v="1"/>
    <x v="1"/>
    <x v="5"/>
    <s v="GuestStacker Chair with Chrome Finish Legs"/>
    <n v="520.46"/>
    <n v="2"/>
    <n v="-14.87"/>
  </r>
  <r>
    <d v="2017-09-24T00:00:00"/>
    <x v="8"/>
    <x v="3"/>
    <x v="644"/>
    <x v="1"/>
    <x v="0"/>
    <x v="0"/>
    <s v="Wirebound Voice Message Log Book"/>
    <n v="11.42"/>
    <n v="3"/>
    <n v="3.71"/>
  </r>
  <r>
    <d v="2017-09-24T00:00:00"/>
    <x v="8"/>
    <x v="3"/>
    <x v="646"/>
    <x v="3"/>
    <x v="0"/>
    <x v="0"/>
    <s v="Array Memo Cubes"/>
    <n v="31.08"/>
    <n v="6"/>
    <n v="15.23"/>
  </r>
  <r>
    <d v="2017-09-24T00:00:00"/>
    <x v="8"/>
    <x v="3"/>
    <x v="646"/>
    <x v="3"/>
    <x v="0"/>
    <x v="14"/>
    <s v="Acme Value Line Scissors"/>
    <n v="7.3"/>
    <n v="2"/>
    <n v="2.19"/>
  </r>
  <r>
    <d v="2017-09-25T00:00:00"/>
    <x v="8"/>
    <x v="3"/>
    <x v="682"/>
    <x v="20"/>
    <x v="0"/>
    <x v="1"/>
    <s v="Avery Address/Shipping Labels for Typewriters, 4&quot; x 2&quot;"/>
    <n v="20.7"/>
    <n v="2"/>
    <n v="9.94"/>
  </r>
  <r>
    <d v="2017-09-25T00:00:00"/>
    <x v="8"/>
    <x v="3"/>
    <x v="682"/>
    <x v="20"/>
    <x v="1"/>
    <x v="5"/>
    <s v="Global Ergonomic Managers Chair"/>
    <n v="488.65"/>
    <n v="3"/>
    <n v="86.87"/>
  </r>
  <r>
    <d v="2017-09-25T00:00:00"/>
    <x v="8"/>
    <x v="3"/>
    <x v="682"/>
    <x v="20"/>
    <x v="0"/>
    <x v="4"/>
    <s v="Newell 333"/>
    <n v="5.56"/>
    <n v="2"/>
    <n v="1.45"/>
  </r>
  <r>
    <d v="2017-09-25T00:00:00"/>
    <x v="8"/>
    <x v="3"/>
    <x v="682"/>
    <x v="20"/>
    <x v="1"/>
    <x v="8"/>
    <s v="Eldon Wave Desk Accessories"/>
    <n v="47.12"/>
    <n v="8"/>
    <n v="20.73"/>
  </r>
  <r>
    <d v="2017-09-25T00:00:00"/>
    <x v="8"/>
    <x v="3"/>
    <x v="189"/>
    <x v="28"/>
    <x v="0"/>
    <x v="3"/>
    <s v="ACCOHIDE Binder by Acco"/>
    <n v="8.26"/>
    <n v="2"/>
    <n v="3.88"/>
  </r>
  <r>
    <d v="2017-09-25T00:00:00"/>
    <x v="8"/>
    <x v="3"/>
    <x v="189"/>
    <x v="28"/>
    <x v="1"/>
    <x v="5"/>
    <s v="Global Leather Task Chair, Black"/>
    <n v="269.97000000000003"/>
    <n v="3"/>
    <n v="51.29"/>
  </r>
  <r>
    <d v="2017-09-25T00:00:00"/>
    <x v="8"/>
    <x v="3"/>
    <x v="745"/>
    <x v="10"/>
    <x v="2"/>
    <x v="9"/>
    <s v="Logitech 910-002974 M325 Wireless Mouse for Web Scrolling"/>
    <n v="119.96"/>
    <n v="5"/>
    <n v="35.99"/>
  </r>
  <r>
    <d v="2017-09-25T00:00:00"/>
    <x v="8"/>
    <x v="3"/>
    <x v="745"/>
    <x v="10"/>
    <x v="0"/>
    <x v="4"/>
    <s v="Newell 311"/>
    <n v="10.61"/>
    <n v="6"/>
    <n v="0.93"/>
  </r>
  <r>
    <d v="2017-09-25T00:00:00"/>
    <x v="8"/>
    <x v="3"/>
    <x v="465"/>
    <x v="35"/>
    <x v="0"/>
    <x v="2"/>
    <s v="Iris Project Case"/>
    <n v="39.9"/>
    <n v="5"/>
    <n v="10.37"/>
  </r>
  <r>
    <d v="2017-09-25T00:00:00"/>
    <x v="8"/>
    <x v="3"/>
    <x v="316"/>
    <x v="6"/>
    <x v="0"/>
    <x v="2"/>
    <s v="Steel Personal Filing/Posting Tote"/>
    <n v="177.55"/>
    <n v="5"/>
    <n v="47.94"/>
  </r>
  <r>
    <d v="2017-09-25T00:00:00"/>
    <x v="8"/>
    <x v="3"/>
    <x v="512"/>
    <x v="2"/>
    <x v="0"/>
    <x v="3"/>
    <s v="Avery Metallic Poly Binders"/>
    <n v="8.6"/>
    <n v="5"/>
    <n v="-6.3"/>
  </r>
  <r>
    <d v="2017-09-25T00:00:00"/>
    <x v="8"/>
    <x v="3"/>
    <x v="512"/>
    <x v="2"/>
    <x v="0"/>
    <x v="14"/>
    <s v="Compact Automatic Electric Letter Opener"/>
    <n v="190.9"/>
    <n v="2"/>
    <n v="-42.95"/>
  </r>
  <r>
    <d v="2017-09-25T00:00:00"/>
    <x v="8"/>
    <x v="3"/>
    <x v="27"/>
    <x v="10"/>
    <x v="0"/>
    <x v="10"/>
    <s v="Security-Tint Envelopes"/>
    <n v="24.45"/>
    <n v="4"/>
    <n v="8.86"/>
  </r>
  <r>
    <d v="2017-09-26T00:00:00"/>
    <x v="8"/>
    <x v="3"/>
    <x v="694"/>
    <x v="16"/>
    <x v="1"/>
    <x v="5"/>
    <s v="Office Star - Contemporary Task Swivel chair with Loop Arms, Charcoal"/>
    <n v="419.14"/>
    <n v="4"/>
    <n v="-57.63"/>
  </r>
  <r>
    <d v="2017-09-26T00:00:00"/>
    <x v="8"/>
    <x v="3"/>
    <x v="141"/>
    <x v="3"/>
    <x v="0"/>
    <x v="10"/>
    <s v="Staple envelope"/>
    <n v="71.88"/>
    <n v="6"/>
    <n v="33.06"/>
  </r>
  <r>
    <d v="2017-09-26T00:00:00"/>
    <x v="8"/>
    <x v="3"/>
    <x v="141"/>
    <x v="3"/>
    <x v="1"/>
    <x v="8"/>
    <s v="Stackable Trays"/>
    <n v="9.24"/>
    <n v="3"/>
    <n v="2.96"/>
  </r>
  <r>
    <d v="2017-09-26T00:00:00"/>
    <x v="8"/>
    <x v="3"/>
    <x v="141"/>
    <x v="3"/>
    <x v="0"/>
    <x v="0"/>
    <s v="Xerox 1895"/>
    <n v="35.880000000000003"/>
    <n v="6"/>
    <n v="16.149999999999999"/>
  </r>
  <r>
    <d v="2017-09-26T00:00:00"/>
    <x v="8"/>
    <x v="3"/>
    <x v="141"/>
    <x v="3"/>
    <x v="0"/>
    <x v="3"/>
    <s v="Wilson Jones Hanging View Binder, White, 1&quot;"/>
    <n v="17.04"/>
    <n v="3"/>
    <n v="5.54"/>
  </r>
  <r>
    <d v="2017-09-26T00:00:00"/>
    <x v="8"/>
    <x v="3"/>
    <x v="141"/>
    <x v="3"/>
    <x v="0"/>
    <x v="3"/>
    <s v="Fellowes PB300 Plastic Comb Binding Machine"/>
    <n v="931.18"/>
    <n v="3"/>
    <n v="314.27"/>
  </r>
  <r>
    <d v="2017-09-26T00:00:00"/>
    <x v="8"/>
    <x v="3"/>
    <x v="421"/>
    <x v="11"/>
    <x v="0"/>
    <x v="4"/>
    <s v="Prang Drawing Pencil Set"/>
    <n v="2.2200000000000002"/>
    <n v="1"/>
    <n v="0.56000000000000005"/>
  </r>
  <r>
    <d v="2017-09-28T00:00:00"/>
    <x v="8"/>
    <x v="3"/>
    <x v="773"/>
    <x v="0"/>
    <x v="0"/>
    <x v="14"/>
    <s v="Staple remover"/>
    <n v="1.74"/>
    <n v="1"/>
    <n v="-0.35"/>
  </r>
  <r>
    <d v="2017-09-28T00:00:00"/>
    <x v="8"/>
    <x v="3"/>
    <x v="293"/>
    <x v="26"/>
    <x v="1"/>
    <x v="8"/>
    <s v="Dana Halogen Swing-Arm Architect Lamp"/>
    <n v="32.78"/>
    <n v="1"/>
    <n v="3.28"/>
  </r>
  <r>
    <d v="2017-09-28T00:00:00"/>
    <x v="8"/>
    <x v="3"/>
    <x v="293"/>
    <x v="26"/>
    <x v="0"/>
    <x v="2"/>
    <s v="Gould Plastics 18-Pocket Panel Bin, 34w x 5-1/4d x 20-1/2h"/>
    <n v="147.18"/>
    <n v="2"/>
    <n v="-29.44"/>
  </r>
  <r>
    <d v="2017-09-28T00:00:00"/>
    <x v="8"/>
    <x v="3"/>
    <x v="293"/>
    <x v="26"/>
    <x v="2"/>
    <x v="9"/>
    <s v="Lenovo 17-Key USB Numeric Keypad"/>
    <n v="54.38"/>
    <n v="2"/>
    <n v="1.36"/>
  </r>
  <r>
    <d v="2017-09-28T00:00:00"/>
    <x v="8"/>
    <x v="3"/>
    <x v="293"/>
    <x v="26"/>
    <x v="0"/>
    <x v="3"/>
    <s v="GBC DocuBind P50 Personal Binding Machine"/>
    <n v="76.78"/>
    <n v="4"/>
    <n v="-58.86"/>
  </r>
  <r>
    <d v="2017-09-28T00:00:00"/>
    <x v="8"/>
    <x v="3"/>
    <x v="293"/>
    <x v="26"/>
    <x v="0"/>
    <x v="0"/>
    <s v="Xerox 1992"/>
    <n v="14.35"/>
    <n v="3"/>
    <n v="5.2"/>
  </r>
  <r>
    <d v="2017-09-28T00:00:00"/>
    <x v="8"/>
    <x v="3"/>
    <x v="293"/>
    <x v="26"/>
    <x v="0"/>
    <x v="12"/>
    <s v="Kensington 7 Outlet MasterPiece HOMEOFFICE Power Control Center"/>
    <n v="209.79"/>
    <n v="2"/>
    <n v="26.22"/>
  </r>
  <r>
    <d v="2017-09-28T00:00:00"/>
    <x v="8"/>
    <x v="3"/>
    <x v="664"/>
    <x v="3"/>
    <x v="1"/>
    <x v="8"/>
    <s v="Longer-Life Soft White Bulbs"/>
    <n v="9.24"/>
    <n v="3"/>
    <n v="4.4400000000000004"/>
  </r>
  <r>
    <d v="2017-09-28T00:00:00"/>
    <x v="8"/>
    <x v="3"/>
    <x v="569"/>
    <x v="16"/>
    <x v="0"/>
    <x v="0"/>
    <s v="Xerox 220"/>
    <n v="10.37"/>
    <n v="2"/>
    <n v="3.63"/>
  </r>
  <r>
    <d v="2017-09-28T00:00:00"/>
    <x v="8"/>
    <x v="3"/>
    <x v="472"/>
    <x v="2"/>
    <x v="0"/>
    <x v="3"/>
    <s v="GBC Standard Plastic Binding Systems Combs"/>
    <n v="2.66"/>
    <n v="1"/>
    <n v="-1.86"/>
  </r>
  <r>
    <d v="2017-09-29T00:00:00"/>
    <x v="8"/>
    <x v="3"/>
    <x v="326"/>
    <x v="0"/>
    <x v="0"/>
    <x v="1"/>
    <s v="Avery 499"/>
    <n v="7.97"/>
    <n v="2"/>
    <n v="2.59"/>
  </r>
  <r>
    <d v="2017-09-29T00:00:00"/>
    <x v="8"/>
    <x v="3"/>
    <x v="326"/>
    <x v="0"/>
    <x v="0"/>
    <x v="10"/>
    <s v="#10- 4 1/8&quot; x 9 1/2&quot; Recycled Envelopes"/>
    <n v="27.97"/>
    <n v="4"/>
    <n v="9.44"/>
  </r>
  <r>
    <d v="2017-09-29T00:00:00"/>
    <x v="8"/>
    <x v="3"/>
    <x v="326"/>
    <x v="0"/>
    <x v="2"/>
    <x v="15"/>
    <s v="Wasp CCD Handheld Bar Code Reader"/>
    <n v="336.51"/>
    <n v="3"/>
    <n v="44.87"/>
  </r>
  <r>
    <d v="2017-09-29T00:00:00"/>
    <x v="8"/>
    <x v="3"/>
    <x v="473"/>
    <x v="10"/>
    <x v="1"/>
    <x v="5"/>
    <s v="Global Wood Trimmed Manager's Task Chair, Khaki"/>
    <n v="63.69"/>
    <n v="1"/>
    <n v="-15.47"/>
  </r>
  <r>
    <d v="2017-09-29T00:00:00"/>
    <x v="8"/>
    <x v="3"/>
    <x v="473"/>
    <x v="10"/>
    <x v="2"/>
    <x v="9"/>
    <s v="Logitech G700s Rechargeable Gaming Mouse"/>
    <n v="239.98"/>
    <n v="3"/>
    <n v="65.989999999999995"/>
  </r>
  <r>
    <d v="2017-09-29T00:00:00"/>
    <x v="8"/>
    <x v="3"/>
    <x v="473"/>
    <x v="10"/>
    <x v="1"/>
    <x v="13"/>
    <s v="Riverside Furniture Stanwyck Manor Table Series"/>
    <n v="344.22"/>
    <n v="2"/>
    <n v="-189.32"/>
  </r>
  <r>
    <d v="2017-09-29T00:00:00"/>
    <x v="8"/>
    <x v="3"/>
    <x v="473"/>
    <x v="10"/>
    <x v="0"/>
    <x v="0"/>
    <s v="Xerox 227"/>
    <n v="15.55"/>
    <n v="3"/>
    <n v="5.44"/>
  </r>
  <r>
    <d v="2017-09-29T00:00:00"/>
    <x v="8"/>
    <x v="3"/>
    <x v="473"/>
    <x v="10"/>
    <x v="1"/>
    <x v="8"/>
    <s v="G.E. Longer-Life Indoor Recessed Floodlight Bulbs"/>
    <n v="21.25"/>
    <n v="4"/>
    <n v="7.44"/>
  </r>
  <r>
    <d v="2017-09-29T00:00:00"/>
    <x v="8"/>
    <x v="3"/>
    <x v="473"/>
    <x v="10"/>
    <x v="0"/>
    <x v="0"/>
    <s v="Xerox 1928"/>
    <n v="8.4499999999999993"/>
    <n v="2"/>
    <n v="2.64"/>
  </r>
  <r>
    <d v="2017-09-29T00:00:00"/>
    <x v="8"/>
    <x v="3"/>
    <x v="117"/>
    <x v="15"/>
    <x v="0"/>
    <x v="2"/>
    <s v="Carina Media Storage Towers in Natural &amp; Black"/>
    <n v="243.92"/>
    <n v="5"/>
    <n v="-54.88"/>
  </r>
  <r>
    <d v="2017-09-29T00:00:00"/>
    <x v="8"/>
    <x v="3"/>
    <x v="409"/>
    <x v="20"/>
    <x v="0"/>
    <x v="10"/>
    <s v="Staple envelope"/>
    <n v="23.34"/>
    <n v="3"/>
    <n v="10.97"/>
  </r>
  <r>
    <d v="2017-09-29T00:00:00"/>
    <x v="8"/>
    <x v="3"/>
    <x v="409"/>
    <x v="20"/>
    <x v="0"/>
    <x v="0"/>
    <s v="Speediset Carbonless Redi-Letter 7&quot; x 8 1/2&quot;"/>
    <n v="51.55"/>
    <n v="5"/>
    <n v="24.23"/>
  </r>
  <r>
    <d v="2017-09-29T00:00:00"/>
    <x v="8"/>
    <x v="3"/>
    <x v="190"/>
    <x v="3"/>
    <x v="0"/>
    <x v="7"/>
    <s v="Advantus Plastic Paper Clips"/>
    <n v="35"/>
    <n v="7"/>
    <n v="16.8"/>
  </r>
  <r>
    <d v="2017-09-29T00:00:00"/>
    <x v="8"/>
    <x v="3"/>
    <x v="190"/>
    <x v="3"/>
    <x v="1"/>
    <x v="5"/>
    <s v="Leather Task Chair, Black"/>
    <n v="72.78"/>
    <n v="1"/>
    <n v="0"/>
  </r>
  <r>
    <d v="2017-09-29T00:00:00"/>
    <x v="8"/>
    <x v="3"/>
    <x v="190"/>
    <x v="3"/>
    <x v="0"/>
    <x v="12"/>
    <s v="Fellowes Premier Superior Surge Suppressor, 10-Outlet, With Phone and Remote"/>
    <n v="97.84"/>
    <n v="2"/>
    <n v="25.44"/>
  </r>
  <r>
    <d v="2017-09-29T00:00:00"/>
    <x v="8"/>
    <x v="3"/>
    <x v="190"/>
    <x v="3"/>
    <x v="1"/>
    <x v="8"/>
    <s v="Howard Miller 13-3/4&quot; Diameter Brushed Chrome Round Wall Clock"/>
    <n v="51.75"/>
    <n v="1"/>
    <n v="15.53"/>
  </r>
  <r>
    <d v="2017-09-29T00:00:00"/>
    <x v="8"/>
    <x v="3"/>
    <x v="190"/>
    <x v="3"/>
    <x v="0"/>
    <x v="3"/>
    <s v="Binding Machine Supplies"/>
    <n v="46.67"/>
    <n v="2"/>
    <n v="16.34"/>
  </r>
  <r>
    <d v="2017-09-29T00:00:00"/>
    <x v="8"/>
    <x v="3"/>
    <x v="311"/>
    <x v="10"/>
    <x v="0"/>
    <x v="2"/>
    <s v="Fellowes Bankers Box Stor/Drawer Steel Plus"/>
    <n v="51.17"/>
    <n v="2"/>
    <n v="-6.4"/>
  </r>
  <r>
    <d v="2017-09-29T00:00:00"/>
    <x v="8"/>
    <x v="3"/>
    <x v="256"/>
    <x v="3"/>
    <x v="0"/>
    <x v="4"/>
    <s v="Newell 334"/>
    <n v="99.2"/>
    <n v="5"/>
    <n v="25.79"/>
  </r>
  <r>
    <d v="2017-09-29T00:00:00"/>
    <x v="8"/>
    <x v="3"/>
    <x v="470"/>
    <x v="20"/>
    <x v="0"/>
    <x v="10"/>
    <s v="Letter or Legal Size Expandable Poly String Tie Envelopes"/>
    <n v="7.98"/>
    <n v="3"/>
    <n v="3.91"/>
  </r>
  <r>
    <d v="2017-09-29T00:00:00"/>
    <x v="8"/>
    <x v="3"/>
    <x v="519"/>
    <x v="3"/>
    <x v="0"/>
    <x v="14"/>
    <s v="Acme Hot Forged Carbon Steel Scissors with Nickel-Plated Handles, 3 7/8&quot; Cut, 8&quot;L"/>
    <n v="97.3"/>
    <n v="7"/>
    <n v="28.22"/>
  </r>
  <r>
    <d v="2017-09-30T00:00:00"/>
    <x v="8"/>
    <x v="3"/>
    <x v="568"/>
    <x v="22"/>
    <x v="0"/>
    <x v="0"/>
    <s v="Adams Telephone Message Book W/Dividers/Space For Phone Numbers, 5 1/4&quot;X8 1/2&quot;, 300/Messages"/>
    <n v="11.76"/>
    <n v="2"/>
    <n v="5.76"/>
  </r>
  <r>
    <d v="2017-09-30T00:00:00"/>
    <x v="8"/>
    <x v="3"/>
    <x v="568"/>
    <x v="22"/>
    <x v="0"/>
    <x v="0"/>
    <s v="Xerox 1882"/>
    <n v="167.94"/>
    <n v="3"/>
    <n v="82.29"/>
  </r>
  <r>
    <d v="2017-09-30T00:00:00"/>
    <x v="8"/>
    <x v="3"/>
    <x v="568"/>
    <x v="22"/>
    <x v="0"/>
    <x v="12"/>
    <s v="Commercial WindTunnel Clean Air Upright Vacuum, Replacement Belts, Filtration Bags"/>
    <n v="3.89"/>
    <n v="1"/>
    <n v="1.01"/>
  </r>
  <r>
    <d v="2017-09-30T00:00:00"/>
    <x v="8"/>
    <x v="3"/>
    <x v="204"/>
    <x v="36"/>
    <x v="0"/>
    <x v="0"/>
    <s v="Green Bar Computer Printout Paper"/>
    <n v="164.88"/>
    <n v="3"/>
    <n v="80.790000000000006"/>
  </r>
  <r>
    <d v="2017-09-30T00:00:00"/>
    <x v="8"/>
    <x v="3"/>
    <x v="214"/>
    <x v="3"/>
    <x v="2"/>
    <x v="9"/>
    <s v="Razer Kraken PRO Over Ear PC and Music Headset"/>
    <n v="159.97999999999999"/>
    <n v="2"/>
    <n v="47.99"/>
  </r>
  <r>
    <d v="2017-09-30T00:00:00"/>
    <x v="8"/>
    <x v="3"/>
    <x v="302"/>
    <x v="2"/>
    <x v="0"/>
    <x v="1"/>
    <s v="Self-Adhesive Address Labels for Typewriters with Dispenser Box"/>
    <n v="20.66"/>
    <n v="7"/>
    <n v="6.97"/>
  </r>
  <r>
    <d v="2017-09-30T00:00:00"/>
    <x v="8"/>
    <x v="3"/>
    <x v="90"/>
    <x v="0"/>
    <x v="0"/>
    <x v="3"/>
    <s v="GBC Instant Report Kit"/>
    <n v="11.65"/>
    <n v="9"/>
    <n v="-17.47"/>
  </r>
  <r>
    <d v="2017-10-01T00:00:00"/>
    <x v="9"/>
    <x v="3"/>
    <x v="484"/>
    <x v="0"/>
    <x v="0"/>
    <x v="4"/>
    <s v="Design Ebony Sketching Pencil"/>
    <n v="6.67"/>
    <n v="6"/>
    <n v="0.5"/>
  </r>
  <r>
    <d v="2017-10-01T00:00:00"/>
    <x v="9"/>
    <x v="3"/>
    <x v="227"/>
    <x v="22"/>
    <x v="0"/>
    <x v="0"/>
    <s v="Personal Creations Ink Jet Cards and Labels"/>
    <n v="91.84"/>
    <n v="8"/>
    <n v="45"/>
  </r>
  <r>
    <d v="2017-10-01T00:00:00"/>
    <x v="9"/>
    <x v="3"/>
    <x v="227"/>
    <x v="22"/>
    <x v="0"/>
    <x v="3"/>
    <s v="GBC White Gloss Covers, Plain Front"/>
    <n v="81.09"/>
    <n v="7"/>
    <n v="27.37"/>
  </r>
  <r>
    <d v="2017-10-01T00:00:00"/>
    <x v="9"/>
    <x v="3"/>
    <x v="227"/>
    <x v="22"/>
    <x v="0"/>
    <x v="0"/>
    <s v="Xerox 222"/>
    <n v="19.440000000000001"/>
    <n v="3"/>
    <n v="9.33"/>
  </r>
  <r>
    <d v="2017-10-01T00:00:00"/>
    <x v="9"/>
    <x v="3"/>
    <x v="227"/>
    <x v="22"/>
    <x v="1"/>
    <x v="5"/>
    <s v="Hon Every-Day Series Multi-Task Chairs"/>
    <n v="451.15"/>
    <n v="3"/>
    <n v="0"/>
  </r>
  <r>
    <d v="2017-10-01T00:00:00"/>
    <x v="9"/>
    <x v="3"/>
    <x v="777"/>
    <x v="3"/>
    <x v="0"/>
    <x v="3"/>
    <s v="Wilson Jones Easy Flow II Sheet Lifters"/>
    <n v="1.44"/>
    <n v="1"/>
    <n v="0.5"/>
  </r>
  <r>
    <d v="2017-10-01T00:00:00"/>
    <x v="9"/>
    <x v="3"/>
    <x v="777"/>
    <x v="3"/>
    <x v="0"/>
    <x v="3"/>
    <s v="Storex Dura Pro Binders"/>
    <n v="61.78"/>
    <n v="13"/>
    <n v="20.85"/>
  </r>
  <r>
    <d v="2017-10-01T00:00:00"/>
    <x v="9"/>
    <x v="3"/>
    <x v="777"/>
    <x v="3"/>
    <x v="0"/>
    <x v="12"/>
    <s v="Belkin 325VA UPS Surge Protector, 6'"/>
    <n v="241.96"/>
    <n v="2"/>
    <n v="60.49"/>
  </r>
  <r>
    <d v="2017-10-01T00:00:00"/>
    <x v="9"/>
    <x v="3"/>
    <x v="777"/>
    <x v="3"/>
    <x v="1"/>
    <x v="5"/>
    <s v="Metal Folding Chairs, Beige, 4/Carton"/>
    <n v="108.61"/>
    <n v="4"/>
    <n v="9.5"/>
  </r>
  <r>
    <d v="2017-10-01T00:00:00"/>
    <x v="9"/>
    <x v="3"/>
    <x v="619"/>
    <x v="20"/>
    <x v="2"/>
    <x v="15"/>
    <s v="Fellowes Powershred HS-440 4-Sheet High Security Shredder"/>
    <n v="1704.89"/>
    <n v="11"/>
    <n v="767.2"/>
  </r>
  <r>
    <d v="2017-10-01T00:00:00"/>
    <x v="9"/>
    <x v="3"/>
    <x v="610"/>
    <x v="40"/>
    <x v="0"/>
    <x v="0"/>
    <s v="Xerox 1915"/>
    <n v="104.85"/>
    <n v="1"/>
    <n v="50.33"/>
  </r>
  <r>
    <d v="2017-10-01T00:00:00"/>
    <x v="9"/>
    <x v="3"/>
    <x v="451"/>
    <x v="3"/>
    <x v="2"/>
    <x v="9"/>
    <s v="Sony 32GB Class 10 Micro SDHC R40 Memory Card"/>
    <n v="104.75"/>
    <n v="5"/>
    <n v="22"/>
  </r>
  <r>
    <d v="2017-10-02T00:00:00"/>
    <x v="9"/>
    <x v="3"/>
    <x v="334"/>
    <x v="14"/>
    <x v="0"/>
    <x v="3"/>
    <s v="GBC Durable Plastic Covers"/>
    <n v="58.05"/>
    <n v="3"/>
    <n v="26.7"/>
  </r>
  <r>
    <d v="2017-10-02T00:00:00"/>
    <x v="9"/>
    <x v="3"/>
    <x v="334"/>
    <x v="14"/>
    <x v="1"/>
    <x v="8"/>
    <s v="Nu-Dell Leatherette Frames"/>
    <n v="157.74"/>
    <n v="11"/>
    <n v="56.79"/>
  </r>
  <r>
    <d v="2017-10-02T00:00:00"/>
    <x v="9"/>
    <x v="3"/>
    <x v="334"/>
    <x v="14"/>
    <x v="0"/>
    <x v="4"/>
    <s v="Avery Hi-Liter EverBold Pen Style Fluorescent Highlighters, 4/Pack"/>
    <n v="56.98"/>
    <n v="7"/>
    <n v="22.79"/>
  </r>
  <r>
    <d v="2017-10-02T00:00:00"/>
    <x v="9"/>
    <x v="3"/>
    <x v="334"/>
    <x v="14"/>
    <x v="0"/>
    <x v="3"/>
    <s v="Avery Durable Binders"/>
    <n v="2.88"/>
    <n v="1"/>
    <n v="1.41"/>
  </r>
  <r>
    <d v="2017-10-02T00:00:00"/>
    <x v="9"/>
    <x v="3"/>
    <x v="652"/>
    <x v="20"/>
    <x v="0"/>
    <x v="0"/>
    <s v="Xerox 1907"/>
    <n v="49.12"/>
    <n v="4"/>
    <n v="23.09"/>
  </r>
  <r>
    <d v="2017-10-02T00:00:00"/>
    <x v="9"/>
    <x v="3"/>
    <x v="274"/>
    <x v="20"/>
    <x v="2"/>
    <x v="6"/>
    <s v="Plantronics 81402"/>
    <n v="65.989999999999995"/>
    <n v="1"/>
    <n v="17.16"/>
  </r>
  <r>
    <d v="2017-10-02T00:00:00"/>
    <x v="9"/>
    <x v="3"/>
    <x v="215"/>
    <x v="22"/>
    <x v="0"/>
    <x v="7"/>
    <s v="Staples"/>
    <n v="8.94"/>
    <n v="3"/>
    <n v="4.1100000000000003"/>
  </r>
  <r>
    <d v="2017-10-02T00:00:00"/>
    <x v="9"/>
    <x v="3"/>
    <x v="215"/>
    <x v="22"/>
    <x v="2"/>
    <x v="6"/>
    <s v="i.Sound Portable Power - 8000 mAh"/>
    <n v="84.78"/>
    <n v="2"/>
    <n v="-20.14"/>
  </r>
  <r>
    <d v="2017-10-02T00:00:00"/>
    <x v="9"/>
    <x v="3"/>
    <x v="298"/>
    <x v="3"/>
    <x v="0"/>
    <x v="3"/>
    <s v="Performers Binder/Pad Holder, Black"/>
    <n v="112.12"/>
    <n v="5"/>
    <n v="42.05"/>
  </r>
  <r>
    <d v="2017-10-02T00:00:00"/>
    <x v="9"/>
    <x v="3"/>
    <x v="298"/>
    <x v="3"/>
    <x v="0"/>
    <x v="2"/>
    <s v="Tennsco Double-Tier Lockers"/>
    <n v="1575.14"/>
    <n v="7"/>
    <n v="204.77"/>
  </r>
  <r>
    <d v="2017-10-02T00:00:00"/>
    <x v="9"/>
    <x v="3"/>
    <x v="222"/>
    <x v="15"/>
    <x v="1"/>
    <x v="8"/>
    <s v="Eldon Expressions Wood Desk Accessories, Oak"/>
    <n v="11.81"/>
    <n v="2"/>
    <n v="1.33"/>
  </r>
  <r>
    <d v="2017-10-02T00:00:00"/>
    <x v="9"/>
    <x v="3"/>
    <x v="222"/>
    <x v="15"/>
    <x v="1"/>
    <x v="8"/>
    <s v="Eldon 500 Class Desk Accessories"/>
    <n v="9.66"/>
    <n v="1"/>
    <n v="1.57"/>
  </r>
  <r>
    <d v="2017-10-02T00:00:00"/>
    <x v="9"/>
    <x v="3"/>
    <x v="222"/>
    <x v="15"/>
    <x v="0"/>
    <x v="0"/>
    <s v="Xerox 1996"/>
    <n v="20.74"/>
    <n v="4"/>
    <n v="7.26"/>
  </r>
  <r>
    <d v="2017-10-02T00:00:00"/>
    <x v="9"/>
    <x v="3"/>
    <x v="222"/>
    <x v="15"/>
    <x v="0"/>
    <x v="3"/>
    <s v="Ibico Plastic Spiral Binding Combs"/>
    <n v="27.36"/>
    <n v="3"/>
    <n v="-21.89"/>
  </r>
  <r>
    <d v="2017-10-02T00:00:00"/>
    <x v="9"/>
    <x v="3"/>
    <x v="222"/>
    <x v="15"/>
    <x v="1"/>
    <x v="13"/>
    <s v="Chromcraft Bull-Nose Wood Oval Conference Tables &amp; Bases"/>
    <n v="2314.12"/>
    <n v="7"/>
    <n v="-1002.78"/>
  </r>
  <r>
    <d v="2017-10-02T00:00:00"/>
    <x v="9"/>
    <x v="3"/>
    <x v="222"/>
    <x v="15"/>
    <x v="0"/>
    <x v="3"/>
    <s v="Lock-Up Easel 'Spel-Binder'"/>
    <n v="34.24"/>
    <n v="4"/>
    <n v="-26.25"/>
  </r>
  <r>
    <d v="2017-10-02T00:00:00"/>
    <x v="9"/>
    <x v="3"/>
    <x v="222"/>
    <x v="15"/>
    <x v="1"/>
    <x v="8"/>
    <s v="Eldon Image Series Desk Accessories, Ebony"/>
    <n v="19.760000000000002"/>
    <n v="2"/>
    <n v="5.93"/>
  </r>
  <r>
    <d v="2017-10-02T00:00:00"/>
    <x v="9"/>
    <x v="3"/>
    <x v="638"/>
    <x v="33"/>
    <x v="1"/>
    <x v="8"/>
    <s v="Master Caster Door Stop, Gray"/>
    <n v="10.16"/>
    <n v="2"/>
    <n v="3.45"/>
  </r>
  <r>
    <d v="2017-10-02T00:00:00"/>
    <x v="9"/>
    <x v="3"/>
    <x v="636"/>
    <x v="11"/>
    <x v="1"/>
    <x v="11"/>
    <s v="O'Sullivan 4-Shelf Bookcase in Odessa Pine"/>
    <n v="217.76"/>
    <n v="6"/>
    <n v="-384.72"/>
  </r>
  <r>
    <d v="2017-10-02T00:00:00"/>
    <x v="9"/>
    <x v="3"/>
    <x v="636"/>
    <x v="11"/>
    <x v="0"/>
    <x v="14"/>
    <s v="Acme Softgrip Scissors"/>
    <n v="39.07"/>
    <n v="6"/>
    <n v="4.4000000000000004"/>
  </r>
  <r>
    <d v="2017-10-02T00:00:00"/>
    <x v="9"/>
    <x v="3"/>
    <x v="636"/>
    <x v="11"/>
    <x v="0"/>
    <x v="3"/>
    <s v="GBC Standard Recycled Report Covers, Clear Plastic Sheets"/>
    <n v="22.64"/>
    <n v="7"/>
    <n v="-16.600000000000001"/>
  </r>
  <r>
    <d v="2017-10-02T00:00:00"/>
    <x v="9"/>
    <x v="3"/>
    <x v="636"/>
    <x v="11"/>
    <x v="0"/>
    <x v="4"/>
    <s v="Berol Giant Pencil Sharpener"/>
    <n v="95.14"/>
    <n v="7"/>
    <n v="10.7"/>
  </r>
  <r>
    <d v="2017-10-02T00:00:00"/>
    <x v="9"/>
    <x v="3"/>
    <x v="626"/>
    <x v="3"/>
    <x v="1"/>
    <x v="8"/>
    <s v="Dax Clear Box Frame"/>
    <n v="17.46"/>
    <n v="2"/>
    <n v="5.94"/>
  </r>
  <r>
    <d v="2017-10-02T00:00:00"/>
    <x v="9"/>
    <x v="3"/>
    <x v="626"/>
    <x v="3"/>
    <x v="2"/>
    <x v="15"/>
    <s v="Ricoh - Ink Collector Unit for GX3000 Series Printers"/>
    <n v="369.16"/>
    <n v="11"/>
    <n v="32.299999999999997"/>
  </r>
  <r>
    <d v="2017-10-02T00:00:00"/>
    <x v="9"/>
    <x v="3"/>
    <x v="571"/>
    <x v="0"/>
    <x v="0"/>
    <x v="12"/>
    <s v="Fellowes Superior 10 Outlet Split Surge Protector"/>
    <n v="15.22"/>
    <n v="2"/>
    <n v="-38.82"/>
  </r>
  <r>
    <d v="2017-10-02T00:00:00"/>
    <x v="9"/>
    <x v="3"/>
    <x v="571"/>
    <x v="0"/>
    <x v="0"/>
    <x v="12"/>
    <s v="Acco 6 Outlet Guardian Premium Plus Surge Suppressor"/>
    <n v="21.98"/>
    <n v="6"/>
    <n v="-56.06"/>
  </r>
  <r>
    <d v="2017-10-03T00:00:00"/>
    <x v="9"/>
    <x v="3"/>
    <x v="482"/>
    <x v="28"/>
    <x v="0"/>
    <x v="3"/>
    <s v="GBC DocuBind TL300 Electric Binding System"/>
    <n v="1793.98"/>
    <n v="2"/>
    <n v="843.17"/>
  </r>
  <r>
    <d v="2017-10-03T00:00:00"/>
    <x v="9"/>
    <x v="3"/>
    <x v="19"/>
    <x v="20"/>
    <x v="0"/>
    <x v="2"/>
    <s v="X-Rack File for Hanging Folders"/>
    <n v="22.58"/>
    <n v="2"/>
    <n v="5.87"/>
  </r>
  <r>
    <d v="2017-10-03T00:00:00"/>
    <x v="9"/>
    <x v="3"/>
    <x v="322"/>
    <x v="3"/>
    <x v="1"/>
    <x v="13"/>
    <s v="Lesro Sheffield Collection Coffee Table, End Table, Center Table, Corner Table"/>
    <n v="171.29"/>
    <n v="3"/>
    <n v="-6.42"/>
  </r>
  <r>
    <d v="2017-10-03T00:00:00"/>
    <x v="9"/>
    <x v="3"/>
    <x v="487"/>
    <x v="16"/>
    <x v="0"/>
    <x v="0"/>
    <s v="Xerox 208"/>
    <n v="15.55"/>
    <n v="3"/>
    <n v="5.44"/>
  </r>
  <r>
    <d v="2017-10-03T00:00:00"/>
    <x v="9"/>
    <x v="3"/>
    <x v="487"/>
    <x v="16"/>
    <x v="0"/>
    <x v="12"/>
    <s v="Hoover Portapower Portable Vacuum"/>
    <n v="17.920000000000002"/>
    <n v="5"/>
    <n v="1.1200000000000001"/>
  </r>
  <r>
    <d v="2017-10-03T00:00:00"/>
    <x v="9"/>
    <x v="3"/>
    <x v="684"/>
    <x v="20"/>
    <x v="1"/>
    <x v="8"/>
    <s v="Magnifier Swing Arm Lamp"/>
    <n v="83.92"/>
    <n v="4"/>
    <n v="21.82"/>
  </r>
  <r>
    <d v="2017-10-03T00:00:00"/>
    <x v="9"/>
    <x v="3"/>
    <x v="684"/>
    <x v="20"/>
    <x v="0"/>
    <x v="4"/>
    <s v="Quartet Alpha White Chalk, 12/Pack"/>
    <n v="6.63"/>
    <n v="3"/>
    <n v="3.12"/>
  </r>
  <r>
    <d v="2017-10-03T00:00:00"/>
    <x v="9"/>
    <x v="3"/>
    <x v="684"/>
    <x v="20"/>
    <x v="2"/>
    <x v="9"/>
    <s v="Logitech G19 Programmable Gaming Keyboard"/>
    <n v="371.97"/>
    <n v="3"/>
    <n v="66.95"/>
  </r>
  <r>
    <d v="2017-10-03T00:00:00"/>
    <x v="9"/>
    <x v="3"/>
    <x v="230"/>
    <x v="0"/>
    <x v="0"/>
    <x v="4"/>
    <s v="Colorific Watercolor Pencils"/>
    <n v="20.64"/>
    <n v="5"/>
    <n v="2.3199999999999998"/>
  </r>
  <r>
    <d v="2017-10-04T00:00:00"/>
    <x v="9"/>
    <x v="3"/>
    <x v="152"/>
    <x v="36"/>
    <x v="1"/>
    <x v="8"/>
    <s v="24-Hour Round Wall Clock"/>
    <n v="19.98"/>
    <n v="1"/>
    <n v="8.59"/>
  </r>
  <r>
    <d v="2017-10-05T00:00:00"/>
    <x v="9"/>
    <x v="3"/>
    <x v="1"/>
    <x v="20"/>
    <x v="2"/>
    <x v="6"/>
    <s v="Motorola HK250 Universal Bluetooth Headset"/>
    <n v="160.93"/>
    <n v="7"/>
    <n v="3.22"/>
  </r>
  <r>
    <d v="2017-10-05T00:00:00"/>
    <x v="9"/>
    <x v="3"/>
    <x v="1"/>
    <x v="20"/>
    <x v="0"/>
    <x v="3"/>
    <s v="Tuf-Vin Binders"/>
    <n v="75.790000000000006"/>
    <n v="3"/>
    <n v="25.58"/>
  </r>
  <r>
    <d v="2017-10-05T00:00:00"/>
    <x v="9"/>
    <x v="3"/>
    <x v="109"/>
    <x v="3"/>
    <x v="0"/>
    <x v="3"/>
    <s v="Avery Framed View Binder, EZD Ring (Locking), Navy, 1 1/2&quot;"/>
    <n v="39.92"/>
    <n v="5"/>
    <n v="13.47"/>
  </r>
  <r>
    <d v="2017-10-05T00:00:00"/>
    <x v="9"/>
    <x v="3"/>
    <x v="109"/>
    <x v="3"/>
    <x v="0"/>
    <x v="0"/>
    <s v="Xerox 1951"/>
    <n v="61.96"/>
    <n v="2"/>
    <n v="27.88"/>
  </r>
  <r>
    <d v="2017-10-05T00:00:00"/>
    <x v="9"/>
    <x v="3"/>
    <x v="109"/>
    <x v="3"/>
    <x v="0"/>
    <x v="3"/>
    <s v="Avery Hole Reinforcements"/>
    <n v="19.940000000000001"/>
    <n v="4"/>
    <n v="7.23"/>
  </r>
  <r>
    <d v="2017-10-05T00:00:00"/>
    <x v="9"/>
    <x v="3"/>
    <x v="477"/>
    <x v="20"/>
    <x v="2"/>
    <x v="6"/>
    <s v="Samsung HM1900 Bluetooth Headset"/>
    <n v="87.8"/>
    <n v="4"/>
    <n v="43.9"/>
  </r>
  <r>
    <d v="2017-10-05T00:00:00"/>
    <x v="9"/>
    <x v="3"/>
    <x v="477"/>
    <x v="20"/>
    <x v="1"/>
    <x v="5"/>
    <s v="Global High-Back Leather Tilter, Burgundy"/>
    <n v="221.38"/>
    <n v="2"/>
    <n v="2.46"/>
  </r>
  <r>
    <d v="2017-10-05T00:00:00"/>
    <x v="9"/>
    <x v="3"/>
    <x v="477"/>
    <x v="20"/>
    <x v="2"/>
    <x v="15"/>
    <s v="3D Systems Cube Printer, 2nd Generation, Magenta"/>
    <n v="5199.96"/>
    <n v="4"/>
    <n v="1351.99"/>
  </r>
  <r>
    <d v="2017-10-05T00:00:00"/>
    <x v="9"/>
    <x v="3"/>
    <x v="237"/>
    <x v="26"/>
    <x v="2"/>
    <x v="9"/>
    <s v="LogitechÂ MX Performance Wireless Mouse"/>
    <n v="63.82"/>
    <n v="2"/>
    <n v="13.56"/>
  </r>
  <r>
    <d v="2017-10-05T00:00:00"/>
    <x v="9"/>
    <x v="3"/>
    <x v="480"/>
    <x v="3"/>
    <x v="1"/>
    <x v="5"/>
    <s v="Global Deluxe High-Back Office Chair in Storm"/>
    <n v="435.17"/>
    <n v="4"/>
    <n v="-59.84"/>
  </r>
  <r>
    <d v="2017-10-05T00:00:00"/>
    <x v="9"/>
    <x v="3"/>
    <x v="480"/>
    <x v="3"/>
    <x v="0"/>
    <x v="7"/>
    <s v="Staples"/>
    <n v="14.9"/>
    <n v="5"/>
    <n v="6.85"/>
  </r>
  <r>
    <d v="2017-10-05T00:00:00"/>
    <x v="9"/>
    <x v="3"/>
    <x v="480"/>
    <x v="3"/>
    <x v="0"/>
    <x v="12"/>
    <s v="Hoover Replacement Belts For Soft Guard &amp; Commercial Ltweight Upright Vacs, 2/Pk"/>
    <n v="15.8"/>
    <n v="4"/>
    <n v="4.1100000000000003"/>
  </r>
  <r>
    <d v="2017-10-05T00:00:00"/>
    <x v="9"/>
    <x v="3"/>
    <x v="480"/>
    <x v="3"/>
    <x v="1"/>
    <x v="8"/>
    <s v="DAX Clear Channel Poster Frame"/>
    <n v="72.900000000000006"/>
    <n v="5"/>
    <n v="26.97"/>
  </r>
  <r>
    <d v="2017-10-05T00:00:00"/>
    <x v="9"/>
    <x v="3"/>
    <x v="480"/>
    <x v="3"/>
    <x v="1"/>
    <x v="13"/>
    <s v="KI Adjustable-Height Table"/>
    <n v="206.35"/>
    <n v="3"/>
    <n v="5.16"/>
  </r>
  <r>
    <d v="2017-10-05T00:00:00"/>
    <x v="9"/>
    <x v="3"/>
    <x v="480"/>
    <x v="3"/>
    <x v="2"/>
    <x v="6"/>
    <s v="Square Credit Card Reader, 4 1/2&quot; x 4 1/2&quot; x 1&quot;, White"/>
    <n v="7.99"/>
    <n v="1"/>
    <n v="2.7"/>
  </r>
  <r>
    <d v="2017-10-06T00:00:00"/>
    <x v="9"/>
    <x v="3"/>
    <x v="327"/>
    <x v="34"/>
    <x v="1"/>
    <x v="8"/>
    <s v="36X48 HARDFLOOR CHAIRMAT"/>
    <n v="41.96"/>
    <n v="2"/>
    <n v="2.94"/>
  </r>
  <r>
    <d v="2017-10-06T00:00:00"/>
    <x v="9"/>
    <x v="3"/>
    <x v="327"/>
    <x v="34"/>
    <x v="0"/>
    <x v="12"/>
    <s v="Conquest 14 Commercial Heavy-Duty Upright Vacuum, Collection System, Accessory Kit"/>
    <n v="227.84"/>
    <n v="4"/>
    <n v="66.069999999999993"/>
  </r>
  <r>
    <d v="2017-10-06T00:00:00"/>
    <x v="9"/>
    <x v="3"/>
    <x v="327"/>
    <x v="34"/>
    <x v="0"/>
    <x v="0"/>
    <s v="Computer Printout Paper with Letter-Trim Perforations"/>
    <n v="37.94"/>
    <n v="2"/>
    <n v="18.21"/>
  </r>
  <r>
    <d v="2017-10-06T00:00:00"/>
    <x v="9"/>
    <x v="3"/>
    <x v="601"/>
    <x v="20"/>
    <x v="2"/>
    <x v="9"/>
    <s v="Logitech G430 Surround Sound Gaming Headset with Dolby 7.1 Technology"/>
    <n v="319.95999999999998"/>
    <n v="4"/>
    <n v="115.19"/>
  </r>
  <r>
    <d v="2017-10-06T00:00:00"/>
    <x v="9"/>
    <x v="3"/>
    <x v="601"/>
    <x v="20"/>
    <x v="0"/>
    <x v="0"/>
    <s v="Adams Telephone Message Book W/Dividers/Space For Phone Numbers, 5 1/4&quot;X8 1/2&quot;, 200/Messages"/>
    <n v="17.04"/>
    <n v="3"/>
    <n v="7.67"/>
  </r>
  <r>
    <d v="2017-10-06T00:00:00"/>
    <x v="9"/>
    <x v="3"/>
    <x v="601"/>
    <x v="20"/>
    <x v="0"/>
    <x v="2"/>
    <s v="Space Solutions HD Industrial Steel Shelving."/>
    <n v="344.91"/>
    <n v="3"/>
    <n v="10.35"/>
  </r>
  <r>
    <d v="2017-10-06T00:00:00"/>
    <x v="9"/>
    <x v="3"/>
    <x v="22"/>
    <x v="20"/>
    <x v="0"/>
    <x v="0"/>
    <s v="Xerox 1893"/>
    <n v="40.99"/>
    <n v="1"/>
    <n v="20.09"/>
  </r>
  <r>
    <d v="2017-10-06T00:00:00"/>
    <x v="9"/>
    <x v="3"/>
    <x v="21"/>
    <x v="23"/>
    <x v="0"/>
    <x v="0"/>
    <s v="Xerox 1886"/>
    <n v="143.69999999999999"/>
    <n v="3"/>
    <n v="68.98"/>
  </r>
  <r>
    <d v="2017-10-06T00:00:00"/>
    <x v="9"/>
    <x v="3"/>
    <x v="21"/>
    <x v="23"/>
    <x v="0"/>
    <x v="0"/>
    <s v="Xerox 217"/>
    <n v="6.48"/>
    <n v="1"/>
    <n v="3.11"/>
  </r>
  <r>
    <d v="2017-10-06T00:00:00"/>
    <x v="9"/>
    <x v="3"/>
    <x v="294"/>
    <x v="1"/>
    <x v="0"/>
    <x v="2"/>
    <s v="Adjustable Depth Letter/Legal Cart"/>
    <n v="290.33999999999997"/>
    <n v="2"/>
    <n v="32.659999999999997"/>
  </r>
  <r>
    <d v="2017-10-06T00:00:00"/>
    <x v="9"/>
    <x v="3"/>
    <x v="294"/>
    <x v="1"/>
    <x v="0"/>
    <x v="4"/>
    <s v="Staples in misc. colors"/>
    <n v="19.149999999999999"/>
    <n v="2"/>
    <n v="1.2"/>
  </r>
  <r>
    <d v="2017-10-06T00:00:00"/>
    <x v="9"/>
    <x v="3"/>
    <x v="63"/>
    <x v="12"/>
    <x v="0"/>
    <x v="4"/>
    <s v="Avery Hi-Liter Smear-Safe Highlighters"/>
    <n v="9.34"/>
    <n v="2"/>
    <n v="1.87"/>
  </r>
  <r>
    <d v="2017-10-07T00:00:00"/>
    <x v="9"/>
    <x v="3"/>
    <x v="587"/>
    <x v="3"/>
    <x v="1"/>
    <x v="11"/>
    <s v="O'Sullivan Manor Hill 2-Door Library in Brianna Oak"/>
    <n v="307.67"/>
    <n v="2"/>
    <n v="-14.48"/>
  </r>
  <r>
    <d v="2017-10-07T00:00:00"/>
    <x v="9"/>
    <x v="3"/>
    <x v="110"/>
    <x v="3"/>
    <x v="2"/>
    <x v="9"/>
    <s v="Logitech G19 Programmable Gaming Keyboard"/>
    <n v="1115.9100000000001"/>
    <n v="9"/>
    <n v="200.86"/>
  </r>
  <r>
    <d v="2017-10-07T00:00:00"/>
    <x v="9"/>
    <x v="3"/>
    <x v="110"/>
    <x v="3"/>
    <x v="2"/>
    <x v="6"/>
    <s v="Motorola HK250 Universal Bluetooth Headset"/>
    <n v="128.74"/>
    <n v="7"/>
    <n v="-28.97"/>
  </r>
  <r>
    <d v="2017-10-07T00:00:00"/>
    <x v="9"/>
    <x v="3"/>
    <x v="110"/>
    <x v="3"/>
    <x v="2"/>
    <x v="6"/>
    <s v="Square Credit Card Reader, 4 1/2&quot; x 4 1/2&quot; x 1&quot;, White"/>
    <n v="79.92"/>
    <n v="10"/>
    <n v="26.97"/>
  </r>
  <r>
    <d v="2017-10-07T00:00:00"/>
    <x v="9"/>
    <x v="3"/>
    <x v="222"/>
    <x v="25"/>
    <x v="0"/>
    <x v="2"/>
    <s v="Adjustable Depth Letter/Legal Cart"/>
    <n v="580.66999999999996"/>
    <n v="4"/>
    <n v="65.33"/>
  </r>
  <r>
    <d v="2017-10-07T00:00:00"/>
    <x v="9"/>
    <x v="3"/>
    <x v="222"/>
    <x v="25"/>
    <x v="0"/>
    <x v="7"/>
    <s v="Staples"/>
    <n v="18.940000000000001"/>
    <n v="3"/>
    <n v="5.92"/>
  </r>
  <r>
    <d v="2017-10-07T00:00:00"/>
    <x v="9"/>
    <x v="3"/>
    <x v="222"/>
    <x v="25"/>
    <x v="2"/>
    <x v="6"/>
    <s v="Toshiba IPT2010-SD IPÂ Telephone"/>
    <n v="222.38"/>
    <n v="2"/>
    <n v="16.68"/>
  </r>
  <r>
    <d v="2017-10-07T00:00:00"/>
    <x v="9"/>
    <x v="3"/>
    <x v="222"/>
    <x v="25"/>
    <x v="0"/>
    <x v="3"/>
    <s v="Performers Binder/Pad Holder, Black"/>
    <n v="50.45"/>
    <n v="6"/>
    <n v="-33.64"/>
  </r>
  <r>
    <d v="2017-10-07T00:00:00"/>
    <x v="9"/>
    <x v="3"/>
    <x v="222"/>
    <x v="25"/>
    <x v="1"/>
    <x v="13"/>
    <s v="KI Adjustable-Height Table"/>
    <n v="154.76"/>
    <n v="3"/>
    <n v="-36.11"/>
  </r>
  <r>
    <d v="2017-10-07T00:00:00"/>
    <x v="9"/>
    <x v="3"/>
    <x v="519"/>
    <x v="0"/>
    <x v="0"/>
    <x v="3"/>
    <s v="Storex DuraTech Recycled Plastic Frosted Binders"/>
    <n v="4.24"/>
    <n v="5"/>
    <n v="-6.36"/>
  </r>
  <r>
    <d v="2017-10-07T00:00:00"/>
    <x v="9"/>
    <x v="3"/>
    <x v="622"/>
    <x v="14"/>
    <x v="0"/>
    <x v="2"/>
    <s v="SAFCO Mobile Desk Side File, Wire Frame"/>
    <n v="85.52"/>
    <n v="2"/>
    <n v="22.24"/>
  </r>
  <r>
    <d v="2017-10-08T00:00:00"/>
    <x v="9"/>
    <x v="3"/>
    <x v="10"/>
    <x v="3"/>
    <x v="2"/>
    <x v="6"/>
    <s v="Digium D40 VoIP phone"/>
    <n v="103.19"/>
    <n v="1"/>
    <n v="11.61"/>
  </r>
  <r>
    <d v="2017-10-08T00:00:00"/>
    <x v="9"/>
    <x v="3"/>
    <x v="10"/>
    <x v="3"/>
    <x v="2"/>
    <x v="9"/>
    <s v="KeyTronicÂ E03601U1 -Â KeyboardÂ - Beige"/>
    <n v="36"/>
    <n v="2"/>
    <n v="6.48"/>
  </r>
  <r>
    <d v="2017-10-08T00:00:00"/>
    <x v="9"/>
    <x v="3"/>
    <x v="10"/>
    <x v="3"/>
    <x v="2"/>
    <x v="9"/>
    <s v="LogitechÂ Illuminated - Keyboard"/>
    <n v="239.96"/>
    <n v="4"/>
    <n v="115.18"/>
  </r>
  <r>
    <d v="2017-10-08T00:00:00"/>
    <x v="9"/>
    <x v="3"/>
    <x v="10"/>
    <x v="3"/>
    <x v="0"/>
    <x v="2"/>
    <s v="Tennsco Commercial Shelving"/>
    <n v="40.68"/>
    <n v="2"/>
    <n v="0.41"/>
  </r>
  <r>
    <d v="2017-10-08T00:00:00"/>
    <x v="9"/>
    <x v="3"/>
    <x v="455"/>
    <x v="43"/>
    <x v="0"/>
    <x v="2"/>
    <s v="SAFCO Mobile Desk Side File, Wire Frame"/>
    <n v="42.76"/>
    <n v="1"/>
    <n v="11.12"/>
  </r>
  <r>
    <d v="2017-10-08T00:00:00"/>
    <x v="9"/>
    <x v="3"/>
    <x v="95"/>
    <x v="20"/>
    <x v="1"/>
    <x v="5"/>
    <s v="Office Star - Ergonomically Designed Knee Chair"/>
    <n v="145.76"/>
    <n v="2"/>
    <n v="3.24"/>
  </r>
  <r>
    <d v="2017-10-09T00:00:00"/>
    <x v="9"/>
    <x v="3"/>
    <x v="438"/>
    <x v="25"/>
    <x v="0"/>
    <x v="0"/>
    <s v="Avoid Verbal Orders Carbonless Minifold Book"/>
    <n v="10.82"/>
    <n v="4"/>
    <n v="3.52"/>
  </r>
  <r>
    <d v="2017-10-09T00:00:00"/>
    <x v="9"/>
    <x v="3"/>
    <x v="38"/>
    <x v="1"/>
    <x v="1"/>
    <x v="13"/>
    <s v="Bevis Oval Conference Table, Walnut"/>
    <n v="652.45000000000005"/>
    <n v="5"/>
    <n v="-430.62"/>
  </r>
  <r>
    <d v="2017-10-09T00:00:00"/>
    <x v="9"/>
    <x v="3"/>
    <x v="38"/>
    <x v="1"/>
    <x v="1"/>
    <x v="13"/>
    <s v="Hon 61000 Series Interactive Training Tables"/>
    <n v="66.650000000000006"/>
    <n v="3"/>
    <n v="-42.65"/>
  </r>
  <r>
    <d v="2017-10-09T00:00:00"/>
    <x v="9"/>
    <x v="3"/>
    <x v="552"/>
    <x v="10"/>
    <x v="1"/>
    <x v="8"/>
    <s v="Nu-Dell Leatherette Frames"/>
    <n v="45.89"/>
    <n v="4"/>
    <n v="9.18"/>
  </r>
  <r>
    <d v="2017-10-09T00:00:00"/>
    <x v="9"/>
    <x v="3"/>
    <x v="173"/>
    <x v="20"/>
    <x v="0"/>
    <x v="3"/>
    <s v="Pressboard Data Binders by Wilson Jones"/>
    <n v="12.82"/>
    <n v="3"/>
    <n v="4.33"/>
  </r>
  <r>
    <d v="2017-10-09T00:00:00"/>
    <x v="9"/>
    <x v="3"/>
    <x v="173"/>
    <x v="20"/>
    <x v="1"/>
    <x v="11"/>
    <s v="O'Sullivan Elevations Bookcase, Cherry Finish"/>
    <n v="314.35000000000002"/>
    <n v="3"/>
    <n v="-15.72"/>
  </r>
  <r>
    <d v="2017-10-09T00:00:00"/>
    <x v="9"/>
    <x v="3"/>
    <x v="173"/>
    <x v="20"/>
    <x v="0"/>
    <x v="0"/>
    <s v="TOPS 4 x 6 Fluorescent Color Memo Sheets, 500 Sheets per Pack"/>
    <n v="18.98"/>
    <n v="2"/>
    <n v="8.92"/>
  </r>
  <r>
    <d v="2017-10-09T00:00:00"/>
    <x v="9"/>
    <x v="3"/>
    <x v="173"/>
    <x v="20"/>
    <x v="0"/>
    <x v="3"/>
    <s v="Durable Pressboard Binders"/>
    <n v="18.239999999999998"/>
    <n v="6"/>
    <n v="6.16"/>
  </r>
  <r>
    <d v="2017-10-09T00:00:00"/>
    <x v="9"/>
    <x v="3"/>
    <x v="337"/>
    <x v="0"/>
    <x v="0"/>
    <x v="4"/>
    <s v="Bulldog Vacuum Base Pencil Sharpener"/>
    <n v="67.14"/>
    <n v="7"/>
    <n v="5.88"/>
  </r>
  <r>
    <d v="2017-10-09T00:00:00"/>
    <x v="9"/>
    <x v="3"/>
    <x v="337"/>
    <x v="0"/>
    <x v="1"/>
    <x v="5"/>
    <s v="Hon Every-Day Chair Series Swivel Task Chairs"/>
    <n v="254.06"/>
    <n v="3"/>
    <n v="-32.659999999999997"/>
  </r>
  <r>
    <d v="2017-10-09T00:00:00"/>
    <x v="9"/>
    <x v="3"/>
    <x v="21"/>
    <x v="3"/>
    <x v="0"/>
    <x v="0"/>
    <s v="Wirebound Message Books, 2 7/8&quot; x 5&quot;, 3 Forms per Page"/>
    <n v="35.200000000000003"/>
    <n v="5"/>
    <n v="16.54"/>
  </r>
  <r>
    <d v="2017-10-10T00:00:00"/>
    <x v="9"/>
    <x v="3"/>
    <x v="308"/>
    <x v="1"/>
    <x v="1"/>
    <x v="5"/>
    <s v="Hon Comfortask Task/Swivel Chairs"/>
    <n v="239.36"/>
    <n v="3"/>
    <n v="-47.87"/>
  </r>
  <r>
    <d v="2017-10-12T00:00:00"/>
    <x v="9"/>
    <x v="3"/>
    <x v="188"/>
    <x v="1"/>
    <x v="1"/>
    <x v="5"/>
    <s v="Global Stack Chair without Arms, Black"/>
    <n v="254.6"/>
    <n v="14"/>
    <n v="-18.190000000000001"/>
  </r>
  <r>
    <d v="2017-10-12T00:00:00"/>
    <x v="9"/>
    <x v="3"/>
    <x v="88"/>
    <x v="25"/>
    <x v="0"/>
    <x v="0"/>
    <s v="Xerox 1989"/>
    <n v="7.97"/>
    <n v="2"/>
    <n v="2.69"/>
  </r>
  <r>
    <d v="2017-10-12T00:00:00"/>
    <x v="9"/>
    <x v="3"/>
    <x v="783"/>
    <x v="31"/>
    <x v="2"/>
    <x v="9"/>
    <s v="WD My Passport Ultra 2TB Portable External Hard Drive"/>
    <n v="595"/>
    <n v="5"/>
    <n v="95.2"/>
  </r>
  <r>
    <d v="2017-10-12T00:00:00"/>
    <x v="9"/>
    <x v="3"/>
    <x v="783"/>
    <x v="31"/>
    <x v="0"/>
    <x v="3"/>
    <s v="GBC Twin Loop Wire Binding Elements"/>
    <n v="79.87"/>
    <n v="3"/>
    <n v="29.95"/>
  </r>
  <r>
    <d v="2017-10-12T00:00:00"/>
    <x v="9"/>
    <x v="3"/>
    <x v="646"/>
    <x v="3"/>
    <x v="2"/>
    <x v="9"/>
    <s v="Maxell 4.7GB DVD-R 5/Pack"/>
    <n v="0.99"/>
    <n v="1"/>
    <n v="0.44"/>
  </r>
  <r>
    <d v="2017-10-12T00:00:00"/>
    <x v="9"/>
    <x v="3"/>
    <x v="646"/>
    <x v="3"/>
    <x v="0"/>
    <x v="3"/>
    <s v="Canvas Sectional Post Binders"/>
    <n v="101.84"/>
    <n v="5"/>
    <n v="36.92"/>
  </r>
  <r>
    <d v="2017-10-12T00:00:00"/>
    <x v="9"/>
    <x v="3"/>
    <x v="758"/>
    <x v="3"/>
    <x v="2"/>
    <x v="9"/>
    <s v="SanDisk Cruzer 64 GB USB Flash Drive"/>
    <n v="435.84"/>
    <n v="12"/>
    <n v="130.75"/>
  </r>
  <r>
    <d v="2017-10-12T00:00:00"/>
    <x v="9"/>
    <x v="3"/>
    <x v="758"/>
    <x v="3"/>
    <x v="0"/>
    <x v="4"/>
    <s v="Newell 343"/>
    <n v="5.88"/>
    <n v="2"/>
    <n v="1.59"/>
  </r>
  <r>
    <d v="2017-10-12T00:00:00"/>
    <x v="9"/>
    <x v="3"/>
    <x v="569"/>
    <x v="0"/>
    <x v="2"/>
    <x v="9"/>
    <s v="Logitech Wireless Touch Keyboard K400"/>
    <n v="39.979999999999997"/>
    <n v="2"/>
    <n v="-1.5"/>
  </r>
  <r>
    <d v="2017-10-12T00:00:00"/>
    <x v="9"/>
    <x v="3"/>
    <x v="608"/>
    <x v="23"/>
    <x v="2"/>
    <x v="9"/>
    <s v="ImationÂ 8gb Micro Traveldrive Usb 2.0Â Flash Drive"/>
    <n v="45"/>
    <n v="3"/>
    <n v="4.95"/>
  </r>
  <r>
    <d v="2017-10-12T00:00:00"/>
    <x v="9"/>
    <x v="3"/>
    <x v="608"/>
    <x v="23"/>
    <x v="0"/>
    <x v="7"/>
    <s v="OIC Colored Binder Clips, Assorted Sizes"/>
    <n v="17.899999999999999"/>
    <n v="5"/>
    <n v="8.77"/>
  </r>
  <r>
    <d v="2017-10-12T00:00:00"/>
    <x v="9"/>
    <x v="3"/>
    <x v="608"/>
    <x v="23"/>
    <x v="1"/>
    <x v="8"/>
    <s v="DAX Two-Tone Silver Metal Document Frame"/>
    <n v="40.479999999999997"/>
    <n v="2"/>
    <n v="17.41"/>
  </r>
  <r>
    <d v="2017-10-12T00:00:00"/>
    <x v="9"/>
    <x v="3"/>
    <x v="608"/>
    <x v="23"/>
    <x v="1"/>
    <x v="11"/>
    <s v="Global Adaptabilites Bookcase, Cherry/Storm Gray Finish"/>
    <n v="2154.9"/>
    <n v="5"/>
    <n v="129.29"/>
  </r>
  <r>
    <d v="2017-10-12T00:00:00"/>
    <x v="9"/>
    <x v="3"/>
    <x v="342"/>
    <x v="0"/>
    <x v="2"/>
    <x v="6"/>
    <s v="Clarity 53712"/>
    <n v="369.54"/>
    <n v="7"/>
    <n v="27.72"/>
  </r>
  <r>
    <d v="2017-10-12T00:00:00"/>
    <x v="9"/>
    <x v="3"/>
    <x v="342"/>
    <x v="0"/>
    <x v="0"/>
    <x v="0"/>
    <s v="Xerox 1993"/>
    <n v="10.37"/>
    <n v="2"/>
    <n v="3.76"/>
  </r>
  <r>
    <d v="2017-10-12T00:00:00"/>
    <x v="9"/>
    <x v="3"/>
    <x v="342"/>
    <x v="0"/>
    <x v="2"/>
    <x v="9"/>
    <s v="Plantronics CS510 - Over-the-Head monaural Wireless Headset System"/>
    <n v="791.88"/>
    <n v="3"/>
    <n v="128.68"/>
  </r>
  <r>
    <d v="2017-10-12T00:00:00"/>
    <x v="9"/>
    <x v="3"/>
    <x v="40"/>
    <x v="48"/>
    <x v="1"/>
    <x v="13"/>
    <s v="Chromcraft 48&quot; x 96&quot; Racetrack Double Pedestal Table"/>
    <n v="673.34"/>
    <n v="3"/>
    <n v="-76.95"/>
  </r>
  <r>
    <d v="2017-10-12T00:00:00"/>
    <x v="9"/>
    <x v="3"/>
    <x v="103"/>
    <x v="20"/>
    <x v="0"/>
    <x v="0"/>
    <s v="Xerox 1952"/>
    <n v="9.9600000000000009"/>
    <n v="2"/>
    <n v="4.68"/>
  </r>
  <r>
    <d v="2017-10-13T00:00:00"/>
    <x v="9"/>
    <x v="3"/>
    <x v="597"/>
    <x v="2"/>
    <x v="0"/>
    <x v="0"/>
    <s v="Post-it Â“Important MessageÂ” Note Pad, Neon Colors, 50 Sheets/Pad"/>
    <n v="11.65"/>
    <n v="2"/>
    <n v="4.08"/>
  </r>
  <r>
    <d v="2017-10-13T00:00:00"/>
    <x v="9"/>
    <x v="3"/>
    <x v="597"/>
    <x v="2"/>
    <x v="0"/>
    <x v="0"/>
    <s v="Adams Write n' Stick Phone Message Book, 11&quot; X 5 1/4&quot;, 200 Messages"/>
    <n v="18.18"/>
    <n v="4"/>
    <n v="5.91"/>
  </r>
  <r>
    <d v="2017-10-13T00:00:00"/>
    <x v="9"/>
    <x v="3"/>
    <x v="597"/>
    <x v="2"/>
    <x v="0"/>
    <x v="2"/>
    <s v="Eldon Simplefile Box Office"/>
    <n v="59.71"/>
    <n v="6"/>
    <n v="5.97"/>
  </r>
  <r>
    <d v="2017-10-13T00:00:00"/>
    <x v="9"/>
    <x v="3"/>
    <x v="597"/>
    <x v="2"/>
    <x v="0"/>
    <x v="1"/>
    <s v="Avery 489"/>
    <n v="24.84"/>
    <n v="3"/>
    <n v="8.69"/>
  </r>
  <r>
    <d v="2017-10-13T00:00:00"/>
    <x v="9"/>
    <x v="3"/>
    <x v="353"/>
    <x v="20"/>
    <x v="0"/>
    <x v="12"/>
    <s v="Avanti 4.4 Cu. Ft. Refrigerator"/>
    <n v="904.9"/>
    <n v="5"/>
    <n v="253.37"/>
  </r>
  <r>
    <d v="2017-10-13T00:00:00"/>
    <x v="9"/>
    <x v="3"/>
    <x v="350"/>
    <x v="1"/>
    <x v="0"/>
    <x v="0"/>
    <s v="Easy-staple paper"/>
    <n v="63.31"/>
    <n v="3"/>
    <n v="20.58"/>
  </r>
  <r>
    <d v="2017-10-13T00:00:00"/>
    <x v="9"/>
    <x v="3"/>
    <x v="350"/>
    <x v="1"/>
    <x v="0"/>
    <x v="3"/>
    <s v="GBC VeloBinder Electric Binding Machine"/>
    <n v="96.78"/>
    <n v="4"/>
    <n v="-145.18"/>
  </r>
  <r>
    <d v="2017-10-13T00:00:00"/>
    <x v="9"/>
    <x v="3"/>
    <x v="350"/>
    <x v="1"/>
    <x v="1"/>
    <x v="8"/>
    <s v="Dax Clear Box Frame"/>
    <n v="10.48"/>
    <n v="3"/>
    <n v="-6.81"/>
  </r>
  <r>
    <d v="2017-10-13T00:00:00"/>
    <x v="9"/>
    <x v="3"/>
    <x v="638"/>
    <x v="3"/>
    <x v="2"/>
    <x v="9"/>
    <s v="Logitech Media Keyboard K200"/>
    <n v="209.94"/>
    <n v="6"/>
    <n v="39.89"/>
  </r>
  <r>
    <d v="2017-10-13T00:00:00"/>
    <x v="9"/>
    <x v="3"/>
    <x v="638"/>
    <x v="3"/>
    <x v="2"/>
    <x v="6"/>
    <s v="Anker Astro Mini 3000mAh Ultra-Compact Portable Charger"/>
    <n v="31.98"/>
    <n v="2"/>
    <n v="-8"/>
  </r>
  <r>
    <d v="2017-10-13T00:00:00"/>
    <x v="9"/>
    <x v="3"/>
    <x v="638"/>
    <x v="3"/>
    <x v="0"/>
    <x v="3"/>
    <s v="Fellowes PB500 Electric Punch Plastic Comb Binding Machine with Manual Bind"/>
    <n v="5083.96"/>
    <n v="5"/>
    <n v="1906.49"/>
  </r>
  <r>
    <d v="2017-10-13T00:00:00"/>
    <x v="9"/>
    <x v="3"/>
    <x v="545"/>
    <x v="5"/>
    <x v="0"/>
    <x v="2"/>
    <s v="Trav-L-File Heavy-Duty Shuttle II, Black"/>
    <n v="348.56"/>
    <n v="8"/>
    <n v="104.57"/>
  </r>
  <r>
    <d v="2017-10-13T00:00:00"/>
    <x v="9"/>
    <x v="3"/>
    <x v="289"/>
    <x v="8"/>
    <x v="0"/>
    <x v="1"/>
    <s v="Avery 52"/>
    <n v="11.07"/>
    <n v="3"/>
    <n v="5.2"/>
  </r>
  <r>
    <d v="2017-10-13T00:00:00"/>
    <x v="9"/>
    <x v="3"/>
    <x v="289"/>
    <x v="8"/>
    <x v="1"/>
    <x v="13"/>
    <s v="Bretford Rectangular Conference Table Tops"/>
    <n v="1504.52"/>
    <n v="4"/>
    <n v="346.04"/>
  </r>
  <r>
    <d v="2017-10-13T00:00:00"/>
    <x v="9"/>
    <x v="3"/>
    <x v="289"/>
    <x v="8"/>
    <x v="0"/>
    <x v="0"/>
    <s v="Xerox 231"/>
    <n v="25.92"/>
    <n v="4"/>
    <n v="12.44"/>
  </r>
  <r>
    <d v="2017-10-14T00:00:00"/>
    <x v="9"/>
    <x v="3"/>
    <x v="749"/>
    <x v="36"/>
    <x v="0"/>
    <x v="3"/>
    <s v="Acco PRESSTEX Data Binder with Storage Hooks, Dark Blue, 14 7/8&quot; X 11&quot;"/>
    <n v="37.659999999999997"/>
    <n v="7"/>
    <n v="18.45"/>
  </r>
  <r>
    <d v="2017-10-14T00:00:00"/>
    <x v="9"/>
    <x v="3"/>
    <x v="677"/>
    <x v="3"/>
    <x v="1"/>
    <x v="8"/>
    <s v="C-Line Cubicle Keepers Polyproplyene Holder With Velcro Backings"/>
    <n v="9.4600000000000009"/>
    <n v="2"/>
    <n v="3.69"/>
  </r>
  <r>
    <d v="2017-10-14T00:00:00"/>
    <x v="9"/>
    <x v="3"/>
    <x v="408"/>
    <x v="1"/>
    <x v="0"/>
    <x v="3"/>
    <s v="GBC Twin Loop Wire Binding Elements, 9/16&quot; Spine, Black"/>
    <n v="27.4"/>
    <n v="9"/>
    <n v="-42.46"/>
  </r>
  <r>
    <d v="2017-10-14T00:00:00"/>
    <x v="9"/>
    <x v="3"/>
    <x v="408"/>
    <x v="1"/>
    <x v="0"/>
    <x v="3"/>
    <s v="Catalog Binders with Expanding Posts"/>
    <n v="13.46"/>
    <n v="1"/>
    <n v="-23.55"/>
  </r>
  <r>
    <d v="2017-10-14T00:00:00"/>
    <x v="9"/>
    <x v="3"/>
    <x v="328"/>
    <x v="3"/>
    <x v="2"/>
    <x v="9"/>
    <s v="Verbatim 25 GB 6x Blu-ray Single Layer Recordable Disc, 10/Pack"/>
    <n v="46.36"/>
    <n v="4"/>
    <n v="15.3"/>
  </r>
  <r>
    <d v="2017-10-15T00:00:00"/>
    <x v="9"/>
    <x v="3"/>
    <x v="215"/>
    <x v="3"/>
    <x v="0"/>
    <x v="4"/>
    <s v="Panasonic KP-310 Heavy-Duty Electric Pencil Sharpener"/>
    <n v="87.92"/>
    <n v="4"/>
    <n v="26.38"/>
  </r>
  <r>
    <d v="2017-10-15T00:00:00"/>
    <x v="9"/>
    <x v="3"/>
    <x v="138"/>
    <x v="3"/>
    <x v="1"/>
    <x v="13"/>
    <s v="Bush Advantage Collection Round Conference Table"/>
    <n v="510.24"/>
    <n v="3"/>
    <n v="6.38"/>
  </r>
  <r>
    <d v="2017-10-15T00:00:00"/>
    <x v="9"/>
    <x v="3"/>
    <x v="138"/>
    <x v="3"/>
    <x v="0"/>
    <x v="0"/>
    <s v="Xerox 1919"/>
    <n v="204.95"/>
    <n v="5"/>
    <n v="100.43"/>
  </r>
  <r>
    <d v="2017-10-15T00:00:00"/>
    <x v="9"/>
    <x v="3"/>
    <x v="332"/>
    <x v="37"/>
    <x v="0"/>
    <x v="1"/>
    <s v="Permanent Self-Adhesive File Folder Labels for Typewriters by Universal"/>
    <n v="13.05"/>
    <n v="5"/>
    <n v="6"/>
  </r>
  <r>
    <d v="2017-10-15T00:00:00"/>
    <x v="9"/>
    <x v="3"/>
    <x v="729"/>
    <x v="3"/>
    <x v="0"/>
    <x v="1"/>
    <s v="Avery 4027 File Folder Labels for Dot Matrix Printers, 5000 Labels per Box, White"/>
    <n v="152.65"/>
    <n v="5"/>
    <n v="70.22"/>
  </r>
  <r>
    <d v="2017-10-15T00:00:00"/>
    <x v="9"/>
    <x v="3"/>
    <x v="729"/>
    <x v="3"/>
    <x v="1"/>
    <x v="8"/>
    <s v="Executive Impressions 14&quot; Two-Color Numerals Wall Clock"/>
    <n v="22.72"/>
    <n v="1"/>
    <n v="9.32"/>
  </r>
  <r>
    <d v="2017-10-15T00:00:00"/>
    <x v="9"/>
    <x v="3"/>
    <x v="387"/>
    <x v="3"/>
    <x v="0"/>
    <x v="1"/>
    <s v="Avery 478"/>
    <n v="14.73"/>
    <n v="3"/>
    <n v="7.22"/>
  </r>
  <r>
    <d v="2017-10-15T00:00:00"/>
    <x v="9"/>
    <x v="3"/>
    <x v="642"/>
    <x v="27"/>
    <x v="0"/>
    <x v="4"/>
    <s v="Avery Hi-Liter Smear-Safe Highlighters"/>
    <n v="11.68"/>
    <n v="2"/>
    <n v="4.2"/>
  </r>
  <r>
    <d v="2017-10-16T00:00:00"/>
    <x v="9"/>
    <x v="3"/>
    <x v="686"/>
    <x v="5"/>
    <x v="0"/>
    <x v="3"/>
    <s v="Large Capacity Hanging Post Binders"/>
    <n v="124.75"/>
    <n v="5"/>
    <n v="57.39"/>
  </r>
  <r>
    <d v="2017-10-16T00:00:00"/>
    <x v="9"/>
    <x v="3"/>
    <x v="706"/>
    <x v="20"/>
    <x v="1"/>
    <x v="8"/>
    <s v="Executive Impressions Supervisor Wall Clock"/>
    <n v="547.29999999999995"/>
    <n v="13"/>
    <n v="175.14"/>
  </r>
  <r>
    <d v="2017-10-16T00:00:00"/>
    <x v="9"/>
    <x v="3"/>
    <x v="8"/>
    <x v="12"/>
    <x v="0"/>
    <x v="0"/>
    <s v="Green Bar Computer Printout Paper"/>
    <n v="307.77999999999997"/>
    <n v="7"/>
    <n v="111.57"/>
  </r>
  <r>
    <d v="2017-10-16T00:00:00"/>
    <x v="9"/>
    <x v="3"/>
    <x v="292"/>
    <x v="12"/>
    <x v="2"/>
    <x v="15"/>
    <s v="Swingline SM12-08 MicroCut Jam Free Shredder"/>
    <n v="599.99"/>
    <n v="5"/>
    <n v="-479.99"/>
  </r>
  <r>
    <d v="2017-10-16T00:00:00"/>
    <x v="9"/>
    <x v="3"/>
    <x v="379"/>
    <x v="15"/>
    <x v="2"/>
    <x v="9"/>
    <s v="Memorex Mini Travel Drive 8 GB USB 2.0 Flash Drive"/>
    <n v="18.53"/>
    <n v="2"/>
    <n v="4.4000000000000004"/>
  </r>
  <r>
    <d v="2017-10-16T00:00:00"/>
    <x v="9"/>
    <x v="3"/>
    <x v="379"/>
    <x v="15"/>
    <x v="1"/>
    <x v="13"/>
    <s v="Balt Solid Wood Round Tables"/>
    <n v="1875.26"/>
    <n v="7"/>
    <n v="-968.88"/>
  </r>
  <r>
    <d v="2017-10-17T00:00:00"/>
    <x v="9"/>
    <x v="3"/>
    <x v="531"/>
    <x v="43"/>
    <x v="0"/>
    <x v="2"/>
    <s v="2300 Heavy-Duty Transfer File Systems by Perma"/>
    <n v="49.96"/>
    <n v="2"/>
    <n v="9.49"/>
  </r>
  <r>
    <d v="2017-10-17T00:00:00"/>
    <x v="9"/>
    <x v="3"/>
    <x v="531"/>
    <x v="43"/>
    <x v="0"/>
    <x v="0"/>
    <s v="Xerox 1958"/>
    <n v="12.96"/>
    <n v="2"/>
    <n v="6.22"/>
  </r>
  <r>
    <d v="2017-10-17T00:00:00"/>
    <x v="9"/>
    <x v="3"/>
    <x v="404"/>
    <x v="3"/>
    <x v="0"/>
    <x v="4"/>
    <s v="Economy #2 Pencils"/>
    <n v="10.64"/>
    <n v="4"/>
    <n v="2.77"/>
  </r>
  <r>
    <d v="2017-10-17T00:00:00"/>
    <x v="9"/>
    <x v="3"/>
    <x v="45"/>
    <x v="3"/>
    <x v="2"/>
    <x v="6"/>
    <s v="Panasonic KX-TG6844B Expandable Digital Cordless Telephone"/>
    <n v="52.79"/>
    <n v="1"/>
    <n v="4.62"/>
  </r>
  <r>
    <d v="2017-10-19T00:00:00"/>
    <x v="9"/>
    <x v="3"/>
    <x v="338"/>
    <x v="0"/>
    <x v="0"/>
    <x v="0"/>
    <s v="Easy-staple paper"/>
    <n v="29.47"/>
    <n v="3"/>
    <n v="9.9499999999999993"/>
  </r>
  <r>
    <d v="2017-10-19T00:00:00"/>
    <x v="9"/>
    <x v="3"/>
    <x v="634"/>
    <x v="32"/>
    <x v="1"/>
    <x v="8"/>
    <s v="Westinghouse Mesh Shade Clip-On Gooseneck Lamp, Black"/>
    <n v="56.56"/>
    <n v="4"/>
    <n v="14.71"/>
  </r>
  <r>
    <d v="2017-10-19T00:00:00"/>
    <x v="9"/>
    <x v="3"/>
    <x v="634"/>
    <x v="32"/>
    <x v="0"/>
    <x v="2"/>
    <s v="Crate-A-Files"/>
    <n v="32.700000000000003"/>
    <n v="3"/>
    <n v="8.5"/>
  </r>
  <r>
    <d v="2017-10-19T00:00:00"/>
    <x v="9"/>
    <x v="3"/>
    <x v="312"/>
    <x v="2"/>
    <x v="0"/>
    <x v="4"/>
    <s v="Boston 16801 Nautilus Battery Pencil Sharpener"/>
    <n v="123.26"/>
    <n v="7"/>
    <n v="9.24"/>
  </r>
  <r>
    <d v="2017-10-19T00:00:00"/>
    <x v="9"/>
    <x v="3"/>
    <x v="312"/>
    <x v="2"/>
    <x v="0"/>
    <x v="0"/>
    <s v="It's Hot Message Books with Stickers, 2 3/4&quot; x 5&quot;"/>
    <n v="23.68"/>
    <n v="4"/>
    <n v="7.4"/>
  </r>
  <r>
    <d v="2017-10-19T00:00:00"/>
    <x v="9"/>
    <x v="3"/>
    <x v="312"/>
    <x v="2"/>
    <x v="2"/>
    <x v="6"/>
    <s v="Digium D40 VoIP phone"/>
    <n v="309.58"/>
    <n v="4"/>
    <n v="-56.76"/>
  </r>
  <r>
    <d v="2017-10-19T00:00:00"/>
    <x v="9"/>
    <x v="3"/>
    <x v="247"/>
    <x v="0"/>
    <x v="2"/>
    <x v="6"/>
    <s v="QVS USB Car Charger 2-Port 2.1Amp for iPod/iPhone/iPad/iPad 2/iPad 3"/>
    <n v="16.68"/>
    <n v="3"/>
    <n v="5.21"/>
  </r>
  <r>
    <d v="2017-10-19T00:00:00"/>
    <x v="9"/>
    <x v="3"/>
    <x v="128"/>
    <x v="25"/>
    <x v="0"/>
    <x v="3"/>
    <s v="GBC DocuBind P400 Electric Binding System"/>
    <n v="1633.19"/>
    <n v="4"/>
    <n v="-1306.55"/>
  </r>
  <r>
    <d v="2017-10-19T00:00:00"/>
    <x v="9"/>
    <x v="3"/>
    <x v="370"/>
    <x v="3"/>
    <x v="0"/>
    <x v="10"/>
    <s v="Ampad #10 Peel &amp; Seel Holiday Envelopes"/>
    <n v="8.9600000000000009"/>
    <n v="2"/>
    <n v="4.3"/>
  </r>
  <r>
    <d v="2017-10-19T00:00:00"/>
    <x v="9"/>
    <x v="3"/>
    <x v="370"/>
    <x v="3"/>
    <x v="0"/>
    <x v="1"/>
    <s v="Avery 518"/>
    <n v="31.5"/>
    <n v="10"/>
    <n v="15.12"/>
  </r>
  <r>
    <d v="2017-10-19T00:00:00"/>
    <x v="9"/>
    <x v="3"/>
    <x v="370"/>
    <x v="3"/>
    <x v="1"/>
    <x v="8"/>
    <s v="Linden 10&quot; Round Wall Clock, Black"/>
    <n v="30.56"/>
    <n v="2"/>
    <n v="10.39"/>
  </r>
  <r>
    <d v="2017-10-19T00:00:00"/>
    <x v="9"/>
    <x v="3"/>
    <x v="370"/>
    <x v="3"/>
    <x v="1"/>
    <x v="13"/>
    <s v="Anderson Hickey Conga Table Tops &amp; Accessories"/>
    <n v="24.37"/>
    <n v="2"/>
    <n v="-3.35"/>
  </r>
  <r>
    <d v="2017-10-19T00:00:00"/>
    <x v="9"/>
    <x v="3"/>
    <x v="541"/>
    <x v="1"/>
    <x v="1"/>
    <x v="13"/>
    <s v="Lesro Round Back Collection Coffee Table, End Table"/>
    <n v="91.28"/>
    <n v="1"/>
    <n v="-67.540000000000006"/>
  </r>
  <r>
    <d v="2017-10-19T00:00:00"/>
    <x v="9"/>
    <x v="3"/>
    <x v="103"/>
    <x v="0"/>
    <x v="0"/>
    <x v="3"/>
    <s v="SlimView Poly Binder, 3/8&quot;"/>
    <n v="2.0699999999999998"/>
    <n v="2"/>
    <n v="-3.52"/>
  </r>
  <r>
    <d v="2017-10-19T00:00:00"/>
    <x v="9"/>
    <x v="3"/>
    <x v="103"/>
    <x v="0"/>
    <x v="1"/>
    <x v="11"/>
    <s v="Rush Hierlooms Collection Rich Wood Bookcases"/>
    <n v="328.4"/>
    <n v="3"/>
    <n v="-91.76"/>
  </r>
  <r>
    <d v="2017-10-19T00:00:00"/>
    <x v="9"/>
    <x v="3"/>
    <x v="55"/>
    <x v="3"/>
    <x v="0"/>
    <x v="3"/>
    <s v="JM Magazine Binder"/>
    <n v="39.619999999999997"/>
    <n v="3"/>
    <n v="13.87"/>
  </r>
  <r>
    <d v="2017-10-20T00:00:00"/>
    <x v="9"/>
    <x v="3"/>
    <x v="290"/>
    <x v="10"/>
    <x v="1"/>
    <x v="13"/>
    <s v="Chromcraft Rectangular Conference Tables"/>
    <n v="284.36"/>
    <n v="2"/>
    <n v="-75.83"/>
  </r>
  <r>
    <d v="2017-10-20T00:00:00"/>
    <x v="9"/>
    <x v="3"/>
    <x v="290"/>
    <x v="10"/>
    <x v="0"/>
    <x v="2"/>
    <s v="Deluxe Rollaway Locking File with Drawer"/>
    <n v="665.41"/>
    <n v="2"/>
    <n v="66.540000000000006"/>
  </r>
  <r>
    <d v="2017-10-20T00:00:00"/>
    <x v="9"/>
    <x v="3"/>
    <x v="466"/>
    <x v="13"/>
    <x v="0"/>
    <x v="4"/>
    <s v="Eldon Spacemaker Box, Quick-Snap Lid, Clear"/>
    <n v="13.36"/>
    <n v="4"/>
    <n v="4.1399999999999997"/>
  </r>
  <r>
    <d v="2017-10-20T00:00:00"/>
    <x v="9"/>
    <x v="3"/>
    <x v="466"/>
    <x v="13"/>
    <x v="0"/>
    <x v="0"/>
    <s v="Xerox 1884"/>
    <n v="39.96"/>
    <n v="2"/>
    <n v="18.78"/>
  </r>
  <r>
    <d v="2017-10-20T00:00:00"/>
    <x v="9"/>
    <x v="3"/>
    <x v="466"/>
    <x v="13"/>
    <x v="0"/>
    <x v="3"/>
    <s v="Binding Machine Supplies"/>
    <n v="145.85"/>
    <n v="5"/>
    <n v="70.010000000000005"/>
  </r>
  <r>
    <d v="2017-10-20T00:00:00"/>
    <x v="9"/>
    <x v="3"/>
    <x v="780"/>
    <x v="3"/>
    <x v="0"/>
    <x v="1"/>
    <s v="Avery 510"/>
    <n v="3.75"/>
    <n v="1"/>
    <n v="1.8"/>
  </r>
  <r>
    <d v="2017-10-20T00:00:00"/>
    <x v="9"/>
    <x v="3"/>
    <x v="780"/>
    <x v="3"/>
    <x v="0"/>
    <x v="3"/>
    <s v="Wilson Jones Four-Pocket Poly Binders"/>
    <n v="20.93"/>
    <n v="4"/>
    <n v="7.59"/>
  </r>
  <r>
    <d v="2017-10-20T00:00:00"/>
    <x v="9"/>
    <x v="3"/>
    <x v="338"/>
    <x v="2"/>
    <x v="0"/>
    <x v="0"/>
    <s v="Xerox 1887"/>
    <n v="45.53"/>
    <n v="3"/>
    <n v="15.93"/>
  </r>
  <r>
    <d v="2017-10-20T00:00:00"/>
    <x v="9"/>
    <x v="3"/>
    <x v="81"/>
    <x v="20"/>
    <x v="0"/>
    <x v="1"/>
    <s v="Avery 478"/>
    <n v="24.55"/>
    <n v="5"/>
    <n v="12.03"/>
  </r>
  <r>
    <d v="2017-10-20T00:00:00"/>
    <x v="9"/>
    <x v="3"/>
    <x v="397"/>
    <x v="16"/>
    <x v="0"/>
    <x v="2"/>
    <s v="Woodgrain Magazine Files by Perma"/>
    <n v="4.7699999999999996"/>
    <n v="2"/>
    <n v="-0.77"/>
  </r>
  <r>
    <d v="2017-10-20T00:00:00"/>
    <x v="9"/>
    <x v="3"/>
    <x v="397"/>
    <x v="16"/>
    <x v="0"/>
    <x v="0"/>
    <s v="REDIFORM Incoming/Outgoing Call Register, 11&quot; X 8 1/2&quot;, 100 Messages"/>
    <n v="6.67"/>
    <n v="1"/>
    <n v="2.5"/>
  </r>
  <r>
    <d v="2017-10-20T00:00:00"/>
    <x v="9"/>
    <x v="3"/>
    <x v="397"/>
    <x v="16"/>
    <x v="0"/>
    <x v="4"/>
    <s v="Prang Drawing Pencil Set"/>
    <n v="4.45"/>
    <n v="2"/>
    <n v="1.1100000000000001"/>
  </r>
  <r>
    <d v="2017-10-20T00:00:00"/>
    <x v="9"/>
    <x v="3"/>
    <x v="397"/>
    <x v="16"/>
    <x v="1"/>
    <x v="8"/>
    <s v="DAX Wood Document Frame."/>
    <n v="43.94"/>
    <n v="4"/>
    <n v="6.04"/>
  </r>
  <r>
    <d v="2017-10-20T00:00:00"/>
    <x v="9"/>
    <x v="3"/>
    <x v="168"/>
    <x v="25"/>
    <x v="2"/>
    <x v="6"/>
    <s v="PayAnywhere Card Reader"/>
    <n v="15.98"/>
    <n v="2"/>
    <n v="1.4"/>
  </r>
  <r>
    <d v="2017-10-20T00:00:00"/>
    <x v="9"/>
    <x v="3"/>
    <x v="168"/>
    <x v="25"/>
    <x v="0"/>
    <x v="0"/>
    <s v="Great White Multi-Use Recycled Paper (20Lb. and 84 Bright)"/>
    <n v="14.35"/>
    <n v="3"/>
    <n v="4.49"/>
  </r>
  <r>
    <d v="2017-10-21T00:00:00"/>
    <x v="9"/>
    <x v="3"/>
    <x v="790"/>
    <x v="16"/>
    <x v="1"/>
    <x v="5"/>
    <s v="Global Commerce Series High-Back Swivel/Tilt Chairs"/>
    <n v="683.95"/>
    <n v="3"/>
    <n v="42.75"/>
  </r>
  <r>
    <d v="2017-10-21T00:00:00"/>
    <x v="9"/>
    <x v="3"/>
    <x v="790"/>
    <x v="16"/>
    <x v="1"/>
    <x v="8"/>
    <s v="Eldon Expressions Desk Accessory, Wood Photo Frame, Mahogany"/>
    <n v="45.7"/>
    <n v="3"/>
    <n v="5.14"/>
  </r>
  <r>
    <d v="2017-10-21T00:00:00"/>
    <x v="9"/>
    <x v="3"/>
    <x v="421"/>
    <x v="39"/>
    <x v="2"/>
    <x v="6"/>
    <s v="Polycom VVX 310 VoIP phone"/>
    <n v="1439.92"/>
    <n v="8"/>
    <n v="374.38"/>
  </r>
  <r>
    <d v="2017-10-21T00:00:00"/>
    <x v="9"/>
    <x v="3"/>
    <x v="421"/>
    <x v="39"/>
    <x v="1"/>
    <x v="13"/>
    <s v="Bevis Boat-Shaped Conference Table"/>
    <n v="262.11"/>
    <n v="1"/>
    <n v="62.91"/>
  </r>
  <r>
    <d v="2017-10-21T00:00:00"/>
    <x v="9"/>
    <x v="3"/>
    <x v="105"/>
    <x v="11"/>
    <x v="0"/>
    <x v="0"/>
    <s v="Xerox 218"/>
    <n v="5.18"/>
    <n v="1"/>
    <n v="1.81"/>
  </r>
  <r>
    <d v="2017-10-21T00:00:00"/>
    <x v="9"/>
    <x v="3"/>
    <x v="105"/>
    <x v="11"/>
    <x v="1"/>
    <x v="5"/>
    <s v="Global Comet Stacking Armless Chair"/>
    <n v="478.48"/>
    <n v="2"/>
    <n v="47.85"/>
  </r>
  <r>
    <d v="2017-10-21T00:00:00"/>
    <x v="9"/>
    <x v="3"/>
    <x v="105"/>
    <x v="11"/>
    <x v="2"/>
    <x v="9"/>
    <s v="Memorex Froggy Flash Drive 8 GB"/>
    <n v="28.4"/>
    <n v="2"/>
    <n v="6.75"/>
  </r>
  <r>
    <d v="2017-10-21T00:00:00"/>
    <x v="9"/>
    <x v="3"/>
    <x v="548"/>
    <x v="18"/>
    <x v="0"/>
    <x v="2"/>
    <s v="SAFCO Boltless Steel Shelving"/>
    <n v="909.12"/>
    <n v="8"/>
    <n v="9.09"/>
  </r>
  <r>
    <d v="2017-10-21T00:00:00"/>
    <x v="9"/>
    <x v="3"/>
    <x v="646"/>
    <x v="16"/>
    <x v="0"/>
    <x v="4"/>
    <s v="Newell 33"/>
    <n v="17.86"/>
    <n v="4"/>
    <n v="2.0099999999999998"/>
  </r>
  <r>
    <d v="2017-10-21T00:00:00"/>
    <x v="9"/>
    <x v="3"/>
    <x v="530"/>
    <x v="1"/>
    <x v="0"/>
    <x v="12"/>
    <s v="Belkin 8 Outlet SurgeMaster II Gold Surge Protector"/>
    <n v="23.99"/>
    <n v="2"/>
    <n v="-62.38"/>
  </r>
  <r>
    <d v="2017-10-21T00:00:00"/>
    <x v="9"/>
    <x v="3"/>
    <x v="11"/>
    <x v="12"/>
    <x v="0"/>
    <x v="3"/>
    <s v="Lock-Up Easel 'Spel-Binder'"/>
    <n v="8.56"/>
    <n v="1"/>
    <n v="-6.56"/>
  </r>
  <r>
    <d v="2017-10-21T00:00:00"/>
    <x v="9"/>
    <x v="3"/>
    <x v="658"/>
    <x v="10"/>
    <x v="0"/>
    <x v="12"/>
    <s v="Avanti 1.7 Cu. Ft. Refrigerator"/>
    <n v="161.57"/>
    <n v="2"/>
    <n v="16.16"/>
  </r>
  <r>
    <d v="2017-10-21T00:00:00"/>
    <x v="9"/>
    <x v="3"/>
    <x v="658"/>
    <x v="10"/>
    <x v="0"/>
    <x v="0"/>
    <s v="RSVP Cards &amp; Envelopes, Blank White, 8-1/2&quot; X 11&quot;, 24 Cards/25 Envelopes/Set"/>
    <n v="4.0599999999999996"/>
    <n v="1"/>
    <n v="1.37"/>
  </r>
  <r>
    <d v="2017-10-21T00:00:00"/>
    <x v="9"/>
    <x v="3"/>
    <x v="658"/>
    <x v="10"/>
    <x v="0"/>
    <x v="3"/>
    <s v="SlimView Poly Binder, 3/8&quot;"/>
    <n v="6.22"/>
    <n v="4"/>
    <n v="-4.97"/>
  </r>
  <r>
    <d v="2017-10-21T00:00:00"/>
    <x v="9"/>
    <x v="3"/>
    <x v="773"/>
    <x v="2"/>
    <x v="2"/>
    <x v="6"/>
    <s v="Mitel MiVoice 5330e IP Phone"/>
    <n v="329.99"/>
    <n v="2"/>
    <n v="-77"/>
  </r>
  <r>
    <d v="2017-10-21T00:00:00"/>
    <x v="9"/>
    <x v="3"/>
    <x v="773"/>
    <x v="2"/>
    <x v="0"/>
    <x v="2"/>
    <s v="Acco Perma 2700 Stacking Storage Drawers"/>
    <n v="71.38"/>
    <n v="3"/>
    <n v="-4.46"/>
  </r>
  <r>
    <d v="2017-10-21T00:00:00"/>
    <x v="9"/>
    <x v="3"/>
    <x v="403"/>
    <x v="21"/>
    <x v="0"/>
    <x v="3"/>
    <s v="GBC Instant Report Kit"/>
    <n v="38.82"/>
    <n v="6"/>
    <n v="19.41"/>
  </r>
  <r>
    <d v="2017-10-21T00:00:00"/>
    <x v="9"/>
    <x v="3"/>
    <x v="403"/>
    <x v="21"/>
    <x v="0"/>
    <x v="3"/>
    <s v="Acco 3-Hole Punch"/>
    <n v="21.9"/>
    <n v="5"/>
    <n v="10.51"/>
  </r>
  <r>
    <d v="2017-10-22T00:00:00"/>
    <x v="9"/>
    <x v="3"/>
    <x v="398"/>
    <x v="20"/>
    <x v="2"/>
    <x v="16"/>
    <s v="Canon imageCLASS 2200 Advanced Copier"/>
    <n v="11199.97"/>
    <n v="4"/>
    <n v="3919.99"/>
  </r>
  <r>
    <d v="2017-10-22T00:00:00"/>
    <x v="9"/>
    <x v="3"/>
    <x v="398"/>
    <x v="20"/>
    <x v="2"/>
    <x v="6"/>
    <s v="Polycom CX600 IP Phone VoIP phone"/>
    <n v="2399.6"/>
    <n v="8"/>
    <n v="647.89"/>
  </r>
  <r>
    <d v="2017-10-22T00:00:00"/>
    <x v="9"/>
    <x v="3"/>
    <x v="398"/>
    <x v="20"/>
    <x v="0"/>
    <x v="10"/>
    <s v="Globe Weis Peel &amp; Seel First Class Envelopes"/>
    <n v="63.9"/>
    <n v="5"/>
    <n v="28.76"/>
  </r>
  <r>
    <d v="2017-10-22T00:00:00"/>
    <x v="9"/>
    <x v="3"/>
    <x v="398"/>
    <x v="20"/>
    <x v="2"/>
    <x v="6"/>
    <s v="i.Sound Portable Power - 8000 mAh"/>
    <n v="52.99"/>
    <n v="1"/>
    <n v="0.53"/>
  </r>
  <r>
    <d v="2017-10-22T00:00:00"/>
    <x v="9"/>
    <x v="3"/>
    <x v="17"/>
    <x v="11"/>
    <x v="1"/>
    <x v="13"/>
    <s v="KI Conference Tables"/>
    <n v="177.23"/>
    <n v="5"/>
    <n v="-120.51"/>
  </r>
  <r>
    <d v="2017-10-22T00:00:00"/>
    <x v="9"/>
    <x v="3"/>
    <x v="280"/>
    <x v="39"/>
    <x v="0"/>
    <x v="2"/>
    <s v="Fellowes Recycled Storage Drawers"/>
    <n v="333.09"/>
    <n v="3"/>
    <n v="23.32"/>
  </r>
  <r>
    <d v="2017-10-22T00:00:00"/>
    <x v="9"/>
    <x v="3"/>
    <x v="280"/>
    <x v="39"/>
    <x v="1"/>
    <x v="13"/>
    <s v="Bevis 36 x 72 Conference Tables"/>
    <n v="248.98"/>
    <n v="2"/>
    <n v="54.78"/>
  </r>
  <r>
    <d v="2017-10-22T00:00:00"/>
    <x v="9"/>
    <x v="3"/>
    <x v="152"/>
    <x v="39"/>
    <x v="0"/>
    <x v="4"/>
    <s v="Dixon Ticonderoga Core-Lock Colored Pencils"/>
    <n v="36.44"/>
    <n v="4"/>
    <n v="12.03"/>
  </r>
  <r>
    <d v="2017-10-22T00:00:00"/>
    <x v="9"/>
    <x v="3"/>
    <x v="276"/>
    <x v="26"/>
    <x v="0"/>
    <x v="3"/>
    <s v="Storex Flexible Poly Binders with Double Pockets"/>
    <n v="3.17"/>
    <n v="4"/>
    <n v="-2.5299999999999998"/>
  </r>
  <r>
    <d v="2017-10-22T00:00:00"/>
    <x v="9"/>
    <x v="3"/>
    <x v="276"/>
    <x v="26"/>
    <x v="1"/>
    <x v="5"/>
    <s v="Office Star - Ergonomic Mid Back Chair with 2-Way Adjustable Arms"/>
    <n v="579.14"/>
    <n v="4"/>
    <n v="-28.96"/>
  </r>
  <r>
    <d v="2017-10-22T00:00:00"/>
    <x v="9"/>
    <x v="3"/>
    <x v="44"/>
    <x v="2"/>
    <x v="2"/>
    <x v="6"/>
    <s v="LF Elite 3D Dazzle Designer Hard Case Cover, Lf Stylus Pen and Wiper For Apple Iphone 5c Mini Lite"/>
    <n v="32.700000000000003"/>
    <n v="5"/>
    <n v="-6.54"/>
  </r>
  <r>
    <d v="2017-10-22T00:00:00"/>
    <x v="9"/>
    <x v="3"/>
    <x v="44"/>
    <x v="2"/>
    <x v="0"/>
    <x v="10"/>
    <s v="#6 3/4 Gummed Flap White Envelopes"/>
    <n v="31.68"/>
    <n v="4"/>
    <n v="11.09"/>
  </r>
  <r>
    <d v="2017-10-23T00:00:00"/>
    <x v="9"/>
    <x v="3"/>
    <x v="791"/>
    <x v="16"/>
    <x v="2"/>
    <x v="6"/>
    <s v="Wilson SignalBoost 841262 DB PRO Amplifier Kit"/>
    <n v="863.88"/>
    <n v="3"/>
    <n v="107.99"/>
  </r>
  <r>
    <d v="2017-10-23T00:00:00"/>
    <x v="9"/>
    <x v="3"/>
    <x v="520"/>
    <x v="20"/>
    <x v="0"/>
    <x v="0"/>
    <s v="Xerox 1969"/>
    <n v="11.56"/>
    <n v="2"/>
    <n v="5.66"/>
  </r>
  <r>
    <d v="2017-10-23T00:00:00"/>
    <x v="9"/>
    <x v="3"/>
    <x v="520"/>
    <x v="20"/>
    <x v="0"/>
    <x v="0"/>
    <s v="Xerox 4200 Series MultiUse Premium Copy Paper (20Lb. and 84 Bright)"/>
    <n v="26.4"/>
    <n v="5"/>
    <n v="11.88"/>
  </r>
  <r>
    <d v="2017-10-23T00:00:00"/>
    <x v="9"/>
    <x v="3"/>
    <x v="520"/>
    <x v="20"/>
    <x v="1"/>
    <x v="8"/>
    <s v="Eldon 200 Class Desk Accessories, Smoke"/>
    <n v="69.08"/>
    <n v="11"/>
    <n v="29.01"/>
  </r>
  <r>
    <d v="2017-10-23T00:00:00"/>
    <x v="9"/>
    <x v="3"/>
    <x v="520"/>
    <x v="20"/>
    <x v="2"/>
    <x v="6"/>
    <s v="I Need's 3d Hello Kitty Hybrid Silicone Case Cover for HTC One X 4g with 3d Hello Kitty Stylus Pen Green/pink"/>
    <n v="35.880000000000003"/>
    <n v="3"/>
    <n v="10.050000000000001"/>
  </r>
  <r>
    <d v="2017-10-23T00:00:00"/>
    <x v="9"/>
    <x v="3"/>
    <x v="406"/>
    <x v="0"/>
    <x v="0"/>
    <x v="3"/>
    <s v="Storex Dura Pro Binders"/>
    <n v="3.56"/>
    <n v="3"/>
    <n v="-6.24"/>
  </r>
  <r>
    <d v="2017-10-23T00:00:00"/>
    <x v="9"/>
    <x v="3"/>
    <x v="406"/>
    <x v="0"/>
    <x v="2"/>
    <x v="6"/>
    <s v="Jabra SPEAK 410 Multidevice Speakerphone"/>
    <n v="823.96"/>
    <n v="5"/>
    <n v="51.5"/>
  </r>
  <r>
    <d v="2017-10-23T00:00:00"/>
    <x v="9"/>
    <x v="3"/>
    <x v="406"/>
    <x v="0"/>
    <x v="0"/>
    <x v="4"/>
    <s v="Newell 320"/>
    <n v="10.27"/>
    <n v="3"/>
    <n v="0.9"/>
  </r>
  <r>
    <d v="2017-10-23T00:00:00"/>
    <x v="9"/>
    <x v="3"/>
    <x v="516"/>
    <x v="0"/>
    <x v="0"/>
    <x v="3"/>
    <s v="Acco Flexible ACCOHIDE Square Ring Data Binder, Dark Blue, 11 1/2&quot; X 14&quot; 7/8&quot;"/>
    <n v="9.76"/>
    <n v="3"/>
    <n v="-15.13"/>
  </r>
  <r>
    <d v="2017-10-23T00:00:00"/>
    <x v="9"/>
    <x v="3"/>
    <x v="516"/>
    <x v="0"/>
    <x v="0"/>
    <x v="2"/>
    <s v="Advantus Rolling Storage Box"/>
    <n v="13.72"/>
    <n v="1"/>
    <n v="1.2"/>
  </r>
  <r>
    <d v="2017-10-23T00:00:00"/>
    <x v="9"/>
    <x v="3"/>
    <x v="516"/>
    <x v="0"/>
    <x v="2"/>
    <x v="9"/>
    <s v="WD My Passport Ultra 1TB Portable External Hard Drive"/>
    <n v="55.2"/>
    <n v="1"/>
    <n v="-2.0699999999999998"/>
  </r>
  <r>
    <d v="2017-10-23T00:00:00"/>
    <x v="9"/>
    <x v="3"/>
    <x v="516"/>
    <x v="0"/>
    <x v="0"/>
    <x v="2"/>
    <s v="Carina 42&quot;Hx23 3/4&quot;W Media Storage Unit"/>
    <n v="259.14"/>
    <n v="4"/>
    <n v="-58.31"/>
  </r>
  <r>
    <d v="2017-10-23T00:00:00"/>
    <x v="9"/>
    <x v="3"/>
    <x v="512"/>
    <x v="43"/>
    <x v="1"/>
    <x v="13"/>
    <s v="KI Adjustable-Height Table"/>
    <n v="240.74"/>
    <n v="4"/>
    <n v="-13.76"/>
  </r>
  <r>
    <d v="2017-10-23T00:00:00"/>
    <x v="9"/>
    <x v="3"/>
    <x v="512"/>
    <x v="43"/>
    <x v="1"/>
    <x v="8"/>
    <s v="Eldon 400 Class Desk Accessories, Black Carbon"/>
    <n v="35"/>
    <n v="4"/>
    <n v="14.7"/>
  </r>
  <r>
    <d v="2017-10-23T00:00:00"/>
    <x v="9"/>
    <x v="3"/>
    <x v="512"/>
    <x v="43"/>
    <x v="1"/>
    <x v="8"/>
    <s v="Deflect-o DuraMat Antistatic Studded Beveled Mat for Medium Pile Carpeting"/>
    <n v="210.68"/>
    <n v="2"/>
    <n v="50.56"/>
  </r>
  <r>
    <d v="2017-10-23T00:00:00"/>
    <x v="9"/>
    <x v="3"/>
    <x v="512"/>
    <x v="43"/>
    <x v="1"/>
    <x v="13"/>
    <s v="Office Impressions End Table, 20-1/2&quot;H x 24&quot;W x 20&quot;D"/>
    <n v="637.9"/>
    <n v="3"/>
    <n v="-127.58"/>
  </r>
  <r>
    <d v="2017-10-23T00:00:00"/>
    <x v="9"/>
    <x v="3"/>
    <x v="512"/>
    <x v="43"/>
    <x v="0"/>
    <x v="0"/>
    <s v="Wirebound Message Book, 4 per Page"/>
    <n v="43.44"/>
    <n v="8"/>
    <n v="21.29"/>
  </r>
  <r>
    <d v="2017-10-23T00:00:00"/>
    <x v="9"/>
    <x v="3"/>
    <x v="512"/>
    <x v="43"/>
    <x v="0"/>
    <x v="12"/>
    <s v="Hoover Replacement Belt for Commercial Guardsman Heavy-Duty Upright Vacuum"/>
    <n v="2.2200000000000002"/>
    <n v="1"/>
    <n v="0.67"/>
  </r>
  <r>
    <d v="2017-10-24T00:00:00"/>
    <x v="9"/>
    <x v="3"/>
    <x v="487"/>
    <x v="0"/>
    <x v="1"/>
    <x v="13"/>
    <s v="Hon 2111 Invitation Series Straight Table"/>
    <n v="517.41"/>
    <n v="5"/>
    <n v="-81.31"/>
  </r>
  <r>
    <d v="2017-10-24T00:00:00"/>
    <x v="9"/>
    <x v="3"/>
    <x v="246"/>
    <x v="29"/>
    <x v="0"/>
    <x v="7"/>
    <s v="Staples"/>
    <n v="11.68"/>
    <n v="4"/>
    <n v="5.26"/>
  </r>
  <r>
    <d v="2017-10-26T00:00:00"/>
    <x v="9"/>
    <x v="3"/>
    <x v="194"/>
    <x v="28"/>
    <x v="2"/>
    <x v="9"/>
    <s v="LogitechÂ LS21 Speaker System - PC Multimedia - 2.1-CH - Wired"/>
    <n v="19.989999999999998"/>
    <n v="1"/>
    <n v="6.8"/>
  </r>
  <r>
    <d v="2017-10-26T00:00:00"/>
    <x v="9"/>
    <x v="3"/>
    <x v="194"/>
    <x v="28"/>
    <x v="0"/>
    <x v="1"/>
    <s v="Avery 511"/>
    <n v="6.16"/>
    <n v="2"/>
    <n v="2.96"/>
  </r>
  <r>
    <d v="2017-10-26T00:00:00"/>
    <x v="9"/>
    <x v="3"/>
    <x v="635"/>
    <x v="6"/>
    <x v="1"/>
    <x v="13"/>
    <s v="Lesro Sheffield Collection Coffee Table, End Table, Center Table, Corner Table"/>
    <n v="356.85"/>
    <n v="5"/>
    <n v="60.66"/>
  </r>
  <r>
    <d v="2017-10-26T00:00:00"/>
    <x v="9"/>
    <x v="3"/>
    <x v="635"/>
    <x v="6"/>
    <x v="0"/>
    <x v="10"/>
    <s v="Tyvek  Top-Opening Peel &amp; Seel  Envelopes, Gray"/>
    <n v="251.58"/>
    <n v="7"/>
    <n v="113.21"/>
  </r>
  <r>
    <d v="2017-10-26T00:00:00"/>
    <x v="9"/>
    <x v="3"/>
    <x v="678"/>
    <x v="2"/>
    <x v="2"/>
    <x v="6"/>
    <s v="Cisco Small Business SPA 502G VoIP phone"/>
    <n v="61.54"/>
    <n v="1"/>
    <n v="-13.33"/>
  </r>
  <r>
    <d v="2017-10-26T00:00:00"/>
    <x v="9"/>
    <x v="3"/>
    <x v="678"/>
    <x v="2"/>
    <x v="0"/>
    <x v="3"/>
    <s v="Premium Transparent Presentation Covers, No Pattern/Clear, 8 1/2&quot; x 11&quot;"/>
    <n v="81.44"/>
    <n v="7"/>
    <n v="-65.150000000000006"/>
  </r>
  <r>
    <d v="2017-10-26T00:00:00"/>
    <x v="9"/>
    <x v="3"/>
    <x v="509"/>
    <x v="2"/>
    <x v="0"/>
    <x v="3"/>
    <s v="GBC Velobind Prepunched Cover Sets, Regency Series"/>
    <n v="33.28"/>
    <n v="3"/>
    <n v="-27.74"/>
  </r>
  <r>
    <d v="2017-10-26T00:00:00"/>
    <x v="9"/>
    <x v="3"/>
    <x v="509"/>
    <x v="2"/>
    <x v="2"/>
    <x v="6"/>
    <s v="Motorla HX550 Universal Bluetooth Headset"/>
    <n v="118.65"/>
    <n v="5"/>
    <n v="19.78"/>
  </r>
  <r>
    <d v="2017-10-26T00:00:00"/>
    <x v="9"/>
    <x v="3"/>
    <x v="509"/>
    <x v="2"/>
    <x v="0"/>
    <x v="1"/>
    <s v="Avery 517"/>
    <n v="14.76"/>
    <n v="5"/>
    <n v="4.9800000000000004"/>
  </r>
  <r>
    <d v="2017-10-26T00:00:00"/>
    <x v="9"/>
    <x v="3"/>
    <x v="499"/>
    <x v="0"/>
    <x v="0"/>
    <x v="2"/>
    <s v="Multi-Use Personal File Cart and Caster Set, Three Stacking Bins"/>
    <n v="55.62"/>
    <n v="2"/>
    <n v="5.56"/>
  </r>
  <r>
    <d v="2017-10-27T00:00:00"/>
    <x v="9"/>
    <x v="3"/>
    <x v="338"/>
    <x v="1"/>
    <x v="0"/>
    <x v="4"/>
    <s v="Prang Colored Pencils"/>
    <n v="7.06"/>
    <n v="3"/>
    <n v="2.21"/>
  </r>
  <r>
    <d v="2017-10-27T00:00:00"/>
    <x v="9"/>
    <x v="3"/>
    <x v="338"/>
    <x v="1"/>
    <x v="2"/>
    <x v="6"/>
    <s v="Spigen Samsung Galaxy S5 Case Wallet"/>
    <n v="27.18"/>
    <n v="2"/>
    <n v="2.04"/>
  </r>
  <r>
    <d v="2017-10-27T00:00:00"/>
    <x v="9"/>
    <x v="3"/>
    <x v="4"/>
    <x v="3"/>
    <x v="1"/>
    <x v="11"/>
    <s v="O'Sullivan Elevations Bookcase, Cherry Finish"/>
    <n v="556.66999999999996"/>
    <n v="5"/>
    <n v="6.55"/>
  </r>
  <r>
    <d v="2017-10-27T00:00:00"/>
    <x v="9"/>
    <x v="3"/>
    <x v="4"/>
    <x v="3"/>
    <x v="2"/>
    <x v="6"/>
    <s v="Jackery Bar Premium Fast-charging Portable Charger"/>
    <n v="95.84"/>
    <n v="4"/>
    <n v="34.74"/>
  </r>
  <r>
    <d v="2017-10-27T00:00:00"/>
    <x v="9"/>
    <x v="3"/>
    <x v="562"/>
    <x v="0"/>
    <x v="0"/>
    <x v="10"/>
    <s v="#6 3/4 Gummed Flap White Envelopes"/>
    <n v="15.84"/>
    <n v="2"/>
    <n v="5.54"/>
  </r>
  <r>
    <d v="2017-10-27T00:00:00"/>
    <x v="9"/>
    <x v="3"/>
    <x v="562"/>
    <x v="0"/>
    <x v="0"/>
    <x v="0"/>
    <s v="Xerox 1972"/>
    <n v="8.4499999999999993"/>
    <n v="2"/>
    <n v="2.64"/>
  </r>
  <r>
    <d v="2017-10-27T00:00:00"/>
    <x v="9"/>
    <x v="3"/>
    <x v="140"/>
    <x v="3"/>
    <x v="1"/>
    <x v="13"/>
    <s v="Chromcraft Rectangular Conference Tables"/>
    <n v="189.58"/>
    <n v="1"/>
    <n v="9.48"/>
  </r>
  <r>
    <d v="2017-10-27T00:00:00"/>
    <x v="9"/>
    <x v="3"/>
    <x v="140"/>
    <x v="3"/>
    <x v="2"/>
    <x v="6"/>
    <s v="Griffin GC17055 Auxiliary Audio Cable"/>
    <n v="71.959999999999994"/>
    <n v="5"/>
    <n v="7.2"/>
  </r>
  <r>
    <d v="2017-10-27T00:00:00"/>
    <x v="9"/>
    <x v="3"/>
    <x v="581"/>
    <x v="12"/>
    <x v="0"/>
    <x v="0"/>
    <s v="Xerox 1882"/>
    <n v="44.78"/>
    <n v="1"/>
    <n v="16.23"/>
  </r>
  <r>
    <d v="2017-10-27T00:00:00"/>
    <x v="9"/>
    <x v="3"/>
    <x v="555"/>
    <x v="16"/>
    <x v="0"/>
    <x v="0"/>
    <s v="Easy-staple paper"/>
    <n v="56.78"/>
    <n v="7"/>
    <n v="20.58"/>
  </r>
  <r>
    <d v="2017-10-27T00:00:00"/>
    <x v="9"/>
    <x v="3"/>
    <x v="555"/>
    <x v="16"/>
    <x v="0"/>
    <x v="3"/>
    <s v="Avery Hole Reinforcements"/>
    <n v="5.61"/>
    <n v="3"/>
    <n v="-3.92"/>
  </r>
  <r>
    <d v="2017-10-27T00:00:00"/>
    <x v="9"/>
    <x v="3"/>
    <x v="555"/>
    <x v="16"/>
    <x v="0"/>
    <x v="4"/>
    <s v="Rogers Handheld Barrel Pencil Sharpener"/>
    <n v="6.58"/>
    <n v="3"/>
    <n v="0.57999999999999996"/>
  </r>
  <r>
    <d v="2017-10-28T00:00:00"/>
    <x v="9"/>
    <x v="3"/>
    <x v="604"/>
    <x v="20"/>
    <x v="0"/>
    <x v="10"/>
    <s v="Recycled Interoffice Envelopes with String and Button Closure, 10 x 13"/>
    <n v="47.98"/>
    <n v="2"/>
    <n v="23.99"/>
  </r>
  <r>
    <d v="2017-10-28T00:00:00"/>
    <x v="9"/>
    <x v="3"/>
    <x v="348"/>
    <x v="0"/>
    <x v="2"/>
    <x v="9"/>
    <s v="ImationÂ 8gb Micro Traveldrive Usb 2.0Â Flash Drive"/>
    <n v="24"/>
    <n v="2"/>
    <n v="-2.7"/>
  </r>
  <r>
    <d v="2017-10-28T00:00:00"/>
    <x v="9"/>
    <x v="3"/>
    <x v="348"/>
    <x v="0"/>
    <x v="0"/>
    <x v="0"/>
    <s v="Xerox 21"/>
    <n v="15.55"/>
    <n v="3"/>
    <n v="5.44"/>
  </r>
  <r>
    <d v="2017-10-28T00:00:00"/>
    <x v="9"/>
    <x v="3"/>
    <x v="348"/>
    <x v="0"/>
    <x v="2"/>
    <x v="9"/>
    <s v="Logitech Desktop MK120 Mouse and keyboard Combo"/>
    <n v="26.18"/>
    <n v="2"/>
    <n v="-3.27"/>
  </r>
  <r>
    <d v="2017-10-28T00:00:00"/>
    <x v="9"/>
    <x v="3"/>
    <x v="744"/>
    <x v="25"/>
    <x v="1"/>
    <x v="8"/>
    <s v="Computer Room Manger, 14&quot;"/>
    <n v="77.95"/>
    <n v="3"/>
    <n v="15.59"/>
  </r>
  <r>
    <d v="2017-10-28T00:00:00"/>
    <x v="9"/>
    <x v="3"/>
    <x v="744"/>
    <x v="25"/>
    <x v="0"/>
    <x v="2"/>
    <s v="Gould Plastics 18-Pocket Panel Bin, 34w x 5-1/4d x 20-1/2h"/>
    <n v="147.18"/>
    <n v="2"/>
    <n v="-29.44"/>
  </r>
  <r>
    <d v="2017-10-28T00:00:00"/>
    <x v="9"/>
    <x v="3"/>
    <x v="744"/>
    <x v="25"/>
    <x v="0"/>
    <x v="0"/>
    <s v="Xerox 1936"/>
    <n v="47.95"/>
    <n v="3"/>
    <n v="16.18"/>
  </r>
  <r>
    <d v="2017-10-28T00:00:00"/>
    <x v="9"/>
    <x v="3"/>
    <x v="52"/>
    <x v="32"/>
    <x v="0"/>
    <x v="1"/>
    <s v="Avery 519"/>
    <n v="21.93"/>
    <n v="3"/>
    <n v="10.31"/>
  </r>
  <r>
    <d v="2017-10-29T00:00:00"/>
    <x v="9"/>
    <x v="3"/>
    <x v="169"/>
    <x v="20"/>
    <x v="0"/>
    <x v="0"/>
    <s v="Things To Do Today Pad"/>
    <n v="46.96"/>
    <n v="8"/>
    <n v="22.54"/>
  </r>
  <r>
    <d v="2017-10-30T00:00:00"/>
    <x v="9"/>
    <x v="3"/>
    <x v="638"/>
    <x v="22"/>
    <x v="1"/>
    <x v="8"/>
    <s v="Magna Visual Magnetic Picture Hangers"/>
    <n v="9.64"/>
    <n v="2"/>
    <n v="3.66"/>
  </r>
  <r>
    <d v="2017-10-30T00:00:00"/>
    <x v="9"/>
    <x v="3"/>
    <x v="147"/>
    <x v="22"/>
    <x v="0"/>
    <x v="3"/>
    <s v="GBC Velobind Prepunched Cover Sets, Regency Series"/>
    <n v="88.75"/>
    <n v="3"/>
    <n v="27.74"/>
  </r>
  <r>
    <d v="2017-10-30T00:00:00"/>
    <x v="9"/>
    <x v="3"/>
    <x v="147"/>
    <x v="22"/>
    <x v="0"/>
    <x v="3"/>
    <s v="Cardinal Slant-D Ring Binders"/>
    <n v="13.9"/>
    <n v="2"/>
    <n v="5.21"/>
  </r>
  <r>
    <d v="2017-10-30T00:00:00"/>
    <x v="9"/>
    <x v="3"/>
    <x v="295"/>
    <x v="3"/>
    <x v="0"/>
    <x v="1"/>
    <s v="Avery 500"/>
    <n v="43.86"/>
    <n v="6"/>
    <n v="20.61"/>
  </r>
  <r>
    <d v="2017-10-30T00:00:00"/>
    <x v="9"/>
    <x v="3"/>
    <x v="295"/>
    <x v="3"/>
    <x v="2"/>
    <x v="6"/>
    <s v="Geemarc AmpliPOWER60"/>
    <n v="148.47999999999999"/>
    <n v="2"/>
    <n v="16.7"/>
  </r>
  <r>
    <d v="2017-10-30T00:00:00"/>
    <x v="9"/>
    <x v="3"/>
    <x v="295"/>
    <x v="3"/>
    <x v="0"/>
    <x v="0"/>
    <s v="&quot;While you Were Out&quot; Message Book, One Form per Page"/>
    <n v="7.42"/>
    <n v="2"/>
    <n v="3.71"/>
  </r>
  <r>
    <d v="2017-10-30T00:00:00"/>
    <x v="9"/>
    <x v="3"/>
    <x v="295"/>
    <x v="3"/>
    <x v="1"/>
    <x v="5"/>
    <s v="Global Leather Task Chair, Black"/>
    <n v="71.989999999999995"/>
    <n v="1"/>
    <n v="-0.9"/>
  </r>
  <r>
    <d v="2017-10-30T00:00:00"/>
    <x v="9"/>
    <x v="3"/>
    <x v="295"/>
    <x v="3"/>
    <x v="0"/>
    <x v="4"/>
    <s v="4009 Highlighters by Sanford"/>
    <n v="19.899999999999999"/>
    <n v="5"/>
    <n v="6.57"/>
  </r>
  <r>
    <d v="2017-10-30T00:00:00"/>
    <x v="9"/>
    <x v="3"/>
    <x v="295"/>
    <x v="3"/>
    <x v="0"/>
    <x v="12"/>
    <s v="Acco 7-Outlet Masterpiece Power Center, Wihtout Fax/Phone Line Protection"/>
    <n v="1702.12"/>
    <n v="14"/>
    <n v="510.64"/>
  </r>
  <r>
    <d v="2017-10-30T00:00:00"/>
    <x v="9"/>
    <x v="3"/>
    <x v="260"/>
    <x v="2"/>
    <x v="0"/>
    <x v="0"/>
    <s v="Xerox 231"/>
    <n v="20.74"/>
    <n v="4"/>
    <n v="7.26"/>
  </r>
  <r>
    <d v="2017-10-30T00:00:00"/>
    <x v="9"/>
    <x v="3"/>
    <x v="260"/>
    <x v="2"/>
    <x v="1"/>
    <x v="8"/>
    <s v="Stacking Tray, Side-Loading, Legal, Smoke"/>
    <n v="7.17"/>
    <n v="2"/>
    <n v="0.99"/>
  </r>
  <r>
    <d v="2017-10-30T00:00:00"/>
    <x v="9"/>
    <x v="3"/>
    <x v="260"/>
    <x v="2"/>
    <x v="0"/>
    <x v="2"/>
    <s v="Eldon Shelf Savers Cubes and Bins"/>
    <n v="11.17"/>
    <n v="2"/>
    <n v="-2.5099999999999998"/>
  </r>
  <r>
    <d v="2017-10-30T00:00:00"/>
    <x v="9"/>
    <x v="3"/>
    <x v="260"/>
    <x v="2"/>
    <x v="2"/>
    <x v="9"/>
    <s v="First Data FD10 PIN Pad"/>
    <n v="442.4"/>
    <n v="7"/>
    <n v="-55.3"/>
  </r>
  <r>
    <d v="2017-10-30T00:00:00"/>
    <x v="9"/>
    <x v="3"/>
    <x v="232"/>
    <x v="22"/>
    <x v="1"/>
    <x v="5"/>
    <s v="Novimex Fabric Task Chair"/>
    <n v="97.57"/>
    <n v="2"/>
    <n v="-6.1"/>
  </r>
  <r>
    <d v="2017-10-30T00:00:00"/>
    <x v="9"/>
    <x v="3"/>
    <x v="232"/>
    <x v="22"/>
    <x v="1"/>
    <x v="5"/>
    <s v="Global Super Steno Chair"/>
    <n v="614.27"/>
    <n v="8"/>
    <n v="-23.04"/>
  </r>
  <r>
    <d v="2017-10-30T00:00:00"/>
    <x v="9"/>
    <x v="3"/>
    <x v="232"/>
    <x v="22"/>
    <x v="1"/>
    <x v="11"/>
    <s v="Bestar Classic Bookcase"/>
    <n v="199.98"/>
    <n v="2"/>
    <n v="38"/>
  </r>
  <r>
    <d v="2017-10-30T00:00:00"/>
    <x v="9"/>
    <x v="3"/>
    <x v="371"/>
    <x v="0"/>
    <x v="1"/>
    <x v="8"/>
    <s v="DAX Metal Frame, Desktop, Stepped-Edge"/>
    <n v="16.190000000000001"/>
    <n v="2"/>
    <n v="-8.5"/>
  </r>
  <r>
    <d v="2017-10-30T00:00:00"/>
    <x v="9"/>
    <x v="3"/>
    <x v="371"/>
    <x v="0"/>
    <x v="1"/>
    <x v="13"/>
    <s v="Bevis Round Conference Table Top, X-Base"/>
    <n v="251.01"/>
    <n v="2"/>
    <n v="-68.13"/>
  </r>
  <r>
    <d v="2017-10-30T00:00:00"/>
    <x v="9"/>
    <x v="3"/>
    <x v="371"/>
    <x v="0"/>
    <x v="0"/>
    <x v="2"/>
    <s v="X-Rack File for Hanging Folders"/>
    <n v="54.19"/>
    <n v="6"/>
    <n v="4.0599999999999996"/>
  </r>
  <r>
    <d v="2017-10-30T00:00:00"/>
    <x v="9"/>
    <x v="3"/>
    <x v="476"/>
    <x v="5"/>
    <x v="0"/>
    <x v="2"/>
    <s v="Eldon Gobal File Keepers"/>
    <n v="105.98"/>
    <n v="7"/>
    <n v="4.24"/>
  </r>
  <r>
    <d v="2017-10-30T00:00:00"/>
    <x v="9"/>
    <x v="3"/>
    <x v="476"/>
    <x v="5"/>
    <x v="0"/>
    <x v="14"/>
    <s v="Acme 10&quot; Easy Grip Assistive Scissors"/>
    <n v="35.06"/>
    <n v="2"/>
    <n v="10.52"/>
  </r>
  <r>
    <d v="2017-10-30T00:00:00"/>
    <x v="9"/>
    <x v="3"/>
    <x v="476"/>
    <x v="5"/>
    <x v="1"/>
    <x v="5"/>
    <s v="Metal Folding Chairs, Beige, 4/Carton"/>
    <n v="33.94"/>
    <n v="1"/>
    <n v="9.16"/>
  </r>
  <r>
    <d v="2017-10-30T00:00:00"/>
    <x v="9"/>
    <x v="3"/>
    <x v="476"/>
    <x v="5"/>
    <x v="0"/>
    <x v="1"/>
    <s v="Smead Alpha-Z Color-Coded Name Labels First Letter Starter Set"/>
    <n v="30"/>
    <n v="8"/>
    <n v="14.4"/>
  </r>
  <r>
    <d v="2017-10-31T00:00:00"/>
    <x v="9"/>
    <x v="3"/>
    <x v="303"/>
    <x v="0"/>
    <x v="0"/>
    <x v="4"/>
    <s v="Newell 350"/>
    <n v="5.25"/>
    <n v="2"/>
    <n v="0.59"/>
  </r>
  <r>
    <d v="2017-10-31T00:00:00"/>
    <x v="9"/>
    <x v="3"/>
    <x v="563"/>
    <x v="1"/>
    <x v="2"/>
    <x v="6"/>
    <s v="ClearOne Communications CHAT 70 OCÂ Speaker Phone"/>
    <n v="508.77"/>
    <n v="4"/>
    <n v="38.159999999999997"/>
  </r>
  <r>
    <d v="2017-10-31T00:00:00"/>
    <x v="9"/>
    <x v="3"/>
    <x v="563"/>
    <x v="1"/>
    <x v="0"/>
    <x v="10"/>
    <s v="#10 Gummed Flap White Envelopes, 100/Box"/>
    <n v="9.91"/>
    <n v="3"/>
    <n v="3.22"/>
  </r>
  <r>
    <d v="2017-11-01T00:00:00"/>
    <x v="10"/>
    <x v="3"/>
    <x v="582"/>
    <x v="22"/>
    <x v="0"/>
    <x v="3"/>
    <s v="GBC Standard Plastic Binding Systems' Combs"/>
    <n v="25.12"/>
    <n v="5"/>
    <n v="7.85"/>
  </r>
  <r>
    <d v="2017-11-01T00:00:00"/>
    <x v="10"/>
    <x v="3"/>
    <x v="582"/>
    <x v="22"/>
    <x v="1"/>
    <x v="13"/>
    <s v="Hon 94000 Series Round Tables"/>
    <n v="2665.62"/>
    <n v="9"/>
    <n v="239.91"/>
  </r>
  <r>
    <d v="2017-11-01T00:00:00"/>
    <x v="10"/>
    <x v="3"/>
    <x v="394"/>
    <x v="32"/>
    <x v="0"/>
    <x v="0"/>
    <s v="Xerox 1939"/>
    <n v="189.7"/>
    <n v="10"/>
    <n v="91.06"/>
  </r>
  <r>
    <d v="2017-11-01T00:00:00"/>
    <x v="10"/>
    <x v="3"/>
    <x v="394"/>
    <x v="32"/>
    <x v="0"/>
    <x v="0"/>
    <s v="Xerox 1893"/>
    <n v="40.99"/>
    <n v="1"/>
    <n v="20.09"/>
  </r>
  <r>
    <d v="2017-11-02T00:00:00"/>
    <x v="10"/>
    <x v="3"/>
    <x v="484"/>
    <x v="22"/>
    <x v="0"/>
    <x v="0"/>
    <s v="Wirebound Message Books, Four 2 3/4 x 5 Forms per Page, 200 Sets per Book"/>
    <n v="23.85"/>
    <n v="5"/>
    <n v="10.73"/>
  </r>
  <r>
    <d v="2017-11-02T00:00:00"/>
    <x v="10"/>
    <x v="3"/>
    <x v="666"/>
    <x v="42"/>
    <x v="0"/>
    <x v="7"/>
    <s v="Staples"/>
    <n v="18.239999999999998"/>
    <n v="3"/>
    <n v="9.1199999999999992"/>
  </r>
  <r>
    <d v="2017-11-02T00:00:00"/>
    <x v="10"/>
    <x v="3"/>
    <x v="666"/>
    <x v="42"/>
    <x v="0"/>
    <x v="4"/>
    <s v="Binney &amp; Smith Crayola Metallic Colored Pencils, 8-Color Set"/>
    <n v="27.78"/>
    <n v="6"/>
    <n v="9.17"/>
  </r>
  <r>
    <d v="2017-11-02T00:00:00"/>
    <x v="10"/>
    <x v="3"/>
    <x v="483"/>
    <x v="3"/>
    <x v="0"/>
    <x v="10"/>
    <s v="White Business Envelopes with Contemporary Seam, Recycled White Business Envelopes"/>
    <n v="76.58"/>
    <n v="7"/>
    <n v="38.29"/>
  </r>
  <r>
    <d v="2017-11-02T00:00:00"/>
    <x v="10"/>
    <x v="3"/>
    <x v="483"/>
    <x v="3"/>
    <x v="0"/>
    <x v="4"/>
    <s v="Nontoxic Chalk"/>
    <n v="8.8000000000000007"/>
    <n v="5"/>
    <n v="4.22"/>
  </r>
  <r>
    <d v="2017-11-02T00:00:00"/>
    <x v="10"/>
    <x v="3"/>
    <x v="483"/>
    <x v="3"/>
    <x v="0"/>
    <x v="3"/>
    <s v="GBC Therma-A-Bind 250T Electric Binding System"/>
    <n v="590.35"/>
    <n v="6"/>
    <n v="206.62"/>
  </r>
  <r>
    <d v="2017-11-02T00:00:00"/>
    <x v="10"/>
    <x v="3"/>
    <x v="483"/>
    <x v="3"/>
    <x v="0"/>
    <x v="7"/>
    <s v="Super Bands, 12/Pack"/>
    <n v="5.58"/>
    <n v="3"/>
    <n v="0.17"/>
  </r>
  <r>
    <d v="2017-11-02T00:00:00"/>
    <x v="10"/>
    <x v="3"/>
    <x v="483"/>
    <x v="3"/>
    <x v="1"/>
    <x v="8"/>
    <s v="Document Clip Frames"/>
    <n v="25.02"/>
    <n v="3"/>
    <n v="10.51"/>
  </r>
  <r>
    <d v="2017-11-02T00:00:00"/>
    <x v="10"/>
    <x v="3"/>
    <x v="483"/>
    <x v="3"/>
    <x v="0"/>
    <x v="2"/>
    <s v="Space Solutions Commercial Steel Shelving"/>
    <n v="452.55"/>
    <n v="7"/>
    <n v="22.63"/>
  </r>
  <r>
    <d v="2017-11-02T00:00:00"/>
    <x v="10"/>
    <x v="3"/>
    <x v="559"/>
    <x v="5"/>
    <x v="0"/>
    <x v="10"/>
    <s v="Letter or Legal Size Expandable Poly String Tie Envelopes"/>
    <n v="5.32"/>
    <n v="2"/>
    <n v="2.61"/>
  </r>
  <r>
    <d v="2017-11-02T00:00:00"/>
    <x v="10"/>
    <x v="3"/>
    <x v="559"/>
    <x v="5"/>
    <x v="1"/>
    <x v="5"/>
    <s v="Hon Deluxe Fabric Upholstered Stacking Chairs, Rounded Back"/>
    <n v="975.92"/>
    <n v="4"/>
    <n v="292.77999999999997"/>
  </r>
  <r>
    <d v="2017-11-02T00:00:00"/>
    <x v="10"/>
    <x v="3"/>
    <x v="559"/>
    <x v="5"/>
    <x v="2"/>
    <x v="9"/>
    <s v="Logitech diNovo Edge Keyboard"/>
    <n v="2249.91"/>
    <n v="9"/>
    <n v="517.48"/>
  </r>
  <r>
    <d v="2017-11-02T00:00:00"/>
    <x v="10"/>
    <x v="3"/>
    <x v="559"/>
    <x v="5"/>
    <x v="0"/>
    <x v="2"/>
    <s v="Super Decoflex Portable Personal File"/>
    <n v="59.92"/>
    <n v="4"/>
    <n v="16.78"/>
  </r>
  <r>
    <d v="2017-11-02T00:00:00"/>
    <x v="10"/>
    <x v="3"/>
    <x v="424"/>
    <x v="2"/>
    <x v="1"/>
    <x v="8"/>
    <s v="Eldon Image Series Black Desk Accessories"/>
    <n v="3.31"/>
    <n v="1"/>
    <n v="0.66"/>
  </r>
  <r>
    <d v="2017-11-02T00:00:00"/>
    <x v="10"/>
    <x v="3"/>
    <x v="424"/>
    <x v="2"/>
    <x v="0"/>
    <x v="12"/>
    <s v="Black &amp; Decker Filter for Double Action Dustbuster Cordless Vac BLDV7210"/>
    <n v="20.14"/>
    <n v="3"/>
    <n v="1.26"/>
  </r>
  <r>
    <d v="2017-11-02T00:00:00"/>
    <x v="10"/>
    <x v="3"/>
    <x v="424"/>
    <x v="2"/>
    <x v="0"/>
    <x v="10"/>
    <s v="Colored Envelopes"/>
    <n v="8.86"/>
    <n v="3"/>
    <n v="2.88"/>
  </r>
  <r>
    <d v="2017-11-02T00:00:00"/>
    <x v="10"/>
    <x v="3"/>
    <x v="424"/>
    <x v="2"/>
    <x v="2"/>
    <x v="6"/>
    <s v="Wilson Electronics DB Pro Signal Booster"/>
    <n v="859.2"/>
    <n v="4"/>
    <n v="-186.16"/>
  </r>
  <r>
    <d v="2017-11-02T00:00:00"/>
    <x v="10"/>
    <x v="3"/>
    <x v="733"/>
    <x v="27"/>
    <x v="0"/>
    <x v="0"/>
    <s v="Xerox 220"/>
    <n v="19.440000000000001"/>
    <n v="3"/>
    <n v="9.33"/>
  </r>
  <r>
    <d v="2017-11-02T00:00:00"/>
    <x v="10"/>
    <x v="3"/>
    <x v="278"/>
    <x v="10"/>
    <x v="0"/>
    <x v="14"/>
    <s v="Premier Automatic Letter Opener"/>
    <n v="384.59"/>
    <n v="2"/>
    <n v="-81.73"/>
  </r>
  <r>
    <d v="2017-11-02T00:00:00"/>
    <x v="10"/>
    <x v="3"/>
    <x v="106"/>
    <x v="3"/>
    <x v="0"/>
    <x v="12"/>
    <s v="Fellowes 8 Outlet Superior Workstation Surge Protector w/o Phone/Fax/Modem Protection"/>
    <n v="168.1"/>
    <n v="5"/>
    <n v="43.71"/>
  </r>
  <r>
    <d v="2017-11-02T00:00:00"/>
    <x v="10"/>
    <x v="3"/>
    <x v="480"/>
    <x v="1"/>
    <x v="0"/>
    <x v="4"/>
    <s v="Stanley Bostitch Contemporary Electric Pencil Sharpeners"/>
    <n v="54.34"/>
    <n v="4"/>
    <n v="5.43"/>
  </r>
  <r>
    <d v="2017-11-02T00:00:00"/>
    <x v="10"/>
    <x v="3"/>
    <x v="608"/>
    <x v="24"/>
    <x v="0"/>
    <x v="12"/>
    <s v="Black &amp; Decker Filter for Double Action Dustbuster Cordless Vac BLDV7210"/>
    <n v="83.9"/>
    <n v="10"/>
    <n v="20.98"/>
  </r>
  <r>
    <d v="2017-11-02T00:00:00"/>
    <x v="10"/>
    <x v="3"/>
    <x v="608"/>
    <x v="24"/>
    <x v="0"/>
    <x v="0"/>
    <s v="Adams Telephone Message Book W/Dividers/Space For Phone Numbers, 5 1/4&quot;X8 1/2&quot;, 300/Messages"/>
    <n v="11.76"/>
    <n v="2"/>
    <n v="5.76"/>
  </r>
  <r>
    <d v="2017-11-02T00:00:00"/>
    <x v="10"/>
    <x v="3"/>
    <x v="253"/>
    <x v="10"/>
    <x v="1"/>
    <x v="5"/>
    <s v="Office Star Flex Back Scooter Chair with White Frame"/>
    <n v="155.37"/>
    <n v="2"/>
    <n v="-35.51"/>
  </r>
  <r>
    <d v="2017-11-02T00:00:00"/>
    <x v="10"/>
    <x v="3"/>
    <x v="497"/>
    <x v="6"/>
    <x v="0"/>
    <x v="4"/>
    <s v="Newell 318"/>
    <n v="5.56"/>
    <n v="2"/>
    <n v="1.45"/>
  </r>
  <r>
    <d v="2017-11-03T00:00:00"/>
    <x v="10"/>
    <x v="3"/>
    <x v="351"/>
    <x v="15"/>
    <x v="1"/>
    <x v="8"/>
    <s v="Telescoping Adjustable Floor Lamp"/>
    <n v="15.99"/>
    <n v="1"/>
    <n v="1"/>
  </r>
  <r>
    <d v="2017-11-03T00:00:00"/>
    <x v="10"/>
    <x v="3"/>
    <x v="566"/>
    <x v="22"/>
    <x v="0"/>
    <x v="0"/>
    <s v="Xerox 191"/>
    <n v="139.86000000000001"/>
    <n v="7"/>
    <n v="65.73"/>
  </r>
  <r>
    <d v="2017-11-03T00:00:00"/>
    <x v="10"/>
    <x v="3"/>
    <x v="566"/>
    <x v="22"/>
    <x v="1"/>
    <x v="5"/>
    <s v="Global Deluxe Office Fabric Chairs"/>
    <n v="307.14"/>
    <n v="4"/>
    <n v="26.87"/>
  </r>
  <r>
    <d v="2017-11-03T00:00:00"/>
    <x v="10"/>
    <x v="3"/>
    <x v="520"/>
    <x v="4"/>
    <x v="0"/>
    <x v="1"/>
    <s v="Avery 476"/>
    <n v="12.39"/>
    <n v="3"/>
    <n v="5.7"/>
  </r>
  <r>
    <d v="2017-11-03T00:00:00"/>
    <x v="10"/>
    <x v="3"/>
    <x v="268"/>
    <x v="31"/>
    <x v="1"/>
    <x v="8"/>
    <s v="9-3/4 Diameter Round Wall Clock"/>
    <n v="41.37"/>
    <n v="3"/>
    <n v="17.38"/>
  </r>
  <r>
    <d v="2017-11-03T00:00:00"/>
    <x v="10"/>
    <x v="3"/>
    <x v="392"/>
    <x v="28"/>
    <x v="0"/>
    <x v="0"/>
    <s v="Xerox 1971"/>
    <n v="8.56"/>
    <n v="2"/>
    <n v="3.85"/>
  </r>
  <r>
    <d v="2017-11-03T00:00:00"/>
    <x v="10"/>
    <x v="3"/>
    <x v="392"/>
    <x v="28"/>
    <x v="0"/>
    <x v="2"/>
    <s v="Sterilite Officeware Hinged File Box"/>
    <n v="52.4"/>
    <n v="5"/>
    <n v="14.15"/>
  </r>
  <r>
    <d v="2017-11-03T00:00:00"/>
    <x v="10"/>
    <x v="3"/>
    <x v="392"/>
    <x v="28"/>
    <x v="0"/>
    <x v="1"/>
    <s v="Avery 513"/>
    <n v="14.94"/>
    <n v="3"/>
    <n v="6.87"/>
  </r>
  <r>
    <d v="2017-11-03T00:00:00"/>
    <x v="10"/>
    <x v="3"/>
    <x v="406"/>
    <x v="2"/>
    <x v="0"/>
    <x v="3"/>
    <s v="Mead 1st Gear 2&quot; Zipper Binder, Asst. Colors"/>
    <n v="11.67"/>
    <n v="3"/>
    <n v="-7.78"/>
  </r>
  <r>
    <d v="2017-11-03T00:00:00"/>
    <x v="10"/>
    <x v="3"/>
    <x v="67"/>
    <x v="22"/>
    <x v="2"/>
    <x v="9"/>
    <s v="HP Standard 104 key PS/2 Keyboard"/>
    <n v="43.5"/>
    <n v="3"/>
    <n v="10.88"/>
  </r>
  <r>
    <d v="2017-11-03T00:00:00"/>
    <x v="10"/>
    <x v="3"/>
    <x v="225"/>
    <x v="5"/>
    <x v="0"/>
    <x v="0"/>
    <s v="Xerox 1963"/>
    <n v="26.4"/>
    <n v="5"/>
    <n v="11.88"/>
  </r>
  <r>
    <d v="2017-11-03T00:00:00"/>
    <x v="10"/>
    <x v="3"/>
    <x v="194"/>
    <x v="3"/>
    <x v="0"/>
    <x v="0"/>
    <s v="Xerox 1992"/>
    <n v="35.880000000000003"/>
    <n v="6"/>
    <n v="17.579999999999998"/>
  </r>
  <r>
    <d v="2017-11-03T00:00:00"/>
    <x v="10"/>
    <x v="3"/>
    <x v="97"/>
    <x v="16"/>
    <x v="2"/>
    <x v="6"/>
    <s v="Polycom SoundPoint IP 450 VoIP phone"/>
    <n v="361.38"/>
    <n v="2"/>
    <n v="27.1"/>
  </r>
  <r>
    <d v="2017-11-03T00:00:00"/>
    <x v="10"/>
    <x v="3"/>
    <x v="510"/>
    <x v="2"/>
    <x v="2"/>
    <x v="9"/>
    <s v="Memorex 25GB 6X Branded Blu-Ray Recordable Disc, 15/Pack"/>
    <n v="40.78"/>
    <n v="3"/>
    <n v="0.51"/>
  </r>
  <r>
    <d v="2017-11-03T00:00:00"/>
    <x v="10"/>
    <x v="3"/>
    <x v="748"/>
    <x v="3"/>
    <x v="2"/>
    <x v="9"/>
    <s v="Microsoft Sculpt Comfort Mouse"/>
    <n v="199.75"/>
    <n v="5"/>
    <n v="87.89"/>
  </r>
  <r>
    <d v="2017-11-03T00:00:00"/>
    <x v="10"/>
    <x v="3"/>
    <x v="748"/>
    <x v="3"/>
    <x v="1"/>
    <x v="13"/>
    <s v="Chromcraft Round Conference Tables"/>
    <n v="1673.18"/>
    <n v="12"/>
    <n v="20.91"/>
  </r>
  <r>
    <d v="2017-11-03T00:00:00"/>
    <x v="10"/>
    <x v="3"/>
    <x v="176"/>
    <x v="25"/>
    <x v="0"/>
    <x v="0"/>
    <s v="Strathmore Photo Mount Cards"/>
    <n v="16.27"/>
    <n v="3"/>
    <n v="5.29"/>
  </r>
  <r>
    <d v="2017-11-03T00:00:00"/>
    <x v="10"/>
    <x v="3"/>
    <x v="4"/>
    <x v="22"/>
    <x v="0"/>
    <x v="3"/>
    <s v="Binder Posts"/>
    <n v="18.37"/>
    <n v="4"/>
    <n v="5.97"/>
  </r>
  <r>
    <d v="2017-11-03T00:00:00"/>
    <x v="10"/>
    <x v="3"/>
    <x v="100"/>
    <x v="3"/>
    <x v="1"/>
    <x v="13"/>
    <s v="SAFCO PlanMaster Boards, 60w x 37-1/2d, White Melamine"/>
    <n v="486.37"/>
    <n v="4"/>
    <n v="36.479999999999997"/>
  </r>
  <r>
    <d v="2017-11-03T00:00:00"/>
    <x v="10"/>
    <x v="3"/>
    <x v="610"/>
    <x v="16"/>
    <x v="2"/>
    <x v="16"/>
    <s v="Canon Image Class D660 Copier"/>
    <n v="959.98"/>
    <n v="2"/>
    <n v="311.99"/>
  </r>
  <r>
    <d v="2017-11-03T00:00:00"/>
    <x v="10"/>
    <x v="3"/>
    <x v="610"/>
    <x v="16"/>
    <x v="0"/>
    <x v="3"/>
    <s v="Avery Self-Adhesive Photo Pockets for Polaroid Photos"/>
    <n v="4.09"/>
    <n v="2"/>
    <n v="-3"/>
  </r>
  <r>
    <d v="2017-11-03T00:00:00"/>
    <x v="10"/>
    <x v="3"/>
    <x v="610"/>
    <x v="16"/>
    <x v="0"/>
    <x v="4"/>
    <s v="Hunt Boston Vacuum Mount KS Pencil Sharpener"/>
    <n v="55.98"/>
    <n v="2"/>
    <n v="4.2"/>
  </r>
  <r>
    <d v="2017-11-03T00:00:00"/>
    <x v="10"/>
    <x v="3"/>
    <x v="610"/>
    <x v="16"/>
    <x v="0"/>
    <x v="0"/>
    <s v="Xerox 1923"/>
    <n v="10.69"/>
    <n v="2"/>
    <n v="3.74"/>
  </r>
  <r>
    <d v="2017-11-04T00:00:00"/>
    <x v="10"/>
    <x v="3"/>
    <x v="241"/>
    <x v="25"/>
    <x v="2"/>
    <x v="15"/>
    <s v="Cubify CubeX 3D Printer Triple Head Print"/>
    <n v="7999.98"/>
    <n v="4"/>
    <n v="-3839.99"/>
  </r>
  <r>
    <d v="2017-11-04T00:00:00"/>
    <x v="10"/>
    <x v="3"/>
    <x v="241"/>
    <x v="25"/>
    <x v="0"/>
    <x v="12"/>
    <s v="Eureka The Boss Plus 12-Amp Hard Box Upright Vacuum, Red"/>
    <n v="167.44"/>
    <n v="2"/>
    <n v="14.65"/>
  </r>
  <r>
    <d v="2017-11-04T00:00:00"/>
    <x v="10"/>
    <x v="3"/>
    <x v="594"/>
    <x v="15"/>
    <x v="0"/>
    <x v="0"/>
    <s v="Adams Telephone Message Books, 5 1/4Â” x 11Â”"/>
    <n v="9.66"/>
    <n v="2"/>
    <n v="3.26"/>
  </r>
  <r>
    <d v="2017-11-04T00:00:00"/>
    <x v="10"/>
    <x v="3"/>
    <x v="381"/>
    <x v="0"/>
    <x v="0"/>
    <x v="1"/>
    <s v="Alphabetical Labels for Top Tab Filing"/>
    <n v="23.68"/>
    <n v="2"/>
    <n v="8.8800000000000008"/>
  </r>
  <r>
    <d v="2017-11-04T00:00:00"/>
    <x v="10"/>
    <x v="3"/>
    <x v="254"/>
    <x v="25"/>
    <x v="1"/>
    <x v="13"/>
    <s v="Hon 5100 Series Wood Tables"/>
    <n v="523.76"/>
    <n v="3"/>
    <n v="-192.05"/>
  </r>
  <r>
    <d v="2017-11-04T00:00:00"/>
    <x v="10"/>
    <x v="3"/>
    <x v="254"/>
    <x v="25"/>
    <x v="2"/>
    <x v="6"/>
    <s v="Motorola Moto X"/>
    <n v="1359.96"/>
    <n v="5"/>
    <n v="119"/>
  </r>
  <r>
    <d v="2017-11-04T00:00:00"/>
    <x v="10"/>
    <x v="3"/>
    <x v="103"/>
    <x v="15"/>
    <x v="2"/>
    <x v="9"/>
    <s v="Logitech M510 Wireless Mouse"/>
    <n v="95.98"/>
    <n v="3"/>
    <n v="15.6"/>
  </r>
  <r>
    <d v="2017-11-04T00:00:00"/>
    <x v="10"/>
    <x v="3"/>
    <x v="103"/>
    <x v="15"/>
    <x v="2"/>
    <x v="6"/>
    <s v="iOttie XL Car Mount"/>
    <n v="143.93"/>
    <n v="9"/>
    <n v="-32.380000000000003"/>
  </r>
  <r>
    <d v="2017-11-04T00:00:00"/>
    <x v="10"/>
    <x v="3"/>
    <x v="103"/>
    <x v="15"/>
    <x v="0"/>
    <x v="3"/>
    <s v="Storex Dura Pro Binders"/>
    <n v="3.56"/>
    <n v="2"/>
    <n v="-2.97"/>
  </r>
  <r>
    <d v="2017-11-04T00:00:00"/>
    <x v="10"/>
    <x v="3"/>
    <x v="103"/>
    <x v="15"/>
    <x v="0"/>
    <x v="1"/>
    <s v="Avery 481"/>
    <n v="4.93"/>
    <n v="2"/>
    <n v="1.72"/>
  </r>
  <r>
    <d v="2017-11-04T00:00:00"/>
    <x v="10"/>
    <x v="3"/>
    <x v="365"/>
    <x v="0"/>
    <x v="0"/>
    <x v="3"/>
    <s v="GBC Standard Plastic Binding Systems' Combs"/>
    <n v="7.54"/>
    <n v="6"/>
    <n v="-13.19"/>
  </r>
  <r>
    <d v="2017-11-04T00:00:00"/>
    <x v="10"/>
    <x v="3"/>
    <x v="365"/>
    <x v="0"/>
    <x v="0"/>
    <x v="3"/>
    <s v="Self-Adhesive Ring Binder Labels"/>
    <n v="1.41"/>
    <n v="2"/>
    <n v="-2.3199999999999998"/>
  </r>
  <r>
    <d v="2017-11-04T00:00:00"/>
    <x v="10"/>
    <x v="3"/>
    <x v="365"/>
    <x v="0"/>
    <x v="0"/>
    <x v="3"/>
    <s v="Wilson Jones Impact Binders"/>
    <n v="4.1399999999999997"/>
    <n v="4"/>
    <n v="-6.42"/>
  </r>
  <r>
    <d v="2017-11-04T00:00:00"/>
    <x v="10"/>
    <x v="3"/>
    <x v="365"/>
    <x v="0"/>
    <x v="0"/>
    <x v="2"/>
    <s v="Rogers Deluxe File Chest"/>
    <n v="52.75"/>
    <n v="3"/>
    <n v="-12.53"/>
  </r>
  <r>
    <d v="2017-11-04T00:00:00"/>
    <x v="10"/>
    <x v="3"/>
    <x v="418"/>
    <x v="10"/>
    <x v="2"/>
    <x v="9"/>
    <s v="SanDisk Ultra 32 GB MicroSDHC Class 10 Memory Card"/>
    <n v="70.72"/>
    <n v="4"/>
    <n v="-6.19"/>
  </r>
  <r>
    <d v="2017-11-04T00:00:00"/>
    <x v="10"/>
    <x v="3"/>
    <x v="418"/>
    <x v="10"/>
    <x v="0"/>
    <x v="2"/>
    <s v="Carina 42&quot;Hx23 3/4&quot;W Media Storage Unit"/>
    <n v="194.35"/>
    <n v="3"/>
    <n v="-43.73"/>
  </r>
  <r>
    <d v="2017-11-04T00:00:00"/>
    <x v="10"/>
    <x v="3"/>
    <x v="307"/>
    <x v="13"/>
    <x v="0"/>
    <x v="4"/>
    <s v="Binney &amp; Smith inkTank Desk Highlighter, Chisel Tip, Yellow, 12/Box"/>
    <n v="4.3"/>
    <n v="2"/>
    <n v="1.42"/>
  </r>
  <r>
    <d v="2017-11-05T00:00:00"/>
    <x v="10"/>
    <x v="3"/>
    <x v="350"/>
    <x v="12"/>
    <x v="0"/>
    <x v="3"/>
    <s v="Avery Durable Slant Ring Binders, No Labels"/>
    <n v="2.39"/>
    <n v="2"/>
    <n v="-1.83"/>
  </r>
  <r>
    <d v="2017-11-05T00:00:00"/>
    <x v="10"/>
    <x v="3"/>
    <x v="350"/>
    <x v="12"/>
    <x v="0"/>
    <x v="2"/>
    <s v="Trav-L-File Heavy-Duty Shuttle II, Black"/>
    <n v="243.99"/>
    <n v="7"/>
    <n v="30.5"/>
  </r>
  <r>
    <d v="2017-11-05T00:00:00"/>
    <x v="10"/>
    <x v="3"/>
    <x v="141"/>
    <x v="31"/>
    <x v="2"/>
    <x v="9"/>
    <s v="NETGEAR AC1750 Dual Band GigabitÂ Smart WiFi Router"/>
    <n v="159.99"/>
    <n v="1"/>
    <n v="54.4"/>
  </r>
  <r>
    <d v="2017-11-05T00:00:00"/>
    <x v="10"/>
    <x v="3"/>
    <x v="743"/>
    <x v="20"/>
    <x v="2"/>
    <x v="9"/>
    <s v="Enermax Aurora Lite Keyboard"/>
    <n v="390.75"/>
    <n v="5"/>
    <n v="171.93"/>
  </r>
  <r>
    <d v="2017-11-05T00:00:00"/>
    <x v="10"/>
    <x v="3"/>
    <x v="611"/>
    <x v="1"/>
    <x v="0"/>
    <x v="3"/>
    <s v="Avery Recycled Flexi-View Covers for Binding Systems"/>
    <n v="16.03"/>
    <n v="5"/>
    <n v="-25.65"/>
  </r>
  <r>
    <d v="2017-11-05T00:00:00"/>
    <x v="10"/>
    <x v="3"/>
    <x v="551"/>
    <x v="0"/>
    <x v="2"/>
    <x v="6"/>
    <s v="Nortel Meridian M3904 Professional Digital phone"/>
    <n v="492.77"/>
    <n v="4"/>
    <n v="55.44"/>
  </r>
  <r>
    <d v="2017-11-05T00:00:00"/>
    <x v="10"/>
    <x v="3"/>
    <x v="266"/>
    <x v="3"/>
    <x v="0"/>
    <x v="0"/>
    <s v="Xerox 1996"/>
    <n v="12.96"/>
    <n v="2"/>
    <n v="6.22"/>
  </r>
  <r>
    <d v="2017-11-05T00:00:00"/>
    <x v="10"/>
    <x v="3"/>
    <x v="792"/>
    <x v="20"/>
    <x v="0"/>
    <x v="3"/>
    <s v="GBC Prestige Therm-A-Bind Covers"/>
    <n v="164.69"/>
    <n v="6"/>
    <n v="55.58"/>
  </r>
  <r>
    <d v="2017-11-05T00:00:00"/>
    <x v="10"/>
    <x v="3"/>
    <x v="792"/>
    <x v="20"/>
    <x v="1"/>
    <x v="13"/>
    <s v="Balt Split Level Computer Training Table"/>
    <n v="166.5"/>
    <n v="2"/>
    <n v="-66.599999999999994"/>
  </r>
  <r>
    <d v="2017-11-05T00:00:00"/>
    <x v="10"/>
    <x v="3"/>
    <x v="792"/>
    <x v="20"/>
    <x v="0"/>
    <x v="0"/>
    <s v="Xerox 202"/>
    <n v="12.96"/>
    <n v="2"/>
    <n v="6.22"/>
  </r>
  <r>
    <d v="2017-11-05T00:00:00"/>
    <x v="10"/>
    <x v="3"/>
    <x v="792"/>
    <x v="20"/>
    <x v="0"/>
    <x v="0"/>
    <s v="Eaton Premium Continuous-Feed Paper, 25% Cotton, Letter Size, White, 1000 Shts/Box"/>
    <n v="110.96"/>
    <n v="2"/>
    <n v="53.26"/>
  </r>
  <r>
    <d v="2017-11-05T00:00:00"/>
    <x v="10"/>
    <x v="3"/>
    <x v="792"/>
    <x v="20"/>
    <x v="2"/>
    <x v="6"/>
    <s v="Anker Astro 15000mAh USB Portable Charger"/>
    <n v="99.98"/>
    <n v="2"/>
    <n v="4"/>
  </r>
  <r>
    <d v="2017-11-05T00:00:00"/>
    <x v="10"/>
    <x v="3"/>
    <x v="792"/>
    <x v="20"/>
    <x v="0"/>
    <x v="3"/>
    <s v="Avery Premier Heavy-Duty Binder with Round Locking Rings"/>
    <n v="11.42"/>
    <n v="1"/>
    <n v="3.71"/>
  </r>
  <r>
    <d v="2017-11-05T00:00:00"/>
    <x v="10"/>
    <x v="3"/>
    <x v="792"/>
    <x v="20"/>
    <x v="1"/>
    <x v="5"/>
    <s v="Harbour Creations 67200 Series Stacking Chairs"/>
    <n v="128.12"/>
    <n v="2"/>
    <n v="24.2"/>
  </r>
  <r>
    <d v="2017-11-05T00:00:00"/>
    <x v="10"/>
    <x v="3"/>
    <x v="792"/>
    <x v="20"/>
    <x v="1"/>
    <x v="8"/>
    <s v="Career Cubicle Clock, 8 1/4&quot;, Black"/>
    <n v="101.4"/>
    <n v="5"/>
    <n v="38.53"/>
  </r>
  <r>
    <d v="2017-11-05T00:00:00"/>
    <x v="10"/>
    <x v="3"/>
    <x v="692"/>
    <x v="18"/>
    <x v="0"/>
    <x v="0"/>
    <s v="Ampad Gold Fibre Wirebound Steno Books, 6&quot; x 9&quot;, Gregg Ruled"/>
    <n v="4.41"/>
    <n v="1"/>
    <n v="2.0299999999999998"/>
  </r>
  <r>
    <d v="2017-11-05T00:00:00"/>
    <x v="10"/>
    <x v="3"/>
    <x v="692"/>
    <x v="18"/>
    <x v="0"/>
    <x v="0"/>
    <s v="Easy-staple paper"/>
    <n v="167.94"/>
    <n v="3"/>
    <n v="82.29"/>
  </r>
  <r>
    <d v="2017-11-05T00:00:00"/>
    <x v="10"/>
    <x v="3"/>
    <x v="692"/>
    <x v="18"/>
    <x v="0"/>
    <x v="0"/>
    <s v="Strathmore Photo Mount Cards"/>
    <n v="67.8"/>
    <n v="10"/>
    <n v="31.19"/>
  </r>
  <r>
    <d v="2017-11-06T00:00:00"/>
    <x v="10"/>
    <x v="3"/>
    <x v="680"/>
    <x v="11"/>
    <x v="0"/>
    <x v="3"/>
    <s v="Flexible Leather- Look Classic Collection Ring Binder"/>
    <n v="5.68"/>
    <n v="1"/>
    <n v="-3.79"/>
  </r>
  <r>
    <d v="2017-11-06T00:00:00"/>
    <x v="10"/>
    <x v="3"/>
    <x v="139"/>
    <x v="23"/>
    <x v="0"/>
    <x v="2"/>
    <s v="Decoflex Hanging Personal Folder File"/>
    <n v="46.26"/>
    <n v="3"/>
    <n v="12.03"/>
  </r>
  <r>
    <d v="2017-11-06T00:00:00"/>
    <x v="10"/>
    <x v="3"/>
    <x v="668"/>
    <x v="5"/>
    <x v="0"/>
    <x v="0"/>
    <s v="Xerox 1987"/>
    <n v="5.78"/>
    <n v="1"/>
    <n v="2.83"/>
  </r>
  <r>
    <d v="2017-11-06T00:00:00"/>
    <x v="10"/>
    <x v="3"/>
    <x v="456"/>
    <x v="3"/>
    <x v="0"/>
    <x v="10"/>
    <s v="#10- 4 1/8&quot; x 9 1/2&quot; Security-Tint Envelopes"/>
    <n v="15.28"/>
    <n v="2"/>
    <n v="7.49"/>
  </r>
  <r>
    <d v="2017-11-06T00:00:00"/>
    <x v="10"/>
    <x v="3"/>
    <x v="456"/>
    <x v="3"/>
    <x v="1"/>
    <x v="8"/>
    <s v="Dax Clear Box Frame"/>
    <n v="8.73"/>
    <n v="1"/>
    <n v="2.97"/>
  </r>
  <r>
    <d v="2017-11-06T00:00:00"/>
    <x v="10"/>
    <x v="3"/>
    <x v="456"/>
    <x v="3"/>
    <x v="0"/>
    <x v="4"/>
    <s v="SANFORD Liquid Accent Tank-Style Highlighters"/>
    <n v="5.68"/>
    <n v="2"/>
    <n v="1.76"/>
  </r>
  <r>
    <d v="2017-11-06T00:00:00"/>
    <x v="10"/>
    <x v="3"/>
    <x v="453"/>
    <x v="25"/>
    <x v="0"/>
    <x v="12"/>
    <s v="1.7 Cubic Foot Compact &quot;Cube&quot; Office Refrigerators"/>
    <n v="499.58"/>
    <n v="3"/>
    <n v="43.71"/>
  </r>
  <r>
    <d v="2017-11-06T00:00:00"/>
    <x v="10"/>
    <x v="3"/>
    <x v="453"/>
    <x v="25"/>
    <x v="0"/>
    <x v="0"/>
    <s v="Xerox 220"/>
    <n v="31.1"/>
    <n v="6"/>
    <n v="10.89"/>
  </r>
  <r>
    <d v="2017-11-06T00:00:00"/>
    <x v="10"/>
    <x v="3"/>
    <x v="453"/>
    <x v="25"/>
    <x v="0"/>
    <x v="3"/>
    <s v="Avery Durable Poly Binders"/>
    <n v="13.27"/>
    <n v="8"/>
    <n v="-10.62"/>
  </r>
  <r>
    <d v="2017-11-06T00:00:00"/>
    <x v="10"/>
    <x v="3"/>
    <x v="453"/>
    <x v="25"/>
    <x v="1"/>
    <x v="8"/>
    <s v="Executive Impressions 12&quot; Wall Clock"/>
    <n v="28.27"/>
    <n v="2"/>
    <n v="6.36"/>
  </r>
  <r>
    <d v="2017-11-06T00:00:00"/>
    <x v="10"/>
    <x v="3"/>
    <x v="453"/>
    <x v="25"/>
    <x v="0"/>
    <x v="2"/>
    <s v="Carina Double Wide Media Storage Towers in Natural &amp; Black"/>
    <n v="259.14"/>
    <n v="4"/>
    <n v="-51.83"/>
  </r>
  <r>
    <d v="2017-11-06T00:00:00"/>
    <x v="10"/>
    <x v="3"/>
    <x v="684"/>
    <x v="28"/>
    <x v="0"/>
    <x v="4"/>
    <s v="Newell 339"/>
    <n v="13.9"/>
    <n v="5"/>
    <n v="3.61"/>
  </r>
  <r>
    <d v="2017-11-06T00:00:00"/>
    <x v="10"/>
    <x v="3"/>
    <x v="684"/>
    <x v="28"/>
    <x v="0"/>
    <x v="0"/>
    <s v="Easy-staple paper"/>
    <n v="26.38"/>
    <n v="1"/>
    <n v="12.13"/>
  </r>
  <r>
    <d v="2017-11-06T00:00:00"/>
    <x v="10"/>
    <x v="3"/>
    <x v="505"/>
    <x v="2"/>
    <x v="1"/>
    <x v="5"/>
    <s v="Global Wood Trimmed Manager's Task Chair, Khaki"/>
    <n v="127.37"/>
    <n v="2"/>
    <n v="-30.93"/>
  </r>
  <r>
    <d v="2017-11-06T00:00:00"/>
    <x v="10"/>
    <x v="3"/>
    <x v="505"/>
    <x v="2"/>
    <x v="0"/>
    <x v="0"/>
    <s v="Xerox 191"/>
    <n v="47.95"/>
    <n v="3"/>
    <n v="16.18"/>
  </r>
  <r>
    <d v="2017-11-06T00:00:00"/>
    <x v="10"/>
    <x v="3"/>
    <x v="365"/>
    <x v="3"/>
    <x v="0"/>
    <x v="0"/>
    <s v="Xerox 191"/>
    <n v="59.94"/>
    <n v="3"/>
    <n v="28.17"/>
  </r>
  <r>
    <d v="2017-11-06T00:00:00"/>
    <x v="10"/>
    <x v="3"/>
    <x v="365"/>
    <x v="3"/>
    <x v="0"/>
    <x v="0"/>
    <s v="Easy-staple paper"/>
    <n v="45.36"/>
    <n v="4"/>
    <n v="22.23"/>
  </r>
  <r>
    <d v="2017-11-06T00:00:00"/>
    <x v="10"/>
    <x v="3"/>
    <x v="365"/>
    <x v="3"/>
    <x v="0"/>
    <x v="0"/>
    <s v="Astroparche Fine Business Paper"/>
    <n v="26.4"/>
    <n v="5"/>
    <n v="12.67"/>
  </r>
  <r>
    <d v="2017-11-06T00:00:00"/>
    <x v="10"/>
    <x v="3"/>
    <x v="365"/>
    <x v="3"/>
    <x v="0"/>
    <x v="1"/>
    <s v="Avery 503"/>
    <n v="41.4"/>
    <n v="4"/>
    <n v="19.87"/>
  </r>
  <r>
    <d v="2017-11-06T00:00:00"/>
    <x v="10"/>
    <x v="3"/>
    <x v="365"/>
    <x v="3"/>
    <x v="2"/>
    <x v="9"/>
    <s v="Kingston Digital DataTraveler 32GB USB 2.0"/>
    <n v="16.95"/>
    <n v="1"/>
    <n v="1.02"/>
  </r>
  <r>
    <d v="2017-11-06T00:00:00"/>
    <x v="10"/>
    <x v="3"/>
    <x v="778"/>
    <x v="20"/>
    <x v="0"/>
    <x v="0"/>
    <s v="Xerox 1906"/>
    <n v="318.95999999999998"/>
    <n v="9"/>
    <n v="149.91"/>
  </r>
  <r>
    <d v="2017-11-06T00:00:00"/>
    <x v="10"/>
    <x v="3"/>
    <x v="692"/>
    <x v="22"/>
    <x v="1"/>
    <x v="13"/>
    <s v="Hon 5100 Series Wood Tables"/>
    <n v="2036.86"/>
    <n v="7"/>
    <n v="366.63"/>
  </r>
  <r>
    <d v="2017-11-06T00:00:00"/>
    <x v="10"/>
    <x v="3"/>
    <x v="692"/>
    <x v="22"/>
    <x v="1"/>
    <x v="5"/>
    <s v="Hon 2090 Â“Pillow SoftÂ” Series Mid Back Swivel/Tilt Chairs"/>
    <n v="449.57"/>
    <n v="2"/>
    <n v="-73.05"/>
  </r>
  <r>
    <d v="2017-11-06T00:00:00"/>
    <x v="10"/>
    <x v="3"/>
    <x v="692"/>
    <x v="22"/>
    <x v="2"/>
    <x v="9"/>
    <s v="SanDisk Cruzer 64 GB USB Flash Drive"/>
    <n v="108.96"/>
    <n v="3"/>
    <n v="32.69"/>
  </r>
  <r>
    <d v="2017-11-06T00:00:00"/>
    <x v="10"/>
    <x v="3"/>
    <x v="31"/>
    <x v="0"/>
    <x v="1"/>
    <x v="8"/>
    <s v="Linden 10&quot; Round Wall Clock, Black"/>
    <n v="30.56"/>
    <n v="5"/>
    <n v="-19.86"/>
  </r>
  <r>
    <d v="2017-11-06T00:00:00"/>
    <x v="10"/>
    <x v="3"/>
    <x v="757"/>
    <x v="0"/>
    <x v="0"/>
    <x v="3"/>
    <s v="Zipper Ring Binder Pockets"/>
    <n v="1.25"/>
    <n v="2"/>
    <n v="-1.93"/>
  </r>
  <r>
    <d v="2017-11-06T00:00:00"/>
    <x v="10"/>
    <x v="3"/>
    <x v="173"/>
    <x v="0"/>
    <x v="0"/>
    <x v="2"/>
    <s v="SimpliFile Personal File, Black Granite, 15w x 6-15/16d x 11-1/4h"/>
    <n v="18.16"/>
    <n v="2"/>
    <n v="1.82"/>
  </r>
  <r>
    <d v="2017-11-07T00:00:00"/>
    <x v="10"/>
    <x v="3"/>
    <x v="35"/>
    <x v="3"/>
    <x v="2"/>
    <x v="9"/>
    <s v="Anker Ultra-Slim Mini Bluetooth 3.0 Wireless Keyboard"/>
    <n v="59.97"/>
    <n v="3"/>
    <n v="13.79"/>
  </r>
  <r>
    <d v="2017-11-07T00:00:00"/>
    <x v="10"/>
    <x v="3"/>
    <x v="35"/>
    <x v="3"/>
    <x v="2"/>
    <x v="6"/>
    <s v="Plantronics CS 50-USB -Â headsetÂ - Convertible, Monaural"/>
    <n v="761.54"/>
    <n v="7"/>
    <n v="66.64"/>
  </r>
  <r>
    <d v="2017-11-07T00:00:00"/>
    <x v="10"/>
    <x v="3"/>
    <x v="287"/>
    <x v="2"/>
    <x v="2"/>
    <x v="6"/>
    <s v="Jabra Supreme Plus Driver EditionÂ Headset"/>
    <n v="359.97"/>
    <n v="5"/>
    <n v="-71.989999999999995"/>
  </r>
  <r>
    <d v="2017-11-07T00:00:00"/>
    <x v="10"/>
    <x v="3"/>
    <x v="287"/>
    <x v="2"/>
    <x v="1"/>
    <x v="13"/>
    <s v="Bevis Rectangular Conference Tables"/>
    <n v="350.35"/>
    <n v="4"/>
    <n v="-140.13999999999999"/>
  </r>
  <r>
    <d v="2017-11-07T00:00:00"/>
    <x v="10"/>
    <x v="3"/>
    <x v="578"/>
    <x v="3"/>
    <x v="0"/>
    <x v="3"/>
    <s v="Avery Self-Adhesive Photo Pockets for Polaroid Photos"/>
    <n v="21.79"/>
    <n v="4"/>
    <n v="7.63"/>
  </r>
  <r>
    <d v="2017-11-07T00:00:00"/>
    <x v="10"/>
    <x v="3"/>
    <x v="578"/>
    <x v="3"/>
    <x v="2"/>
    <x v="9"/>
    <s v="Plantronics Audio 995 Wireless Stereo Headset"/>
    <n v="439.8"/>
    <n v="4"/>
    <n v="145.13"/>
  </r>
  <r>
    <d v="2017-11-07T00:00:00"/>
    <x v="10"/>
    <x v="3"/>
    <x v="500"/>
    <x v="7"/>
    <x v="0"/>
    <x v="12"/>
    <s v="Holmes Odor Grabber"/>
    <n v="100.94"/>
    <n v="7"/>
    <n v="33.31"/>
  </r>
  <r>
    <d v="2017-11-07T00:00:00"/>
    <x v="10"/>
    <x v="3"/>
    <x v="558"/>
    <x v="20"/>
    <x v="2"/>
    <x v="9"/>
    <s v="Maxell CD-R Discs"/>
    <n v="7.88"/>
    <n v="4"/>
    <n v="2.52"/>
  </r>
  <r>
    <d v="2017-11-07T00:00:00"/>
    <x v="10"/>
    <x v="3"/>
    <x v="549"/>
    <x v="36"/>
    <x v="1"/>
    <x v="5"/>
    <s v="Global Highback Leather Tilter in Burgundy"/>
    <n v="272.97000000000003"/>
    <n v="3"/>
    <n v="43.68"/>
  </r>
  <r>
    <d v="2017-11-07T00:00:00"/>
    <x v="10"/>
    <x v="3"/>
    <x v="574"/>
    <x v="39"/>
    <x v="0"/>
    <x v="3"/>
    <s v="Storex DuraTech Recycled Plastic Frosted Binders"/>
    <n v="38.159999999999997"/>
    <n v="9"/>
    <n v="19.079999999999998"/>
  </r>
  <r>
    <d v="2017-11-08T00:00:00"/>
    <x v="10"/>
    <x v="3"/>
    <x v="253"/>
    <x v="20"/>
    <x v="0"/>
    <x v="4"/>
    <s v="Panasonic KP-310 Heavy-Duty Electric Pencil Sharpener"/>
    <n v="109.9"/>
    <n v="5"/>
    <n v="32.97"/>
  </r>
  <r>
    <d v="2017-11-08T00:00:00"/>
    <x v="10"/>
    <x v="3"/>
    <x v="148"/>
    <x v="36"/>
    <x v="1"/>
    <x v="8"/>
    <s v="Howard Miller Distant Time Traveler Alarm Clock"/>
    <n v="274.2"/>
    <n v="10"/>
    <n v="112.42"/>
  </r>
  <r>
    <d v="2017-11-09T00:00:00"/>
    <x v="10"/>
    <x v="3"/>
    <x v="672"/>
    <x v="20"/>
    <x v="1"/>
    <x v="8"/>
    <s v="9-3/4 Diameter Round Wall Clock"/>
    <n v="96.53"/>
    <n v="7"/>
    <n v="40.54"/>
  </r>
  <r>
    <d v="2017-11-09T00:00:00"/>
    <x v="10"/>
    <x v="3"/>
    <x v="403"/>
    <x v="3"/>
    <x v="1"/>
    <x v="5"/>
    <s v="Global Leather Task Chair, Black"/>
    <n v="215.98"/>
    <n v="3"/>
    <n v="-2.7"/>
  </r>
  <r>
    <d v="2017-11-09T00:00:00"/>
    <x v="10"/>
    <x v="3"/>
    <x v="212"/>
    <x v="3"/>
    <x v="0"/>
    <x v="2"/>
    <s v="Safco Wire Cube Shelving System, For Use as 4 or 5 14&quot; Cubes, Black"/>
    <n v="63.56"/>
    <n v="2"/>
    <n v="3.18"/>
  </r>
  <r>
    <d v="2017-11-09T00:00:00"/>
    <x v="10"/>
    <x v="3"/>
    <x v="212"/>
    <x v="3"/>
    <x v="2"/>
    <x v="9"/>
    <s v="Razer Kraken 7.1 Surround Sound Over Ear USB Gaming Headset"/>
    <n v="99.99"/>
    <n v="1"/>
    <n v="44"/>
  </r>
  <r>
    <d v="2017-11-09T00:00:00"/>
    <x v="10"/>
    <x v="3"/>
    <x v="291"/>
    <x v="36"/>
    <x v="0"/>
    <x v="3"/>
    <s v="Wilson Jones Turn Tabs Binder Tool for Ring Binders"/>
    <n v="9.64"/>
    <n v="2"/>
    <n v="4.43"/>
  </r>
  <r>
    <d v="2017-11-09T00:00:00"/>
    <x v="10"/>
    <x v="3"/>
    <x v="291"/>
    <x v="36"/>
    <x v="2"/>
    <x v="9"/>
    <s v="MaxellÂ iVDR EX 500GB Cartridge"/>
    <n v="826.62"/>
    <n v="3"/>
    <n v="355.45"/>
  </r>
  <r>
    <d v="2017-11-09T00:00:00"/>
    <x v="10"/>
    <x v="3"/>
    <x v="291"/>
    <x v="36"/>
    <x v="0"/>
    <x v="2"/>
    <s v="Adjustable Depth Letter/Legal Cart"/>
    <n v="1633.14"/>
    <n v="9"/>
    <n v="473.61"/>
  </r>
  <r>
    <d v="2017-11-09T00:00:00"/>
    <x v="10"/>
    <x v="3"/>
    <x v="291"/>
    <x v="36"/>
    <x v="0"/>
    <x v="2"/>
    <s v="Adjustable Depth Letter/Legal Cart"/>
    <n v="544.38"/>
    <n v="3"/>
    <n v="157.87"/>
  </r>
  <r>
    <d v="2017-11-09T00:00:00"/>
    <x v="10"/>
    <x v="3"/>
    <x v="264"/>
    <x v="3"/>
    <x v="1"/>
    <x v="8"/>
    <s v="Eldon Wave Desk Accessories"/>
    <n v="47.12"/>
    <n v="8"/>
    <n v="20.73"/>
  </r>
  <r>
    <d v="2017-11-09T00:00:00"/>
    <x v="10"/>
    <x v="3"/>
    <x v="458"/>
    <x v="3"/>
    <x v="1"/>
    <x v="5"/>
    <s v="Lifetime Advantage Folding Chairs, 4/Carton"/>
    <n v="523.39"/>
    <n v="3"/>
    <n v="52.34"/>
  </r>
  <r>
    <d v="2017-11-09T00:00:00"/>
    <x v="10"/>
    <x v="3"/>
    <x v="725"/>
    <x v="16"/>
    <x v="2"/>
    <x v="9"/>
    <s v="Logitech G602 Wireless Gaming Mouse"/>
    <n v="191.98"/>
    <n v="3"/>
    <n v="38.4"/>
  </r>
  <r>
    <d v="2017-11-09T00:00:00"/>
    <x v="10"/>
    <x v="3"/>
    <x v="725"/>
    <x v="16"/>
    <x v="2"/>
    <x v="6"/>
    <s v="Motorola L703CM"/>
    <n v="499.17"/>
    <n v="4"/>
    <n v="31.2"/>
  </r>
  <r>
    <d v="2017-11-10T00:00:00"/>
    <x v="10"/>
    <x v="3"/>
    <x v="518"/>
    <x v="12"/>
    <x v="0"/>
    <x v="3"/>
    <s v="Cardinal EasyOpen D-Ring Binders"/>
    <n v="38.39"/>
    <n v="14"/>
    <n v="-25.59"/>
  </r>
  <r>
    <d v="2017-11-10T00:00:00"/>
    <x v="10"/>
    <x v="3"/>
    <x v="518"/>
    <x v="12"/>
    <x v="2"/>
    <x v="15"/>
    <s v="DYMO CardScan Personal V9 Business Card Scanner"/>
    <n v="95.99"/>
    <n v="2"/>
    <n v="-64"/>
  </r>
  <r>
    <d v="2017-11-10T00:00:00"/>
    <x v="10"/>
    <x v="3"/>
    <x v="518"/>
    <x v="12"/>
    <x v="2"/>
    <x v="9"/>
    <s v="Case Logic 2.4GHz Wireless Keyboard"/>
    <n v="239.95"/>
    <n v="6"/>
    <n v="-35.99"/>
  </r>
  <r>
    <d v="2017-11-10T00:00:00"/>
    <x v="10"/>
    <x v="3"/>
    <x v="518"/>
    <x v="12"/>
    <x v="2"/>
    <x v="6"/>
    <s v="Adtran 1202752G1"/>
    <n v="201.58"/>
    <n v="2"/>
    <n v="15.12"/>
  </r>
  <r>
    <d v="2017-11-10T00:00:00"/>
    <x v="10"/>
    <x v="3"/>
    <x v="518"/>
    <x v="12"/>
    <x v="1"/>
    <x v="5"/>
    <s v="Hon 2090 Â“Pillow SoftÂ” Series Mid Back Swivel/Tilt Chairs"/>
    <n v="899.14"/>
    <n v="4"/>
    <n v="-146.11000000000001"/>
  </r>
  <r>
    <d v="2017-11-10T00:00:00"/>
    <x v="10"/>
    <x v="3"/>
    <x v="136"/>
    <x v="20"/>
    <x v="0"/>
    <x v="3"/>
    <s v="Fellowes PB300 Plastic Comb Binding Machine"/>
    <n v="931.18"/>
    <n v="3"/>
    <n v="314.27"/>
  </r>
  <r>
    <d v="2017-11-10T00:00:00"/>
    <x v="10"/>
    <x v="3"/>
    <x v="136"/>
    <x v="20"/>
    <x v="2"/>
    <x v="6"/>
    <s v="Aastra 6757i CT Wireless VoIP phone"/>
    <n v="430.88"/>
    <n v="2"/>
    <n v="124.96"/>
  </r>
  <r>
    <d v="2017-11-10T00:00:00"/>
    <x v="10"/>
    <x v="3"/>
    <x v="615"/>
    <x v="0"/>
    <x v="1"/>
    <x v="8"/>
    <s v="Tenex Antistatic Computer Chair Mats"/>
    <n v="341.96"/>
    <n v="5"/>
    <n v="-427.45"/>
  </r>
  <r>
    <d v="2017-11-10T00:00:00"/>
    <x v="10"/>
    <x v="3"/>
    <x v="317"/>
    <x v="22"/>
    <x v="0"/>
    <x v="3"/>
    <s v="GBC Imprintable Covers"/>
    <n v="26.35"/>
    <n v="3"/>
    <n v="9.5500000000000007"/>
  </r>
  <r>
    <d v="2017-11-10T00:00:00"/>
    <x v="10"/>
    <x v="3"/>
    <x v="108"/>
    <x v="16"/>
    <x v="0"/>
    <x v="3"/>
    <s v="GBC VeloBinder Strips"/>
    <n v="11.52"/>
    <n v="5"/>
    <n v="-7.68"/>
  </r>
  <r>
    <d v="2017-11-10T00:00:00"/>
    <x v="10"/>
    <x v="3"/>
    <x v="586"/>
    <x v="3"/>
    <x v="0"/>
    <x v="4"/>
    <s v="12 Colored Short Pencils"/>
    <n v="7.8"/>
    <n v="3"/>
    <n v="2.11"/>
  </r>
  <r>
    <d v="2017-11-10T00:00:00"/>
    <x v="10"/>
    <x v="3"/>
    <x v="283"/>
    <x v="22"/>
    <x v="0"/>
    <x v="12"/>
    <s v="Eureka The Boss Lite 10-Amp Upright Vacuum, Blue"/>
    <n v="400.8"/>
    <n v="5"/>
    <n v="112.22"/>
  </r>
  <r>
    <d v="2017-11-10T00:00:00"/>
    <x v="10"/>
    <x v="3"/>
    <x v="283"/>
    <x v="22"/>
    <x v="0"/>
    <x v="3"/>
    <s v="GBC VeloBinder Manual Binding System"/>
    <n v="28.79"/>
    <n v="1"/>
    <n v="10.08"/>
  </r>
  <r>
    <d v="2017-11-10T00:00:00"/>
    <x v="10"/>
    <x v="3"/>
    <x v="258"/>
    <x v="3"/>
    <x v="2"/>
    <x v="9"/>
    <s v="Memorex Mini Travel Drive 16 GB USB 2.0 Flash Drive"/>
    <n v="111.79"/>
    <n v="7"/>
    <n v="43.6"/>
  </r>
  <r>
    <d v="2017-11-10T00:00:00"/>
    <x v="10"/>
    <x v="3"/>
    <x v="5"/>
    <x v="3"/>
    <x v="1"/>
    <x v="5"/>
    <s v="Global Leather &amp; Oak Executive Chair, Burgundy"/>
    <n v="241.42"/>
    <n v="2"/>
    <n v="-36.21"/>
  </r>
  <r>
    <d v="2017-11-11T00:00:00"/>
    <x v="10"/>
    <x v="3"/>
    <x v="210"/>
    <x v="0"/>
    <x v="0"/>
    <x v="1"/>
    <s v="Permanent Self-Adhesive File Folder Labels for Typewriters by Universal"/>
    <n v="10.44"/>
    <n v="5"/>
    <n v="3.39"/>
  </r>
  <r>
    <d v="2017-11-11T00:00:00"/>
    <x v="10"/>
    <x v="3"/>
    <x v="210"/>
    <x v="0"/>
    <x v="0"/>
    <x v="3"/>
    <s v="Deluxe Heavy-Duty Vinyl Round Ring Binder"/>
    <n v="18.34"/>
    <n v="4"/>
    <n v="-32.090000000000003"/>
  </r>
  <r>
    <d v="2017-11-11T00:00:00"/>
    <x v="10"/>
    <x v="3"/>
    <x v="770"/>
    <x v="10"/>
    <x v="0"/>
    <x v="0"/>
    <s v="Xerox 222"/>
    <n v="10.37"/>
    <n v="2"/>
    <n v="3.63"/>
  </r>
  <r>
    <d v="2017-11-11T00:00:00"/>
    <x v="10"/>
    <x v="3"/>
    <x v="41"/>
    <x v="3"/>
    <x v="0"/>
    <x v="12"/>
    <s v="Belkin 6 Outlet Metallic Surge Strip"/>
    <n v="10.89"/>
    <n v="1"/>
    <n v="2.83"/>
  </r>
  <r>
    <d v="2017-11-11T00:00:00"/>
    <x v="10"/>
    <x v="3"/>
    <x v="41"/>
    <x v="3"/>
    <x v="0"/>
    <x v="0"/>
    <s v="Xerox 201"/>
    <n v="19.440000000000001"/>
    <n v="3"/>
    <n v="9.33"/>
  </r>
  <r>
    <d v="2017-11-11T00:00:00"/>
    <x v="10"/>
    <x v="3"/>
    <x v="41"/>
    <x v="3"/>
    <x v="0"/>
    <x v="3"/>
    <s v="Ibico Plastic Spiral Binding Combs"/>
    <n v="121.6"/>
    <n v="5"/>
    <n v="39.520000000000003"/>
  </r>
  <r>
    <d v="2017-11-11T00:00:00"/>
    <x v="10"/>
    <x v="3"/>
    <x v="287"/>
    <x v="14"/>
    <x v="0"/>
    <x v="4"/>
    <s v="Boston 1799 Powerhouse Electric Pencil Sharpener"/>
    <n v="181.86"/>
    <n v="7"/>
    <n v="50.92"/>
  </r>
  <r>
    <d v="2017-11-11T00:00:00"/>
    <x v="10"/>
    <x v="3"/>
    <x v="494"/>
    <x v="30"/>
    <x v="0"/>
    <x v="7"/>
    <s v="Vinyl Coated Wire Paper Clips in Organizer Box, 800/Box"/>
    <n v="45.92"/>
    <n v="4"/>
    <n v="21.58"/>
  </r>
  <r>
    <d v="2017-11-11T00:00:00"/>
    <x v="10"/>
    <x v="3"/>
    <x v="651"/>
    <x v="21"/>
    <x v="0"/>
    <x v="3"/>
    <s v="Prestige Round Ring Binders"/>
    <n v="18.239999999999998"/>
    <n v="3"/>
    <n v="8.57"/>
  </r>
  <r>
    <d v="2017-11-11T00:00:00"/>
    <x v="10"/>
    <x v="3"/>
    <x v="711"/>
    <x v="20"/>
    <x v="0"/>
    <x v="2"/>
    <s v="Belkin OmniView SE Rackmount Kit"/>
    <n v="35.479999999999997"/>
    <n v="1"/>
    <n v="0"/>
  </r>
  <r>
    <d v="2017-11-11T00:00:00"/>
    <x v="10"/>
    <x v="3"/>
    <x v="653"/>
    <x v="16"/>
    <x v="0"/>
    <x v="12"/>
    <s v="Hoover Upright Vacuum With Dirt Cup"/>
    <n v="1158.1199999999999"/>
    <n v="5"/>
    <n v="130.29"/>
  </r>
  <r>
    <d v="2017-11-11T00:00:00"/>
    <x v="10"/>
    <x v="3"/>
    <x v="289"/>
    <x v="15"/>
    <x v="1"/>
    <x v="8"/>
    <s v="Executive Impressions 14&quot; Contract Wall Clock"/>
    <n v="88.92"/>
    <n v="5"/>
    <n v="14.45"/>
  </r>
  <r>
    <d v="2017-11-11T00:00:00"/>
    <x v="10"/>
    <x v="3"/>
    <x v="586"/>
    <x v="3"/>
    <x v="1"/>
    <x v="8"/>
    <s v="Dax Clear Box Frame"/>
    <n v="34.92"/>
    <n v="4"/>
    <n v="11.87"/>
  </r>
  <r>
    <d v="2017-11-11T00:00:00"/>
    <x v="10"/>
    <x v="3"/>
    <x v="190"/>
    <x v="0"/>
    <x v="2"/>
    <x v="6"/>
    <s v="OtterBox Commuter Series Case - iPhone 5 &amp; 5s"/>
    <n v="35.18"/>
    <n v="2"/>
    <n v="12.31"/>
  </r>
  <r>
    <d v="2017-11-11T00:00:00"/>
    <x v="10"/>
    <x v="3"/>
    <x v="506"/>
    <x v="19"/>
    <x v="0"/>
    <x v="14"/>
    <s v="Acme Titanium Bonded Scissors"/>
    <n v="25.5"/>
    <n v="3"/>
    <n v="6.63"/>
  </r>
  <r>
    <d v="2017-11-12T00:00:00"/>
    <x v="10"/>
    <x v="3"/>
    <x v="639"/>
    <x v="3"/>
    <x v="0"/>
    <x v="0"/>
    <s v="Xerox 4200 Series MultiUse Premium Copy Paper (20Lb. and 84 Bright)"/>
    <n v="10.56"/>
    <n v="2"/>
    <n v="4.75"/>
  </r>
  <r>
    <d v="2017-11-12T00:00:00"/>
    <x v="10"/>
    <x v="3"/>
    <x v="290"/>
    <x v="20"/>
    <x v="0"/>
    <x v="3"/>
    <s v="Avery Durable Slant Ring Binders, No Labels"/>
    <n v="15.92"/>
    <n v="5"/>
    <n v="5.37"/>
  </r>
  <r>
    <d v="2017-11-12T00:00:00"/>
    <x v="10"/>
    <x v="3"/>
    <x v="534"/>
    <x v="0"/>
    <x v="0"/>
    <x v="0"/>
    <s v="Wirebound Message Books, 5-1/2 x 4 Forms, 2 or 4 Forms per Page"/>
    <n v="16.059999999999999"/>
    <n v="3"/>
    <n v="5.82"/>
  </r>
  <r>
    <d v="2017-11-12T00:00:00"/>
    <x v="10"/>
    <x v="3"/>
    <x v="534"/>
    <x v="0"/>
    <x v="0"/>
    <x v="0"/>
    <s v="Xerox 197"/>
    <n v="223.06"/>
    <n v="9"/>
    <n v="69.709999999999994"/>
  </r>
  <r>
    <d v="2017-11-12T00:00:00"/>
    <x v="10"/>
    <x v="3"/>
    <x v="534"/>
    <x v="0"/>
    <x v="0"/>
    <x v="2"/>
    <s v="Tennsco Double-Tier Lockers"/>
    <n v="540.04999999999995"/>
    <n v="3"/>
    <n v="-47.25"/>
  </r>
  <r>
    <d v="2017-11-12T00:00:00"/>
    <x v="10"/>
    <x v="3"/>
    <x v="537"/>
    <x v="10"/>
    <x v="2"/>
    <x v="6"/>
    <s v="Jabra SPEAK 410 Multidevice Speakerphone"/>
    <n v="370.78"/>
    <n v="3"/>
    <n v="-92.7"/>
  </r>
  <r>
    <d v="2017-11-12T00:00:00"/>
    <x v="10"/>
    <x v="3"/>
    <x v="306"/>
    <x v="12"/>
    <x v="2"/>
    <x v="9"/>
    <s v="Memorex Micro Travel Drive 8 GB"/>
    <n v="41.6"/>
    <n v="4"/>
    <n v="13"/>
  </r>
  <r>
    <d v="2017-11-12T00:00:00"/>
    <x v="10"/>
    <x v="3"/>
    <x v="306"/>
    <x v="12"/>
    <x v="0"/>
    <x v="0"/>
    <s v="Xerox 1978"/>
    <n v="23.12"/>
    <n v="5"/>
    <n v="8.3800000000000008"/>
  </r>
  <r>
    <d v="2017-11-12T00:00:00"/>
    <x v="10"/>
    <x v="3"/>
    <x v="306"/>
    <x v="12"/>
    <x v="1"/>
    <x v="5"/>
    <s v="Harbour Creations 67200 Series Stacking Chairs"/>
    <n v="113.89"/>
    <n v="2"/>
    <n v="9.9700000000000006"/>
  </r>
  <r>
    <d v="2017-11-12T00:00:00"/>
    <x v="10"/>
    <x v="3"/>
    <x v="306"/>
    <x v="12"/>
    <x v="1"/>
    <x v="8"/>
    <s v="Tenex V2T-RE Standard Weight Series Chair Mat, 45&quot; x 53&quot;, Lip 25&quot; x 12&quot;"/>
    <n v="113.57"/>
    <n v="2"/>
    <n v="-5.68"/>
  </r>
  <r>
    <d v="2017-11-12T00:00:00"/>
    <x v="10"/>
    <x v="3"/>
    <x v="306"/>
    <x v="12"/>
    <x v="2"/>
    <x v="6"/>
    <s v="Cush Cases Heavy Duty Rugged Cover Case for Samsung Galaxy S5 - Purple"/>
    <n v="7.92"/>
    <n v="2"/>
    <n v="0.69"/>
  </r>
  <r>
    <d v="2017-11-12T00:00:00"/>
    <x v="10"/>
    <x v="3"/>
    <x v="306"/>
    <x v="12"/>
    <x v="2"/>
    <x v="6"/>
    <s v="Samsung Galaxy Mega 6.3"/>
    <n v="671.98"/>
    <n v="2"/>
    <n v="50.4"/>
  </r>
  <r>
    <d v="2017-11-12T00:00:00"/>
    <x v="10"/>
    <x v="3"/>
    <x v="471"/>
    <x v="0"/>
    <x v="0"/>
    <x v="3"/>
    <s v="Surelock Post Binders"/>
    <n v="30.56"/>
    <n v="5"/>
    <n v="-45.84"/>
  </r>
  <r>
    <d v="2017-11-12T00:00:00"/>
    <x v="10"/>
    <x v="3"/>
    <x v="471"/>
    <x v="0"/>
    <x v="0"/>
    <x v="2"/>
    <s v="Fellowes Neat Ideas Storage Cubes"/>
    <n v="77.95"/>
    <n v="3"/>
    <n v="-15.59"/>
  </r>
  <r>
    <d v="2017-11-12T00:00:00"/>
    <x v="10"/>
    <x v="3"/>
    <x v="471"/>
    <x v="0"/>
    <x v="2"/>
    <x v="6"/>
    <s v="Panasonic KX TS3282W Corded phone"/>
    <n v="67.989999999999995"/>
    <n v="1"/>
    <n v="8.5"/>
  </r>
  <r>
    <d v="2017-11-12T00:00:00"/>
    <x v="10"/>
    <x v="3"/>
    <x v="471"/>
    <x v="0"/>
    <x v="0"/>
    <x v="10"/>
    <s v="#10- 4 1/8&quot; x 9 1/2&quot; Security-Tint Envelopes"/>
    <n v="12.22"/>
    <n v="2"/>
    <n v="4.43"/>
  </r>
  <r>
    <d v="2017-11-12T00:00:00"/>
    <x v="10"/>
    <x v="3"/>
    <x v="471"/>
    <x v="0"/>
    <x v="2"/>
    <x v="9"/>
    <s v="MaxellÂ LTO Ultrium - 800 GB"/>
    <n v="44.78"/>
    <n v="2"/>
    <n v="-0.56000000000000005"/>
  </r>
  <r>
    <d v="2017-11-12T00:00:00"/>
    <x v="10"/>
    <x v="3"/>
    <x v="471"/>
    <x v="0"/>
    <x v="1"/>
    <x v="8"/>
    <s v="Eldon Expressions Desk Accessory, Wood Photo Frame, Mahogany"/>
    <n v="22.85"/>
    <n v="3"/>
    <n v="-17.71"/>
  </r>
  <r>
    <d v="2017-11-12T00:00:00"/>
    <x v="10"/>
    <x v="3"/>
    <x v="472"/>
    <x v="10"/>
    <x v="0"/>
    <x v="0"/>
    <s v="Strathmore Photo Mount Cards"/>
    <n v="10.85"/>
    <n v="2"/>
    <n v="3.53"/>
  </r>
  <r>
    <d v="2017-11-12T00:00:00"/>
    <x v="10"/>
    <x v="3"/>
    <x v="472"/>
    <x v="10"/>
    <x v="2"/>
    <x v="9"/>
    <s v="Verbatim 25 GB 6x Blu-ray Single Layer Recordable Disc, 10/Pack"/>
    <n v="18.54"/>
    <n v="2"/>
    <n v="3.01"/>
  </r>
  <r>
    <d v="2017-11-12T00:00:00"/>
    <x v="10"/>
    <x v="3"/>
    <x v="349"/>
    <x v="22"/>
    <x v="0"/>
    <x v="1"/>
    <s v="Avery 483"/>
    <n v="9.9600000000000009"/>
    <n v="2"/>
    <n v="4.58"/>
  </r>
  <r>
    <d v="2017-11-12T00:00:00"/>
    <x v="10"/>
    <x v="3"/>
    <x v="349"/>
    <x v="22"/>
    <x v="0"/>
    <x v="4"/>
    <s v="Dixon Ticonderoga Maple Cedar Pencil, #2"/>
    <n v="9.2100000000000009"/>
    <n v="3"/>
    <n v="2.2999999999999998"/>
  </r>
  <r>
    <d v="2017-11-12T00:00:00"/>
    <x v="10"/>
    <x v="3"/>
    <x v="349"/>
    <x v="22"/>
    <x v="0"/>
    <x v="14"/>
    <s v="Acme Forged Steel Scissors with Black Enamel Handles"/>
    <n v="27.93"/>
    <n v="3"/>
    <n v="8.1"/>
  </r>
  <r>
    <d v="2017-11-12T00:00:00"/>
    <x v="10"/>
    <x v="3"/>
    <x v="458"/>
    <x v="3"/>
    <x v="0"/>
    <x v="3"/>
    <s v="Acco 3-Hole Punch"/>
    <n v="14.02"/>
    <n v="4"/>
    <n v="4.91"/>
  </r>
  <r>
    <d v="2017-11-12T00:00:00"/>
    <x v="10"/>
    <x v="3"/>
    <x v="337"/>
    <x v="22"/>
    <x v="0"/>
    <x v="7"/>
    <s v="Staples"/>
    <n v="18.239999999999998"/>
    <n v="3"/>
    <n v="9.1199999999999992"/>
  </r>
  <r>
    <d v="2017-11-12T00:00:00"/>
    <x v="10"/>
    <x v="3"/>
    <x v="337"/>
    <x v="22"/>
    <x v="0"/>
    <x v="12"/>
    <s v="Fellowes Superior 10 Outlet Split Surge Protector"/>
    <n v="76.12"/>
    <n v="2"/>
    <n v="22.07"/>
  </r>
  <r>
    <d v="2017-11-12T00:00:00"/>
    <x v="10"/>
    <x v="3"/>
    <x v="768"/>
    <x v="16"/>
    <x v="0"/>
    <x v="0"/>
    <s v="Xerox 1968"/>
    <n v="26.72"/>
    <n v="5"/>
    <n v="9.35"/>
  </r>
  <r>
    <d v="2017-11-12T00:00:00"/>
    <x v="10"/>
    <x v="3"/>
    <x v="351"/>
    <x v="12"/>
    <x v="2"/>
    <x v="9"/>
    <s v="SanDisk Ultra 16 GB MicroSDHC Class 10 Memory Card"/>
    <n v="62.35"/>
    <n v="6"/>
    <n v="-10.91"/>
  </r>
  <r>
    <d v="2017-11-12T00:00:00"/>
    <x v="10"/>
    <x v="3"/>
    <x v="287"/>
    <x v="3"/>
    <x v="0"/>
    <x v="0"/>
    <s v="Xerox 1899"/>
    <n v="11.56"/>
    <n v="2"/>
    <n v="5.66"/>
  </r>
  <r>
    <d v="2017-11-12T00:00:00"/>
    <x v="10"/>
    <x v="3"/>
    <x v="380"/>
    <x v="2"/>
    <x v="0"/>
    <x v="2"/>
    <s v="SAFCO Commercial Wire Shelving, Black"/>
    <n v="221.02"/>
    <n v="2"/>
    <n v="-55.26"/>
  </r>
  <r>
    <d v="2017-11-13T00:00:00"/>
    <x v="10"/>
    <x v="3"/>
    <x v="431"/>
    <x v="1"/>
    <x v="0"/>
    <x v="2"/>
    <s v="Safco Industrial Wire Shelving"/>
    <n v="230.38"/>
    <n v="3"/>
    <n v="-48.95"/>
  </r>
  <r>
    <d v="2017-11-13T00:00:00"/>
    <x v="10"/>
    <x v="3"/>
    <x v="5"/>
    <x v="0"/>
    <x v="0"/>
    <x v="12"/>
    <s v="Hoover Commercial Soft Guard Upright Vacuum And Disposable Filtration Bags"/>
    <n v="9.32"/>
    <n v="6"/>
    <n v="-24.71"/>
  </r>
  <r>
    <d v="2017-11-13T00:00:00"/>
    <x v="10"/>
    <x v="3"/>
    <x v="191"/>
    <x v="10"/>
    <x v="2"/>
    <x v="9"/>
    <s v="SanDisk Cruzer 32 GB USB Flash Drive"/>
    <n v="60.86"/>
    <n v="4"/>
    <n v="9.1300000000000008"/>
  </r>
  <r>
    <d v="2017-11-13T00:00:00"/>
    <x v="10"/>
    <x v="3"/>
    <x v="191"/>
    <x v="10"/>
    <x v="2"/>
    <x v="15"/>
    <s v="Epson TM-T88V Direct Thermal Printer - Monochrome - Desktop"/>
    <n v="653"/>
    <n v="7"/>
    <n v="-935.96"/>
  </r>
  <r>
    <d v="2017-11-13T00:00:00"/>
    <x v="10"/>
    <x v="3"/>
    <x v="191"/>
    <x v="10"/>
    <x v="0"/>
    <x v="3"/>
    <s v="Accohide Poly Flexible Ring Binders"/>
    <n v="11.22"/>
    <n v="10"/>
    <n v="-7.48"/>
  </r>
  <r>
    <d v="2017-11-13T00:00:00"/>
    <x v="10"/>
    <x v="3"/>
    <x v="525"/>
    <x v="20"/>
    <x v="2"/>
    <x v="9"/>
    <s v="KeyTronicÂ 6101 Series -Â KeyboardÂ - Black"/>
    <n v="163.96"/>
    <n v="4"/>
    <n v="70.5"/>
  </r>
  <r>
    <d v="2017-11-13T00:00:00"/>
    <x v="10"/>
    <x v="3"/>
    <x v="46"/>
    <x v="15"/>
    <x v="0"/>
    <x v="0"/>
    <s v="&quot;While you Were Out&quot; Message Book, One Form per Page"/>
    <n v="8.9"/>
    <n v="3"/>
    <n v="3.34"/>
  </r>
  <r>
    <d v="2017-11-13T00:00:00"/>
    <x v="10"/>
    <x v="3"/>
    <x v="46"/>
    <x v="15"/>
    <x v="0"/>
    <x v="2"/>
    <s v="Tennsco Double-Tier Lockers"/>
    <n v="720.06"/>
    <n v="4"/>
    <n v="-63.01"/>
  </r>
  <r>
    <d v="2017-11-13T00:00:00"/>
    <x v="10"/>
    <x v="3"/>
    <x v="207"/>
    <x v="22"/>
    <x v="1"/>
    <x v="5"/>
    <s v="Global Troy Executive Leather Low-Back Tilter"/>
    <n v="2404.6999999999998"/>
    <n v="6"/>
    <n v="150.29"/>
  </r>
  <r>
    <d v="2017-11-13T00:00:00"/>
    <x v="10"/>
    <x v="3"/>
    <x v="207"/>
    <x v="22"/>
    <x v="0"/>
    <x v="3"/>
    <s v="GBC DocuBind P50 Personal Binding Machine"/>
    <n v="563.02"/>
    <n v="11"/>
    <n v="190.02"/>
  </r>
  <r>
    <d v="2017-11-13T00:00:00"/>
    <x v="10"/>
    <x v="3"/>
    <x v="207"/>
    <x v="22"/>
    <x v="0"/>
    <x v="2"/>
    <s v="Space Solutions HD Industrial Steel Shelving."/>
    <n v="344.91"/>
    <n v="3"/>
    <n v="10.35"/>
  </r>
  <r>
    <d v="2017-11-13T00:00:00"/>
    <x v="10"/>
    <x v="3"/>
    <x v="207"/>
    <x v="22"/>
    <x v="0"/>
    <x v="1"/>
    <s v="Avery File Folder Labels"/>
    <n v="8.64"/>
    <n v="3"/>
    <n v="4.2300000000000004"/>
  </r>
  <r>
    <d v="2017-11-13T00:00:00"/>
    <x v="10"/>
    <x v="3"/>
    <x v="460"/>
    <x v="16"/>
    <x v="0"/>
    <x v="4"/>
    <s v="DIXON Oriole Pencils"/>
    <n v="2.06"/>
    <n v="1"/>
    <n v="0.15"/>
  </r>
  <r>
    <d v="2017-11-13T00:00:00"/>
    <x v="10"/>
    <x v="3"/>
    <x v="124"/>
    <x v="0"/>
    <x v="0"/>
    <x v="2"/>
    <s v="Eldon ProFile File 'N Store Portable File Tub Letter/Legal Size Black"/>
    <n v="61.79"/>
    <n v="4"/>
    <n v="6.18"/>
  </r>
  <r>
    <d v="2017-11-13T00:00:00"/>
    <x v="10"/>
    <x v="3"/>
    <x v="124"/>
    <x v="0"/>
    <x v="1"/>
    <x v="11"/>
    <s v="Bush Westfield Collection Bookcases, Fully Assembled"/>
    <n v="206"/>
    <n v="3"/>
    <n v="-27.26"/>
  </r>
  <r>
    <d v="2017-11-13T00:00:00"/>
    <x v="10"/>
    <x v="3"/>
    <x v="590"/>
    <x v="20"/>
    <x v="2"/>
    <x v="6"/>
    <s v="Nokia Lumia 925"/>
    <n v="629.95000000000005"/>
    <n v="5"/>
    <n v="163.79"/>
  </r>
  <r>
    <d v="2017-11-13T00:00:00"/>
    <x v="10"/>
    <x v="3"/>
    <x v="386"/>
    <x v="20"/>
    <x v="2"/>
    <x v="6"/>
    <s v="LF Elite 3D Dazzle Designer Hard Case Cover, Lf Stylus Pen and Wiper For Apple Iphone 5c Mini Lite"/>
    <n v="43.6"/>
    <n v="4"/>
    <n v="12.21"/>
  </r>
  <r>
    <d v="2017-11-13T00:00:00"/>
    <x v="10"/>
    <x v="3"/>
    <x v="386"/>
    <x v="20"/>
    <x v="1"/>
    <x v="8"/>
    <s v="Deflect-o EconoMat Nonstudded, No Bevel Mat"/>
    <n v="154.94999999999999"/>
    <n v="3"/>
    <n v="30.99"/>
  </r>
  <r>
    <d v="2017-11-13T00:00:00"/>
    <x v="10"/>
    <x v="3"/>
    <x v="313"/>
    <x v="20"/>
    <x v="0"/>
    <x v="2"/>
    <s v="Personal Folder Holder, Ebony"/>
    <n v="11.21"/>
    <n v="1"/>
    <n v="3.36"/>
  </r>
  <r>
    <d v="2017-11-13T00:00:00"/>
    <x v="10"/>
    <x v="3"/>
    <x v="92"/>
    <x v="33"/>
    <x v="2"/>
    <x v="9"/>
    <s v="Anker Ultrathin Bluetooth Wireless Keyboard Aluminum Cover with Stand"/>
    <n v="239.92"/>
    <n v="8"/>
    <n v="23.99"/>
  </r>
  <r>
    <d v="2017-11-13T00:00:00"/>
    <x v="10"/>
    <x v="3"/>
    <x v="145"/>
    <x v="3"/>
    <x v="2"/>
    <x v="9"/>
    <s v="Kensington K72356US Mouse-in-a-Box USB Desktop Mouse"/>
    <n v="82.95"/>
    <n v="5"/>
    <n v="29.03"/>
  </r>
  <r>
    <d v="2017-11-13T00:00:00"/>
    <x v="10"/>
    <x v="3"/>
    <x v="318"/>
    <x v="3"/>
    <x v="2"/>
    <x v="6"/>
    <s v="Samsung Replacement EH64AVFWE Premium Headset"/>
    <n v="22"/>
    <n v="5"/>
    <n v="1.38"/>
  </r>
  <r>
    <d v="2017-11-14T00:00:00"/>
    <x v="10"/>
    <x v="3"/>
    <x v="584"/>
    <x v="10"/>
    <x v="2"/>
    <x v="6"/>
    <s v="PureGear Roll-On Screen Protector"/>
    <n v="119.94"/>
    <n v="10"/>
    <n v="15.99"/>
  </r>
  <r>
    <d v="2017-11-14T00:00:00"/>
    <x v="10"/>
    <x v="3"/>
    <x v="584"/>
    <x v="10"/>
    <x v="0"/>
    <x v="3"/>
    <s v="Prestige Round Ring Binders"/>
    <n v="3.65"/>
    <n v="2"/>
    <n v="-2.8"/>
  </r>
  <r>
    <d v="2017-11-14T00:00:00"/>
    <x v="10"/>
    <x v="3"/>
    <x v="754"/>
    <x v="3"/>
    <x v="1"/>
    <x v="5"/>
    <s v="Global Leather Highback Executive Chair with Pneumatic Height Adjustment, Black"/>
    <n v="321.57"/>
    <n v="2"/>
    <n v="28.14"/>
  </r>
  <r>
    <d v="2017-11-14T00:00:00"/>
    <x v="10"/>
    <x v="3"/>
    <x v="251"/>
    <x v="20"/>
    <x v="0"/>
    <x v="3"/>
    <s v="3M Organizer Strips"/>
    <n v="8.64"/>
    <n v="2"/>
    <n v="3.02"/>
  </r>
  <r>
    <d v="2017-11-14T00:00:00"/>
    <x v="10"/>
    <x v="3"/>
    <x v="21"/>
    <x v="0"/>
    <x v="2"/>
    <x v="9"/>
    <s v="V7 USB Numeric Keypad"/>
    <n v="167.95"/>
    <n v="6"/>
    <n v="-27.29"/>
  </r>
  <r>
    <d v="2017-11-14T00:00:00"/>
    <x v="10"/>
    <x v="3"/>
    <x v="21"/>
    <x v="0"/>
    <x v="0"/>
    <x v="4"/>
    <s v="Boston Electric Pencil Sharpener, Model 1818, Charcoal Black"/>
    <n v="45.04"/>
    <n v="2"/>
    <n v="4.5"/>
  </r>
  <r>
    <d v="2017-11-14T00:00:00"/>
    <x v="10"/>
    <x v="3"/>
    <x v="203"/>
    <x v="20"/>
    <x v="0"/>
    <x v="2"/>
    <s v="Letter/Legal File Tote with Clear Snap-On Lid, Black Granite"/>
    <n v="96.36"/>
    <n v="6"/>
    <n v="25.05"/>
  </r>
  <r>
    <d v="2017-11-14T00:00:00"/>
    <x v="10"/>
    <x v="3"/>
    <x v="460"/>
    <x v="0"/>
    <x v="0"/>
    <x v="3"/>
    <s v="Wilson Jones Legal Size Ring Binders"/>
    <n v="21.99"/>
    <n v="5"/>
    <n v="-32.99"/>
  </r>
  <r>
    <d v="2017-11-14T00:00:00"/>
    <x v="10"/>
    <x v="3"/>
    <x v="299"/>
    <x v="28"/>
    <x v="0"/>
    <x v="10"/>
    <s v="Security-Tint Envelopes"/>
    <n v="15.28"/>
    <n v="2"/>
    <n v="7.49"/>
  </r>
  <r>
    <d v="2017-11-14T00:00:00"/>
    <x v="10"/>
    <x v="3"/>
    <x v="364"/>
    <x v="3"/>
    <x v="0"/>
    <x v="4"/>
    <s v="Newell 347"/>
    <n v="34.24"/>
    <n v="8"/>
    <n v="9.93"/>
  </r>
  <r>
    <d v="2017-11-15T00:00:00"/>
    <x v="10"/>
    <x v="3"/>
    <x v="613"/>
    <x v="16"/>
    <x v="1"/>
    <x v="8"/>
    <s v="Howard Miller 13-1/2&quot; Diameter Rosebrook Wall Clock"/>
    <n v="220.06"/>
    <n v="4"/>
    <n v="55.02"/>
  </r>
  <r>
    <d v="2017-11-15T00:00:00"/>
    <x v="10"/>
    <x v="3"/>
    <x v="613"/>
    <x v="16"/>
    <x v="1"/>
    <x v="8"/>
    <s v="Tenex 46&quot; x 60&quot; Computer Anti-Static Chairmat, Rectangular Shaped"/>
    <n v="339.14"/>
    <n v="4"/>
    <n v="0"/>
  </r>
  <r>
    <d v="2017-11-16T00:00:00"/>
    <x v="10"/>
    <x v="3"/>
    <x v="710"/>
    <x v="20"/>
    <x v="0"/>
    <x v="0"/>
    <s v="Tops Green Bar Computer Printout Paper"/>
    <n v="146.82"/>
    <n v="3"/>
    <n v="73.41"/>
  </r>
  <r>
    <d v="2017-11-16T00:00:00"/>
    <x v="10"/>
    <x v="3"/>
    <x v="72"/>
    <x v="3"/>
    <x v="0"/>
    <x v="2"/>
    <s v="Tennsco Regal Shelving Units"/>
    <n v="811.28"/>
    <n v="8"/>
    <n v="24.34"/>
  </r>
  <r>
    <d v="2017-11-16T00:00:00"/>
    <x v="10"/>
    <x v="3"/>
    <x v="213"/>
    <x v="3"/>
    <x v="2"/>
    <x v="15"/>
    <s v="Bady BDG101FRU Card Printer"/>
    <n v="1919.98"/>
    <n v="3"/>
    <n v="216"/>
  </r>
  <r>
    <d v="2017-11-16T00:00:00"/>
    <x v="10"/>
    <x v="3"/>
    <x v="144"/>
    <x v="3"/>
    <x v="0"/>
    <x v="2"/>
    <s v="Eldon Shelf Savers Cubes and Bins"/>
    <n v="48.86"/>
    <n v="7"/>
    <n v="0.98"/>
  </r>
  <r>
    <d v="2017-11-16T00:00:00"/>
    <x v="10"/>
    <x v="3"/>
    <x v="89"/>
    <x v="3"/>
    <x v="0"/>
    <x v="4"/>
    <s v="Newell 328"/>
    <n v="23.36"/>
    <n v="4"/>
    <n v="6.07"/>
  </r>
  <r>
    <d v="2017-11-16T00:00:00"/>
    <x v="10"/>
    <x v="3"/>
    <x v="772"/>
    <x v="20"/>
    <x v="2"/>
    <x v="15"/>
    <s v="Hewlett-Packard 300S Scientific Calculator"/>
    <n v="52.44"/>
    <n v="4"/>
    <n v="24.12"/>
  </r>
  <r>
    <d v="2017-11-16T00:00:00"/>
    <x v="10"/>
    <x v="3"/>
    <x v="393"/>
    <x v="22"/>
    <x v="0"/>
    <x v="0"/>
    <s v="Xerox 1933"/>
    <n v="73.680000000000007"/>
    <n v="6"/>
    <n v="34.630000000000003"/>
  </r>
  <r>
    <d v="2017-11-16T00:00:00"/>
    <x v="10"/>
    <x v="3"/>
    <x v="393"/>
    <x v="22"/>
    <x v="1"/>
    <x v="8"/>
    <s v="Tenex &quot;The Solids&quot; Textured Chair Mats"/>
    <n v="139.91999999999999"/>
    <n v="2"/>
    <n v="23.79"/>
  </r>
  <r>
    <d v="2017-11-16T00:00:00"/>
    <x v="10"/>
    <x v="3"/>
    <x v="393"/>
    <x v="22"/>
    <x v="2"/>
    <x v="6"/>
    <s v="Plantronics Encore H101 Dual EarpiecesÂ Headset"/>
    <n v="107.88"/>
    <n v="3"/>
    <n v="10.79"/>
  </r>
  <r>
    <d v="2017-11-16T00:00:00"/>
    <x v="10"/>
    <x v="3"/>
    <x v="393"/>
    <x v="22"/>
    <x v="0"/>
    <x v="2"/>
    <s v="Fellowes Bases and Tops For Staxonsteel/High-Stak Systems"/>
    <n v="33.29"/>
    <n v="1"/>
    <n v="7.99"/>
  </r>
  <r>
    <d v="2017-11-16T00:00:00"/>
    <x v="10"/>
    <x v="3"/>
    <x v="693"/>
    <x v="20"/>
    <x v="2"/>
    <x v="6"/>
    <s v="iOttie HLCRIO102 Car Mount"/>
    <n v="119.94"/>
    <n v="6"/>
    <n v="6"/>
  </r>
  <r>
    <d v="2017-11-16T00:00:00"/>
    <x v="10"/>
    <x v="3"/>
    <x v="2"/>
    <x v="3"/>
    <x v="1"/>
    <x v="8"/>
    <s v="DAX Cubicle Frames - 8x10"/>
    <n v="17.309999999999999"/>
    <n v="3"/>
    <n v="5.19"/>
  </r>
  <r>
    <d v="2017-11-16T00:00:00"/>
    <x v="10"/>
    <x v="3"/>
    <x v="291"/>
    <x v="10"/>
    <x v="0"/>
    <x v="3"/>
    <s v="Prestige Round Ring Binders"/>
    <n v="1.82"/>
    <n v="1"/>
    <n v="-1.4"/>
  </r>
  <r>
    <d v="2017-11-16T00:00:00"/>
    <x v="10"/>
    <x v="3"/>
    <x v="544"/>
    <x v="10"/>
    <x v="2"/>
    <x v="16"/>
    <s v="Hewlett Packard 610 Color Digital Copier / Printer"/>
    <n v="899.98"/>
    <n v="3"/>
    <n v="75"/>
  </r>
  <r>
    <d v="2017-11-16T00:00:00"/>
    <x v="10"/>
    <x v="3"/>
    <x v="544"/>
    <x v="10"/>
    <x v="0"/>
    <x v="4"/>
    <s v="Panasonic KP-380BK Classic Electric Pencil Sharpener"/>
    <n v="86.35"/>
    <n v="3"/>
    <n v="5.4"/>
  </r>
  <r>
    <d v="2017-11-16T00:00:00"/>
    <x v="10"/>
    <x v="3"/>
    <x v="544"/>
    <x v="10"/>
    <x v="2"/>
    <x v="9"/>
    <s v="Logitech Media Keyboard K200"/>
    <n v="139.96"/>
    <n v="5"/>
    <n v="-1.75"/>
  </r>
  <r>
    <d v="2017-11-16T00:00:00"/>
    <x v="10"/>
    <x v="3"/>
    <x v="164"/>
    <x v="3"/>
    <x v="1"/>
    <x v="8"/>
    <s v="Eldon Radial Chair Mat for Low to Medium Pile Carpets"/>
    <n v="119.94"/>
    <n v="3"/>
    <n v="23.99"/>
  </r>
  <r>
    <d v="2017-11-16T00:00:00"/>
    <x v="10"/>
    <x v="3"/>
    <x v="164"/>
    <x v="3"/>
    <x v="1"/>
    <x v="8"/>
    <s v="Eldon Image Series Black Desk Accessories"/>
    <n v="12.42"/>
    <n v="3"/>
    <n v="4.47"/>
  </r>
  <r>
    <d v="2017-11-17T00:00:00"/>
    <x v="10"/>
    <x v="3"/>
    <x v="349"/>
    <x v="6"/>
    <x v="0"/>
    <x v="12"/>
    <s v="Bionaire 99.97% HEPA Air Cleaner"/>
    <n v="35.04"/>
    <n v="2"/>
    <n v="12.26"/>
  </r>
  <r>
    <d v="2017-11-17T00:00:00"/>
    <x v="10"/>
    <x v="3"/>
    <x v="21"/>
    <x v="32"/>
    <x v="0"/>
    <x v="4"/>
    <s v="Stanley Bostitch Contemporary Electric Pencil Sharpeners"/>
    <n v="50.94"/>
    <n v="3"/>
    <n v="14.26"/>
  </r>
  <r>
    <d v="2017-11-17T00:00:00"/>
    <x v="10"/>
    <x v="3"/>
    <x v="733"/>
    <x v="0"/>
    <x v="1"/>
    <x v="11"/>
    <s v="Atlantic Metals Mobile 2-Shelf Bookcases, Custom Colors"/>
    <n v="327.73"/>
    <n v="2"/>
    <n v="-14.46"/>
  </r>
  <r>
    <d v="2017-11-17T00:00:00"/>
    <x v="10"/>
    <x v="3"/>
    <x v="19"/>
    <x v="7"/>
    <x v="2"/>
    <x v="16"/>
    <s v="Canon imageCLASS 2200 Advanced Copier"/>
    <n v="10499.97"/>
    <n v="3"/>
    <n v="5039.99"/>
  </r>
  <r>
    <d v="2017-11-17T00:00:00"/>
    <x v="10"/>
    <x v="3"/>
    <x v="709"/>
    <x v="1"/>
    <x v="2"/>
    <x v="9"/>
    <s v="LogitechÂ Illuminated - Keyboard"/>
    <n v="239.96"/>
    <n v="5"/>
    <n v="83.99"/>
  </r>
  <r>
    <d v="2017-11-17T00:00:00"/>
    <x v="10"/>
    <x v="3"/>
    <x v="197"/>
    <x v="20"/>
    <x v="0"/>
    <x v="2"/>
    <s v="Deluxe Rollaway Locking File with Drawer"/>
    <n v="1247.6400000000001"/>
    <n v="3"/>
    <n v="349.34"/>
  </r>
  <r>
    <d v="2017-11-17T00:00:00"/>
    <x v="10"/>
    <x v="3"/>
    <x v="480"/>
    <x v="22"/>
    <x v="0"/>
    <x v="3"/>
    <s v="Cardinal Slant-D Ring Binder, Heavy Gauge Vinyl"/>
    <n v="13.9"/>
    <n v="2"/>
    <n v="4.5199999999999996"/>
  </r>
  <r>
    <d v="2017-11-17T00:00:00"/>
    <x v="10"/>
    <x v="3"/>
    <x v="121"/>
    <x v="11"/>
    <x v="0"/>
    <x v="0"/>
    <s v="Wirebound Message Forms, Four 2 3/4 x 5 Forms per Page, Pink Paper"/>
    <n v="19.61"/>
    <n v="3"/>
    <n v="6.62"/>
  </r>
  <r>
    <d v="2017-11-17T00:00:00"/>
    <x v="10"/>
    <x v="3"/>
    <x v="121"/>
    <x v="11"/>
    <x v="0"/>
    <x v="3"/>
    <s v="Avery Reinforcements for Hole-Punch Pages"/>
    <n v="4.16"/>
    <n v="7"/>
    <n v="-3.47"/>
  </r>
  <r>
    <d v="2017-11-17T00:00:00"/>
    <x v="10"/>
    <x v="3"/>
    <x v="584"/>
    <x v="25"/>
    <x v="0"/>
    <x v="0"/>
    <s v="Xerox 1938"/>
    <n v="268.24"/>
    <n v="7"/>
    <n v="93.88"/>
  </r>
  <r>
    <d v="2017-11-17T00:00:00"/>
    <x v="10"/>
    <x v="3"/>
    <x v="584"/>
    <x v="25"/>
    <x v="2"/>
    <x v="9"/>
    <s v="Plantronics S12 Corded Telephone Headset System"/>
    <n v="431.16"/>
    <n v="5"/>
    <n v="107.79"/>
  </r>
  <r>
    <d v="2017-11-17T00:00:00"/>
    <x v="10"/>
    <x v="3"/>
    <x v="757"/>
    <x v="20"/>
    <x v="0"/>
    <x v="0"/>
    <s v="Xerox 1905"/>
    <n v="38.880000000000003"/>
    <n v="6"/>
    <n v="18.66"/>
  </r>
  <r>
    <d v="2017-11-17T00:00:00"/>
    <x v="10"/>
    <x v="3"/>
    <x v="757"/>
    <x v="20"/>
    <x v="1"/>
    <x v="8"/>
    <s v="Howard Miller 13&quot; Diameter Goldtone Round Wall Clock"/>
    <n v="187.76"/>
    <n v="4"/>
    <n v="76.98"/>
  </r>
  <r>
    <d v="2017-11-17T00:00:00"/>
    <x v="10"/>
    <x v="3"/>
    <x v="335"/>
    <x v="36"/>
    <x v="0"/>
    <x v="3"/>
    <s v="Angle-D Binders with Locking Rings, Label Holders"/>
    <n v="43.8"/>
    <n v="6"/>
    <n v="20.59"/>
  </r>
  <r>
    <d v="2017-11-17T00:00:00"/>
    <x v="10"/>
    <x v="3"/>
    <x v="141"/>
    <x v="4"/>
    <x v="2"/>
    <x v="9"/>
    <s v="Logitech G430 Surround Sound Gaming Headset with Dolby 7.1 Technology"/>
    <n v="79.989999999999995"/>
    <n v="1"/>
    <n v="28.8"/>
  </r>
  <r>
    <d v="2017-11-17T00:00:00"/>
    <x v="10"/>
    <x v="3"/>
    <x v="141"/>
    <x v="4"/>
    <x v="2"/>
    <x v="6"/>
    <s v="Panasonic KX - TS880B Telephone"/>
    <n v="206.1"/>
    <n v="5"/>
    <n v="55.65"/>
  </r>
  <r>
    <d v="2017-11-18T00:00:00"/>
    <x v="10"/>
    <x v="3"/>
    <x v="792"/>
    <x v="22"/>
    <x v="0"/>
    <x v="2"/>
    <s v="Eldon Portable Mobile Manager"/>
    <n v="169.68"/>
    <n v="6"/>
    <n v="45.81"/>
  </r>
  <r>
    <d v="2017-11-18T00:00:00"/>
    <x v="10"/>
    <x v="3"/>
    <x v="792"/>
    <x v="22"/>
    <x v="2"/>
    <x v="9"/>
    <s v="ImationÂ 16GB Mini TravelDrive USB 2.0Â Flash Drive"/>
    <n v="132.52000000000001"/>
    <n v="4"/>
    <n v="54.33"/>
  </r>
  <r>
    <d v="2017-11-18T00:00:00"/>
    <x v="10"/>
    <x v="3"/>
    <x v="792"/>
    <x v="22"/>
    <x v="0"/>
    <x v="7"/>
    <s v="Binder Clips by OIC"/>
    <n v="2.96"/>
    <n v="2"/>
    <n v="1.42"/>
  </r>
  <r>
    <d v="2017-11-18T00:00:00"/>
    <x v="10"/>
    <x v="3"/>
    <x v="792"/>
    <x v="22"/>
    <x v="0"/>
    <x v="3"/>
    <s v="Wilson Jones 1&quot; Hanging DublLock Ring Binders"/>
    <n v="8.4499999999999993"/>
    <n v="2"/>
    <n v="2.96"/>
  </r>
  <r>
    <d v="2017-11-18T00:00:00"/>
    <x v="10"/>
    <x v="3"/>
    <x v="792"/>
    <x v="22"/>
    <x v="0"/>
    <x v="2"/>
    <s v="Fellowes Bankers Box Stor/Drawer Steel Plus"/>
    <n v="95.94"/>
    <n v="3"/>
    <n v="9.59"/>
  </r>
  <r>
    <d v="2017-11-18T00:00:00"/>
    <x v="10"/>
    <x v="3"/>
    <x v="638"/>
    <x v="10"/>
    <x v="0"/>
    <x v="4"/>
    <s v="BIC Liqua Brite Liner"/>
    <n v="38.86"/>
    <n v="7"/>
    <n v="7.77"/>
  </r>
  <r>
    <d v="2017-11-18T00:00:00"/>
    <x v="10"/>
    <x v="3"/>
    <x v="5"/>
    <x v="14"/>
    <x v="1"/>
    <x v="8"/>
    <s v="C-Line Magnetic Cubicle Keepers, Clear Polypropylene"/>
    <n v="19.760000000000002"/>
    <n v="4"/>
    <n v="8.3000000000000007"/>
  </r>
  <r>
    <d v="2017-11-18T00:00:00"/>
    <x v="10"/>
    <x v="3"/>
    <x v="721"/>
    <x v="16"/>
    <x v="0"/>
    <x v="0"/>
    <s v="Xerox 194"/>
    <n v="44.38"/>
    <n v="1"/>
    <n v="15.53"/>
  </r>
  <r>
    <d v="2017-11-18T00:00:00"/>
    <x v="10"/>
    <x v="3"/>
    <x v="721"/>
    <x v="16"/>
    <x v="0"/>
    <x v="14"/>
    <s v="Staple remover"/>
    <n v="2.94"/>
    <n v="1"/>
    <n v="-0.66"/>
  </r>
  <r>
    <d v="2017-11-18T00:00:00"/>
    <x v="10"/>
    <x v="3"/>
    <x v="610"/>
    <x v="20"/>
    <x v="2"/>
    <x v="6"/>
    <s v="Belkin SportFit Armband For iPhone 5s/5c, Fuchsia"/>
    <n v="74.95"/>
    <n v="5"/>
    <n v="36.729999999999997"/>
  </r>
  <r>
    <d v="2017-11-18T00:00:00"/>
    <x v="10"/>
    <x v="3"/>
    <x v="763"/>
    <x v="16"/>
    <x v="0"/>
    <x v="2"/>
    <s v="Tennsco Commercial Shelving"/>
    <n v="81.36"/>
    <n v="5"/>
    <n v="-19.32"/>
  </r>
  <r>
    <d v="2017-11-18T00:00:00"/>
    <x v="10"/>
    <x v="3"/>
    <x v="763"/>
    <x v="16"/>
    <x v="0"/>
    <x v="3"/>
    <s v="Ibico Plastic and Wire Spiral Binding Combs"/>
    <n v="20.23"/>
    <n v="8"/>
    <n v="-16.190000000000001"/>
  </r>
  <r>
    <d v="2017-11-18T00:00:00"/>
    <x v="10"/>
    <x v="3"/>
    <x v="763"/>
    <x v="16"/>
    <x v="0"/>
    <x v="12"/>
    <s v="Acco 7-Outlet Masterpiece Power Center, Wihtout Fax/Phone Line Protection"/>
    <n v="389.06"/>
    <n v="4"/>
    <n v="48.63"/>
  </r>
  <r>
    <d v="2017-11-18T00:00:00"/>
    <x v="10"/>
    <x v="3"/>
    <x v="763"/>
    <x v="16"/>
    <x v="0"/>
    <x v="0"/>
    <s v="Xerox 221"/>
    <n v="20.74"/>
    <n v="4"/>
    <n v="7.26"/>
  </r>
  <r>
    <d v="2017-11-18T00:00:00"/>
    <x v="10"/>
    <x v="3"/>
    <x v="763"/>
    <x v="16"/>
    <x v="0"/>
    <x v="0"/>
    <s v="Xerox 211"/>
    <n v="41.47"/>
    <n v="8"/>
    <n v="14.52"/>
  </r>
  <r>
    <d v="2017-11-18T00:00:00"/>
    <x v="10"/>
    <x v="3"/>
    <x v="446"/>
    <x v="1"/>
    <x v="0"/>
    <x v="10"/>
    <s v="Peel &amp; Seel Recycled Catalog Envelopes, Brown"/>
    <n v="55.58"/>
    <n v="6"/>
    <n v="20.84"/>
  </r>
  <r>
    <d v="2017-11-18T00:00:00"/>
    <x v="10"/>
    <x v="3"/>
    <x v="446"/>
    <x v="1"/>
    <x v="1"/>
    <x v="5"/>
    <s v="Global Highback Leather Tilter in Burgundy"/>
    <n v="127.39"/>
    <n v="2"/>
    <n v="-25.48"/>
  </r>
  <r>
    <d v="2017-11-18T00:00:00"/>
    <x v="10"/>
    <x v="3"/>
    <x v="555"/>
    <x v="21"/>
    <x v="0"/>
    <x v="2"/>
    <s v="Decoflex Hanging Personal Folder File, Blue"/>
    <n v="92.52"/>
    <n v="6"/>
    <n v="24.98"/>
  </r>
  <r>
    <d v="2017-11-18T00:00:00"/>
    <x v="10"/>
    <x v="3"/>
    <x v="555"/>
    <x v="21"/>
    <x v="0"/>
    <x v="2"/>
    <s v="Companion Letter/Legal File, Black"/>
    <n v="37.76"/>
    <n v="1"/>
    <n v="10.57"/>
  </r>
  <r>
    <d v="2017-11-18T00:00:00"/>
    <x v="10"/>
    <x v="3"/>
    <x v="555"/>
    <x v="21"/>
    <x v="0"/>
    <x v="1"/>
    <s v="Avery 487"/>
    <n v="7.38"/>
    <n v="2"/>
    <n v="3.47"/>
  </r>
  <r>
    <d v="2017-11-18T00:00:00"/>
    <x v="10"/>
    <x v="3"/>
    <x v="555"/>
    <x v="21"/>
    <x v="1"/>
    <x v="8"/>
    <s v="GE General Purpose, Extra Long Life, Showcase &amp; Floodlight Incandescent Bulbs"/>
    <n v="5.82"/>
    <n v="2"/>
    <n v="2.74"/>
  </r>
  <r>
    <d v="2017-11-19T00:00:00"/>
    <x v="10"/>
    <x v="3"/>
    <x v="657"/>
    <x v="1"/>
    <x v="1"/>
    <x v="13"/>
    <s v="BPI Conference Tables"/>
    <n v="219.08"/>
    <n v="3"/>
    <n v="-131.44999999999999"/>
  </r>
  <r>
    <d v="2017-11-19T00:00:00"/>
    <x v="10"/>
    <x v="3"/>
    <x v="775"/>
    <x v="20"/>
    <x v="0"/>
    <x v="3"/>
    <s v="Avery Printable Repositionable Plastic Tabs"/>
    <n v="41.28"/>
    <n v="6"/>
    <n v="13.93"/>
  </r>
  <r>
    <d v="2017-11-19T00:00:00"/>
    <x v="10"/>
    <x v="3"/>
    <x v="775"/>
    <x v="20"/>
    <x v="0"/>
    <x v="0"/>
    <s v="Xerox 1898"/>
    <n v="13.36"/>
    <n v="2"/>
    <n v="6.41"/>
  </r>
  <r>
    <d v="2017-11-19T00:00:00"/>
    <x v="10"/>
    <x v="3"/>
    <x v="375"/>
    <x v="3"/>
    <x v="2"/>
    <x v="6"/>
    <s v="Square Credit Card Reader"/>
    <n v="31.97"/>
    <n v="4"/>
    <n v="2.4"/>
  </r>
  <r>
    <d v="2017-11-19T00:00:00"/>
    <x v="10"/>
    <x v="3"/>
    <x v="69"/>
    <x v="0"/>
    <x v="0"/>
    <x v="0"/>
    <s v="Xerox 1901"/>
    <n v="16.899999999999999"/>
    <n v="4"/>
    <n v="5.28"/>
  </r>
  <r>
    <d v="2017-11-19T00:00:00"/>
    <x v="10"/>
    <x v="3"/>
    <x v="69"/>
    <x v="0"/>
    <x v="0"/>
    <x v="14"/>
    <s v="Acme Elite Stainless Steel Scissors"/>
    <n v="6.67"/>
    <n v="1"/>
    <n v="0.5"/>
  </r>
  <r>
    <d v="2017-11-19T00:00:00"/>
    <x v="10"/>
    <x v="3"/>
    <x v="69"/>
    <x v="0"/>
    <x v="0"/>
    <x v="4"/>
    <s v="Boston School Pro Electric Pencil Sharpener, 1670"/>
    <n v="99.14"/>
    <n v="4"/>
    <n v="8.67"/>
  </r>
  <r>
    <d v="2017-11-19T00:00:00"/>
    <x v="10"/>
    <x v="3"/>
    <x v="69"/>
    <x v="0"/>
    <x v="1"/>
    <x v="8"/>
    <s v="Telescoping Adjustable Floor Lamp"/>
    <n v="15.99"/>
    <n v="2"/>
    <n v="-13.99"/>
  </r>
  <r>
    <d v="2017-11-19T00:00:00"/>
    <x v="10"/>
    <x v="3"/>
    <x v="721"/>
    <x v="0"/>
    <x v="1"/>
    <x v="5"/>
    <s v="Office Star Flex Back Scooter Chair with White Frame"/>
    <n v="233.06"/>
    <n v="3"/>
    <n v="-53.27"/>
  </r>
  <r>
    <d v="2017-11-19T00:00:00"/>
    <x v="10"/>
    <x v="3"/>
    <x v="49"/>
    <x v="0"/>
    <x v="1"/>
    <x v="5"/>
    <s v="Lifetime Advantage Folding Chairs, 4/Carton"/>
    <n v="305.31"/>
    <n v="2"/>
    <n v="-8.7200000000000006"/>
  </r>
  <r>
    <d v="2017-11-19T00:00:00"/>
    <x v="10"/>
    <x v="3"/>
    <x v="579"/>
    <x v="5"/>
    <x v="1"/>
    <x v="8"/>
    <s v="3M Polarizing Task Lamp with Clamp Arm, Light Gray"/>
    <n v="821.88"/>
    <n v="6"/>
    <n v="213.69"/>
  </r>
  <r>
    <d v="2017-11-19T00:00:00"/>
    <x v="10"/>
    <x v="3"/>
    <x v="579"/>
    <x v="5"/>
    <x v="0"/>
    <x v="3"/>
    <s v="GBC Imprintable Covers"/>
    <n v="21.96"/>
    <n v="2"/>
    <n v="10.76"/>
  </r>
  <r>
    <d v="2017-11-19T00:00:00"/>
    <x v="10"/>
    <x v="3"/>
    <x v="260"/>
    <x v="3"/>
    <x v="0"/>
    <x v="2"/>
    <s v="File Shuttle II and Handi-File, Black"/>
    <n v="305.01"/>
    <n v="9"/>
    <n v="76.25"/>
  </r>
  <r>
    <d v="2017-11-19T00:00:00"/>
    <x v="10"/>
    <x v="3"/>
    <x v="260"/>
    <x v="3"/>
    <x v="1"/>
    <x v="8"/>
    <s v="Executive Impressions 13-1/2&quot; Indoor/Outdoor Wall Clock"/>
    <n v="18.7"/>
    <n v="1"/>
    <n v="7.11"/>
  </r>
  <r>
    <d v="2017-11-19T00:00:00"/>
    <x v="10"/>
    <x v="3"/>
    <x v="514"/>
    <x v="20"/>
    <x v="0"/>
    <x v="10"/>
    <s v="Staple envelope"/>
    <n v="16.739999999999998"/>
    <n v="3"/>
    <n v="8.3699999999999992"/>
  </r>
  <r>
    <d v="2017-11-19T00:00:00"/>
    <x v="10"/>
    <x v="3"/>
    <x v="514"/>
    <x v="20"/>
    <x v="0"/>
    <x v="12"/>
    <s v="Hoover Shoulder Vac Commercial Portable Vacuum"/>
    <n v="2504.7399999999998"/>
    <n v="7"/>
    <n v="626.19000000000005"/>
  </r>
  <r>
    <d v="2017-11-19T00:00:00"/>
    <x v="10"/>
    <x v="3"/>
    <x v="660"/>
    <x v="0"/>
    <x v="1"/>
    <x v="13"/>
    <s v="Bush Andora Conference Table, Maple/Graphite Gray Finish"/>
    <n v="718.12"/>
    <n v="6"/>
    <n v="-71.81"/>
  </r>
  <r>
    <d v="2017-11-19T00:00:00"/>
    <x v="10"/>
    <x v="3"/>
    <x v="660"/>
    <x v="0"/>
    <x v="0"/>
    <x v="4"/>
    <s v="Peel-Off China Markers"/>
    <n v="31.78"/>
    <n v="4"/>
    <n v="8.74"/>
  </r>
  <r>
    <d v="2017-11-19T00:00:00"/>
    <x v="10"/>
    <x v="3"/>
    <x v="118"/>
    <x v="6"/>
    <x v="0"/>
    <x v="7"/>
    <s v="OIC Binder Clips"/>
    <n v="25.06"/>
    <n v="7"/>
    <n v="12.53"/>
  </r>
  <r>
    <d v="2017-11-19T00:00:00"/>
    <x v="10"/>
    <x v="3"/>
    <x v="180"/>
    <x v="0"/>
    <x v="1"/>
    <x v="5"/>
    <s v="Global Wood Trimmed Manager's Task Chair, Khaki"/>
    <n v="191.06"/>
    <n v="3"/>
    <n v="-46.4"/>
  </r>
  <r>
    <d v="2017-11-19T00:00:00"/>
    <x v="10"/>
    <x v="3"/>
    <x v="180"/>
    <x v="0"/>
    <x v="0"/>
    <x v="4"/>
    <s v="Avery Hi-Liter GlideStik Fluorescent Highlighter, Yellow Ink"/>
    <n v="13.04"/>
    <n v="5"/>
    <n v="3.91"/>
  </r>
  <r>
    <d v="2017-11-19T00:00:00"/>
    <x v="10"/>
    <x v="3"/>
    <x v="180"/>
    <x v="0"/>
    <x v="0"/>
    <x v="3"/>
    <s v="Fellowes PB500 Electric Punch Plastic Comb Binding Machine with Manual Bind"/>
    <n v="1525.19"/>
    <n v="6"/>
    <n v="-2287.7800000000002"/>
  </r>
  <r>
    <d v="2017-11-19T00:00:00"/>
    <x v="10"/>
    <x v="3"/>
    <x v="54"/>
    <x v="10"/>
    <x v="0"/>
    <x v="3"/>
    <s v="Lock-Up Easel 'Spel-Binder'"/>
    <n v="59.91"/>
    <n v="7"/>
    <n v="-45.93"/>
  </r>
  <r>
    <d v="2017-11-19T00:00:00"/>
    <x v="10"/>
    <x v="3"/>
    <x v="77"/>
    <x v="6"/>
    <x v="0"/>
    <x v="4"/>
    <s v="Newell 349"/>
    <n v="22.96"/>
    <n v="7"/>
    <n v="6.66"/>
  </r>
  <r>
    <d v="2017-11-19T00:00:00"/>
    <x v="10"/>
    <x v="3"/>
    <x v="64"/>
    <x v="20"/>
    <x v="0"/>
    <x v="3"/>
    <s v="Acco Data Flex Cable Posts For Top &amp; Bottom Load Binders, 6&quot; Capacity"/>
    <n v="58.41"/>
    <n v="7"/>
    <n v="18.25"/>
  </r>
  <r>
    <d v="2017-11-19T00:00:00"/>
    <x v="10"/>
    <x v="3"/>
    <x v="64"/>
    <x v="20"/>
    <x v="1"/>
    <x v="13"/>
    <s v="Hon 61000 Series Interactive Training Tables"/>
    <n v="79.97"/>
    <n v="3"/>
    <n v="-29.32"/>
  </r>
  <r>
    <d v="2017-11-20T00:00:00"/>
    <x v="10"/>
    <x v="3"/>
    <x v="269"/>
    <x v="3"/>
    <x v="1"/>
    <x v="8"/>
    <s v="Coloredge Poster Frame"/>
    <n v="42.6"/>
    <n v="3"/>
    <n v="16.61"/>
  </r>
  <r>
    <d v="2017-11-20T00:00:00"/>
    <x v="10"/>
    <x v="3"/>
    <x v="269"/>
    <x v="3"/>
    <x v="0"/>
    <x v="3"/>
    <s v="GBC Prepunched Paper, 19-Hole, for Binding Systems, 24-lb"/>
    <n v="84.06"/>
    <n v="7"/>
    <n v="27.32"/>
  </r>
  <r>
    <d v="2017-11-20T00:00:00"/>
    <x v="10"/>
    <x v="3"/>
    <x v="54"/>
    <x v="25"/>
    <x v="0"/>
    <x v="4"/>
    <s v="Newell 336"/>
    <n v="23.97"/>
    <n v="7"/>
    <n v="2.7"/>
  </r>
  <r>
    <d v="2017-11-20T00:00:00"/>
    <x v="10"/>
    <x v="3"/>
    <x v="54"/>
    <x v="25"/>
    <x v="0"/>
    <x v="4"/>
    <s v="Staples in misc. colors"/>
    <n v="28.73"/>
    <n v="3"/>
    <n v="1.8"/>
  </r>
  <r>
    <d v="2017-11-20T00:00:00"/>
    <x v="10"/>
    <x v="3"/>
    <x v="542"/>
    <x v="10"/>
    <x v="1"/>
    <x v="8"/>
    <s v="Floodlight Indoor Halogen Bulbs, 1 Bulb per Pack, 60 Watts"/>
    <n v="77.599999999999994"/>
    <n v="5"/>
    <n v="28.13"/>
  </r>
  <r>
    <d v="2017-11-20T00:00:00"/>
    <x v="10"/>
    <x v="3"/>
    <x v="542"/>
    <x v="10"/>
    <x v="1"/>
    <x v="8"/>
    <s v="GE General Purpose, Extra Long Life, Showcase &amp; Floodlight Incandescent Bulbs"/>
    <n v="4.66"/>
    <n v="2"/>
    <n v="1.57"/>
  </r>
  <r>
    <d v="2017-11-20T00:00:00"/>
    <x v="10"/>
    <x v="3"/>
    <x v="75"/>
    <x v="3"/>
    <x v="1"/>
    <x v="5"/>
    <s v="Novimex High-Tech Fabric Mesh Task Chair"/>
    <n v="283.92"/>
    <n v="5"/>
    <n v="-46.14"/>
  </r>
  <r>
    <d v="2017-11-20T00:00:00"/>
    <x v="10"/>
    <x v="3"/>
    <x v="459"/>
    <x v="28"/>
    <x v="0"/>
    <x v="4"/>
    <s v="Sanford Uni-Blazer View Highlighters, Chisel Tip, Yellow"/>
    <n v="22"/>
    <n v="10"/>
    <n v="9.68"/>
  </r>
  <r>
    <d v="2017-11-20T00:00:00"/>
    <x v="10"/>
    <x v="3"/>
    <x v="101"/>
    <x v="20"/>
    <x v="0"/>
    <x v="0"/>
    <s v="Xerox 1968"/>
    <n v="46.76"/>
    <n v="7"/>
    <n v="22.44"/>
  </r>
  <r>
    <d v="2017-11-20T00:00:00"/>
    <x v="10"/>
    <x v="3"/>
    <x v="101"/>
    <x v="20"/>
    <x v="1"/>
    <x v="11"/>
    <s v="Sauder Camden County Collection Libraries, Planked Cherry Finish"/>
    <n v="183.97"/>
    <n v="2"/>
    <n v="-25.3"/>
  </r>
  <r>
    <d v="2017-11-20T00:00:00"/>
    <x v="10"/>
    <x v="3"/>
    <x v="101"/>
    <x v="20"/>
    <x v="2"/>
    <x v="6"/>
    <s v="Samsung Galaxy Mega 6.3"/>
    <n v="1259.97"/>
    <n v="3"/>
    <n v="327.58999999999997"/>
  </r>
  <r>
    <d v="2017-11-20T00:00:00"/>
    <x v="10"/>
    <x v="3"/>
    <x v="101"/>
    <x v="20"/>
    <x v="0"/>
    <x v="4"/>
    <s v="Boston KS Multi-Size Manual Pencil Sharpener"/>
    <n v="68.97"/>
    <n v="3"/>
    <n v="19.309999999999999"/>
  </r>
  <r>
    <d v="2017-11-20T00:00:00"/>
    <x v="10"/>
    <x v="3"/>
    <x v="414"/>
    <x v="15"/>
    <x v="1"/>
    <x v="5"/>
    <s v="Office Star - Mesh Screen back chair with Vinyl seat"/>
    <n v="209.57"/>
    <n v="2"/>
    <n v="-23.58"/>
  </r>
  <r>
    <d v="2017-11-20T00:00:00"/>
    <x v="10"/>
    <x v="3"/>
    <x v="90"/>
    <x v="5"/>
    <x v="1"/>
    <x v="8"/>
    <s v="9-3/4 Diameter Round Wall Clock"/>
    <n v="27.58"/>
    <n v="2"/>
    <n v="11.58"/>
  </r>
  <r>
    <d v="2017-11-20T00:00:00"/>
    <x v="10"/>
    <x v="3"/>
    <x v="121"/>
    <x v="20"/>
    <x v="2"/>
    <x v="9"/>
    <s v="Maxell 4.7GB DVD+R 5/Pack"/>
    <n v="2.97"/>
    <n v="3"/>
    <n v="1.34"/>
  </r>
  <r>
    <d v="2017-11-20T00:00:00"/>
    <x v="10"/>
    <x v="3"/>
    <x v="121"/>
    <x v="20"/>
    <x v="2"/>
    <x v="6"/>
    <s v="Apple iPhone 5S"/>
    <n v="569.99"/>
    <n v="1"/>
    <n v="171"/>
  </r>
  <r>
    <d v="2017-11-20T00:00:00"/>
    <x v="10"/>
    <x v="3"/>
    <x v="121"/>
    <x v="20"/>
    <x v="1"/>
    <x v="8"/>
    <s v="Tensor Brushed Steel Torchiere Floor Lamp"/>
    <n v="50.97"/>
    <n v="3"/>
    <n v="9.17"/>
  </r>
  <r>
    <d v="2017-11-21T00:00:00"/>
    <x v="10"/>
    <x v="3"/>
    <x v="157"/>
    <x v="22"/>
    <x v="1"/>
    <x v="13"/>
    <s v="Safco Drafting Table"/>
    <n v="70.98"/>
    <n v="1"/>
    <n v="20.58"/>
  </r>
  <r>
    <d v="2017-11-21T00:00:00"/>
    <x v="10"/>
    <x v="3"/>
    <x v="72"/>
    <x v="20"/>
    <x v="1"/>
    <x v="8"/>
    <s v="Howard Miller Distant Time Traveler Alarm Clock"/>
    <n v="27.42"/>
    <n v="1"/>
    <n v="11.24"/>
  </r>
  <r>
    <d v="2017-11-21T00:00:00"/>
    <x v="10"/>
    <x v="3"/>
    <x v="429"/>
    <x v="3"/>
    <x v="0"/>
    <x v="2"/>
    <s v="Eldon Portable Mobile Manager"/>
    <n v="56.56"/>
    <n v="2"/>
    <n v="15.27"/>
  </r>
  <r>
    <d v="2017-11-21T00:00:00"/>
    <x v="10"/>
    <x v="3"/>
    <x v="429"/>
    <x v="3"/>
    <x v="0"/>
    <x v="4"/>
    <s v="Newell 344"/>
    <n v="5.56"/>
    <n v="2"/>
    <n v="1.45"/>
  </r>
  <r>
    <d v="2017-11-21T00:00:00"/>
    <x v="10"/>
    <x v="3"/>
    <x v="429"/>
    <x v="3"/>
    <x v="0"/>
    <x v="7"/>
    <s v="Advantus T-Pin Paper Clips"/>
    <n v="9.02"/>
    <n v="2"/>
    <n v="3.52"/>
  </r>
  <r>
    <d v="2017-11-21T00:00:00"/>
    <x v="10"/>
    <x v="3"/>
    <x v="429"/>
    <x v="3"/>
    <x v="0"/>
    <x v="12"/>
    <s v="Acco Six-Outlet Power Strip, 4' Cord Length"/>
    <n v="8.6199999999999992"/>
    <n v="1"/>
    <n v="2.2400000000000002"/>
  </r>
  <r>
    <d v="2017-11-21T00:00:00"/>
    <x v="10"/>
    <x v="3"/>
    <x v="429"/>
    <x v="3"/>
    <x v="2"/>
    <x v="6"/>
    <s v="Mitel MiVoice 5330e IP Phone"/>
    <n v="659.98"/>
    <n v="3"/>
    <n v="49.5"/>
  </r>
  <r>
    <d v="2017-11-21T00:00:00"/>
    <x v="10"/>
    <x v="3"/>
    <x v="204"/>
    <x v="2"/>
    <x v="0"/>
    <x v="0"/>
    <s v="Xerox 1972"/>
    <n v="8.4499999999999993"/>
    <n v="2"/>
    <n v="2.64"/>
  </r>
  <r>
    <d v="2017-11-21T00:00:00"/>
    <x v="10"/>
    <x v="3"/>
    <x v="204"/>
    <x v="2"/>
    <x v="0"/>
    <x v="2"/>
    <s v="Recycled Eldon Regeneration Jumbo File"/>
    <n v="39.299999999999997"/>
    <n v="4"/>
    <n v="3.93"/>
  </r>
  <r>
    <d v="2017-11-21T00:00:00"/>
    <x v="10"/>
    <x v="3"/>
    <x v="225"/>
    <x v="3"/>
    <x v="0"/>
    <x v="4"/>
    <s v="Newell 332"/>
    <n v="11.76"/>
    <n v="4"/>
    <n v="3.18"/>
  </r>
  <r>
    <d v="2017-11-21T00:00:00"/>
    <x v="10"/>
    <x v="3"/>
    <x v="225"/>
    <x v="3"/>
    <x v="0"/>
    <x v="3"/>
    <s v="Canvas Sectional Post Binders"/>
    <n v="40.74"/>
    <n v="2"/>
    <n v="14.77"/>
  </r>
  <r>
    <d v="2017-11-21T00:00:00"/>
    <x v="10"/>
    <x v="3"/>
    <x v="74"/>
    <x v="22"/>
    <x v="0"/>
    <x v="3"/>
    <s v="Vinyl Sectional Post Binders"/>
    <n v="150.80000000000001"/>
    <n v="5"/>
    <n v="56.55"/>
  </r>
  <r>
    <d v="2017-11-21T00:00:00"/>
    <x v="10"/>
    <x v="3"/>
    <x v="74"/>
    <x v="22"/>
    <x v="2"/>
    <x v="15"/>
    <s v="3D Systems Cube Printer, 2nd Generation, White"/>
    <n v="1039.99"/>
    <n v="1"/>
    <n v="104"/>
  </r>
  <r>
    <d v="2017-11-21T00:00:00"/>
    <x v="10"/>
    <x v="3"/>
    <x v="74"/>
    <x v="22"/>
    <x v="0"/>
    <x v="0"/>
    <s v="Xerox 209"/>
    <n v="51.84"/>
    <n v="8"/>
    <n v="24.88"/>
  </r>
  <r>
    <d v="2017-11-21T00:00:00"/>
    <x v="10"/>
    <x v="3"/>
    <x v="742"/>
    <x v="0"/>
    <x v="2"/>
    <x v="6"/>
    <s v="Motorola HK250 Universal Bluetooth Headset"/>
    <n v="55.18"/>
    <n v="3"/>
    <n v="-12.41"/>
  </r>
  <r>
    <d v="2017-11-22T00:00:00"/>
    <x v="10"/>
    <x v="3"/>
    <x v="251"/>
    <x v="0"/>
    <x v="0"/>
    <x v="4"/>
    <s v="Newell 314"/>
    <n v="35.71"/>
    <n v="8"/>
    <n v="2.23"/>
  </r>
  <r>
    <d v="2017-11-23T00:00:00"/>
    <x v="10"/>
    <x v="3"/>
    <x v="744"/>
    <x v="25"/>
    <x v="2"/>
    <x v="9"/>
    <s v="Memorex Mini Travel Drive 8 GB USB 2.0 Flash Drive"/>
    <n v="74.11"/>
    <n v="8"/>
    <n v="17.600000000000001"/>
  </r>
  <r>
    <d v="2017-11-23T00:00:00"/>
    <x v="10"/>
    <x v="3"/>
    <x v="744"/>
    <x v="25"/>
    <x v="2"/>
    <x v="6"/>
    <s v="Speck Products Candyshell Flip Case"/>
    <n v="27.99"/>
    <n v="1"/>
    <n v="2.1"/>
  </r>
  <r>
    <d v="2017-11-23T00:00:00"/>
    <x v="10"/>
    <x v="3"/>
    <x v="744"/>
    <x v="25"/>
    <x v="0"/>
    <x v="4"/>
    <s v="Newell Chalk Holder"/>
    <n v="3.3"/>
    <n v="1"/>
    <n v="1.07"/>
  </r>
  <r>
    <d v="2017-11-23T00:00:00"/>
    <x v="10"/>
    <x v="3"/>
    <x v="362"/>
    <x v="14"/>
    <x v="1"/>
    <x v="8"/>
    <s v="Coloredge Poster Frame"/>
    <n v="28.4"/>
    <n v="2"/>
    <n v="11.08"/>
  </r>
  <r>
    <d v="2017-11-23T00:00:00"/>
    <x v="10"/>
    <x v="3"/>
    <x v="362"/>
    <x v="14"/>
    <x v="0"/>
    <x v="3"/>
    <s v="GBC VeloBinder Manual Binding System"/>
    <n v="287.92"/>
    <n v="8"/>
    <n v="138.19999999999999"/>
  </r>
  <r>
    <d v="2017-11-23T00:00:00"/>
    <x v="10"/>
    <x v="3"/>
    <x v="210"/>
    <x v="2"/>
    <x v="1"/>
    <x v="8"/>
    <s v="OIC Stacking Trays"/>
    <n v="24.05"/>
    <n v="9"/>
    <n v="7.21"/>
  </r>
  <r>
    <d v="2017-11-23T00:00:00"/>
    <x v="10"/>
    <x v="3"/>
    <x v="136"/>
    <x v="2"/>
    <x v="0"/>
    <x v="3"/>
    <s v="GBC Standard Therm-A-Bind Covers"/>
    <n v="7.48"/>
    <n v="1"/>
    <n v="-5.98"/>
  </r>
  <r>
    <d v="2017-11-23T00:00:00"/>
    <x v="10"/>
    <x v="3"/>
    <x v="616"/>
    <x v="1"/>
    <x v="1"/>
    <x v="8"/>
    <s v="Contemporary Wood/Metal Frame"/>
    <n v="6.46"/>
    <n v="1"/>
    <n v="-4.04"/>
  </r>
  <r>
    <d v="2017-11-23T00:00:00"/>
    <x v="10"/>
    <x v="3"/>
    <x v="616"/>
    <x v="1"/>
    <x v="0"/>
    <x v="1"/>
    <s v="Avery File Folder Labels"/>
    <n v="11.52"/>
    <n v="5"/>
    <n v="4.18"/>
  </r>
  <r>
    <d v="2017-11-23T00:00:00"/>
    <x v="10"/>
    <x v="3"/>
    <x v="616"/>
    <x v="1"/>
    <x v="2"/>
    <x v="6"/>
    <s v="Toshiba IPT2010-SD IPÂ Telephone"/>
    <n v="222.38"/>
    <n v="2"/>
    <n v="16.68"/>
  </r>
  <r>
    <d v="2017-11-23T00:00:00"/>
    <x v="10"/>
    <x v="3"/>
    <x v="545"/>
    <x v="0"/>
    <x v="2"/>
    <x v="6"/>
    <s v="Panasonic KX TS208W Corded phone"/>
    <n v="195.96"/>
    <n v="5"/>
    <n v="19.600000000000001"/>
  </r>
  <r>
    <d v="2017-11-23T00:00:00"/>
    <x v="10"/>
    <x v="3"/>
    <x v="284"/>
    <x v="14"/>
    <x v="0"/>
    <x v="14"/>
    <s v="Staple remover"/>
    <n v="4.3600000000000003"/>
    <n v="2"/>
    <n v="0.17"/>
  </r>
  <r>
    <d v="2017-11-23T00:00:00"/>
    <x v="10"/>
    <x v="3"/>
    <x v="10"/>
    <x v="1"/>
    <x v="0"/>
    <x v="0"/>
    <s v="Xerox 1959"/>
    <n v="10.69"/>
    <n v="2"/>
    <n v="3.74"/>
  </r>
  <r>
    <d v="2017-11-23T00:00:00"/>
    <x v="10"/>
    <x v="3"/>
    <x v="359"/>
    <x v="0"/>
    <x v="0"/>
    <x v="0"/>
    <s v="Xerox 22"/>
    <n v="36.29"/>
    <n v="7"/>
    <n v="12.7"/>
  </r>
  <r>
    <d v="2017-11-23T00:00:00"/>
    <x v="10"/>
    <x v="3"/>
    <x v="359"/>
    <x v="0"/>
    <x v="0"/>
    <x v="0"/>
    <s v="Xerox 1942"/>
    <n v="78.3"/>
    <n v="2"/>
    <n v="29.36"/>
  </r>
  <r>
    <d v="2017-11-23T00:00:00"/>
    <x v="10"/>
    <x v="3"/>
    <x v="359"/>
    <x v="0"/>
    <x v="1"/>
    <x v="13"/>
    <s v="Lesro Round Back Collection Coffee Table, End Table"/>
    <n v="127.79"/>
    <n v="1"/>
    <n v="-31.03"/>
  </r>
  <r>
    <d v="2017-11-23T00:00:00"/>
    <x v="10"/>
    <x v="3"/>
    <x v="359"/>
    <x v="0"/>
    <x v="0"/>
    <x v="3"/>
    <s v="Aluminum Screw Posts"/>
    <n v="6.1"/>
    <n v="2"/>
    <n v="-9.16"/>
  </r>
  <r>
    <d v="2017-11-24T00:00:00"/>
    <x v="10"/>
    <x v="3"/>
    <x v="217"/>
    <x v="0"/>
    <x v="0"/>
    <x v="7"/>
    <s v="Advantus T-Pin Paper Clips"/>
    <n v="10.82"/>
    <n v="3"/>
    <n v="2.57"/>
  </r>
  <r>
    <d v="2017-11-24T00:00:00"/>
    <x v="10"/>
    <x v="3"/>
    <x v="477"/>
    <x v="20"/>
    <x v="0"/>
    <x v="0"/>
    <s v="Adams Telephone Message Book W/Dividers/Space For Phone Numbers, 5 1/4&quot;X8 1/2&quot;, 300/Messages"/>
    <n v="5.88"/>
    <n v="1"/>
    <n v="2.88"/>
  </r>
  <r>
    <d v="2017-11-24T00:00:00"/>
    <x v="10"/>
    <x v="3"/>
    <x v="477"/>
    <x v="20"/>
    <x v="1"/>
    <x v="5"/>
    <s v="Global Ergonomic Managers Chair"/>
    <n v="977.29"/>
    <n v="6"/>
    <n v="173.74"/>
  </r>
  <r>
    <d v="2017-11-24T00:00:00"/>
    <x v="10"/>
    <x v="3"/>
    <x v="138"/>
    <x v="9"/>
    <x v="2"/>
    <x v="6"/>
    <s v="Motorla HX550 Universal Bluetooth Headset"/>
    <n v="79.099999999999994"/>
    <n v="2"/>
    <n v="39.549999999999997"/>
  </r>
  <r>
    <d v="2017-11-24T00:00:00"/>
    <x v="10"/>
    <x v="3"/>
    <x v="138"/>
    <x v="9"/>
    <x v="0"/>
    <x v="3"/>
    <s v="Wilson Jones Ledger-Size, Piano-Hinge Binder, 2&quot;, Blue"/>
    <n v="327.84"/>
    <n v="8"/>
    <n v="157.36000000000001"/>
  </r>
  <r>
    <d v="2017-11-24T00:00:00"/>
    <x v="10"/>
    <x v="3"/>
    <x v="365"/>
    <x v="5"/>
    <x v="0"/>
    <x v="3"/>
    <s v="Avery Durable Binders"/>
    <n v="2.88"/>
    <n v="1"/>
    <n v="1.41"/>
  </r>
  <r>
    <d v="2017-11-24T00:00:00"/>
    <x v="10"/>
    <x v="3"/>
    <x v="365"/>
    <x v="5"/>
    <x v="0"/>
    <x v="2"/>
    <s v="Iceberg Mobile Mega Data/Printer Cart"/>
    <n v="1443.96"/>
    <n v="12"/>
    <n v="375.43"/>
  </r>
  <r>
    <d v="2017-11-24T00:00:00"/>
    <x v="10"/>
    <x v="3"/>
    <x v="20"/>
    <x v="12"/>
    <x v="0"/>
    <x v="3"/>
    <s v="GBC Recycled Grain Textured Covers"/>
    <n v="20.72"/>
    <n v="2"/>
    <n v="-15.2"/>
  </r>
  <r>
    <d v="2017-11-24T00:00:00"/>
    <x v="10"/>
    <x v="3"/>
    <x v="20"/>
    <x v="12"/>
    <x v="0"/>
    <x v="2"/>
    <s v="Fellowes Bankers Box Staxonsteel Drawer File/Stacking System"/>
    <n v="415.87"/>
    <n v="8"/>
    <n v="-41.59"/>
  </r>
  <r>
    <d v="2017-11-24T00:00:00"/>
    <x v="10"/>
    <x v="3"/>
    <x v="548"/>
    <x v="25"/>
    <x v="0"/>
    <x v="3"/>
    <s v="Avery Durable Slant Ring Binders"/>
    <n v="19.010000000000002"/>
    <n v="8"/>
    <n v="-12.67"/>
  </r>
  <r>
    <d v="2017-11-24T00:00:00"/>
    <x v="10"/>
    <x v="3"/>
    <x v="75"/>
    <x v="20"/>
    <x v="0"/>
    <x v="4"/>
    <s v="Crayola Anti Dust Chalk, 12/Pack"/>
    <n v="16.38"/>
    <n v="9"/>
    <n v="7.37"/>
  </r>
  <r>
    <d v="2017-11-24T00:00:00"/>
    <x v="10"/>
    <x v="3"/>
    <x v="75"/>
    <x v="20"/>
    <x v="0"/>
    <x v="10"/>
    <s v="Ames Color-File Green Diamond Border X-ray Mailers"/>
    <n v="167.96"/>
    <n v="2"/>
    <n v="78.94"/>
  </r>
  <r>
    <d v="2017-11-24T00:00:00"/>
    <x v="10"/>
    <x v="3"/>
    <x v="75"/>
    <x v="20"/>
    <x v="1"/>
    <x v="11"/>
    <s v="O'Sullivan Plantations 2-Door Library in Landvery Oak"/>
    <n v="321.57"/>
    <n v="2"/>
    <n v="-16.079999999999998"/>
  </r>
  <r>
    <d v="2017-11-24T00:00:00"/>
    <x v="10"/>
    <x v="3"/>
    <x v="75"/>
    <x v="20"/>
    <x v="0"/>
    <x v="0"/>
    <s v="Xerox 214"/>
    <n v="12.96"/>
    <n v="2"/>
    <n v="6.22"/>
  </r>
  <r>
    <d v="2017-11-24T00:00:00"/>
    <x v="10"/>
    <x v="3"/>
    <x v="190"/>
    <x v="3"/>
    <x v="0"/>
    <x v="4"/>
    <s v="BIC Liqua Brite Liner"/>
    <n v="27.76"/>
    <n v="4"/>
    <n v="9.99"/>
  </r>
  <r>
    <d v="2017-11-24T00:00:00"/>
    <x v="10"/>
    <x v="3"/>
    <x v="678"/>
    <x v="2"/>
    <x v="2"/>
    <x v="6"/>
    <s v="Blue Parrot B250XT Professional Grade Wireless BluetoothÂ HeadsetÂ with"/>
    <n v="89.99"/>
    <n v="2"/>
    <n v="-15"/>
  </r>
  <r>
    <d v="2017-11-24T00:00:00"/>
    <x v="10"/>
    <x v="3"/>
    <x v="678"/>
    <x v="2"/>
    <x v="0"/>
    <x v="0"/>
    <s v="Xerox 1919"/>
    <n v="229.54"/>
    <n v="7"/>
    <n v="83.21"/>
  </r>
  <r>
    <d v="2017-11-24T00:00:00"/>
    <x v="10"/>
    <x v="3"/>
    <x v="196"/>
    <x v="42"/>
    <x v="0"/>
    <x v="2"/>
    <s v="Fellowes Bases and Tops For Staxonsteel/High-Stak Systems"/>
    <n v="33.29"/>
    <n v="1"/>
    <n v="7.99"/>
  </r>
  <r>
    <d v="2017-11-24T00:00:00"/>
    <x v="10"/>
    <x v="3"/>
    <x v="378"/>
    <x v="3"/>
    <x v="0"/>
    <x v="0"/>
    <s v="Southworth 100% RÃ©sumÃ© Paper, 24lb."/>
    <n v="7.78"/>
    <n v="1"/>
    <n v="3.5"/>
  </r>
  <r>
    <d v="2017-11-24T00:00:00"/>
    <x v="10"/>
    <x v="3"/>
    <x v="739"/>
    <x v="0"/>
    <x v="0"/>
    <x v="12"/>
    <s v="Holmes Replacement Filter for HEPA Air Cleaner, Very Large Room, HEPA Filter"/>
    <n v="13.76"/>
    <n v="1"/>
    <n v="-24.77"/>
  </r>
  <r>
    <d v="2017-11-24T00:00:00"/>
    <x v="10"/>
    <x v="3"/>
    <x v="706"/>
    <x v="15"/>
    <x v="0"/>
    <x v="3"/>
    <s v="Mead 1st Gear 2&quot; Zipper Binder, Asst. Colors"/>
    <n v="11.67"/>
    <n v="3"/>
    <n v="-7.78"/>
  </r>
  <r>
    <d v="2017-11-24T00:00:00"/>
    <x v="10"/>
    <x v="3"/>
    <x v="706"/>
    <x v="15"/>
    <x v="0"/>
    <x v="10"/>
    <s v="Peel &amp; Seel Recycled Catalog Envelopes, Brown"/>
    <n v="64.849999999999994"/>
    <n v="7"/>
    <n v="24.32"/>
  </r>
  <r>
    <d v="2017-11-24T00:00:00"/>
    <x v="10"/>
    <x v="3"/>
    <x v="443"/>
    <x v="3"/>
    <x v="1"/>
    <x v="13"/>
    <s v="Hon Practical Foundations 30 x 60 Training Table, Light Gray/Charcoal"/>
    <n v="364.08"/>
    <n v="2"/>
    <n v="9.1"/>
  </r>
  <r>
    <d v="2017-11-24T00:00:00"/>
    <x v="10"/>
    <x v="3"/>
    <x v="443"/>
    <x v="3"/>
    <x v="1"/>
    <x v="13"/>
    <s v="Hon 61000 Series Interactive Training Tables"/>
    <n v="71.09"/>
    <n v="2"/>
    <n v="-1.78"/>
  </r>
  <r>
    <d v="2017-11-24T00:00:00"/>
    <x v="10"/>
    <x v="3"/>
    <x v="154"/>
    <x v="3"/>
    <x v="2"/>
    <x v="9"/>
    <s v="Memorex Mini Travel Drive 16 GB USB 2.0 Flash Drive"/>
    <n v="223.58"/>
    <n v="14"/>
    <n v="87.2"/>
  </r>
  <r>
    <d v="2017-11-25T00:00:00"/>
    <x v="10"/>
    <x v="3"/>
    <x v="381"/>
    <x v="14"/>
    <x v="0"/>
    <x v="2"/>
    <s v="Office Impressions Heavy Duty Welded Shelving &amp; Multimedia Storage Drawers"/>
    <n v="501.81"/>
    <n v="3"/>
    <n v="0"/>
  </r>
  <r>
    <d v="2017-11-25T00:00:00"/>
    <x v="10"/>
    <x v="3"/>
    <x v="32"/>
    <x v="3"/>
    <x v="1"/>
    <x v="11"/>
    <s v="Sauder Forest Hills Library, Woodland Oak Finish"/>
    <n v="359.5"/>
    <n v="3"/>
    <n v="-29.61"/>
  </r>
  <r>
    <d v="2017-11-25T00:00:00"/>
    <x v="10"/>
    <x v="3"/>
    <x v="32"/>
    <x v="3"/>
    <x v="0"/>
    <x v="2"/>
    <s v="Sterilite Officeware Hinged File Box"/>
    <n v="10.48"/>
    <n v="1"/>
    <n v="2.83"/>
  </r>
  <r>
    <d v="2017-11-25T00:00:00"/>
    <x v="10"/>
    <x v="3"/>
    <x v="615"/>
    <x v="3"/>
    <x v="2"/>
    <x v="6"/>
    <s v="PayAnywhere Card Reader"/>
    <n v="39.96"/>
    <n v="5"/>
    <n v="3.5"/>
  </r>
  <r>
    <d v="2017-11-25T00:00:00"/>
    <x v="10"/>
    <x v="3"/>
    <x v="615"/>
    <x v="3"/>
    <x v="0"/>
    <x v="0"/>
    <s v="Adams Telephone Message Book W/Dividers/Space For Phone Numbers, 5 1/4&quot;X8 1/2&quot;, 200/Messages"/>
    <n v="34.08"/>
    <n v="6"/>
    <n v="15.34"/>
  </r>
  <r>
    <d v="2017-11-25T00:00:00"/>
    <x v="10"/>
    <x v="3"/>
    <x v="16"/>
    <x v="4"/>
    <x v="0"/>
    <x v="0"/>
    <s v="Wirebound Message Book, 4 per Page"/>
    <n v="48.87"/>
    <n v="9"/>
    <n v="23.95"/>
  </r>
  <r>
    <d v="2017-11-25T00:00:00"/>
    <x v="10"/>
    <x v="3"/>
    <x v="742"/>
    <x v="16"/>
    <x v="1"/>
    <x v="11"/>
    <s v="O'Sullivan Manor Hill 2-Door Library in Brianna Oak"/>
    <n v="723.92"/>
    <n v="5"/>
    <n v="-81.44"/>
  </r>
  <r>
    <d v="2017-11-25T00:00:00"/>
    <x v="10"/>
    <x v="3"/>
    <x v="501"/>
    <x v="3"/>
    <x v="0"/>
    <x v="4"/>
    <s v="DIXON Oriole Pencils"/>
    <n v="5.16"/>
    <n v="2"/>
    <n v="1.34"/>
  </r>
  <r>
    <d v="2017-11-25T00:00:00"/>
    <x v="10"/>
    <x v="3"/>
    <x v="644"/>
    <x v="0"/>
    <x v="2"/>
    <x v="6"/>
    <s v="Blue Parrot B250XT Professional Grade Wireless BluetoothÂ HeadsetÂ with"/>
    <n v="299.95999999999998"/>
    <n v="5"/>
    <n v="37.5"/>
  </r>
  <r>
    <d v="2017-11-25T00:00:00"/>
    <x v="10"/>
    <x v="3"/>
    <x v="644"/>
    <x v="0"/>
    <x v="0"/>
    <x v="12"/>
    <s v="Fellowes Command Center 5-outlet power strip"/>
    <n v="67.84"/>
    <n v="5"/>
    <n v="-179.78"/>
  </r>
  <r>
    <d v="2017-11-25T00:00:00"/>
    <x v="10"/>
    <x v="3"/>
    <x v="644"/>
    <x v="0"/>
    <x v="1"/>
    <x v="5"/>
    <s v="Hon Deluxe Fabric Upholstered Stacking Chairs"/>
    <n v="853.93"/>
    <n v="5"/>
    <n v="-24.4"/>
  </r>
  <r>
    <d v="2017-11-25T00:00:00"/>
    <x v="10"/>
    <x v="3"/>
    <x v="644"/>
    <x v="0"/>
    <x v="0"/>
    <x v="4"/>
    <s v="Avery Hi-Liter Smear-Safe Highlighters"/>
    <n v="18.690000000000001"/>
    <n v="4"/>
    <n v="3.74"/>
  </r>
  <r>
    <d v="2017-11-25T00:00:00"/>
    <x v="10"/>
    <x v="3"/>
    <x v="14"/>
    <x v="5"/>
    <x v="1"/>
    <x v="5"/>
    <s v="Office Star - Professional Matrix Back Chair with 2-to-1 Synchro Tilt and Mesh Fabric Seat"/>
    <n v="701.96"/>
    <n v="2"/>
    <n v="168.47"/>
  </r>
  <r>
    <d v="2017-11-26T00:00:00"/>
    <x v="10"/>
    <x v="3"/>
    <x v="462"/>
    <x v="24"/>
    <x v="1"/>
    <x v="8"/>
    <s v="Executive Impressions Supervisor Wall Clock"/>
    <n v="126.3"/>
    <n v="3"/>
    <n v="40.42"/>
  </r>
  <r>
    <d v="2017-11-26T00:00:00"/>
    <x v="10"/>
    <x v="3"/>
    <x v="462"/>
    <x v="24"/>
    <x v="2"/>
    <x v="9"/>
    <s v="SanDisk Cruzer 32 GB USB Flash Drive"/>
    <n v="38.04"/>
    <n v="2"/>
    <n v="12.17"/>
  </r>
  <r>
    <d v="2017-11-26T00:00:00"/>
    <x v="10"/>
    <x v="3"/>
    <x v="235"/>
    <x v="10"/>
    <x v="2"/>
    <x v="6"/>
    <s v="Motorola L804"/>
    <n v="220.75"/>
    <n v="8"/>
    <n v="-40.47"/>
  </r>
  <r>
    <d v="2017-11-26T00:00:00"/>
    <x v="10"/>
    <x v="3"/>
    <x v="512"/>
    <x v="4"/>
    <x v="0"/>
    <x v="4"/>
    <s v="Newell 347"/>
    <n v="12.84"/>
    <n v="3"/>
    <n v="3.72"/>
  </r>
  <r>
    <d v="2017-11-26T00:00:00"/>
    <x v="10"/>
    <x v="3"/>
    <x v="369"/>
    <x v="10"/>
    <x v="0"/>
    <x v="12"/>
    <s v="Holmes HEPA Air Purifier"/>
    <n v="52.27"/>
    <n v="3"/>
    <n v="9.8000000000000007"/>
  </r>
  <r>
    <d v="2017-11-26T00:00:00"/>
    <x v="10"/>
    <x v="3"/>
    <x v="369"/>
    <x v="10"/>
    <x v="0"/>
    <x v="12"/>
    <s v="Fellowes Superior 10 Outlet Split Surge Protector"/>
    <n v="213.14"/>
    <n v="7"/>
    <n v="23.98"/>
  </r>
  <r>
    <d v="2017-11-26T00:00:00"/>
    <x v="10"/>
    <x v="3"/>
    <x v="606"/>
    <x v="1"/>
    <x v="0"/>
    <x v="3"/>
    <s v="GBC Premium Transparent Covers with Diagonal Lined Pattern"/>
    <n v="33.57"/>
    <n v="8"/>
    <n v="-53.71"/>
  </r>
  <r>
    <d v="2017-11-26T00:00:00"/>
    <x v="10"/>
    <x v="3"/>
    <x v="215"/>
    <x v="20"/>
    <x v="0"/>
    <x v="12"/>
    <s v="Black &amp; Decker Filter for Double Action Dustbuster Cordless Vac BLDV7210"/>
    <n v="58.73"/>
    <n v="7"/>
    <n v="14.68"/>
  </r>
  <r>
    <d v="2017-11-26T00:00:00"/>
    <x v="10"/>
    <x v="3"/>
    <x v="215"/>
    <x v="20"/>
    <x v="0"/>
    <x v="3"/>
    <s v="Binding Machine Supplies"/>
    <n v="93.34"/>
    <n v="4"/>
    <n v="32.67"/>
  </r>
  <r>
    <d v="2017-11-26T00:00:00"/>
    <x v="10"/>
    <x v="3"/>
    <x v="722"/>
    <x v="18"/>
    <x v="1"/>
    <x v="13"/>
    <s v="KI Adjustable-Height Table"/>
    <n v="257.94"/>
    <n v="3"/>
    <n v="67.06"/>
  </r>
  <r>
    <d v="2017-11-26T00:00:00"/>
    <x v="10"/>
    <x v="3"/>
    <x v="722"/>
    <x v="18"/>
    <x v="2"/>
    <x v="6"/>
    <s v="Samsung Galaxy S4 Mini"/>
    <n v="1879.96"/>
    <n v="4"/>
    <n v="545.19000000000005"/>
  </r>
  <r>
    <d v="2017-11-26T00:00:00"/>
    <x v="10"/>
    <x v="3"/>
    <x v="722"/>
    <x v="18"/>
    <x v="1"/>
    <x v="8"/>
    <s v="DAX Wood Document Frame"/>
    <n v="27.46"/>
    <n v="2"/>
    <n v="9.89"/>
  </r>
  <r>
    <d v="2017-11-26T00:00:00"/>
    <x v="10"/>
    <x v="3"/>
    <x v="722"/>
    <x v="18"/>
    <x v="2"/>
    <x v="6"/>
    <s v="Innergie mMini Combo Duo USB Travel Charging Kit"/>
    <n v="89.98"/>
    <n v="2"/>
    <n v="43.19"/>
  </r>
  <r>
    <d v="2017-11-26T00:00:00"/>
    <x v="10"/>
    <x v="3"/>
    <x v="722"/>
    <x v="18"/>
    <x v="1"/>
    <x v="5"/>
    <s v="SAFCO Arco Folding Chair"/>
    <n v="828.6"/>
    <n v="3"/>
    <n v="240.29"/>
  </r>
  <r>
    <d v="2017-11-26T00:00:00"/>
    <x v="10"/>
    <x v="3"/>
    <x v="46"/>
    <x v="20"/>
    <x v="2"/>
    <x v="6"/>
    <s v="Plantronics Calisto P620-M USB Wireless Speakerphone System"/>
    <n v="979.95"/>
    <n v="5"/>
    <n v="264.58999999999997"/>
  </r>
  <r>
    <d v="2017-11-26T00:00:00"/>
    <x v="10"/>
    <x v="3"/>
    <x v="46"/>
    <x v="20"/>
    <x v="1"/>
    <x v="8"/>
    <s v="DataProducts Ampli Magnifier Task Lamp, Black,"/>
    <n v="135.30000000000001"/>
    <n v="5"/>
    <n v="37.880000000000003"/>
  </r>
  <r>
    <d v="2017-11-27T00:00:00"/>
    <x v="10"/>
    <x v="3"/>
    <x v="291"/>
    <x v="21"/>
    <x v="1"/>
    <x v="8"/>
    <s v="Howard Miller 13&quot; Diameter Goldtone Round Wall Clock"/>
    <n v="46.94"/>
    <n v="1"/>
    <n v="19.25"/>
  </r>
  <r>
    <d v="2017-11-27T00:00:00"/>
    <x v="10"/>
    <x v="3"/>
    <x v="291"/>
    <x v="21"/>
    <x v="2"/>
    <x v="9"/>
    <s v="Memorex Mini Travel Drive 16 GB USB 2.0 Flash Drive"/>
    <n v="143.72999999999999"/>
    <n v="9"/>
    <n v="56.05"/>
  </r>
  <r>
    <d v="2017-11-27T00:00:00"/>
    <x v="10"/>
    <x v="3"/>
    <x v="754"/>
    <x v="3"/>
    <x v="0"/>
    <x v="0"/>
    <s v="Tops White Computer Printout Paper"/>
    <n v="244.55"/>
    <n v="5"/>
    <n v="114.94"/>
  </r>
  <r>
    <d v="2017-11-27T00:00:00"/>
    <x v="10"/>
    <x v="3"/>
    <x v="754"/>
    <x v="3"/>
    <x v="2"/>
    <x v="9"/>
    <s v="Enermax Briskie RF Wireless Keyboard and Mouse Combo"/>
    <n v="166.16"/>
    <n v="8"/>
    <n v="59.82"/>
  </r>
  <r>
    <d v="2017-11-27T00:00:00"/>
    <x v="10"/>
    <x v="3"/>
    <x v="440"/>
    <x v="25"/>
    <x v="0"/>
    <x v="4"/>
    <s v="Pencil and Crayon Sharpener"/>
    <n v="8.76"/>
    <n v="5"/>
    <n v="0.77"/>
  </r>
  <r>
    <d v="2017-11-27T00:00:00"/>
    <x v="10"/>
    <x v="3"/>
    <x v="440"/>
    <x v="25"/>
    <x v="0"/>
    <x v="12"/>
    <s v="Belkin 5 Outlet SurgeMaster Power Centers"/>
    <n v="43.58"/>
    <n v="1"/>
    <n v="4.3600000000000003"/>
  </r>
  <r>
    <d v="2017-11-27T00:00:00"/>
    <x v="10"/>
    <x v="3"/>
    <x v="649"/>
    <x v="3"/>
    <x v="0"/>
    <x v="3"/>
    <s v="Premium Transparent Presentation Covers by GBC"/>
    <n v="117.49"/>
    <n v="7"/>
    <n v="41.12"/>
  </r>
  <r>
    <d v="2017-11-27T00:00:00"/>
    <x v="10"/>
    <x v="3"/>
    <x v="649"/>
    <x v="3"/>
    <x v="1"/>
    <x v="8"/>
    <s v="Eldon 200 Class Desk Accessories"/>
    <n v="18.84"/>
    <n v="3"/>
    <n v="6.03"/>
  </r>
  <r>
    <d v="2017-11-27T00:00:00"/>
    <x v="10"/>
    <x v="3"/>
    <x v="712"/>
    <x v="3"/>
    <x v="2"/>
    <x v="6"/>
    <s v="Griffin GC17055 Auxiliary Audio Cable"/>
    <n v="57.57"/>
    <n v="4"/>
    <n v="5.76"/>
  </r>
  <r>
    <d v="2017-11-27T00:00:00"/>
    <x v="10"/>
    <x v="3"/>
    <x v="218"/>
    <x v="20"/>
    <x v="0"/>
    <x v="4"/>
    <s v="American Pencil"/>
    <n v="6.99"/>
    <n v="3"/>
    <n v="2.0299999999999998"/>
  </r>
  <r>
    <d v="2017-11-27T00:00:00"/>
    <x v="10"/>
    <x v="3"/>
    <x v="218"/>
    <x v="20"/>
    <x v="0"/>
    <x v="3"/>
    <s v="Avery Flip-Chart Easel Binder, Black"/>
    <n v="107.42"/>
    <n v="6"/>
    <n v="36.26"/>
  </r>
  <r>
    <d v="2017-11-27T00:00:00"/>
    <x v="10"/>
    <x v="3"/>
    <x v="691"/>
    <x v="18"/>
    <x v="0"/>
    <x v="0"/>
    <s v="Xerox 1909"/>
    <n v="158.28"/>
    <n v="6"/>
    <n v="72.81"/>
  </r>
  <r>
    <d v="2017-11-27T00:00:00"/>
    <x v="10"/>
    <x v="3"/>
    <x v="691"/>
    <x v="18"/>
    <x v="0"/>
    <x v="3"/>
    <s v="GBC DocuBind P100 Manual Binding Machine"/>
    <n v="497.94"/>
    <n v="3"/>
    <n v="224.07"/>
  </r>
  <r>
    <d v="2017-11-28T00:00:00"/>
    <x v="10"/>
    <x v="3"/>
    <x v="237"/>
    <x v="2"/>
    <x v="1"/>
    <x v="8"/>
    <s v="Deflect-o RollaMat Studded, Beveled Mat for Medium Pile Carpeting"/>
    <n v="516.49"/>
    <n v="7"/>
    <n v="-12.91"/>
  </r>
  <r>
    <d v="2017-11-28T00:00:00"/>
    <x v="10"/>
    <x v="3"/>
    <x v="237"/>
    <x v="2"/>
    <x v="1"/>
    <x v="8"/>
    <s v="Luxo Professional Fluorescent Magnifier Lamp with Clamp-Mount Base"/>
    <n v="1007.23"/>
    <n v="6"/>
    <n v="75.540000000000006"/>
  </r>
  <r>
    <d v="2017-11-28T00:00:00"/>
    <x v="10"/>
    <x v="3"/>
    <x v="237"/>
    <x v="2"/>
    <x v="1"/>
    <x v="13"/>
    <s v="Riverside Furniture Oval Coffee Table, Oval End Table, End Table with Drawer"/>
    <n v="2065.3200000000002"/>
    <n v="12"/>
    <n v="-619.6"/>
  </r>
  <r>
    <d v="2017-11-28T00:00:00"/>
    <x v="10"/>
    <x v="3"/>
    <x v="237"/>
    <x v="2"/>
    <x v="0"/>
    <x v="0"/>
    <s v="Xerox 210"/>
    <n v="15.55"/>
    <n v="3"/>
    <n v="5.44"/>
  </r>
  <r>
    <d v="2017-11-28T00:00:00"/>
    <x v="10"/>
    <x v="3"/>
    <x v="237"/>
    <x v="2"/>
    <x v="0"/>
    <x v="0"/>
    <s v="Xerox 4200 Series MultiUse Premium Copy Paper (20Lb. and 84 Bright)"/>
    <n v="25.34"/>
    <n v="6"/>
    <n v="7.92"/>
  </r>
  <r>
    <d v="2017-11-28T00:00:00"/>
    <x v="10"/>
    <x v="3"/>
    <x v="356"/>
    <x v="26"/>
    <x v="0"/>
    <x v="0"/>
    <s v="Eaton Premium Continuous-Feed Paper, 25% Cotton, Letter Size, White, 1000 Shts/Box"/>
    <n v="88.77"/>
    <n v="2"/>
    <n v="31.07"/>
  </r>
  <r>
    <d v="2017-11-28T00:00:00"/>
    <x v="10"/>
    <x v="3"/>
    <x v="486"/>
    <x v="20"/>
    <x v="2"/>
    <x v="6"/>
    <s v="Google Nexus 5"/>
    <n v="1979.89"/>
    <n v="11"/>
    <n v="494.97"/>
  </r>
  <r>
    <d v="2017-11-28T00:00:00"/>
    <x v="10"/>
    <x v="3"/>
    <x v="486"/>
    <x v="20"/>
    <x v="0"/>
    <x v="10"/>
    <s v="Blue String-Tie &amp; Button Interoffice Envelopes, 10 x 13"/>
    <n v="79.959999999999994"/>
    <n v="2"/>
    <n v="35.979999999999997"/>
  </r>
  <r>
    <d v="2017-11-28T00:00:00"/>
    <x v="10"/>
    <x v="3"/>
    <x v="471"/>
    <x v="36"/>
    <x v="0"/>
    <x v="4"/>
    <s v="BIC Brite Liner Grip Highlighters"/>
    <n v="1.64"/>
    <n v="1"/>
    <n v="0.74"/>
  </r>
  <r>
    <d v="2017-11-28T00:00:00"/>
    <x v="10"/>
    <x v="3"/>
    <x v="471"/>
    <x v="36"/>
    <x v="1"/>
    <x v="8"/>
    <s v="Luxo Professional Fluorescent Magnifier Lamp with Clamp-Mount Base"/>
    <n v="1049.2"/>
    <n v="5"/>
    <n v="272.79000000000002"/>
  </r>
  <r>
    <d v="2017-11-28T00:00:00"/>
    <x v="10"/>
    <x v="3"/>
    <x v="471"/>
    <x v="36"/>
    <x v="1"/>
    <x v="8"/>
    <s v="Eldon Image Series Desk Accessories, Burgundy"/>
    <n v="20.9"/>
    <n v="5"/>
    <n v="7.52"/>
  </r>
  <r>
    <d v="2017-11-28T00:00:00"/>
    <x v="10"/>
    <x v="3"/>
    <x v="287"/>
    <x v="3"/>
    <x v="0"/>
    <x v="1"/>
    <s v="Round Specialty Laser Printer Labels"/>
    <n v="62.65"/>
    <n v="5"/>
    <n v="29.45"/>
  </r>
  <r>
    <d v="2017-11-29T00:00:00"/>
    <x v="10"/>
    <x v="3"/>
    <x v="207"/>
    <x v="15"/>
    <x v="1"/>
    <x v="5"/>
    <s v="Hon Deluxe Fabric Upholstered Stacking Chairs, Rounded Back"/>
    <n v="390.37"/>
    <n v="2"/>
    <n v="48.8"/>
  </r>
  <r>
    <d v="2017-11-29T00:00:00"/>
    <x v="10"/>
    <x v="3"/>
    <x v="207"/>
    <x v="15"/>
    <x v="1"/>
    <x v="8"/>
    <s v="Executive Impressions 13&quot; Chairman Wall Clock"/>
    <n v="101.52"/>
    <n v="5"/>
    <n v="19.04"/>
  </r>
  <r>
    <d v="2017-11-30T00:00:00"/>
    <x v="10"/>
    <x v="3"/>
    <x v="187"/>
    <x v="20"/>
    <x v="0"/>
    <x v="3"/>
    <s v="Lock-Up Easel 'Spel-Binder'"/>
    <n v="68.47"/>
    <n v="3"/>
    <n v="23.11"/>
  </r>
  <r>
    <d v="2017-11-30T00:00:00"/>
    <x v="10"/>
    <x v="3"/>
    <x v="187"/>
    <x v="20"/>
    <x v="1"/>
    <x v="5"/>
    <s v="SAFCO Arco Folding Chair"/>
    <n v="1242.9000000000001"/>
    <n v="5"/>
    <n v="262.39"/>
  </r>
  <r>
    <d v="2017-11-30T00:00:00"/>
    <x v="10"/>
    <x v="3"/>
    <x v="72"/>
    <x v="29"/>
    <x v="0"/>
    <x v="2"/>
    <s v="Home/Office Personal File Carts"/>
    <n v="173.8"/>
    <n v="5"/>
    <n v="43.45"/>
  </r>
  <r>
    <d v="2017-11-30T00:00:00"/>
    <x v="10"/>
    <x v="3"/>
    <x v="297"/>
    <x v="7"/>
    <x v="0"/>
    <x v="4"/>
    <s v="BOSTON Ranger #55 Pencil Sharpener, Black"/>
    <n v="155.94"/>
    <n v="6"/>
    <n v="45.22"/>
  </r>
  <r>
    <d v="2017-11-30T00:00:00"/>
    <x v="10"/>
    <x v="3"/>
    <x v="770"/>
    <x v="10"/>
    <x v="0"/>
    <x v="12"/>
    <s v="Kensington 7 Outlet MasterPiece Power Center with Fax/Phone Line Protection"/>
    <n v="663.94"/>
    <n v="4"/>
    <n v="82.99"/>
  </r>
  <r>
    <d v="2017-11-30T00:00:00"/>
    <x v="10"/>
    <x v="3"/>
    <x v="672"/>
    <x v="16"/>
    <x v="2"/>
    <x v="6"/>
    <s v="OtterBox Defender Series Case - Samsung Galaxy S4"/>
    <n v="71.98"/>
    <n v="3"/>
    <n v="9"/>
  </r>
  <r>
    <d v="2017-11-30T00:00:00"/>
    <x v="10"/>
    <x v="3"/>
    <x v="723"/>
    <x v="0"/>
    <x v="0"/>
    <x v="7"/>
    <s v="Binder Clips by OIC"/>
    <n v="2.37"/>
    <n v="2"/>
    <n v="0.83"/>
  </r>
  <r>
    <d v="2017-11-30T00:00:00"/>
    <x v="10"/>
    <x v="3"/>
    <x v="59"/>
    <x v="25"/>
    <x v="2"/>
    <x v="9"/>
    <s v="Logitech Wireless Gaming Headset G930"/>
    <n v="383.98"/>
    <n v="3"/>
    <n v="81.59"/>
  </r>
  <r>
    <d v="2017-11-30T00:00:00"/>
    <x v="10"/>
    <x v="3"/>
    <x v="59"/>
    <x v="25"/>
    <x v="1"/>
    <x v="13"/>
    <s v="Bush Advantage Collection Racetrack Conference Table"/>
    <n v="1781.68"/>
    <n v="7"/>
    <n v="-653.28"/>
  </r>
  <r>
    <d v="2017-11-30T00:00:00"/>
    <x v="10"/>
    <x v="3"/>
    <x v="665"/>
    <x v="20"/>
    <x v="0"/>
    <x v="2"/>
    <s v="Iris 3-Drawer Stacking Bin, Black"/>
    <n v="83.56"/>
    <n v="4"/>
    <n v="1.67"/>
  </r>
  <r>
    <d v="2017-11-30T00:00:00"/>
    <x v="10"/>
    <x v="3"/>
    <x v="665"/>
    <x v="20"/>
    <x v="2"/>
    <x v="6"/>
    <s v="Panasonic BusinessÂ TelephonesÂ KX-T7736"/>
    <n v="546.05999999999995"/>
    <n v="3"/>
    <n v="163.82"/>
  </r>
  <r>
    <d v="2017-11-30T00:00:00"/>
    <x v="10"/>
    <x v="3"/>
    <x v="665"/>
    <x v="20"/>
    <x v="0"/>
    <x v="2"/>
    <s v="Fellowes Officeware Wire Shelving"/>
    <n v="269.49"/>
    <n v="3"/>
    <n v="5.39"/>
  </r>
  <r>
    <d v="2017-11-30T00:00:00"/>
    <x v="10"/>
    <x v="3"/>
    <x v="713"/>
    <x v="3"/>
    <x v="1"/>
    <x v="8"/>
    <s v="Contemporary Borderless Frame"/>
    <n v="25.83"/>
    <n v="3"/>
    <n v="9.56"/>
  </r>
  <r>
    <d v="2017-11-30T00:00:00"/>
    <x v="10"/>
    <x v="3"/>
    <x v="244"/>
    <x v="0"/>
    <x v="2"/>
    <x v="9"/>
    <s v="SanDisk Ultra 64 GB MicroSDHC Class 10 Memory Card"/>
    <n v="95.98"/>
    <n v="3"/>
    <n v="-10.8"/>
  </r>
  <r>
    <d v="2017-11-30T00:00:00"/>
    <x v="10"/>
    <x v="3"/>
    <x v="335"/>
    <x v="2"/>
    <x v="1"/>
    <x v="5"/>
    <s v="Global Commerce Series Low-Back Swivel/Tilt Chairs"/>
    <n v="1079.32"/>
    <n v="6"/>
    <n v="-15.42"/>
  </r>
  <r>
    <d v="2017-12-01T00:00:00"/>
    <x v="11"/>
    <x v="3"/>
    <x v="343"/>
    <x v="14"/>
    <x v="0"/>
    <x v="2"/>
    <s v="Tennsco Lockers, Gray"/>
    <n v="83.92"/>
    <n v="4"/>
    <n v="5.87"/>
  </r>
  <r>
    <d v="2017-12-01T00:00:00"/>
    <x v="11"/>
    <x v="3"/>
    <x v="343"/>
    <x v="14"/>
    <x v="2"/>
    <x v="6"/>
    <s v="Panasonic KX-TG6844B Expandable Digital Cordless Telephone"/>
    <n v="131.97999999999999"/>
    <n v="2"/>
    <n v="35.630000000000003"/>
  </r>
  <r>
    <d v="2017-12-01T00:00:00"/>
    <x v="11"/>
    <x v="3"/>
    <x v="343"/>
    <x v="14"/>
    <x v="0"/>
    <x v="3"/>
    <s v="Avery Durable Slant Ring Binders, No Labels"/>
    <n v="15.92"/>
    <n v="4"/>
    <n v="7.48"/>
  </r>
  <r>
    <d v="2017-12-01T00:00:00"/>
    <x v="11"/>
    <x v="3"/>
    <x v="343"/>
    <x v="14"/>
    <x v="0"/>
    <x v="7"/>
    <s v="Advantus Push Pins, Aluminum Head"/>
    <n v="52.29"/>
    <n v="9"/>
    <n v="16.21"/>
  </r>
  <r>
    <d v="2017-12-01T00:00:00"/>
    <x v="11"/>
    <x v="3"/>
    <x v="343"/>
    <x v="14"/>
    <x v="0"/>
    <x v="2"/>
    <s v="Gould Plastics 18-Pocket Panel Bin, 34w x 5-1/4d x 20-1/2h"/>
    <n v="91.99"/>
    <n v="1"/>
    <n v="3.68"/>
  </r>
  <r>
    <d v="2017-12-01T00:00:00"/>
    <x v="11"/>
    <x v="3"/>
    <x v="583"/>
    <x v="20"/>
    <x v="2"/>
    <x v="9"/>
    <s v="Sabrent 4-Port USB 2.0 Hub"/>
    <n v="20.37"/>
    <n v="3"/>
    <n v="6.93"/>
  </r>
  <r>
    <d v="2017-12-01T00:00:00"/>
    <x v="11"/>
    <x v="3"/>
    <x v="583"/>
    <x v="20"/>
    <x v="0"/>
    <x v="2"/>
    <s v="Safco Industrial Shelving"/>
    <n v="221.55"/>
    <n v="3"/>
    <n v="6.65"/>
  </r>
  <r>
    <d v="2017-12-01T00:00:00"/>
    <x v="11"/>
    <x v="3"/>
    <x v="583"/>
    <x v="20"/>
    <x v="0"/>
    <x v="3"/>
    <s v="Acco 3-Hole Punch"/>
    <n v="17.52"/>
    <n v="5"/>
    <n v="6.13"/>
  </r>
  <r>
    <d v="2017-12-01T00:00:00"/>
    <x v="11"/>
    <x v="3"/>
    <x v="265"/>
    <x v="26"/>
    <x v="2"/>
    <x v="6"/>
    <s v="GE 30524EE4"/>
    <n v="470.38"/>
    <n v="3"/>
    <n v="52.92"/>
  </r>
  <r>
    <d v="2017-12-01T00:00:00"/>
    <x v="11"/>
    <x v="3"/>
    <x v="265"/>
    <x v="26"/>
    <x v="2"/>
    <x v="6"/>
    <s v="AT&amp;T SB67148 SynJ"/>
    <n v="105.58"/>
    <n v="2"/>
    <n v="9.24"/>
  </r>
  <r>
    <d v="2017-12-01T00:00:00"/>
    <x v="11"/>
    <x v="3"/>
    <x v="265"/>
    <x v="26"/>
    <x v="0"/>
    <x v="12"/>
    <s v="Fellowes Basic Home/Office Series Surge Protectors"/>
    <n v="31.15"/>
    <n v="3"/>
    <n v="3.5"/>
  </r>
  <r>
    <d v="2017-12-01T00:00:00"/>
    <x v="11"/>
    <x v="3"/>
    <x v="265"/>
    <x v="26"/>
    <x v="0"/>
    <x v="3"/>
    <s v="Recycled Pressboard Report Cover with Reinforced Top Hinge"/>
    <n v="6.78"/>
    <n v="7"/>
    <n v="-4.75"/>
  </r>
  <r>
    <d v="2017-12-01T00:00:00"/>
    <x v="11"/>
    <x v="3"/>
    <x v="265"/>
    <x v="26"/>
    <x v="2"/>
    <x v="6"/>
    <s v="Jabra BIZ 2300 Duo QD Duo CordedÂ Headset"/>
    <n v="406.37"/>
    <n v="4"/>
    <n v="30.48"/>
  </r>
  <r>
    <d v="2017-12-01T00:00:00"/>
    <x v="11"/>
    <x v="3"/>
    <x v="200"/>
    <x v="2"/>
    <x v="0"/>
    <x v="10"/>
    <s v="Quality Park Security Envelopes"/>
    <n v="104.68"/>
    <n v="5"/>
    <n v="35.33"/>
  </r>
  <r>
    <d v="2017-12-01T00:00:00"/>
    <x v="11"/>
    <x v="3"/>
    <x v="200"/>
    <x v="2"/>
    <x v="2"/>
    <x v="6"/>
    <s v="Belkin SportFit Armband For iPhone 5s/5c, Fuchsia"/>
    <n v="62.96"/>
    <n v="7"/>
    <n v="9.44"/>
  </r>
  <r>
    <d v="2017-12-01T00:00:00"/>
    <x v="11"/>
    <x v="3"/>
    <x v="605"/>
    <x v="0"/>
    <x v="2"/>
    <x v="6"/>
    <s v="Cisco SPA112 2 Port Phone Adapter"/>
    <n v="219.8"/>
    <n v="5"/>
    <n v="24.73"/>
  </r>
  <r>
    <d v="2017-12-01T00:00:00"/>
    <x v="11"/>
    <x v="3"/>
    <x v="605"/>
    <x v="0"/>
    <x v="1"/>
    <x v="5"/>
    <s v="DMI Arturo Collection Mission-style Design Wood Chair"/>
    <n v="317.06"/>
    <n v="3"/>
    <n v="-18.12"/>
  </r>
  <r>
    <d v="2017-12-01T00:00:00"/>
    <x v="11"/>
    <x v="3"/>
    <x v="786"/>
    <x v="3"/>
    <x v="0"/>
    <x v="0"/>
    <s v="Xerox 1905"/>
    <n v="45.36"/>
    <n v="7"/>
    <n v="21.77"/>
  </r>
  <r>
    <d v="2017-12-01T00:00:00"/>
    <x v="11"/>
    <x v="3"/>
    <x v="786"/>
    <x v="3"/>
    <x v="0"/>
    <x v="3"/>
    <s v="Cardinal HOLDit! Binder Insert Strips,Extra Strips"/>
    <n v="10.130000000000001"/>
    <n v="2"/>
    <n v="3.67"/>
  </r>
  <r>
    <d v="2017-12-01T00:00:00"/>
    <x v="11"/>
    <x v="3"/>
    <x v="565"/>
    <x v="2"/>
    <x v="0"/>
    <x v="2"/>
    <s v="Personal File Boxes with Fold-Down Carry Handle"/>
    <n v="37.39"/>
    <n v="3"/>
    <n v="2.34"/>
  </r>
  <r>
    <d v="2017-12-01T00:00:00"/>
    <x v="11"/>
    <x v="3"/>
    <x v="565"/>
    <x v="2"/>
    <x v="1"/>
    <x v="8"/>
    <s v="Ultra Door Kickplate, 8&quot;H x 34&quot;W"/>
    <n v="79.12"/>
    <n v="5"/>
    <n v="13.85"/>
  </r>
  <r>
    <d v="2017-12-01T00:00:00"/>
    <x v="11"/>
    <x v="3"/>
    <x v="525"/>
    <x v="37"/>
    <x v="0"/>
    <x v="0"/>
    <s v="Xerox 214"/>
    <n v="19.440000000000001"/>
    <n v="3"/>
    <n v="9.33"/>
  </r>
  <r>
    <d v="2017-12-01T00:00:00"/>
    <x v="11"/>
    <x v="3"/>
    <x v="525"/>
    <x v="37"/>
    <x v="1"/>
    <x v="5"/>
    <s v="Global Comet Stacking Armless Chair"/>
    <n v="897.15"/>
    <n v="3"/>
    <n v="251.2"/>
  </r>
  <r>
    <d v="2017-12-01T00:00:00"/>
    <x v="11"/>
    <x v="3"/>
    <x v="342"/>
    <x v="10"/>
    <x v="1"/>
    <x v="8"/>
    <s v="Magna Visual Magnetic Picture Hangers"/>
    <n v="7.71"/>
    <n v="2"/>
    <n v="1.74"/>
  </r>
  <r>
    <d v="2017-12-01T00:00:00"/>
    <x v="11"/>
    <x v="3"/>
    <x v="706"/>
    <x v="0"/>
    <x v="0"/>
    <x v="0"/>
    <s v="Xerox 201"/>
    <n v="10.37"/>
    <n v="2"/>
    <n v="3.63"/>
  </r>
  <r>
    <d v="2017-12-01T00:00:00"/>
    <x v="11"/>
    <x v="3"/>
    <x v="703"/>
    <x v="22"/>
    <x v="0"/>
    <x v="0"/>
    <s v="Xerox 1947"/>
    <n v="41.86"/>
    <n v="7"/>
    <n v="18.84"/>
  </r>
  <r>
    <d v="2017-12-01T00:00:00"/>
    <x v="11"/>
    <x v="3"/>
    <x v="703"/>
    <x v="22"/>
    <x v="1"/>
    <x v="11"/>
    <s v="Hon Metal Bookcases, Putty"/>
    <n v="141.96"/>
    <n v="2"/>
    <n v="41.17"/>
  </r>
  <r>
    <d v="2017-12-01T00:00:00"/>
    <x v="11"/>
    <x v="3"/>
    <x v="562"/>
    <x v="22"/>
    <x v="0"/>
    <x v="3"/>
    <s v="Ibico Presentation Index for Binding Systems"/>
    <n v="15.92"/>
    <n v="5"/>
    <n v="5.37"/>
  </r>
  <r>
    <d v="2017-12-01T00:00:00"/>
    <x v="11"/>
    <x v="3"/>
    <x v="562"/>
    <x v="22"/>
    <x v="1"/>
    <x v="8"/>
    <s v="Eldon Wave Desk Accessories"/>
    <n v="70.680000000000007"/>
    <n v="12"/>
    <n v="31.1"/>
  </r>
  <r>
    <d v="2017-12-01T00:00:00"/>
    <x v="11"/>
    <x v="3"/>
    <x v="562"/>
    <x v="22"/>
    <x v="0"/>
    <x v="2"/>
    <s v="Tennsco Stur-D-Stor Boltless Shelving, 5 Shelves, 24&quot; Deep, Sand"/>
    <n v="541.24"/>
    <n v="4"/>
    <n v="5.41"/>
  </r>
  <r>
    <d v="2017-12-01T00:00:00"/>
    <x v="11"/>
    <x v="3"/>
    <x v="770"/>
    <x v="3"/>
    <x v="1"/>
    <x v="8"/>
    <s v="Tenex &quot;The Solids&quot; Textured Chair Mats"/>
    <n v="629.64"/>
    <n v="9"/>
    <n v="107.04"/>
  </r>
  <r>
    <d v="2017-12-01T00:00:00"/>
    <x v="11"/>
    <x v="3"/>
    <x v="573"/>
    <x v="2"/>
    <x v="0"/>
    <x v="1"/>
    <s v="Avery 483"/>
    <n v="15.94"/>
    <n v="4"/>
    <n v="5.18"/>
  </r>
  <r>
    <d v="2017-12-01T00:00:00"/>
    <x v="11"/>
    <x v="3"/>
    <x v="573"/>
    <x v="2"/>
    <x v="0"/>
    <x v="3"/>
    <s v="Acco Pressboard Covers with Storage Hooks, 14 7/8&quot; x 11&quot;, Dark Blue"/>
    <n v="8"/>
    <n v="7"/>
    <n v="-5.6"/>
  </r>
  <r>
    <d v="2017-12-01T00:00:00"/>
    <x v="11"/>
    <x v="3"/>
    <x v="573"/>
    <x v="2"/>
    <x v="1"/>
    <x v="5"/>
    <s v="Global Commerce Series High-Back Swivel/Tilt Chairs"/>
    <n v="398.97"/>
    <n v="2"/>
    <n v="-28.5"/>
  </r>
  <r>
    <d v="2017-12-02T00:00:00"/>
    <x v="11"/>
    <x v="3"/>
    <x v="197"/>
    <x v="3"/>
    <x v="0"/>
    <x v="2"/>
    <s v="Fellowes Mobile File Cart, Black"/>
    <n v="559.62"/>
    <n v="9"/>
    <n v="151.1"/>
  </r>
  <r>
    <d v="2017-12-02T00:00:00"/>
    <x v="11"/>
    <x v="3"/>
    <x v="197"/>
    <x v="3"/>
    <x v="0"/>
    <x v="0"/>
    <s v="Xerox 1940"/>
    <n v="109.92"/>
    <n v="2"/>
    <n v="53.86"/>
  </r>
  <r>
    <d v="2017-12-02T00:00:00"/>
    <x v="11"/>
    <x v="3"/>
    <x v="197"/>
    <x v="3"/>
    <x v="0"/>
    <x v="0"/>
    <s v="Xerox 1962"/>
    <n v="8.56"/>
    <n v="2"/>
    <n v="3.85"/>
  </r>
  <r>
    <d v="2017-12-02T00:00:00"/>
    <x v="11"/>
    <x v="3"/>
    <x v="423"/>
    <x v="6"/>
    <x v="0"/>
    <x v="4"/>
    <s v="Newell 309"/>
    <n v="34.65"/>
    <n v="3"/>
    <n v="10.4"/>
  </r>
  <r>
    <d v="2017-12-02T00:00:00"/>
    <x v="11"/>
    <x v="3"/>
    <x v="55"/>
    <x v="0"/>
    <x v="0"/>
    <x v="12"/>
    <s v="3.6 Cubic Foot Counter Height Office Refrigerator"/>
    <n v="294.62"/>
    <n v="5"/>
    <n v="-766.01"/>
  </r>
  <r>
    <d v="2017-12-02T00:00:00"/>
    <x v="11"/>
    <x v="3"/>
    <x v="55"/>
    <x v="0"/>
    <x v="1"/>
    <x v="8"/>
    <s v="Advantus Panel Wall Acrylic Frame"/>
    <n v="8.75"/>
    <n v="4"/>
    <n v="-3.72"/>
  </r>
  <r>
    <d v="2017-12-02T00:00:00"/>
    <x v="11"/>
    <x v="3"/>
    <x v="521"/>
    <x v="16"/>
    <x v="0"/>
    <x v="4"/>
    <s v="Bulldog Vacuum Base Pencil Sharpener"/>
    <n v="47.96"/>
    <n v="5"/>
    <n v="4.2"/>
  </r>
  <r>
    <d v="2017-12-02T00:00:00"/>
    <x v="11"/>
    <x v="3"/>
    <x v="450"/>
    <x v="3"/>
    <x v="0"/>
    <x v="3"/>
    <s v="3-ring staple pack"/>
    <n v="9.02"/>
    <n v="6"/>
    <n v="3.16"/>
  </r>
  <r>
    <d v="2017-12-02T00:00:00"/>
    <x v="11"/>
    <x v="3"/>
    <x v="450"/>
    <x v="3"/>
    <x v="0"/>
    <x v="3"/>
    <s v="Satellite Sectional Post Binders"/>
    <n v="69.459999999999994"/>
    <n v="2"/>
    <n v="22.57"/>
  </r>
  <r>
    <d v="2017-12-02T00:00:00"/>
    <x v="11"/>
    <x v="3"/>
    <x v="450"/>
    <x v="3"/>
    <x v="0"/>
    <x v="0"/>
    <s v="Wirebound Message Book, 4 per Page"/>
    <n v="10.86"/>
    <n v="2"/>
    <n v="5.32"/>
  </r>
  <r>
    <d v="2017-12-02T00:00:00"/>
    <x v="11"/>
    <x v="3"/>
    <x v="450"/>
    <x v="3"/>
    <x v="0"/>
    <x v="12"/>
    <s v="Fellowes Advanced Computer Series Surge Protectors"/>
    <n v="79.47"/>
    <n v="3"/>
    <n v="22.25"/>
  </r>
  <r>
    <d v="2017-12-02T00:00:00"/>
    <x v="11"/>
    <x v="3"/>
    <x v="450"/>
    <x v="3"/>
    <x v="0"/>
    <x v="4"/>
    <s v="Prang Dustless Chalk Sticks"/>
    <n v="10.08"/>
    <n v="6"/>
    <n v="5.04"/>
  </r>
  <r>
    <d v="2017-12-02T00:00:00"/>
    <x v="11"/>
    <x v="3"/>
    <x v="474"/>
    <x v="16"/>
    <x v="0"/>
    <x v="3"/>
    <s v="Premier Elliptical Ring Binder, Black"/>
    <n v="45.66"/>
    <n v="5"/>
    <n v="-33.479999999999997"/>
  </r>
  <r>
    <d v="2017-12-02T00:00:00"/>
    <x v="11"/>
    <x v="3"/>
    <x v="60"/>
    <x v="2"/>
    <x v="0"/>
    <x v="3"/>
    <s v="GBC DocuBind 300 Electric Binding Machine"/>
    <n v="631.17999999999995"/>
    <n v="4"/>
    <n v="-462.86"/>
  </r>
  <r>
    <d v="2017-12-02T00:00:00"/>
    <x v="11"/>
    <x v="3"/>
    <x v="636"/>
    <x v="40"/>
    <x v="2"/>
    <x v="6"/>
    <s v="ClearOne CHATAttach 160 -Â speaker phone"/>
    <n v="2479.96"/>
    <n v="4"/>
    <n v="743.99"/>
  </r>
  <r>
    <d v="2017-12-02T00:00:00"/>
    <x v="11"/>
    <x v="3"/>
    <x v="653"/>
    <x v="3"/>
    <x v="2"/>
    <x v="6"/>
    <s v="Anker Astro 15000mAh USB Portable Charger"/>
    <n v="39.99"/>
    <n v="1"/>
    <n v="-8"/>
  </r>
  <r>
    <d v="2017-12-02T00:00:00"/>
    <x v="11"/>
    <x v="3"/>
    <x v="653"/>
    <x v="3"/>
    <x v="1"/>
    <x v="5"/>
    <s v="Office Star - Mid Back Dual function Ergonomic High Back Chair with 2-Way Adjustable Arms"/>
    <n v="1159.06"/>
    <n v="9"/>
    <n v="43.46"/>
  </r>
  <r>
    <d v="2017-12-02T00:00:00"/>
    <x v="11"/>
    <x v="3"/>
    <x v="653"/>
    <x v="3"/>
    <x v="0"/>
    <x v="4"/>
    <s v="Panasonic KP-380BK Classic Electric Pencil Sharpener"/>
    <n v="179.9"/>
    <n v="5"/>
    <n v="44.98"/>
  </r>
  <r>
    <d v="2017-12-02T00:00:00"/>
    <x v="11"/>
    <x v="3"/>
    <x v="297"/>
    <x v="6"/>
    <x v="1"/>
    <x v="5"/>
    <s v="Office Star - Professional Matrix Back Chair with 2-to-1 Synchro Tilt and Mesh Fabric Seat"/>
    <n v="701.96"/>
    <n v="2"/>
    <n v="168.47"/>
  </r>
  <r>
    <d v="2017-12-02T00:00:00"/>
    <x v="11"/>
    <x v="3"/>
    <x v="132"/>
    <x v="0"/>
    <x v="0"/>
    <x v="4"/>
    <s v="Manco Dry-Lighter Erasable Highlighter"/>
    <n v="12.16"/>
    <n v="5"/>
    <n v="2.13"/>
  </r>
  <r>
    <d v="2017-12-02T00:00:00"/>
    <x v="11"/>
    <x v="3"/>
    <x v="497"/>
    <x v="25"/>
    <x v="0"/>
    <x v="4"/>
    <s v="Sanford 52201 APSCO Electric Pencil Sharpener"/>
    <n v="32.78"/>
    <n v="1"/>
    <n v="2.46"/>
  </r>
  <r>
    <d v="2017-12-02T00:00:00"/>
    <x v="11"/>
    <x v="3"/>
    <x v="544"/>
    <x v="26"/>
    <x v="0"/>
    <x v="2"/>
    <s v="Letter Size Cart"/>
    <n v="114.29"/>
    <n v="1"/>
    <n v="12.86"/>
  </r>
  <r>
    <d v="2017-12-02T00:00:00"/>
    <x v="11"/>
    <x v="3"/>
    <x v="544"/>
    <x v="26"/>
    <x v="0"/>
    <x v="3"/>
    <s v="Aluminum Screw Posts"/>
    <n v="36.619999999999997"/>
    <n v="8"/>
    <n v="-24.42"/>
  </r>
  <r>
    <d v="2017-12-02T00:00:00"/>
    <x v="11"/>
    <x v="3"/>
    <x v="544"/>
    <x v="26"/>
    <x v="1"/>
    <x v="11"/>
    <s v="Hon 4-Shelf Metal Bookcases"/>
    <n v="242.35"/>
    <n v="8"/>
    <n v="-363.53"/>
  </r>
  <r>
    <d v="2017-12-02T00:00:00"/>
    <x v="11"/>
    <x v="3"/>
    <x v="544"/>
    <x v="26"/>
    <x v="2"/>
    <x v="6"/>
    <s v="Seidio BD2-HK3IPH5-BK DILEX Case and Holster Combo for Apple iPhone 5/5s - Black"/>
    <n v="49.62"/>
    <n v="2"/>
    <n v="4.96"/>
  </r>
  <r>
    <d v="2017-12-02T00:00:00"/>
    <x v="11"/>
    <x v="3"/>
    <x v="544"/>
    <x v="26"/>
    <x v="1"/>
    <x v="8"/>
    <s v="Tenex 46&quot; x 60&quot; Computer Anti-Static Chairmat, Rectangular Shaped"/>
    <n v="508.7"/>
    <n v="6"/>
    <n v="0"/>
  </r>
  <r>
    <d v="2017-12-02T00:00:00"/>
    <x v="11"/>
    <x v="3"/>
    <x v="544"/>
    <x v="26"/>
    <x v="2"/>
    <x v="6"/>
    <s v="Macally Suction Cup Mount"/>
    <n v="57.36"/>
    <n v="6"/>
    <n v="-14.34"/>
  </r>
  <r>
    <d v="2017-12-02T00:00:00"/>
    <x v="11"/>
    <x v="3"/>
    <x v="544"/>
    <x v="26"/>
    <x v="1"/>
    <x v="5"/>
    <s v="Hon GuestStacker Chair"/>
    <n v="906.68"/>
    <n v="5"/>
    <n v="68"/>
  </r>
  <r>
    <d v="2017-12-02T00:00:00"/>
    <x v="11"/>
    <x v="3"/>
    <x v="743"/>
    <x v="12"/>
    <x v="0"/>
    <x v="3"/>
    <s v="Vinyl Sectional Post Binders"/>
    <n v="67.86"/>
    <n v="6"/>
    <n v="-45.24"/>
  </r>
  <r>
    <d v="2017-12-02T00:00:00"/>
    <x v="11"/>
    <x v="3"/>
    <x v="442"/>
    <x v="10"/>
    <x v="0"/>
    <x v="4"/>
    <s v="Rogers Handheld Barrel Pencil Sharpener"/>
    <n v="19.73"/>
    <n v="9"/>
    <n v="1.73"/>
  </r>
  <r>
    <d v="2017-12-02T00:00:00"/>
    <x v="11"/>
    <x v="3"/>
    <x v="442"/>
    <x v="10"/>
    <x v="2"/>
    <x v="6"/>
    <s v="AT&amp;T CL2909"/>
    <n v="151.19"/>
    <n v="2"/>
    <n v="-25.2"/>
  </r>
  <r>
    <d v="2017-12-02T00:00:00"/>
    <x v="11"/>
    <x v="3"/>
    <x v="111"/>
    <x v="32"/>
    <x v="0"/>
    <x v="12"/>
    <s v="Belkin 8 Outlet Surge Protector"/>
    <n v="286.86"/>
    <n v="7"/>
    <n v="80.319999999999993"/>
  </r>
  <r>
    <d v="2017-12-02T00:00:00"/>
    <x v="11"/>
    <x v="3"/>
    <x v="111"/>
    <x v="32"/>
    <x v="2"/>
    <x v="6"/>
    <s v="GE 30524EE4"/>
    <n v="979.95"/>
    <n v="5"/>
    <n v="284.19"/>
  </r>
  <r>
    <d v="2017-12-02T00:00:00"/>
    <x v="11"/>
    <x v="3"/>
    <x v="111"/>
    <x v="32"/>
    <x v="0"/>
    <x v="14"/>
    <s v="Staple remover"/>
    <n v="4.3600000000000003"/>
    <n v="2"/>
    <n v="0.17"/>
  </r>
  <r>
    <d v="2017-12-03T00:00:00"/>
    <x v="11"/>
    <x v="3"/>
    <x v="787"/>
    <x v="20"/>
    <x v="0"/>
    <x v="3"/>
    <s v="GBC Premium Transparent Covers with Diagonal Lined Pattern"/>
    <n v="83.92"/>
    <n v="5"/>
    <n v="29.37"/>
  </r>
  <r>
    <d v="2017-12-03T00:00:00"/>
    <x v="11"/>
    <x v="3"/>
    <x v="787"/>
    <x v="20"/>
    <x v="0"/>
    <x v="3"/>
    <s v="SpineVue Locking Slant-D Ring Binders by Cardinal"/>
    <n v="14.62"/>
    <n v="2"/>
    <n v="5.12"/>
  </r>
  <r>
    <d v="2017-12-03T00:00:00"/>
    <x v="11"/>
    <x v="3"/>
    <x v="787"/>
    <x v="20"/>
    <x v="2"/>
    <x v="6"/>
    <s v="AT&amp;T 1080 Corded phone"/>
    <n v="136.99"/>
    <n v="1"/>
    <n v="36.99"/>
  </r>
  <r>
    <d v="2017-12-03T00:00:00"/>
    <x v="11"/>
    <x v="3"/>
    <x v="787"/>
    <x v="20"/>
    <x v="0"/>
    <x v="1"/>
    <s v="Avery 520"/>
    <n v="3.15"/>
    <n v="1"/>
    <n v="1.51"/>
  </r>
  <r>
    <d v="2017-12-03T00:00:00"/>
    <x v="11"/>
    <x v="3"/>
    <x v="460"/>
    <x v="3"/>
    <x v="0"/>
    <x v="0"/>
    <s v="Xerox 1888"/>
    <n v="166.44"/>
    <n v="3"/>
    <n v="79.89"/>
  </r>
  <r>
    <d v="2017-12-03T00:00:00"/>
    <x v="11"/>
    <x v="3"/>
    <x v="11"/>
    <x v="16"/>
    <x v="2"/>
    <x v="9"/>
    <s v="Kensington Orbit Wireless Mobile Trackball for PC and Mac"/>
    <n v="47.99"/>
    <n v="1"/>
    <n v="7.2"/>
  </r>
  <r>
    <d v="2017-12-03T00:00:00"/>
    <x v="11"/>
    <x v="3"/>
    <x v="550"/>
    <x v="25"/>
    <x v="0"/>
    <x v="12"/>
    <s v="Belkin F9H710-06 7 Outlet SurgeMaster Surge Protector"/>
    <n v="45.22"/>
    <n v="3"/>
    <n v="4.5199999999999996"/>
  </r>
  <r>
    <d v="2017-12-03T00:00:00"/>
    <x v="11"/>
    <x v="3"/>
    <x v="550"/>
    <x v="25"/>
    <x v="0"/>
    <x v="3"/>
    <s v="GBC Pre-Punched Binding Paper, Plastic, White, 8-1/2&quot; x 11&quot;"/>
    <n v="28.78"/>
    <n v="6"/>
    <n v="-21.11"/>
  </r>
  <r>
    <d v="2017-12-03T00:00:00"/>
    <x v="11"/>
    <x v="3"/>
    <x v="550"/>
    <x v="25"/>
    <x v="0"/>
    <x v="0"/>
    <s v="Rediform Wirebound &quot;Phone Memo&quot; Message Book, 11 x 5-3/4"/>
    <n v="24.45"/>
    <n v="4"/>
    <n v="8.86"/>
  </r>
  <r>
    <d v="2017-12-03T00:00:00"/>
    <x v="11"/>
    <x v="3"/>
    <x v="619"/>
    <x v="22"/>
    <x v="1"/>
    <x v="13"/>
    <s v="Bevis Oval Conference Table, Walnut"/>
    <n v="521.96"/>
    <n v="2"/>
    <n v="88.73"/>
  </r>
  <r>
    <d v="2017-12-03T00:00:00"/>
    <x v="11"/>
    <x v="3"/>
    <x v="20"/>
    <x v="0"/>
    <x v="1"/>
    <x v="8"/>
    <s v="Tensor Brushed Steel Torchiere Floor Lamp"/>
    <n v="13.59"/>
    <n v="2"/>
    <n v="-14.27"/>
  </r>
  <r>
    <d v="2017-12-03T00:00:00"/>
    <x v="11"/>
    <x v="3"/>
    <x v="786"/>
    <x v="0"/>
    <x v="0"/>
    <x v="0"/>
    <s v="Xerox 1998"/>
    <n v="10.37"/>
    <n v="2"/>
    <n v="3.63"/>
  </r>
  <r>
    <d v="2017-12-03T00:00:00"/>
    <x v="11"/>
    <x v="3"/>
    <x v="641"/>
    <x v="26"/>
    <x v="0"/>
    <x v="4"/>
    <s v="Newell 344"/>
    <n v="13.34"/>
    <n v="6"/>
    <n v="1"/>
  </r>
  <r>
    <d v="2017-12-03T00:00:00"/>
    <x v="11"/>
    <x v="3"/>
    <x v="641"/>
    <x v="26"/>
    <x v="2"/>
    <x v="9"/>
    <s v="Memorex Micro Travel Drive 16 GB"/>
    <n v="76.75"/>
    <n v="6"/>
    <n v="10.55"/>
  </r>
  <r>
    <d v="2017-12-03T00:00:00"/>
    <x v="11"/>
    <x v="3"/>
    <x v="641"/>
    <x v="26"/>
    <x v="2"/>
    <x v="9"/>
    <s v="Memorex Micro Travel Drive 16 GB"/>
    <n v="102.34"/>
    <n v="8"/>
    <n v="14.07"/>
  </r>
  <r>
    <d v="2017-12-03T00:00:00"/>
    <x v="11"/>
    <x v="3"/>
    <x v="641"/>
    <x v="26"/>
    <x v="0"/>
    <x v="0"/>
    <s v="Wirebound Four 2-3/4 x 5 Forms per Page, 400 Sets per Book"/>
    <n v="10.32"/>
    <n v="2"/>
    <n v="3.74"/>
  </r>
  <r>
    <d v="2017-12-03T00:00:00"/>
    <x v="11"/>
    <x v="3"/>
    <x v="641"/>
    <x v="26"/>
    <x v="0"/>
    <x v="14"/>
    <s v="Elite 5&quot; Scissors"/>
    <n v="47.32"/>
    <n v="7"/>
    <n v="5.92"/>
  </r>
  <r>
    <d v="2017-12-03T00:00:00"/>
    <x v="11"/>
    <x v="3"/>
    <x v="641"/>
    <x v="26"/>
    <x v="1"/>
    <x v="8"/>
    <s v="Staple-based wall hangings"/>
    <n v="23.38"/>
    <n v="3"/>
    <n v="7.01"/>
  </r>
  <r>
    <d v="2017-12-03T00:00:00"/>
    <x v="11"/>
    <x v="3"/>
    <x v="641"/>
    <x v="26"/>
    <x v="1"/>
    <x v="8"/>
    <s v="Eldon Image Series Desk Accessories, Burgundy"/>
    <n v="16.72"/>
    <n v="5"/>
    <n v="3.34"/>
  </r>
  <r>
    <d v="2017-12-03T00:00:00"/>
    <x v="11"/>
    <x v="3"/>
    <x v="641"/>
    <x v="26"/>
    <x v="1"/>
    <x v="8"/>
    <s v="DAX Two-Tone Silver Metal Document Frame"/>
    <n v="16.190000000000001"/>
    <n v="1"/>
    <n v="4.66"/>
  </r>
  <r>
    <d v="2017-12-04T00:00:00"/>
    <x v="11"/>
    <x v="3"/>
    <x v="773"/>
    <x v="2"/>
    <x v="0"/>
    <x v="3"/>
    <s v="Storex Dura Pro Binders"/>
    <n v="5.35"/>
    <n v="3"/>
    <n v="-4.46"/>
  </r>
  <r>
    <d v="2017-12-04T00:00:00"/>
    <x v="11"/>
    <x v="3"/>
    <x v="762"/>
    <x v="2"/>
    <x v="1"/>
    <x v="5"/>
    <s v="Safco Chair Connectors, 6/Carton"/>
    <n v="188.55"/>
    <n v="7"/>
    <n v="-2.69"/>
  </r>
  <r>
    <d v="2017-12-04T00:00:00"/>
    <x v="11"/>
    <x v="3"/>
    <x v="279"/>
    <x v="2"/>
    <x v="1"/>
    <x v="5"/>
    <s v="Global Chrome Stack Chair"/>
    <n v="239.96"/>
    <n v="10"/>
    <n v="-10.28"/>
  </r>
  <r>
    <d v="2017-12-04T00:00:00"/>
    <x v="11"/>
    <x v="3"/>
    <x v="279"/>
    <x v="2"/>
    <x v="1"/>
    <x v="8"/>
    <s v="Hand-Finished Solid Wood Document Frame"/>
    <n v="54.77"/>
    <n v="2"/>
    <n v="6.85"/>
  </r>
  <r>
    <d v="2017-12-04T00:00:00"/>
    <x v="11"/>
    <x v="3"/>
    <x v="279"/>
    <x v="2"/>
    <x v="0"/>
    <x v="4"/>
    <s v="DIXON Ticonderoga Erasable Checking Pencils"/>
    <n v="13.39"/>
    <n v="3"/>
    <n v="3.18"/>
  </r>
  <r>
    <d v="2017-12-04T00:00:00"/>
    <x v="11"/>
    <x v="3"/>
    <x v="279"/>
    <x v="2"/>
    <x v="0"/>
    <x v="0"/>
    <s v="Xerox 1956"/>
    <n v="23.92"/>
    <n v="5"/>
    <n v="8.67"/>
  </r>
  <r>
    <d v="2017-12-04T00:00:00"/>
    <x v="11"/>
    <x v="3"/>
    <x v="279"/>
    <x v="2"/>
    <x v="2"/>
    <x v="9"/>
    <s v="Logitech G13 Programmable Gameboard with LCD Display"/>
    <n v="255.97"/>
    <n v="4"/>
    <n v="-28.8"/>
  </r>
  <r>
    <d v="2017-12-04T00:00:00"/>
    <x v="11"/>
    <x v="3"/>
    <x v="710"/>
    <x v="1"/>
    <x v="0"/>
    <x v="2"/>
    <s v="Advantus Rolling Drawer Organizers"/>
    <n v="61.57"/>
    <n v="2"/>
    <n v="4.62"/>
  </r>
  <r>
    <d v="2017-12-04T00:00:00"/>
    <x v="11"/>
    <x v="3"/>
    <x v="633"/>
    <x v="28"/>
    <x v="0"/>
    <x v="4"/>
    <s v="Newell 310"/>
    <n v="8.8000000000000007"/>
    <n v="5"/>
    <n v="2.5499999999999998"/>
  </r>
  <r>
    <d v="2017-12-04T00:00:00"/>
    <x v="11"/>
    <x v="3"/>
    <x v="633"/>
    <x v="28"/>
    <x v="2"/>
    <x v="9"/>
    <s v="First Data TMFD35 PIN Pad"/>
    <n v="142.80000000000001"/>
    <n v="1"/>
    <n v="29.99"/>
  </r>
  <r>
    <d v="2017-12-04T00:00:00"/>
    <x v="11"/>
    <x v="3"/>
    <x v="633"/>
    <x v="28"/>
    <x v="2"/>
    <x v="9"/>
    <s v="Logitech G430 Surround Sound Gaming Headset with Dolby 7.1 Technology"/>
    <n v="399.95"/>
    <n v="5"/>
    <n v="143.97999999999999"/>
  </r>
  <r>
    <d v="2017-12-04T00:00:00"/>
    <x v="11"/>
    <x v="3"/>
    <x v="336"/>
    <x v="15"/>
    <x v="2"/>
    <x v="15"/>
    <s v="Okidata C610n Printer"/>
    <n v="649"/>
    <n v="2"/>
    <n v="-272.58"/>
  </r>
  <r>
    <d v="2017-12-04T00:00:00"/>
    <x v="11"/>
    <x v="3"/>
    <x v="374"/>
    <x v="10"/>
    <x v="0"/>
    <x v="0"/>
    <s v="IBM Multi-Purpose Copy Paper, 8 1/2 x 11&quot;, Case"/>
    <n v="74.349999999999994"/>
    <n v="3"/>
    <n v="23.24"/>
  </r>
  <r>
    <d v="2017-12-04T00:00:00"/>
    <x v="11"/>
    <x v="3"/>
    <x v="10"/>
    <x v="3"/>
    <x v="0"/>
    <x v="0"/>
    <s v="Adams Telephone Message Book W/Dividers/Space For Phone Numbers, 5 1/4&quot;X8 1/2&quot;, 300/Messages"/>
    <n v="11.76"/>
    <n v="2"/>
    <n v="5.76"/>
  </r>
  <r>
    <d v="2017-12-04T00:00:00"/>
    <x v="11"/>
    <x v="3"/>
    <x v="712"/>
    <x v="23"/>
    <x v="1"/>
    <x v="8"/>
    <s v="Tensor &quot;Hersey Kiss&quot; Styled Floor Lamp"/>
    <n v="12.99"/>
    <n v="1"/>
    <n v="1.56"/>
  </r>
  <r>
    <d v="2017-12-04T00:00:00"/>
    <x v="11"/>
    <x v="3"/>
    <x v="712"/>
    <x v="23"/>
    <x v="1"/>
    <x v="5"/>
    <s v="Global Value Steno Chair, Gray"/>
    <n v="182.22"/>
    <n v="3"/>
    <n v="45.56"/>
  </r>
  <r>
    <d v="2017-12-04T00:00:00"/>
    <x v="11"/>
    <x v="3"/>
    <x v="712"/>
    <x v="23"/>
    <x v="1"/>
    <x v="5"/>
    <s v="Global Low Back Tilter Chair"/>
    <n v="302.94"/>
    <n v="3"/>
    <n v="18.18"/>
  </r>
  <r>
    <d v="2017-12-04T00:00:00"/>
    <x v="11"/>
    <x v="3"/>
    <x v="124"/>
    <x v="2"/>
    <x v="1"/>
    <x v="8"/>
    <s v="C-Line Cubicle Keepers Polyproplyene Holder With Velcro Backings"/>
    <n v="11.35"/>
    <n v="3"/>
    <n v="2.7"/>
  </r>
  <r>
    <d v="2017-12-05T00:00:00"/>
    <x v="11"/>
    <x v="3"/>
    <x v="751"/>
    <x v="18"/>
    <x v="0"/>
    <x v="12"/>
    <s v="Kensington 6 Outlet Guardian Standard Surge Protector"/>
    <n v="61.44"/>
    <n v="3"/>
    <n v="16.59"/>
  </r>
  <r>
    <d v="2017-12-05T00:00:00"/>
    <x v="11"/>
    <x v="3"/>
    <x v="751"/>
    <x v="18"/>
    <x v="0"/>
    <x v="0"/>
    <s v="Southworth 100% RÃ©sumÃ© Paper, 24lb."/>
    <n v="38.9"/>
    <n v="5"/>
    <n v="17.510000000000002"/>
  </r>
  <r>
    <d v="2017-12-05T00:00:00"/>
    <x v="11"/>
    <x v="3"/>
    <x v="751"/>
    <x v="18"/>
    <x v="2"/>
    <x v="9"/>
    <s v="ImationÂ 16GB Mini TravelDrive USB 2.0Â Flash Drive"/>
    <n v="99.39"/>
    <n v="3"/>
    <n v="40.75"/>
  </r>
  <r>
    <d v="2017-12-05T00:00:00"/>
    <x v="11"/>
    <x v="3"/>
    <x v="201"/>
    <x v="3"/>
    <x v="0"/>
    <x v="0"/>
    <s v="Xerox 1960"/>
    <n v="92.94"/>
    <n v="3"/>
    <n v="41.82"/>
  </r>
  <r>
    <d v="2017-12-05T00:00:00"/>
    <x v="11"/>
    <x v="3"/>
    <x v="87"/>
    <x v="45"/>
    <x v="2"/>
    <x v="9"/>
    <s v="Logitech ClearChat Comfort/USB Headset H390"/>
    <n v="205.03"/>
    <n v="7"/>
    <n v="67.66"/>
  </r>
  <r>
    <d v="2017-12-05T00:00:00"/>
    <x v="11"/>
    <x v="3"/>
    <x v="436"/>
    <x v="20"/>
    <x v="1"/>
    <x v="8"/>
    <s v="Eldon Expressions Wood and Plastic Desk Accessories, Cherry Wood"/>
    <n v="20.94"/>
    <n v="3"/>
    <n v="6.07"/>
  </r>
  <r>
    <d v="2017-12-05T00:00:00"/>
    <x v="11"/>
    <x v="3"/>
    <x v="436"/>
    <x v="20"/>
    <x v="1"/>
    <x v="8"/>
    <s v="Seth Thomas 14&quot; Putty-Colored Wall Clock"/>
    <n v="58.68"/>
    <n v="2"/>
    <n v="18.190000000000001"/>
  </r>
  <r>
    <d v="2017-12-05T00:00:00"/>
    <x v="11"/>
    <x v="3"/>
    <x v="436"/>
    <x v="20"/>
    <x v="0"/>
    <x v="12"/>
    <s v="Eureka The Boss Cordless Rechargeable Stick Vac"/>
    <n v="254.9"/>
    <n v="5"/>
    <n v="68.819999999999993"/>
  </r>
  <r>
    <d v="2017-12-05T00:00:00"/>
    <x v="11"/>
    <x v="3"/>
    <x v="513"/>
    <x v="22"/>
    <x v="0"/>
    <x v="3"/>
    <s v="GBC Wire Binding Combs"/>
    <n v="24.82"/>
    <n v="3"/>
    <n v="8.3800000000000008"/>
  </r>
  <r>
    <d v="2017-12-05T00:00:00"/>
    <x v="11"/>
    <x v="3"/>
    <x v="513"/>
    <x v="22"/>
    <x v="0"/>
    <x v="3"/>
    <s v="Zipper Ring Binder Pockets"/>
    <n v="14.98"/>
    <n v="6"/>
    <n v="5.43"/>
  </r>
  <r>
    <d v="2017-12-05T00:00:00"/>
    <x v="11"/>
    <x v="3"/>
    <x v="246"/>
    <x v="20"/>
    <x v="1"/>
    <x v="8"/>
    <s v="Magnifier Swing Arm Lamp"/>
    <n v="41.96"/>
    <n v="2"/>
    <n v="10.91"/>
  </r>
  <r>
    <d v="2017-12-05T00:00:00"/>
    <x v="11"/>
    <x v="3"/>
    <x v="246"/>
    <x v="20"/>
    <x v="0"/>
    <x v="1"/>
    <s v="Self-Adhesive Removable Labels"/>
    <n v="9.4499999999999993"/>
    <n v="3"/>
    <n v="4.54"/>
  </r>
  <r>
    <d v="2017-12-05T00:00:00"/>
    <x v="11"/>
    <x v="3"/>
    <x v="715"/>
    <x v="22"/>
    <x v="0"/>
    <x v="3"/>
    <s v="GBC Premium Transparent Covers with Diagonal Lined Pattern"/>
    <n v="83.92"/>
    <n v="5"/>
    <n v="29.37"/>
  </r>
  <r>
    <d v="2017-12-05T00:00:00"/>
    <x v="11"/>
    <x v="3"/>
    <x v="715"/>
    <x v="22"/>
    <x v="1"/>
    <x v="8"/>
    <s v="Eldon Radial Chair Mat for Low to Medium Pile Carpets"/>
    <n v="199.9"/>
    <n v="5"/>
    <n v="39.979999999999997"/>
  </r>
  <r>
    <d v="2017-12-05T00:00:00"/>
    <x v="11"/>
    <x v="3"/>
    <x v="715"/>
    <x v="22"/>
    <x v="2"/>
    <x v="6"/>
    <s v="Cyber Acoustics AC-202b Speech Recognition Stereo Headset"/>
    <n v="31.18"/>
    <n v="3"/>
    <n v="-7.01"/>
  </r>
  <r>
    <d v="2017-12-05T00:00:00"/>
    <x v="11"/>
    <x v="3"/>
    <x v="715"/>
    <x v="22"/>
    <x v="0"/>
    <x v="3"/>
    <s v="GBC VeloBinder Manual Binding System"/>
    <n v="172.75"/>
    <n v="6"/>
    <n v="60.46"/>
  </r>
  <r>
    <d v="2017-12-05T00:00:00"/>
    <x v="11"/>
    <x v="3"/>
    <x v="715"/>
    <x v="22"/>
    <x v="0"/>
    <x v="3"/>
    <s v="Fellowes Black Plastic Comb Bindings"/>
    <n v="9.3000000000000007"/>
    <n v="2"/>
    <n v="3.02"/>
  </r>
  <r>
    <d v="2017-12-05T00:00:00"/>
    <x v="11"/>
    <x v="3"/>
    <x v="540"/>
    <x v="20"/>
    <x v="0"/>
    <x v="0"/>
    <s v="Telephone Message Books with Fax/Mobile Section, 4 1/4&quot; x 6&quot;"/>
    <n v="21.6"/>
    <n v="6"/>
    <n v="9.94"/>
  </r>
  <r>
    <d v="2017-12-05T00:00:00"/>
    <x v="11"/>
    <x v="3"/>
    <x v="540"/>
    <x v="20"/>
    <x v="0"/>
    <x v="1"/>
    <s v="Avery 52"/>
    <n v="11.07"/>
    <n v="3"/>
    <n v="5.2"/>
  </r>
  <r>
    <d v="2017-12-06T00:00:00"/>
    <x v="11"/>
    <x v="3"/>
    <x v="396"/>
    <x v="3"/>
    <x v="0"/>
    <x v="2"/>
    <s v="Staple magnet"/>
    <n v="10.68"/>
    <n v="1"/>
    <n v="2.88"/>
  </r>
  <r>
    <d v="2017-12-07T00:00:00"/>
    <x v="11"/>
    <x v="3"/>
    <x v="558"/>
    <x v="3"/>
    <x v="2"/>
    <x v="6"/>
    <s v="Cisco SPA301"/>
    <n v="374.38"/>
    <n v="3"/>
    <n v="46.8"/>
  </r>
  <r>
    <d v="2017-12-07T00:00:00"/>
    <x v="11"/>
    <x v="3"/>
    <x v="171"/>
    <x v="0"/>
    <x v="0"/>
    <x v="7"/>
    <s v="Binder Clips by OIC"/>
    <n v="3.55"/>
    <n v="3"/>
    <n v="1.24"/>
  </r>
  <r>
    <d v="2017-12-07T00:00:00"/>
    <x v="11"/>
    <x v="3"/>
    <x v="171"/>
    <x v="0"/>
    <x v="0"/>
    <x v="0"/>
    <s v="Xerox 1995"/>
    <n v="15.55"/>
    <n v="3"/>
    <n v="5.44"/>
  </r>
  <r>
    <d v="2017-12-07T00:00:00"/>
    <x v="11"/>
    <x v="3"/>
    <x v="489"/>
    <x v="10"/>
    <x v="2"/>
    <x v="9"/>
    <s v="Logitech G602 Wireless Gaming Mouse"/>
    <n v="127.98"/>
    <n v="2"/>
    <n v="25.6"/>
  </r>
  <r>
    <d v="2017-12-07T00:00:00"/>
    <x v="11"/>
    <x v="3"/>
    <x v="587"/>
    <x v="6"/>
    <x v="1"/>
    <x v="8"/>
    <s v="DAX Wood Document Frame."/>
    <n v="82.38"/>
    <n v="6"/>
    <n v="25.54"/>
  </r>
  <r>
    <d v="2017-12-07T00:00:00"/>
    <x v="11"/>
    <x v="3"/>
    <x v="418"/>
    <x v="1"/>
    <x v="0"/>
    <x v="3"/>
    <s v="Ibico EPK-21 Electric Binding System"/>
    <n v="1889.99"/>
    <n v="5"/>
    <n v="-2929.48"/>
  </r>
  <r>
    <d v="2017-12-07T00:00:00"/>
    <x v="11"/>
    <x v="3"/>
    <x v="248"/>
    <x v="29"/>
    <x v="0"/>
    <x v="12"/>
    <s v="Eureka The Boss Lite 10-Amp Upright Vacuum, Blue"/>
    <n v="320.64"/>
    <n v="4"/>
    <n v="89.78"/>
  </r>
  <r>
    <d v="2017-12-07T00:00:00"/>
    <x v="11"/>
    <x v="3"/>
    <x v="248"/>
    <x v="29"/>
    <x v="2"/>
    <x v="9"/>
    <s v="Memorex Micro Travel Drive 8 GB"/>
    <n v="52"/>
    <n v="4"/>
    <n v="23.4"/>
  </r>
  <r>
    <d v="2017-12-07T00:00:00"/>
    <x v="11"/>
    <x v="3"/>
    <x v="492"/>
    <x v="3"/>
    <x v="0"/>
    <x v="0"/>
    <s v="REDIFORM Incoming/Outgoing Call Register, 11&quot; X 8 1/2&quot;, 100 Messages"/>
    <n v="50.04"/>
    <n v="6"/>
    <n v="25.02"/>
  </r>
  <r>
    <d v="2017-12-08T00:00:00"/>
    <x v="11"/>
    <x v="3"/>
    <x v="348"/>
    <x v="3"/>
    <x v="2"/>
    <x v="9"/>
    <s v="Sony 64GB Class 10 Micro SDHC R40 Memory Card"/>
    <n v="179.95"/>
    <n v="5"/>
    <n v="37.79"/>
  </r>
  <r>
    <d v="2017-12-08T00:00:00"/>
    <x v="11"/>
    <x v="3"/>
    <x v="348"/>
    <x v="3"/>
    <x v="2"/>
    <x v="16"/>
    <s v="Sharp AL-1530CS Digital Copier"/>
    <n v="1199.98"/>
    <n v="3"/>
    <n v="434.99"/>
  </r>
  <r>
    <d v="2017-12-08T00:00:00"/>
    <x v="11"/>
    <x v="3"/>
    <x v="348"/>
    <x v="3"/>
    <x v="0"/>
    <x v="0"/>
    <s v="Wirebound Message Book, 4 per Page"/>
    <n v="27.15"/>
    <n v="5"/>
    <n v="13.3"/>
  </r>
  <r>
    <d v="2017-12-08T00:00:00"/>
    <x v="11"/>
    <x v="3"/>
    <x v="348"/>
    <x v="3"/>
    <x v="1"/>
    <x v="13"/>
    <s v="Bevis Round Conference Table Top, X-Base"/>
    <n v="1004.02"/>
    <n v="7"/>
    <n v="-112.95"/>
  </r>
  <r>
    <d v="2017-12-08T00:00:00"/>
    <x v="11"/>
    <x v="3"/>
    <x v="348"/>
    <x v="3"/>
    <x v="0"/>
    <x v="0"/>
    <s v="Wirebound Service Call Books, 5 1/2&quot; x 4&quot;"/>
    <n v="9.68"/>
    <n v="1"/>
    <n v="4.6500000000000004"/>
  </r>
  <r>
    <d v="2017-12-08T00:00:00"/>
    <x v="11"/>
    <x v="3"/>
    <x v="348"/>
    <x v="3"/>
    <x v="0"/>
    <x v="1"/>
    <s v="Self-Adhesive Removable Labels"/>
    <n v="28.35"/>
    <n v="9"/>
    <n v="13.61"/>
  </r>
  <r>
    <d v="2017-12-08T00:00:00"/>
    <x v="11"/>
    <x v="3"/>
    <x v="348"/>
    <x v="3"/>
    <x v="0"/>
    <x v="0"/>
    <s v="Xerox 1908"/>
    <n v="55.98"/>
    <n v="1"/>
    <n v="27.43"/>
  </r>
  <r>
    <d v="2017-12-08T00:00:00"/>
    <x v="11"/>
    <x v="3"/>
    <x v="348"/>
    <x v="3"/>
    <x v="1"/>
    <x v="11"/>
    <s v="O'Sullivan 4-Shelf Bookcase in Odessa Pine"/>
    <n v="1336.83"/>
    <n v="13"/>
    <n v="31.45"/>
  </r>
  <r>
    <d v="2017-12-08T00:00:00"/>
    <x v="11"/>
    <x v="3"/>
    <x v="348"/>
    <x v="3"/>
    <x v="1"/>
    <x v="5"/>
    <s v="Novimex High-Tech Fabric Mesh Task Chair"/>
    <n v="113.57"/>
    <n v="2"/>
    <n v="-18.45"/>
  </r>
  <r>
    <d v="2017-12-08T00:00:00"/>
    <x v="11"/>
    <x v="3"/>
    <x v="16"/>
    <x v="20"/>
    <x v="1"/>
    <x v="8"/>
    <s v="C-Line Cubicle Keepers Polyproplyene Holder w/Velcro Back, 8-1/2x11, 25/Bx"/>
    <n v="109.48"/>
    <n v="2"/>
    <n v="33.94"/>
  </r>
  <r>
    <d v="2017-12-08T00:00:00"/>
    <x v="11"/>
    <x v="3"/>
    <x v="16"/>
    <x v="20"/>
    <x v="0"/>
    <x v="2"/>
    <s v="Safco Industrial Wire Shelving System"/>
    <n v="272.94"/>
    <n v="3"/>
    <n v="0"/>
  </r>
  <r>
    <d v="2017-12-08T00:00:00"/>
    <x v="11"/>
    <x v="3"/>
    <x v="16"/>
    <x v="20"/>
    <x v="0"/>
    <x v="0"/>
    <s v="Xerox 1996"/>
    <n v="19.440000000000001"/>
    <n v="3"/>
    <n v="9.33"/>
  </r>
  <r>
    <d v="2017-12-08T00:00:00"/>
    <x v="11"/>
    <x v="3"/>
    <x v="16"/>
    <x v="20"/>
    <x v="0"/>
    <x v="2"/>
    <s v="Iris Project Case"/>
    <n v="31.92"/>
    <n v="4"/>
    <n v="8.3000000000000007"/>
  </r>
  <r>
    <d v="2017-12-08T00:00:00"/>
    <x v="11"/>
    <x v="3"/>
    <x v="321"/>
    <x v="3"/>
    <x v="0"/>
    <x v="2"/>
    <s v="Akro-Mils 12-Gallon Tote"/>
    <n v="29.79"/>
    <n v="3"/>
    <n v="8.64"/>
  </r>
  <r>
    <d v="2017-12-08T00:00:00"/>
    <x v="11"/>
    <x v="3"/>
    <x v="321"/>
    <x v="3"/>
    <x v="1"/>
    <x v="8"/>
    <s v="Tenex Traditional Chairmats for Hard Floors, Average Lip, 36&quot; x 48&quot;"/>
    <n v="128.9"/>
    <n v="2"/>
    <n v="15.47"/>
  </r>
  <r>
    <d v="2017-12-08T00:00:00"/>
    <x v="11"/>
    <x v="3"/>
    <x v="321"/>
    <x v="3"/>
    <x v="0"/>
    <x v="0"/>
    <s v="Xerox 1968"/>
    <n v="60.12"/>
    <n v="9"/>
    <n v="28.86"/>
  </r>
  <r>
    <d v="2017-12-08T00:00:00"/>
    <x v="11"/>
    <x v="3"/>
    <x v="464"/>
    <x v="3"/>
    <x v="0"/>
    <x v="12"/>
    <s v="Belkin 8-Outlet Premiere SurgeMaster II Surge Protectors"/>
    <n v="69.48"/>
    <n v="1"/>
    <n v="20.84"/>
  </r>
  <r>
    <d v="2017-12-08T00:00:00"/>
    <x v="11"/>
    <x v="3"/>
    <x v="491"/>
    <x v="3"/>
    <x v="0"/>
    <x v="0"/>
    <s v="Standard Line Â“While You Were OutÂ” Hardbound Telephone Message Book"/>
    <n v="87.92"/>
    <n v="4"/>
    <n v="40.44"/>
  </r>
  <r>
    <d v="2017-12-08T00:00:00"/>
    <x v="11"/>
    <x v="3"/>
    <x v="491"/>
    <x v="3"/>
    <x v="0"/>
    <x v="3"/>
    <s v="Performers Binder/Pad Holder, Black"/>
    <n v="22.42"/>
    <n v="1"/>
    <n v="8.41"/>
  </r>
  <r>
    <d v="2017-12-08T00:00:00"/>
    <x v="11"/>
    <x v="3"/>
    <x v="491"/>
    <x v="3"/>
    <x v="0"/>
    <x v="3"/>
    <s v="Vinyl Sectional Post Binders"/>
    <n v="90.48"/>
    <n v="3"/>
    <n v="33.93"/>
  </r>
  <r>
    <d v="2017-12-08T00:00:00"/>
    <x v="11"/>
    <x v="3"/>
    <x v="491"/>
    <x v="3"/>
    <x v="0"/>
    <x v="2"/>
    <s v="SAFCO Mobile Desk Side File, Wire Frame"/>
    <n v="42.76"/>
    <n v="1"/>
    <n v="11.12"/>
  </r>
  <r>
    <d v="2017-12-08T00:00:00"/>
    <x v="11"/>
    <x v="3"/>
    <x v="355"/>
    <x v="21"/>
    <x v="2"/>
    <x v="9"/>
    <s v="Logitech G105 Gaming Keyboard"/>
    <n v="178.11"/>
    <n v="3"/>
    <n v="32.06"/>
  </r>
  <r>
    <d v="2017-12-08T00:00:00"/>
    <x v="11"/>
    <x v="3"/>
    <x v="355"/>
    <x v="21"/>
    <x v="0"/>
    <x v="12"/>
    <s v="Hoover WindTunnel Plus Canister Vacuum"/>
    <n v="1089.75"/>
    <n v="3"/>
    <n v="305.13"/>
  </r>
  <r>
    <d v="2017-12-08T00:00:00"/>
    <x v="11"/>
    <x v="3"/>
    <x v="355"/>
    <x v="21"/>
    <x v="0"/>
    <x v="1"/>
    <s v="Avery 4027 File Folder Labels for Dot Matrix Printers, 5000 Labels per Box, White"/>
    <n v="61.06"/>
    <n v="2"/>
    <n v="28.09"/>
  </r>
  <r>
    <d v="2017-12-08T00:00:00"/>
    <x v="11"/>
    <x v="3"/>
    <x v="355"/>
    <x v="21"/>
    <x v="1"/>
    <x v="11"/>
    <s v="Sauder Camden County Collection Libraries, Planked Cherry Finish"/>
    <n v="459.92"/>
    <n v="4"/>
    <n v="41.39"/>
  </r>
  <r>
    <d v="2017-12-08T00:00:00"/>
    <x v="11"/>
    <x v="3"/>
    <x v="355"/>
    <x v="21"/>
    <x v="0"/>
    <x v="0"/>
    <s v="Adams Phone Message Book, 200 Message Capacity, 8 1/16Â” x 11Â”"/>
    <n v="27.52"/>
    <n v="4"/>
    <n v="12.66"/>
  </r>
  <r>
    <d v="2017-12-08T00:00:00"/>
    <x v="11"/>
    <x v="3"/>
    <x v="249"/>
    <x v="43"/>
    <x v="0"/>
    <x v="2"/>
    <s v="Recycled Data-Pak for Archival Bound Computer Printouts, 12-1/2 x 12-1/2 x 16"/>
    <n v="592.74"/>
    <n v="6"/>
    <n v="160.04"/>
  </r>
  <r>
    <d v="2017-12-08T00:00:00"/>
    <x v="11"/>
    <x v="3"/>
    <x v="709"/>
    <x v="2"/>
    <x v="1"/>
    <x v="5"/>
    <s v="Global Deluxe Steno Chair"/>
    <n v="215.54"/>
    <n v="4"/>
    <n v="-58.5"/>
  </r>
  <r>
    <d v="2017-12-08T00:00:00"/>
    <x v="11"/>
    <x v="3"/>
    <x v="655"/>
    <x v="2"/>
    <x v="0"/>
    <x v="4"/>
    <s v="BIC Brite Liner Highlighters"/>
    <n v="13.25"/>
    <n v="4"/>
    <n v="3.64"/>
  </r>
  <r>
    <d v="2017-12-08T00:00:00"/>
    <x v="11"/>
    <x v="3"/>
    <x v="655"/>
    <x v="2"/>
    <x v="2"/>
    <x v="6"/>
    <s v="iHome FM Clock Radio with Lightning Dock"/>
    <n v="83.99"/>
    <n v="2"/>
    <n v="-21"/>
  </r>
  <r>
    <d v="2017-12-09T00:00:00"/>
    <x v="11"/>
    <x v="3"/>
    <x v="590"/>
    <x v="0"/>
    <x v="0"/>
    <x v="3"/>
    <s v="Economy Binders"/>
    <n v="1.25"/>
    <n v="3"/>
    <n v="-1.93"/>
  </r>
  <r>
    <d v="2017-12-09T00:00:00"/>
    <x v="11"/>
    <x v="3"/>
    <x v="590"/>
    <x v="0"/>
    <x v="1"/>
    <x v="8"/>
    <s v="6&quot; Cubicle Wall Clock, Black"/>
    <n v="9.7100000000000009"/>
    <n v="3"/>
    <n v="-5.82"/>
  </r>
  <r>
    <d v="2017-12-09T00:00:00"/>
    <x v="11"/>
    <x v="3"/>
    <x v="590"/>
    <x v="0"/>
    <x v="0"/>
    <x v="2"/>
    <s v="SimpliFile Personal File, Black Granite, 15w x 6-15/16d x 11-1/4h"/>
    <n v="27.24"/>
    <n v="3"/>
    <n v="2.72"/>
  </r>
  <r>
    <d v="2017-12-09T00:00:00"/>
    <x v="11"/>
    <x v="3"/>
    <x v="224"/>
    <x v="3"/>
    <x v="2"/>
    <x v="6"/>
    <s v="Nortel Business Series Terminal T7208 Digital phone"/>
    <n v="444.77"/>
    <n v="4"/>
    <n v="44.48"/>
  </r>
  <r>
    <d v="2017-12-09T00:00:00"/>
    <x v="11"/>
    <x v="3"/>
    <x v="305"/>
    <x v="10"/>
    <x v="0"/>
    <x v="2"/>
    <s v="Safco Commercial Shelving"/>
    <n v="37.21"/>
    <n v="1"/>
    <n v="-7.44"/>
  </r>
  <r>
    <d v="2017-12-09T00:00:00"/>
    <x v="11"/>
    <x v="3"/>
    <x v="305"/>
    <x v="10"/>
    <x v="0"/>
    <x v="10"/>
    <s v="Recycled Interoffice Envelopes with String and Button Closure, 10 x 13"/>
    <n v="57.58"/>
    <n v="3"/>
    <n v="21.59"/>
  </r>
  <r>
    <d v="2017-12-09T00:00:00"/>
    <x v="11"/>
    <x v="3"/>
    <x v="105"/>
    <x v="14"/>
    <x v="1"/>
    <x v="5"/>
    <s v="Global Executive Mid-Back Manager's Chair"/>
    <n v="872.94"/>
    <n v="3"/>
    <n v="226.96"/>
  </r>
  <r>
    <d v="2017-12-09T00:00:00"/>
    <x v="11"/>
    <x v="3"/>
    <x v="105"/>
    <x v="14"/>
    <x v="0"/>
    <x v="3"/>
    <s v="Wilson Jones Century Plastic Molded Ring Binders"/>
    <n v="41.54"/>
    <n v="2"/>
    <n v="19.52"/>
  </r>
  <r>
    <d v="2017-12-09T00:00:00"/>
    <x v="11"/>
    <x v="3"/>
    <x v="105"/>
    <x v="14"/>
    <x v="0"/>
    <x v="0"/>
    <s v="Xerox 1946"/>
    <n v="12.96"/>
    <n v="2"/>
    <n v="6.22"/>
  </r>
  <r>
    <d v="2017-12-09T00:00:00"/>
    <x v="11"/>
    <x v="3"/>
    <x v="221"/>
    <x v="18"/>
    <x v="0"/>
    <x v="0"/>
    <s v="Wirebound Message Books, Four 2 3/4 x 5 White Forms per Page"/>
    <n v="33.450000000000003"/>
    <n v="5"/>
    <n v="15.39"/>
  </r>
  <r>
    <d v="2017-12-09T00:00:00"/>
    <x v="11"/>
    <x v="3"/>
    <x v="221"/>
    <x v="18"/>
    <x v="0"/>
    <x v="3"/>
    <s v="Economy Binders"/>
    <n v="10.4"/>
    <n v="5"/>
    <n v="5.0999999999999996"/>
  </r>
  <r>
    <d v="2017-12-09T00:00:00"/>
    <x v="11"/>
    <x v="3"/>
    <x v="666"/>
    <x v="2"/>
    <x v="0"/>
    <x v="4"/>
    <s v="Crayola Colored Pencils"/>
    <n v="2.62"/>
    <n v="1"/>
    <n v="0.43"/>
  </r>
  <r>
    <d v="2017-12-09T00:00:00"/>
    <x v="11"/>
    <x v="3"/>
    <x v="622"/>
    <x v="14"/>
    <x v="2"/>
    <x v="9"/>
    <s v="Maxell Pro 80 Minute CD-R, 10/Pack"/>
    <n v="104.88"/>
    <n v="6"/>
    <n v="41.95"/>
  </r>
  <r>
    <d v="2017-12-09T00:00:00"/>
    <x v="11"/>
    <x v="3"/>
    <x v="622"/>
    <x v="14"/>
    <x v="0"/>
    <x v="4"/>
    <s v="BIC Liqua Brite Liner"/>
    <n v="34.700000000000003"/>
    <n v="5"/>
    <n v="12.49"/>
  </r>
  <r>
    <d v="2017-12-09T00:00:00"/>
    <x v="11"/>
    <x v="3"/>
    <x v="622"/>
    <x v="14"/>
    <x v="0"/>
    <x v="3"/>
    <s v="Ibico Plastic and Wire Spiral Binding Combs"/>
    <n v="33.72"/>
    <n v="4"/>
    <n v="15.51"/>
  </r>
  <r>
    <d v="2017-12-09T00:00:00"/>
    <x v="11"/>
    <x v="3"/>
    <x v="622"/>
    <x v="14"/>
    <x v="0"/>
    <x v="0"/>
    <s v="Easy-staple paper"/>
    <n v="14.94"/>
    <n v="3"/>
    <n v="7.02"/>
  </r>
  <r>
    <d v="2017-12-09T00:00:00"/>
    <x v="11"/>
    <x v="3"/>
    <x v="475"/>
    <x v="1"/>
    <x v="0"/>
    <x v="0"/>
    <s v="Xerox 1921"/>
    <n v="15.98"/>
    <n v="2"/>
    <n v="5"/>
  </r>
  <r>
    <d v="2017-12-09T00:00:00"/>
    <x v="11"/>
    <x v="3"/>
    <x v="538"/>
    <x v="3"/>
    <x v="0"/>
    <x v="4"/>
    <s v="Newell 314"/>
    <n v="11.16"/>
    <n v="2"/>
    <n v="2.79"/>
  </r>
  <r>
    <d v="2017-12-09T00:00:00"/>
    <x v="11"/>
    <x v="3"/>
    <x v="538"/>
    <x v="3"/>
    <x v="1"/>
    <x v="13"/>
    <s v="Bevis 36 x 72 Conference Tables"/>
    <n v="896.33"/>
    <n v="9"/>
    <n v="22.41"/>
  </r>
  <r>
    <d v="2017-12-09T00:00:00"/>
    <x v="11"/>
    <x v="3"/>
    <x v="538"/>
    <x v="3"/>
    <x v="0"/>
    <x v="12"/>
    <s v="Harmony Air Purifier"/>
    <n v="189"/>
    <n v="1"/>
    <n v="68.040000000000006"/>
  </r>
  <r>
    <d v="2017-12-09T00:00:00"/>
    <x v="11"/>
    <x v="3"/>
    <x v="352"/>
    <x v="1"/>
    <x v="0"/>
    <x v="0"/>
    <s v="Xerox 1884"/>
    <n v="143.86000000000001"/>
    <n v="9"/>
    <n v="48.55"/>
  </r>
  <r>
    <d v="2017-12-09T00:00:00"/>
    <x v="11"/>
    <x v="3"/>
    <x v="317"/>
    <x v="12"/>
    <x v="0"/>
    <x v="0"/>
    <s v="Multicolor Computer Printout Paper"/>
    <n v="419.4"/>
    <n v="5"/>
    <n v="146.79"/>
  </r>
  <r>
    <d v="2017-12-09T00:00:00"/>
    <x v="11"/>
    <x v="3"/>
    <x v="317"/>
    <x v="12"/>
    <x v="0"/>
    <x v="3"/>
    <s v="Acco Recycled 2&quot; Capacity Laser Printer Hanging Data Binders"/>
    <n v="13.01"/>
    <n v="3"/>
    <n v="-9.9700000000000006"/>
  </r>
  <r>
    <d v="2017-12-09T00:00:00"/>
    <x v="11"/>
    <x v="3"/>
    <x v="474"/>
    <x v="3"/>
    <x v="1"/>
    <x v="11"/>
    <s v="O'Sullivan 3-Shelf Heavy-Duty Bookcases"/>
    <n v="148.26"/>
    <n v="3"/>
    <n v="15.7"/>
  </r>
  <r>
    <d v="2017-12-09T00:00:00"/>
    <x v="11"/>
    <x v="3"/>
    <x v="154"/>
    <x v="5"/>
    <x v="0"/>
    <x v="3"/>
    <s v="XtraLife ClearVue Slant-D Ring Binder, White, 3&quot;"/>
    <n v="29.36"/>
    <n v="2"/>
    <n v="13.51"/>
  </r>
  <r>
    <d v="2017-12-09T00:00:00"/>
    <x v="11"/>
    <x v="3"/>
    <x v="154"/>
    <x v="5"/>
    <x v="0"/>
    <x v="12"/>
    <s v="Belkin F9M820V08 8 Outlet Surge"/>
    <n v="214.9"/>
    <n v="5"/>
    <n v="62.32"/>
  </r>
  <r>
    <d v="2017-12-09T00:00:00"/>
    <x v="11"/>
    <x v="3"/>
    <x v="154"/>
    <x v="5"/>
    <x v="0"/>
    <x v="3"/>
    <s v="Avery Durable Slant Ring Binders, No Labels"/>
    <n v="15.92"/>
    <n v="4"/>
    <n v="7.48"/>
  </r>
  <r>
    <d v="2017-12-09T00:00:00"/>
    <x v="11"/>
    <x v="3"/>
    <x v="154"/>
    <x v="5"/>
    <x v="2"/>
    <x v="9"/>
    <s v="Logitech ClearChat Comfort/USB Headset H390"/>
    <n v="146.44999999999999"/>
    <n v="5"/>
    <n v="48.33"/>
  </r>
  <r>
    <d v="2017-12-09T00:00:00"/>
    <x v="11"/>
    <x v="3"/>
    <x v="154"/>
    <x v="5"/>
    <x v="0"/>
    <x v="2"/>
    <s v="Eldon Gobal File Keepers"/>
    <n v="15.14"/>
    <n v="1"/>
    <n v="0.61"/>
  </r>
  <r>
    <d v="2017-12-09T00:00:00"/>
    <x v="11"/>
    <x v="3"/>
    <x v="154"/>
    <x v="5"/>
    <x v="0"/>
    <x v="1"/>
    <s v="Avery 492"/>
    <n v="5.76"/>
    <n v="2"/>
    <n v="2.65"/>
  </r>
  <r>
    <d v="2017-12-09T00:00:00"/>
    <x v="11"/>
    <x v="3"/>
    <x v="154"/>
    <x v="5"/>
    <x v="2"/>
    <x v="16"/>
    <s v="Canon Imageclass D680 Copier / Fax"/>
    <n v="1399.98"/>
    <n v="2"/>
    <n v="629.99"/>
  </r>
  <r>
    <d v="2017-12-09T00:00:00"/>
    <x v="11"/>
    <x v="3"/>
    <x v="310"/>
    <x v="2"/>
    <x v="0"/>
    <x v="3"/>
    <s v="Wilson Jones 1&quot; Hanging DublLock Ring Binders"/>
    <n v="11.09"/>
    <n v="7"/>
    <n v="-8.1300000000000008"/>
  </r>
  <r>
    <d v="2017-12-09T00:00:00"/>
    <x v="11"/>
    <x v="3"/>
    <x v="399"/>
    <x v="14"/>
    <x v="0"/>
    <x v="3"/>
    <s v="GBC Imprintable Covers"/>
    <n v="54.9"/>
    <n v="5"/>
    <n v="26.9"/>
  </r>
  <r>
    <d v="2017-12-10T00:00:00"/>
    <x v="11"/>
    <x v="3"/>
    <x v="624"/>
    <x v="3"/>
    <x v="0"/>
    <x v="3"/>
    <s v="Avery Hole Reinforcements"/>
    <n v="19.940000000000001"/>
    <n v="4"/>
    <n v="7.23"/>
  </r>
  <r>
    <d v="2017-12-10T00:00:00"/>
    <x v="11"/>
    <x v="3"/>
    <x v="624"/>
    <x v="3"/>
    <x v="0"/>
    <x v="3"/>
    <s v="Wilson Jones Ledger-Size, Piano-Hinge Binder, 2&quot;, Blue"/>
    <n v="65.569999999999993"/>
    <n v="2"/>
    <n v="22.95"/>
  </r>
  <r>
    <d v="2017-12-10T00:00:00"/>
    <x v="11"/>
    <x v="3"/>
    <x v="454"/>
    <x v="2"/>
    <x v="2"/>
    <x v="9"/>
    <s v="Memorex Froggy Flash Drive 8 GB"/>
    <n v="14.2"/>
    <n v="1"/>
    <n v="3.37"/>
  </r>
  <r>
    <d v="2017-12-10T00:00:00"/>
    <x v="11"/>
    <x v="3"/>
    <x v="471"/>
    <x v="40"/>
    <x v="0"/>
    <x v="3"/>
    <s v="Ibico Covers for Plastic or Wire Binding Elements"/>
    <n v="34.5"/>
    <n v="3"/>
    <n v="15.53"/>
  </r>
  <r>
    <d v="2017-12-10T00:00:00"/>
    <x v="11"/>
    <x v="3"/>
    <x v="283"/>
    <x v="17"/>
    <x v="1"/>
    <x v="13"/>
    <s v="Bretford Â“Just In TimeÂ” Height-Adjustable Multi-Task Work Tables"/>
    <n v="1669.6"/>
    <n v="4"/>
    <n v="116.87"/>
  </r>
  <r>
    <d v="2017-12-10T00:00:00"/>
    <x v="11"/>
    <x v="3"/>
    <x v="630"/>
    <x v="2"/>
    <x v="0"/>
    <x v="0"/>
    <s v="Xerox 210"/>
    <n v="10.37"/>
    <n v="2"/>
    <n v="3.63"/>
  </r>
  <r>
    <d v="2017-12-10T00:00:00"/>
    <x v="11"/>
    <x v="3"/>
    <x v="630"/>
    <x v="2"/>
    <x v="1"/>
    <x v="8"/>
    <s v="Electrix Halogen Magnifier Lamp"/>
    <n v="310.88"/>
    <n v="2"/>
    <n v="23.32"/>
  </r>
  <r>
    <d v="2017-12-10T00:00:00"/>
    <x v="11"/>
    <x v="3"/>
    <x v="393"/>
    <x v="37"/>
    <x v="0"/>
    <x v="10"/>
    <s v="Convenience Packs of Business Envelopes"/>
    <n v="10.86"/>
    <n v="3"/>
    <n v="5.0999999999999996"/>
  </r>
  <r>
    <d v="2017-12-10T00:00:00"/>
    <x v="11"/>
    <x v="3"/>
    <x v="393"/>
    <x v="37"/>
    <x v="0"/>
    <x v="12"/>
    <s v="Tripp Lite Isotel 6 Outlet Surge Protector with Fax/Modem Protection"/>
    <n v="426.79"/>
    <n v="7"/>
    <n v="123.77"/>
  </r>
  <r>
    <d v="2017-12-10T00:00:00"/>
    <x v="11"/>
    <x v="3"/>
    <x v="542"/>
    <x v="16"/>
    <x v="1"/>
    <x v="8"/>
    <s v="Staple-based wall hangings"/>
    <n v="19.100000000000001"/>
    <n v="3"/>
    <n v="5.73"/>
  </r>
  <r>
    <d v="2017-12-10T00:00:00"/>
    <x v="11"/>
    <x v="3"/>
    <x v="624"/>
    <x v="22"/>
    <x v="2"/>
    <x v="9"/>
    <s v="Logitech Desktop MK120 Mouse and keyboard Combo"/>
    <n v="49.08"/>
    <n v="3"/>
    <n v="4.91"/>
  </r>
  <r>
    <d v="2017-12-10T00:00:00"/>
    <x v="11"/>
    <x v="3"/>
    <x v="624"/>
    <x v="22"/>
    <x v="0"/>
    <x v="2"/>
    <s v="Fellowes Bankers Box Staxonsteel Drawer File/Stacking System"/>
    <n v="324.89999999999998"/>
    <n v="5"/>
    <n v="38.99"/>
  </r>
  <r>
    <d v="2017-12-10T00:00:00"/>
    <x v="11"/>
    <x v="3"/>
    <x v="624"/>
    <x v="22"/>
    <x v="0"/>
    <x v="4"/>
    <s v="Col-Erase Pencils with Erasers"/>
    <n v="18.239999999999998"/>
    <n v="3"/>
    <n v="5.29"/>
  </r>
  <r>
    <d v="2017-12-10T00:00:00"/>
    <x v="11"/>
    <x v="3"/>
    <x v="720"/>
    <x v="29"/>
    <x v="2"/>
    <x v="9"/>
    <s v="Razer Tiamat Over Ear 7.1 Surround Sound PC Gaming Headset"/>
    <n v="599.97"/>
    <n v="3"/>
    <n v="257.99"/>
  </r>
  <r>
    <d v="2017-12-10T00:00:00"/>
    <x v="11"/>
    <x v="3"/>
    <x v="720"/>
    <x v="29"/>
    <x v="2"/>
    <x v="6"/>
    <s v="Cyber Acoustics AC-202b Speech Recognition Stereo Headset"/>
    <n v="38.97"/>
    <n v="3"/>
    <n v="0.78"/>
  </r>
  <r>
    <d v="2017-12-10T00:00:00"/>
    <x v="11"/>
    <x v="3"/>
    <x v="720"/>
    <x v="29"/>
    <x v="0"/>
    <x v="3"/>
    <s v="Avery Metallic Poly Binders"/>
    <n v="45.84"/>
    <n v="8"/>
    <n v="22"/>
  </r>
  <r>
    <d v="2017-12-10T00:00:00"/>
    <x v="11"/>
    <x v="3"/>
    <x v="769"/>
    <x v="3"/>
    <x v="2"/>
    <x v="6"/>
    <s v="Jackery Bar Premium Fast-charging Portable Charger"/>
    <n v="95.84"/>
    <n v="4"/>
    <n v="34.74"/>
  </r>
  <r>
    <d v="2017-12-10T00:00:00"/>
    <x v="11"/>
    <x v="3"/>
    <x v="769"/>
    <x v="3"/>
    <x v="0"/>
    <x v="0"/>
    <s v="Xerox 225"/>
    <n v="12.96"/>
    <n v="2"/>
    <n v="6.22"/>
  </r>
  <r>
    <d v="2017-12-10T00:00:00"/>
    <x v="11"/>
    <x v="3"/>
    <x v="780"/>
    <x v="9"/>
    <x v="1"/>
    <x v="8"/>
    <s v="Eldon Expressions Wood Desk Accessories, Oak"/>
    <n v="14.76"/>
    <n v="2"/>
    <n v="4.28"/>
  </r>
  <r>
    <d v="2017-12-10T00:00:00"/>
    <x v="11"/>
    <x v="3"/>
    <x v="494"/>
    <x v="2"/>
    <x v="0"/>
    <x v="3"/>
    <s v="Heavy-Duty E-Z-D Binders"/>
    <n v="3.27"/>
    <n v="1"/>
    <n v="-2.5099999999999998"/>
  </r>
  <r>
    <d v="2017-12-10T00:00:00"/>
    <x v="11"/>
    <x v="3"/>
    <x v="494"/>
    <x v="2"/>
    <x v="1"/>
    <x v="8"/>
    <s v="Contract Clock, 14&quot;, Brown"/>
    <n v="87.92"/>
    <n v="5"/>
    <n v="15.39"/>
  </r>
  <r>
    <d v="2017-12-11T00:00:00"/>
    <x v="11"/>
    <x v="3"/>
    <x v="30"/>
    <x v="20"/>
    <x v="0"/>
    <x v="3"/>
    <s v="Angle-D Binders with Locking Rings, Label Holders"/>
    <n v="23.36"/>
    <n v="4"/>
    <n v="7.88"/>
  </r>
  <r>
    <d v="2017-12-11T00:00:00"/>
    <x v="11"/>
    <x v="3"/>
    <x v="30"/>
    <x v="20"/>
    <x v="2"/>
    <x v="9"/>
    <s v="LogitechÂ LS21 Speaker System - PC Multimedia - 2.1-CH - Wired"/>
    <n v="39.979999999999997"/>
    <n v="2"/>
    <n v="13.59"/>
  </r>
  <r>
    <d v="2017-12-11T00:00:00"/>
    <x v="11"/>
    <x v="3"/>
    <x v="170"/>
    <x v="2"/>
    <x v="1"/>
    <x v="5"/>
    <s v="Leather Task Chair, Black"/>
    <n v="63.69"/>
    <n v="1"/>
    <n v="-9.1"/>
  </r>
  <r>
    <d v="2017-12-11T00:00:00"/>
    <x v="11"/>
    <x v="3"/>
    <x v="776"/>
    <x v="1"/>
    <x v="0"/>
    <x v="0"/>
    <s v="Xerox 21"/>
    <n v="10.37"/>
    <n v="2"/>
    <n v="3.63"/>
  </r>
  <r>
    <d v="2017-12-11T00:00:00"/>
    <x v="11"/>
    <x v="3"/>
    <x v="776"/>
    <x v="1"/>
    <x v="1"/>
    <x v="8"/>
    <s v="Electrix Halogen Magnifier Lamp"/>
    <n v="77.72"/>
    <n v="1"/>
    <n v="-66.06"/>
  </r>
  <r>
    <d v="2017-12-11T00:00:00"/>
    <x v="11"/>
    <x v="3"/>
    <x v="776"/>
    <x v="1"/>
    <x v="1"/>
    <x v="5"/>
    <s v="GuestStacker Chair with Chrome Finish Legs"/>
    <n v="520.46"/>
    <n v="2"/>
    <n v="-14.87"/>
  </r>
  <r>
    <d v="2017-12-11T00:00:00"/>
    <x v="11"/>
    <x v="3"/>
    <x v="549"/>
    <x v="32"/>
    <x v="2"/>
    <x v="6"/>
    <s v="Plantronics MX500i Earset"/>
    <n v="128.85"/>
    <n v="3"/>
    <n v="3.87"/>
  </r>
  <r>
    <d v="2017-12-11T00:00:00"/>
    <x v="11"/>
    <x v="3"/>
    <x v="756"/>
    <x v="1"/>
    <x v="2"/>
    <x v="9"/>
    <s v="Enermax Briskie RF Wireless Keyboard and Mouse Combo"/>
    <n v="116.31"/>
    <n v="7"/>
    <n v="23.26"/>
  </r>
  <r>
    <d v="2017-12-11T00:00:00"/>
    <x v="11"/>
    <x v="3"/>
    <x v="158"/>
    <x v="20"/>
    <x v="0"/>
    <x v="3"/>
    <s v="Clear Mylar Reinforcing Strips"/>
    <n v="14.95"/>
    <n v="1"/>
    <n v="5.05"/>
  </r>
  <r>
    <d v="2017-12-11T00:00:00"/>
    <x v="11"/>
    <x v="3"/>
    <x v="158"/>
    <x v="20"/>
    <x v="0"/>
    <x v="0"/>
    <s v="Xerox 1895"/>
    <n v="17.940000000000001"/>
    <n v="3"/>
    <n v="8.07"/>
  </r>
  <r>
    <d v="2017-12-11T00:00:00"/>
    <x v="11"/>
    <x v="3"/>
    <x v="158"/>
    <x v="20"/>
    <x v="2"/>
    <x v="6"/>
    <s v="Dexim XPower Skin Super-Thin Power Case for iPhone 5 - Black"/>
    <n v="116.98"/>
    <n v="2"/>
    <n v="29.25"/>
  </r>
  <r>
    <d v="2017-12-11T00:00:00"/>
    <x v="11"/>
    <x v="3"/>
    <x v="380"/>
    <x v="0"/>
    <x v="0"/>
    <x v="12"/>
    <s v="Hoover Commercial Lightweight Upright Vacuum"/>
    <n v="1.39"/>
    <n v="2"/>
    <n v="-3.76"/>
  </r>
  <r>
    <d v="2017-12-11T00:00:00"/>
    <x v="11"/>
    <x v="3"/>
    <x v="762"/>
    <x v="16"/>
    <x v="1"/>
    <x v="13"/>
    <s v="BoxOffice By Design Rectangular and Half-Moon Meeting Room Tables"/>
    <n v="721.88"/>
    <n v="6"/>
    <n v="-420"/>
  </r>
  <r>
    <d v="2017-12-11T00:00:00"/>
    <x v="11"/>
    <x v="3"/>
    <x v="762"/>
    <x v="16"/>
    <x v="2"/>
    <x v="6"/>
    <s v="Motorola HK250 Universal Bluetooth Headset"/>
    <n v="73.569999999999993"/>
    <n v="4"/>
    <n v="-16.55"/>
  </r>
  <r>
    <d v="2017-12-11T00:00:00"/>
    <x v="11"/>
    <x v="3"/>
    <x v="762"/>
    <x v="16"/>
    <x v="0"/>
    <x v="4"/>
    <s v="Stanley Bostitch Contemporary Electric Pencil Sharpeners"/>
    <n v="13.58"/>
    <n v="1"/>
    <n v="1.36"/>
  </r>
  <r>
    <d v="2017-12-11T00:00:00"/>
    <x v="11"/>
    <x v="3"/>
    <x v="762"/>
    <x v="16"/>
    <x v="1"/>
    <x v="5"/>
    <s v="Global Geo Office Task Chair, Gray"/>
    <n v="64.78"/>
    <n v="1"/>
    <n v="-12.15"/>
  </r>
  <r>
    <d v="2017-12-11T00:00:00"/>
    <x v="11"/>
    <x v="3"/>
    <x v="761"/>
    <x v="30"/>
    <x v="0"/>
    <x v="10"/>
    <s v="Pastel Pink Envelopes"/>
    <n v="7.28"/>
    <n v="1"/>
    <n v="3.49"/>
  </r>
  <r>
    <d v="2017-12-11T00:00:00"/>
    <x v="11"/>
    <x v="3"/>
    <x v="761"/>
    <x v="30"/>
    <x v="0"/>
    <x v="3"/>
    <s v="Wilson Jones Easy Flow II Sheet Lifters"/>
    <n v="5.4"/>
    <n v="3"/>
    <n v="2.59"/>
  </r>
  <r>
    <d v="2017-12-11T00:00:00"/>
    <x v="11"/>
    <x v="3"/>
    <x v="555"/>
    <x v="23"/>
    <x v="0"/>
    <x v="7"/>
    <s v="Stockwell Push Pins"/>
    <n v="6.54"/>
    <n v="3"/>
    <n v="2.16"/>
  </r>
  <r>
    <d v="2017-12-11T00:00:00"/>
    <x v="11"/>
    <x v="3"/>
    <x v="77"/>
    <x v="23"/>
    <x v="0"/>
    <x v="3"/>
    <s v="Fellowes Twister Kit, Gray/Clear, 3/pkg"/>
    <n v="40.200000000000003"/>
    <n v="5"/>
    <n v="18.09"/>
  </r>
  <r>
    <d v="2017-12-11T00:00:00"/>
    <x v="11"/>
    <x v="3"/>
    <x v="77"/>
    <x v="23"/>
    <x v="0"/>
    <x v="3"/>
    <s v="Ibico Ibimaster 300 Manual Binding System"/>
    <n v="735.98"/>
    <n v="2"/>
    <n v="331.19"/>
  </r>
  <r>
    <d v="2017-12-11T00:00:00"/>
    <x v="11"/>
    <x v="3"/>
    <x v="77"/>
    <x v="23"/>
    <x v="0"/>
    <x v="12"/>
    <s v="Bravo II Megaboss 12-Amp Hard Body Upright, Replacement Belts, 2 Belts per Pack"/>
    <n v="22.75"/>
    <n v="7"/>
    <n v="6.6"/>
  </r>
  <r>
    <d v="2017-12-13T00:00:00"/>
    <x v="11"/>
    <x v="3"/>
    <x v="363"/>
    <x v="22"/>
    <x v="0"/>
    <x v="2"/>
    <s v="Sterilite Officeware Hinged File Box"/>
    <n v="31.44"/>
    <n v="3"/>
    <n v="8.49"/>
  </r>
  <r>
    <d v="2017-12-13T00:00:00"/>
    <x v="11"/>
    <x v="3"/>
    <x v="244"/>
    <x v="20"/>
    <x v="1"/>
    <x v="11"/>
    <s v="Bush Andora Bookcase, Maple/Graphite Gray Finish"/>
    <n v="287.98"/>
    <n v="3"/>
    <n v="7.2"/>
  </r>
  <r>
    <d v="2017-12-13T00:00:00"/>
    <x v="11"/>
    <x v="3"/>
    <x v="287"/>
    <x v="3"/>
    <x v="0"/>
    <x v="1"/>
    <s v="Avery 49"/>
    <n v="8.64"/>
    <n v="3"/>
    <n v="4.2300000000000004"/>
  </r>
  <r>
    <d v="2017-12-13T00:00:00"/>
    <x v="11"/>
    <x v="3"/>
    <x v="287"/>
    <x v="3"/>
    <x v="0"/>
    <x v="0"/>
    <s v="Xerox 1996"/>
    <n v="38.880000000000003"/>
    <n v="6"/>
    <n v="18.66"/>
  </r>
  <r>
    <d v="2017-12-13T00:00:00"/>
    <x v="11"/>
    <x v="3"/>
    <x v="287"/>
    <x v="3"/>
    <x v="1"/>
    <x v="8"/>
    <s v="Eldon Executive Woodline II Desk Accessories, Mahogany"/>
    <n v="201.04"/>
    <n v="8"/>
    <n v="54.28"/>
  </r>
  <r>
    <d v="2017-12-13T00:00:00"/>
    <x v="11"/>
    <x v="3"/>
    <x v="287"/>
    <x v="3"/>
    <x v="0"/>
    <x v="0"/>
    <s v="Xerox 1975"/>
    <n v="12.96"/>
    <n v="2"/>
    <n v="6.35"/>
  </r>
  <r>
    <d v="2017-12-14T00:00:00"/>
    <x v="11"/>
    <x v="3"/>
    <x v="109"/>
    <x v="3"/>
    <x v="1"/>
    <x v="8"/>
    <s v="Eldon 400 Class Desk Accessories, Black Carbon"/>
    <n v="26.25"/>
    <n v="3"/>
    <n v="11.03"/>
  </r>
  <r>
    <d v="2017-12-14T00:00:00"/>
    <x v="11"/>
    <x v="3"/>
    <x v="109"/>
    <x v="3"/>
    <x v="0"/>
    <x v="3"/>
    <s v="Wilson Jones Clip &amp; Carry Folder Binder Tool for Ring Binders, Clear"/>
    <n v="64.959999999999994"/>
    <n v="14"/>
    <n v="22.74"/>
  </r>
  <r>
    <d v="2017-12-14T00:00:00"/>
    <x v="11"/>
    <x v="3"/>
    <x v="109"/>
    <x v="3"/>
    <x v="0"/>
    <x v="10"/>
    <s v="#10- 4 1/8&quot; x 9 1/2&quot; Recycled Envelopes"/>
    <n v="43.7"/>
    <n v="5"/>
    <n v="20.54"/>
  </r>
  <r>
    <d v="2017-12-14T00:00:00"/>
    <x v="11"/>
    <x v="3"/>
    <x v="146"/>
    <x v="1"/>
    <x v="2"/>
    <x v="9"/>
    <s v="Kensington Expert Mouse Optical USB Trackball for PC or Mac"/>
    <n v="227.98"/>
    <n v="3"/>
    <n v="28.5"/>
  </r>
  <r>
    <d v="2017-12-14T00:00:00"/>
    <x v="11"/>
    <x v="3"/>
    <x v="146"/>
    <x v="1"/>
    <x v="2"/>
    <x v="6"/>
    <s v="Samsung HM1900 Bluetooth Headset"/>
    <n v="52.68"/>
    <n v="3"/>
    <n v="19.760000000000002"/>
  </r>
  <r>
    <d v="2017-12-14T00:00:00"/>
    <x v="11"/>
    <x v="3"/>
    <x v="146"/>
    <x v="1"/>
    <x v="1"/>
    <x v="8"/>
    <s v="Master Caster Door Stop, Gray"/>
    <n v="2.0299999999999998"/>
    <n v="1"/>
    <n v="-1.32"/>
  </r>
  <r>
    <d v="2017-12-14T00:00:00"/>
    <x v="11"/>
    <x v="3"/>
    <x v="254"/>
    <x v="13"/>
    <x v="2"/>
    <x v="9"/>
    <s v="Microsoft Sculpt Comfort Mouse"/>
    <n v="159.80000000000001"/>
    <n v="4"/>
    <n v="70.31"/>
  </r>
  <r>
    <d v="2017-12-14T00:00:00"/>
    <x v="11"/>
    <x v="3"/>
    <x v="254"/>
    <x v="13"/>
    <x v="2"/>
    <x v="9"/>
    <s v="Kingston Digital DataTraveler 16GB USB 2.0"/>
    <n v="44.75"/>
    <n v="5"/>
    <n v="8.5"/>
  </r>
  <r>
    <d v="2017-12-14T00:00:00"/>
    <x v="11"/>
    <x v="3"/>
    <x v="164"/>
    <x v="0"/>
    <x v="1"/>
    <x v="13"/>
    <s v="Bretford CR4500 Series Slim Rectangular Table"/>
    <n v="974.99"/>
    <n v="4"/>
    <n v="-97.5"/>
  </r>
  <r>
    <d v="2017-12-14T00:00:00"/>
    <x v="11"/>
    <x v="3"/>
    <x v="56"/>
    <x v="1"/>
    <x v="1"/>
    <x v="8"/>
    <s v="Rubbermaid ClusterMat Chairmats, Mat Size- 66&quot; x 60&quot;, Lip 20&quot; x 11&quot; -90 Degree Angle"/>
    <n v="266.35000000000002"/>
    <n v="6"/>
    <n v="-292.99"/>
  </r>
  <r>
    <d v="2017-12-14T00:00:00"/>
    <x v="11"/>
    <x v="3"/>
    <x v="56"/>
    <x v="1"/>
    <x v="1"/>
    <x v="8"/>
    <s v="Howard Miller 13&quot; Diameter Goldtone Round Wall Clock"/>
    <n v="56.33"/>
    <n v="3"/>
    <n v="-26.76"/>
  </r>
  <r>
    <d v="2017-12-14T00:00:00"/>
    <x v="11"/>
    <x v="3"/>
    <x v="56"/>
    <x v="1"/>
    <x v="2"/>
    <x v="9"/>
    <s v="Logitech Desktop MK120 Mouse and keyboard Combo"/>
    <n v="39.26"/>
    <n v="3"/>
    <n v="-4.91"/>
  </r>
  <r>
    <d v="2017-12-14T00:00:00"/>
    <x v="11"/>
    <x v="3"/>
    <x v="56"/>
    <x v="1"/>
    <x v="0"/>
    <x v="4"/>
    <s v="Prismacolor Color Pencil Set"/>
    <n v="95.23"/>
    <n v="6"/>
    <n v="25"/>
  </r>
  <r>
    <d v="2017-12-14T00:00:00"/>
    <x v="11"/>
    <x v="3"/>
    <x v="151"/>
    <x v="32"/>
    <x v="2"/>
    <x v="16"/>
    <s v="Canon PC1080F Personal Copier"/>
    <n v="1199.98"/>
    <n v="2"/>
    <n v="467.99"/>
  </r>
  <r>
    <d v="2017-12-14T00:00:00"/>
    <x v="11"/>
    <x v="3"/>
    <x v="151"/>
    <x v="32"/>
    <x v="0"/>
    <x v="2"/>
    <s v="Safco Industrial Shelving"/>
    <n v="73.849999999999994"/>
    <n v="1"/>
    <n v="2.2200000000000002"/>
  </r>
  <r>
    <d v="2017-12-14T00:00:00"/>
    <x v="11"/>
    <x v="3"/>
    <x v="151"/>
    <x v="32"/>
    <x v="0"/>
    <x v="14"/>
    <s v="Acme Office Executive Series Stainless Steel Trimmers"/>
    <n v="25.71"/>
    <n v="3"/>
    <n v="6.68"/>
  </r>
  <r>
    <d v="2017-12-14T00:00:00"/>
    <x v="11"/>
    <x v="3"/>
    <x v="151"/>
    <x v="32"/>
    <x v="0"/>
    <x v="7"/>
    <s v="Acco Banker's Clasps, 5 3/4&quot;-Long"/>
    <n v="17.28"/>
    <n v="6"/>
    <n v="8.1199999999999992"/>
  </r>
  <r>
    <d v="2017-12-14T00:00:00"/>
    <x v="11"/>
    <x v="3"/>
    <x v="151"/>
    <x v="32"/>
    <x v="1"/>
    <x v="13"/>
    <s v="Bretford Rectangular Conference Table Tops"/>
    <n v="526.58000000000004"/>
    <n v="2"/>
    <n v="-52.66"/>
  </r>
  <r>
    <d v="2017-12-15T00:00:00"/>
    <x v="11"/>
    <x v="3"/>
    <x v="485"/>
    <x v="22"/>
    <x v="1"/>
    <x v="8"/>
    <s v="Master Giant Foot Doorstop, Safety Yellow"/>
    <n v="22.77"/>
    <n v="3"/>
    <n v="9.7899999999999991"/>
  </r>
  <r>
    <d v="2017-12-15T00:00:00"/>
    <x v="11"/>
    <x v="3"/>
    <x v="531"/>
    <x v="1"/>
    <x v="0"/>
    <x v="4"/>
    <s v="Newell 307"/>
    <n v="10.19"/>
    <n v="7"/>
    <n v="1.02"/>
  </r>
  <r>
    <d v="2017-12-15T00:00:00"/>
    <x v="11"/>
    <x v="3"/>
    <x v="580"/>
    <x v="3"/>
    <x v="0"/>
    <x v="0"/>
    <s v="Wirebound Message Books, Two 4 1/4&quot; x 5&quot; Forms per Page"/>
    <n v="22.83"/>
    <n v="3"/>
    <n v="10.73"/>
  </r>
  <r>
    <d v="2017-12-15T00:00:00"/>
    <x v="11"/>
    <x v="3"/>
    <x v="580"/>
    <x v="3"/>
    <x v="0"/>
    <x v="12"/>
    <s v="Hoover Commercial SteamVac"/>
    <n v="54.32"/>
    <n v="4"/>
    <n v="16.3"/>
  </r>
  <r>
    <d v="2017-12-15T00:00:00"/>
    <x v="11"/>
    <x v="3"/>
    <x v="580"/>
    <x v="3"/>
    <x v="2"/>
    <x v="6"/>
    <s v="Panasonic KX TS3282B Corded phone"/>
    <n v="196.78"/>
    <n v="3"/>
    <n v="14.76"/>
  </r>
  <r>
    <d v="2017-12-16T00:00:00"/>
    <x v="11"/>
    <x v="3"/>
    <x v="135"/>
    <x v="3"/>
    <x v="1"/>
    <x v="5"/>
    <s v="Global Deluxe Stacking Chair, Gray"/>
    <n v="81.569999999999993"/>
    <n v="2"/>
    <n v="9.18"/>
  </r>
  <r>
    <d v="2017-12-16T00:00:00"/>
    <x v="11"/>
    <x v="3"/>
    <x v="135"/>
    <x v="3"/>
    <x v="1"/>
    <x v="5"/>
    <s v="Global Value Steno Chair, Gray"/>
    <n v="97.18"/>
    <n v="2"/>
    <n v="6.07"/>
  </r>
  <r>
    <d v="2017-12-16T00:00:00"/>
    <x v="11"/>
    <x v="3"/>
    <x v="135"/>
    <x v="3"/>
    <x v="0"/>
    <x v="3"/>
    <s v="Prestige Round Ring Binders"/>
    <n v="24.32"/>
    <n v="5"/>
    <n v="8.2100000000000009"/>
  </r>
  <r>
    <d v="2017-12-16T00:00:00"/>
    <x v="11"/>
    <x v="3"/>
    <x v="135"/>
    <x v="3"/>
    <x v="1"/>
    <x v="8"/>
    <s v="DAX Two-Tone Rosewood/Black Document Frame, Desktop, 5 x 7"/>
    <n v="18.96"/>
    <n v="2"/>
    <n v="7.58"/>
  </r>
  <r>
    <d v="2017-12-16T00:00:00"/>
    <x v="11"/>
    <x v="3"/>
    <x v="177"/>
    <x v="39"/>
    <x v="0"/>
    <x v="3"/>
    <s v="Peel &amp; Stick Add-On Corner Pockets"/>
    <n v="10.8"/>
    <n v="5"/>
    <n v="5.18"/>
  </r>
  <r>
    <d v="2017-12-16T00:00:00"/>
    <x v="11"/>
    <x v="3"/>
    <x v="476"/>
    <x v="20"/>
    <x v="0"/>
    <x v="3"/>
    <s v="Acco Data Flex Cable Posts For Top &amp; Bottom Load Binders, 6&quot; Capacity"/>
    <n v="33.380000000000003"/>
    <n v="4"/>
    <n v="10.43"/>
  </r>
  <r>
    <d v="2017-12-16T00:00:00"/>
    <x v="11"/>
    <x v="3"/>
    <x v="81"/>
    <x v="3"/>
    <x v="0"/>
    <x v="0"/>
    <s v="Xerox 1898"/>
    <n v="13.36"/>
    <n v="2"/>
    <n v="6.41"/>
  </r>
  <r>
    <d v="2017-12-16T00:00:00"/>
    <x v="11"/>
    <x v="3"/>
    <x v="81"/>
    <x v="3"/>
    <x v="0"/>
    <x v="2"/>
    <s v="Safco Wire Cube Shelving System, For Use as 4 or 5 14&quot; Cubes, Black"/>
    <n v="158.9"/>
    <n v="5"/>
    <n v="7.95"/>
  </r>
  <r>
    <d v="2017-12-16T00:00:00"/>
    <x v="11"/>
    <x v="3"/>
    <x v="666"/>
    <x v="3"/>
    <x v="0"/>
    <x v="3"/>
    <s v="Accohide Poly Flexible Ring Binders"/>
    <n v="5.98"/>
    <n v="2"/>
    <n v="2.2400000000000002"/>
  </r>
  <r>
    <d v="2017-12-16T00:00:00"/>
    <x v="11"/>
    <x v="3"/>
    <x v="666"/>
    <x v="3"/>
    <x v="2"/>
    <x v="9"/>
    <s v="ImationÂ SecureÂ DriveÂ + Hardware Encrypted USBÂ flash driveÂ - 16 GB"/>
    <n v="189.95"/>
    <n v="5"/>
    <n v="45.59"/>
  </r>
  <r>
    <d v="2017-12-16T00:00:00"/>
    <x v="11"/>
    <x v="3"/>
    <x v="666"/>
    <x v="3"/>
    <x v="2"/>
    <x v="9"/>
    <s v="Microsoft Natural Ergonomic Keyboard 4000"/>
    <n v="149.94999999999999"/>
    <n v="5"/>
    <n v="31.49"/>
  </r>
  <r>
    <d v="2017-12-16T00:00:00"/>
    <x v="11"/>
    <x v="3"/>
    <x v="666"/>
    <x v="3"/>
    <x v="0"/>
    <x v="4"/>
    <s v="Bulldog Table or Wall-Mount Pencil Sharpener"/>
    <n v="29.95"/>
    <n v="5"/>
    <n v="8.69"/>
  </r>
  <r>
    <d v="2017-12-16T00:00:00"/>
    <x v="11"/>
    <x v="3"/>
    <x v="666"/>
    <x v="3"/>
    <x v="0"/>
    <x v="1"/>
    <s v="Avery 475"/>
    <n v="44.4"/>
    <n v="3"/>
    <n v="22.2"/>
  </r>
  <r>
    <d v="2017-12-17T00:00:00"/>
    <x v="11"/>
    <x v="3"/>
    <x v="391"/>
    <x v="0"/>
    <x v="0"/>
    <x v="12"/>
    <s v="Eureka Sanitaire  Commercial Upright"/>
    <n v="66.28"/>
    <n v="2"/>
    <n v="-178.97"/>
  </r>
  <r>
    <d v="2017-12-17T00:00:00"/>
    <x v="11"/>
    <x v="3"/>
    <x v="391"/>
    <x v="3"/>
    <x v="0"/>
    <x v="3"/>
    <s v="Acco Pressboard Covers with Storage Hooks, 9 1/2&quot; x 11&quot;, Executive Red"/>
    <n v="15.24"/>
    <n v="5"/>
    <n v="5.14"/>
  </r>
  <r>
    <d v="2017-12-17T00:00:00"/>
    <x v="11"/>
    <x v="3"/>
    <x v="391"/>
    <x v="3"/>
    <x v="0"/>
    <x v="0"/>
    <s v="Ampad Gold Fibre Wirebound Steno Books, 6&quot; x 9&quot;, Gregg Ruled"/>
    <n v="13.23"/>
    <n v="3"/>
    <n v="6.09"/>
  </r>
  <r>
    <d v="2017-12-17T00:00:00"/>
    <x v="11"/>
    <x v="3"/>
    <x v="57"/>
    <x v="3"/>
    <x v="0"/>
    <x v="3"/>
    <s v="GBC Plastic Binding Combs"/>
    <n v="11.81"/>
    <n v="2"/>
    <n v="4.28"/>
  </r>
  <r>
    <d v="2017-12-17T00:00:00"/>
    <x v="11"/>
    <x v="3"/>
    <x v="58"/>
    <x v="18"/>
    <x v="0"/>
    <x v="0"/>
    <s v="Wirebound Message Books, 2 7/8&quot; x 5&quot;, 3 Forms per Page"/>
    <n v="28.16"/>
    <n v="4"/>
    <n v="13.24"/>
  </r>
  <r>
    <d v="2017-12-17T00:00:00"/>
    <x v="11"/>
    <x v="3"/>
    <x v="170"/>
    <x v="6"/>
    <x v="1"/>
    <x v="5"/>
    <s v="Hon Valutask Swivel Chairs"/>
    <n v="504.9"/>
    <n v="5"/>
    <n v="80.78"/>
  </r>
  <r>
    <d v="2017-12-17T00:00:00"/>
    <x v="11"/>
    <x v="3"/>
    <x v="656"/>
    <x v="6"/>
    <x v="0"/>
    <x v="2"/>
    <s v="Adjustable Depth Letter/Legal Cart"/>
    <n v="544.38"/>
    <n v="3"/>
    <n v="157.87"/>
  </r>
  <r>
    <d v="2017-12-17T00:00:00"/>
    <x v="11"/>
    <x v="3"/>
    <x v="305"/>
    <x v="3"/>
    <x v="0"/>
    <x v="2"/>
    <s v="Iceberg Mobile Mega Data/Printer Cart"/>
    <n v="481.32"/>
    <n v="4"/>
    <n v="125.14"/>
  </r>
  <r>
    <d v="2017-12-17T00:00:00"/>
    <x v="11"/>
    <x v="3"/>
    <x v="305"/>
    <x v="3"/>
    <x v="0"/>
    <x v="14"/>
    <s v="Fiskars Spring-Action Scissors"/>
    <n v="13.98"/>
    <n v="1"/>
    <n v="3.63"/>
  </r>
  <r>
    <d v="2017-12-17T00:00:00"/>
    <x v="11"/>
    <x v="3"/>
    <x v="372"/>
    <x v="20"/>
    <x v="0"/>
    <x v="2"/>
    <s v="Safco Steel Mobile File Cart"/>
    <n v="166.72"/>
    <n v="2"/>
    <n v="41.68"/>
  </r>
  <r>
    <d v="2017-12-17T00:00:00"/>
    <x v="11"/>
    <x v="3"/>
    <x v="372"/>
    <x v="20"/>
    <x v="0"/>
    <x v="3"/>
    <s v="GBC Wire Binding Combs"/>
    <n v="24.82"/>
    <n v="3"/>
    <n v="8.3800000000000008"/>
  </r>
  <r>
    <d v="2017-12-17T00:00:00"/>
    <x v="11"/>
    <x v="3"/>
    <x v="372"/>
    <x v="20"/>
    <x v="1"/>
    <x v="8"/>
    <s v="Deflect-o Glass Clear Studded Chair Mats"/>
    <n v="124.36"/>
    <n v="2"/>
    <n v="27.36"/>
  </r>
  <r>
    <d v="2017-12-17T00:00:00"/>
    <x v="11"/>
    <x v="3"/>
    <x v="679"/>
    <x v="21"/>
    <x v="0"/>
    <x v="2"/>
    <s v="Adjustable Personal File Tote"/>
    <n v="32.56"/>
    <n v="2"/>
    <n v="8.4700000000000006"/>
  </r>
  <r>
    <d v="2017-12-18T00:00:00"/>
    <x v="11"/>
    <x v="3"/>
    <x v="277"/>
    <x v="3"/>
    <x v="0"/>
    <x v="3"/>
    <s v="Binding Machine Supplies"/>
    <n v="46.67"/>
    <n v="2"/>
    <n v="16.34"/>
  </r>
  <r>
    <d v="2017-12-18T00:00:00"/>
    <x v="11"/>
    <x v="3"/>
    <x v="277"/>
    <x v="3"/>
    <x v="1"/>
    <x v="11"/>
    <s v="Bush Saratoga Collection 5-Shelf Bookcase, Hanover Cherry, *Special Order"/>
    <n v="119.83"/>
    <n v="1"/>
    <n v="-12.69"/>
  </r>
  <r>
    <d v="2017-12-18T00:00:00"/>
    <x v="11"/>
    <x v="3"/>
    <x v="277"/>
    <x v="3"/>
    <x v="2"/>
    <x v="9"/>
    <s v="LogitechÂ Illuminated - Keyboard"/>
    <n v="119.98"/>
    <n v="2"/>
    <n v="57.59"/>
  </r>
  <r>
    <d v="2017-12-18T00:00:00"/>
    <x v="11"/>
    <x v="3"/>
    <x v="724"/>
    <x v="20"/>
    <x v="0"/>
    <x v="4"/>
    <s v="Staples in misc. colors"/>
    <n v="38.82"/>
    <n v="6"/>
    <n v="17.47"/>
  </r>
  <r>
    <d v="2017-12-18T00:00:00"/>
    <x v="11"/>
    <x v="3"/>
    <x v="724"/>
    <x v="20"/>
    <x v="1"/>
    <x v="5"/>
    <s v="Office Star - Contemporary Swivel Chair with Padded Adjustable Arms and Flex Back"/>
    <n v="1141.94"/>
    <n v="9"/>
    <n v="139.57"/>
  </r>
  <r>
    <d v="2017-12-18T00:00:00"/>
    <x v="11"/>
    <x v="3"/>
    <x v="724"/>
    <x v="20"/>
    <x v="0"/>
    <x v="12"/>
    <s v="Kensington 7 Outlet MasterPiece HOMEOFFICE Power Control Center"/>
    <n v="1704.56"/>
    <n v="13"/>
    <n v="511.37"/>
  </r>
  <r>
    <d v="2017-12-18T00:00:00"/>
    <x v="11"/>
    <x v="3"/>
    <x v="724"/>
    <x v="20"/>
    <x v="0"/>
    <x v="4"/>
    <s v="Sanford Pocket Accent Highlighters"/>
    <n v="3.2"/>
    <n v="2"/>
    <n v="1.38"/>
  </r>
  <r>
    <d v="2017-12-18T00:00:00"/>
    <x v="11"/>
    <x v="3"/>
    <x v="257"/>
    <x v="20"/>
    <x v="1"/>
    <x v="8"/>
    <s v="DAX Charcoal/Nickel-Tone Document Frame, 5 x 7"/>
    <n v="18.96"/>
    <n v="2"/>
    <n v="8.5299999999999994"/>
  </r>
  <r>
    <d v="2017-12-18T00:00:00"/>
    <x v="11"/>
    <x v="3"/>
    <x v="287"/>
    <x v="3"/>
    <x v="0"/>
    <x v="4"/>
    <s v="Newell 327"/>
    <n v="6.63"/>
    <n v="3"/>
    <n v="1.79"/>
  </r>
  <r>
    <d v="2017-12-18T00:00:00"/>
    <x v="11"/>
    <x v="3"/>
    <x v="287"/>
    <x v="3"/>
    <x v="0"/>
    <x v="0"/>
    <s v="Xerox 1996"/>
    <n v="12.96"/>
    <n v="2"/>
    <n v="6.22"/>
  </r>
  <r>
    <d v="2017-12-18T00:00:00"/>
    <x v="11"/>
    <x v="3"/>
    <x v="287"/>
    <x v="3"/>
    <x v="0"/>
    <x v="0"/>
    <s v="Xerox 213"/>
    <n v="32.4"/>
    <n v="5"/>
    <n v="15.55"/>
  </r>
  <r>
    <d v="2017-12-18T00:00:00"/>
    <x v="11"/>
    <x v="3"/>
    <x v="160"/>
    <x v="2"/>
    <x v="0"/>
    <x v="4"/>
    <s v="Avery Fluorescent Highlighter Four-Color Set"/>
    <n v="18.7"/>
    <n v="7"/>
    <n v="2.34"/>
  </r>
  <r>
    <d v="2017-12-18T00:00:00"/>
    <x v="11"/>
    <x v="3"/>
    <x v="769"/>
    <x v="25"/>
    <x v="0"/>
    <x v="4"/>
    <s v="Newell 310"/>
    <n v="12.67"/>
    <n v="9"/>
    <n v="1.43"/>
  </r>
  <r>
    <d v="2017-12-18T00:00:00"/>
    <x v="11"/>
    <x v="3"/>
    <x v="722"/>
    <x v="3"/>
    <x v="0"/>
    <x v="4"/>
    <s v="Newell 335"/>
    <n v="5.76"/>
    <n v="2"/>
    <n v="1.67"/>
  </r>
  <r>
    <d v="2017-12-18T00:00:00"/>
    <x v="11"/>
    <x v="3"/>
    <x v="443"/>
    <x v="10"/>
    <x v="0"/>
    <x v="3"/>
    <s v="Fellowes Twister Kit, Gray/Clear, 3/pkg"/>
    <n v="7.24"/>
    <n v="3"/>
    <n v="-6.03"/>
  </r>
  <r>
    <d v="2017-12-18T00:00:00"/>
    <x v="11"/>
    <x v="3"/>
    <x v="443"/>
    <x v="10"/>
    <x v="0"/>
    <x v="7"/>
    <s v="Ideal Clamps"/>
    <n v="4.82"/>
    <n v="3"/>
    <n v="1.75"/>
  </r>
  <r>
    <d v="2017-12-18T00:00:00"/>
    <x v="11"/>
    <x v="3"/>
    <x v="443"/>
    <x v="10"/>
    <x v="0"/>
    <x v="0"/>
    <s v="Xerox Color Copier Paper, 11&quot; x 17&quot;, Ream"/>
    <n v="91.36"/>
    <n v="5"/>
    <n v="29.69"/>
  </r>
  <r>
    <d v="2017-12-18T00:00:00"/>
    <x v="11"/>
    <x v="3"/>
    <x v="443"/>
    <x v="10"/>
    <x v="0"/>
    <x v="12"/>
    <s v="Kensington 4 Outlet MasterPiece Compact Power Control Center"/>
    <n v="130.11000000000001"/>
    <n v="2"/>
    <n v="13.01"/>
  </r>
  <r>
    <d v="2017-12-18T00:00:00"/>
    <x v="11"/>
    <x v="3"/>
    <x v="736"/>
    <x v="21"/>
    <x v="1"/>
    <x v="8"/>
    <s v="Tensor Track Tree Floor Lamp"/>
    <n v="99.95"/>
    <n v="5"/>
    <n v="22.99"/>
  </r>
  <r>
    <d v="2017-12-18T00:00:00"/>
    <x v="11"/>
    <x v="3"/>
    <x v="736"/>
    <x v="21"/>
    <x v="2"/>
    <x v="9"/>
    <s v="Maxell 74 Minute CDR, 10/Pack"/>
    <n v="29.34"/>
    <n v="3"/>
    <n v="10.86"/>
  </r>
  <r>
    <d v="2017-12-19T00:00:00"/>
    <x v="11"/>
    <x v="3"/>
    <x v="13"/>
    <x v="3"/>
    <x v="0"/>
    <x v="3"/>
    <s v="Deluxe Heavy-Duty Vinyl Round Ring Binder"/>
    <n v="36.67"/>
    <n v="2"/>
    <n v="11.46"/>
  </r>
  <r>
    <d v="2017-12-19T00:00:00"/>
    <x v="11"/>
    <x v="3"/>
    <x v="482"/>
    <x v="8"/>
    <x v="0"/>
    <x v="14"/>
    <s v="Martin Yale Chadless Opener Electric Letter Opener"/>
    <n v="1665.62"/>
    <n v="2"/>
    <n v="33.31"/>
  </r>
  <r>
    <d v="2017-12-19T00:00:00"/>
    <x v="11"/>
    <x v="3"/>
    <x v="578"/>
    <x v="26"/>
    <x v="1"/>
    <x v="8"/>
    <s v="OIC Stacking Trays"/>
    <n v="13.36"/>
    <n v="5"/>
    <n v="4.01"/>
  </r>
  <r>
    <d v="2017-12-19T00:00:00"/>
    <x v="11"/>
    <x v="3"/>
    <x v="578"/>
    <x v="26"/>
    <x v="0"/>
    <x v="2"/>
    <s v="Tennsco Industrial Shelving"/>
    <n v="78.260000000000005"/>
    <n v="2"/>
    <n v="-17.61"/>
  </r>
  <r>
    <d v="2017-12-19T00:00:00"/>
    <x v="11"/>
    <x v="3"/>
    <x v="578"/>
    <x v="26"/>
    <x v="1"/>
    <x v="11"/>
    <s v="O'Sullivan 2-Shelf Heavy-Duty Bookcases"/>
    <n v="102.02"/>
    <n v="7"/>
    <n v="-183.63"/>
  </r>
  <r>
    <d v="2017-12-20T00:00:00"/>
    <x v="11"/>
    <x v="3"/>
    <x v="78"/>
    <x v="20"/>
    <x v="0"/>
    <x v="0"/>
    <s v="Xerox 227"/>
    <n v="6.48"/>
    <n v="1"/>
    <n v="3.11"/>
  </r>
  <r>
    <d v="2017-12-20T00:00:00"/>
    <x v="11"/>
    <x v="3"/>
    <x v="78"/>
    <x v="20"/>
    <x v="0"/>
    <x v="3"/>
    <s v="Wilson Jones Leather-Like Binders with DublLock Round Rings"/>
    <n v="6.98"/>
    <n v="1"/>
    <n v="2.36"/>
  </r>
  <r>
    <d v="2017-12-20T00:00:00"/>
    <x v="11"/>
    <x v="3"/>
    <x v="553"/>
    <x v="20"/>
    <x v="0"/>
    <x v="0"/>
    <s v="Xerox 1908"/>
    <n v="279.89999999999998"/>
    <n v="5"/>
    <n v="137.15"/>
  </r>
  <r>
    <d v="2017-12-20T00:00:00"/>
    <x v="11"/>
    <x v="3"/>
    <x v="553"/>
    <x v="20"/>
    <x v="0"/>
    <x v="3"/>
    <s v="GBC Premium Transparent Covers with Diagonal Lined Pattern"/>
    <n v="50.35"/>
    <n v="3"/>
    <n v="17.62"/>
  </r>
  <r>
    <d v="2017-12-20T00:00:00"/>
    <x v="11"/>
    <x v="3"/>
    <x v="553"/>
    <x v="20"/>
    <x v="0"/>
    <x v="0"/>
    <s v="Xerox 188"/>
    <n v="34.020000000000003"/>
    <n v="3"/>
    <n v="16.670000000000002"/>
  </r>
  <r>
    <d v="2017-12-21T00:00:00"/>
    <x v="11"/>
    <x v="3"/>
    <x v="84"/>
    <x v="3"/>
    <x v="0"/>
    <x v="4"/>
    <s v="Newell 327"/>
    <n v="6.63"/>
    <n v="3"/>
    <n v="1.79"/>
  </r>
  <r>
    <d v="2017-12-21T00:00:00"/>
    <x v="11"/>
    <x v="3"/>
    <x v="84"/>
    <x v="3"/>
    <x v="0"/>
    <x v="4"/>
    <s v="Newell 317"/>
    <n v="5.88"/>
    <n v="2"/>
    <n v="1.71"/>
  </r>
  <r>
    <d v="2017-12-21T00:00:00"/>
    <x v="11"/>
    <x v="3"/>
    <x v="598"/>
    <x v="3"/>
    <x v="0"/>
    <x v="2"/>
    <s v="Letter Size Cart"/>
    <n v="1000.02"/>
    <n v="7"/>
    <n v="290.01"/>
  </r>
  <r>
    <d v="2017-12-21T00:00:00"/>
    <x v="11"/>
    <x v="3"/>
    <x v="622"/>
    <x v="23"/>
    <x v="2"/>
    <x v="6"/>
    <s v="Jabra SPEAK 410"/>
    <n v="281.97000000000003"/>
    <n v="3"/>
    <n v="78.95"/>
  </r>
  <r>
    <d v="2017-12-21T00:00:00"/>
    <x v="11"/>
    <x v="3"/>
    <x v="622"/>
    <x v="23"/>
    <x v="0"/>
    <x v="14"/>
    <s v="Acme Hot Forged Carbon Steel Scissors with Nickel-Plated Handles, 3 7/8&quot; Cut, 8&quot;L"/>
    <n v="69.5"/>
    <n v="5"/>
    <n v="20.16"/>
  </r>
  <r>
    <d v="2017-12-21T00:00:00"/>
    <x v="11"/>
    <x v="3"/>
    <x v="622"/>
    <x v="23"/>
    <x v="0"/>
    <x v="0"/>
    <s v="Xerox 1913"/>
    <n v="166.44"/>
    <n v="3"/>
    <n v="79.89"/>
  </r>
  <r>
    <d v="2017-12-21T00:00:00"/>
    <x v="11"/>
    <x v="3"/>
    <x v="449"/>
    <x v="5"/>
    <x v="2"/>
    <x v="9"/>
    <s v="Memorex Froggy Flash Drive 8 GB"/>
    <n v="71"/>
    <n v="4"/>
    <n v="27.69"/>
  </r>
  <r>
    <d v="2017-12-21T00:00:00"/>
    <x v="11"/>
    <x v="3"/>
    <x v="145"/>
    <x v="3"/>
    <x v="0"/>
    <x v="2"/>
    <s v="Fellowes Mobile File Cart, Black"/>
    <n v="124.36"/>
    <n v="2"/>
    <n v="33.58"/>
  </r>
  <r>
    <d v="2017-12-21T00:00:00"/>
    <x v="11"/>
    <x v="3"/>
    <x v="500"/>
    <x v="9"/>
    <x v="0"/>
    <x v="3"/>
    <s v="Ibico Presentation Index for Binding Systems"/>
    <n v="23.88"/>
    <n v="6"/>
    <n v="11.22"/>
  </r>
  <r>
    <d v="2017-12-21T00:00:00"/>
    <x v="11"/>
    <x v="3"/>
    <x v="81"/>
    <x v="40"/>
    <x v="1"/>
    <x v="8"/>
    <s v="Staple-based wall hangings"/>
    <n v="15.92"/>
    <n v="2"/>
    <n v="7"/>
  </r>
  <r>
    <d v="2017-12-21T00:00:00"/>
    <x v="11"/>
    <x v="3"/>
    <x v="760"/>
    <x v="18"/>
    <x v="0"/>
    <x v="2"/>
    <s v="Tennsco Single-Tier Lockers"/>
    <n v="375.34"/>
    <n v="1"/>
    <n v="18.77"/>
  </r>
  <r>
    <d v="2017-12-22T00:00:00"/>
    <x v="11"/>
    <x v="3"/>
    <x v="707"/>
    <x v="24"/>
    <x v="0"/>
    <x v="12"/>
    <s v="Sanyo 2.5 Cubic Foot Mid-Size Office Refrigerators"/>
    <n v="839.43"/>
    <n v="3"/>
    <n v="218.25"/>
  </r>
  <r>
    <d v="2017-12-22T00:00:00"/>
    <x v="11"/>
    <x v="3"/>
    <x v="355"/>
    <x v="16"/>
    <x v="0"/>
    <x v="10"/>
    <s v="Staple envelope"/>
    <n v="7.82"/>
    <n v="1"/>
    <n v="2.93"/>
  </r>
  <r>
    <d v="2017-12-22T00:00:00"/>
    <x v="11"/>
    <x v="3"/>
    <x v="633"/>
    <x v="14"/>
    <x v="2"/>
    <x v="9"/>
    <s v="Microsoft Wireless Mobile Mouse 4000"/>
    <n v="199.95"/>
    <n v="5"/>
    <n v="63.98"/>
  </r>
  <r>
    <d v="2017-12-22T00:00:00"/>
    <x v="11"/>
    <x v="3"/>
    <x v="633"/>
    <x v="14"/>
    <x v="1"/>
    <x v="5"/>
    <s v="Hon GuestStacker Chair"/>
    <n v="1586.69"/>
    <n v="7"/>
    <n v="412.54"/>
  </r>
  <r>
    <d v="2017-12-22T00:00:00"/>
    <x v="11"/>
    <x v="3"/>
    <x v="633"/>
    <x v="14"/>
    <x v="2"/>
    <x v="9"/>
    <s v="LogitechÂ Gaming G510s - Keyboard"/>
    <n v="84.99"/>
    <n v="1"/>
    <n v="30.6"/>
  </r>
  <r>
    <d v="2017-12-22T00:00:00"/>
    <x v="11"/>
    <x v="3"/>
    <x v="633"/>
    <x v="14"/>
    <x v="1"/>
    <x v="13"/>
    <s v="Bevis 44 x 96 Conference Tables"/>
    <n v="411.8"/>
    <n v="2"/>
    <n v="70.010000000000005"/>
  </r>
  <r>
    <d v="2017-12-22T00:00:00"/>
    <x v="11"/>
    <x v="3"/>
    <x v="140"/>
    <x v="31"/>
    <x v="0"/>
    <x v="4"/>
    <s v="Design Ebony Sketching Pencil"/>
    <n v="4.17"/>
    <n v="3"/>
    <n v="1.08"/>
  </r>
  <r>
    <d v="2017-12-22T00:00:00"/>
    <x v="11"/>
    <x v="3"/>
    <x v="140"/>
    <x v="31"/>
    <x v="2"/>
    <x v="6"/>
    <s v="iKross Bluetooth Portable Keyboard + Cell Phone Stand Holder + Brush for Apple iPhone 5S 5C 5, 4S 4"/>
    <n v="67.040000000000006"/>
    <n v="4"/>
    <n v="6.7"/>
  </r>
  <r>
    <d v="2017-12-22T00:00:00"/>
    <x v="11"/>
    <x v="3"/>
    <x v="140"/>
    <x v="31"/>
    <x v="0"/>
    <x v="2"/>
    <s v="Eldon Simplefile Box Office"/>
    <n v="37.32"/>
    <n v="3"/>
    <n v="10.45"/>
  </r>
  <r>
    <d v="2017-12-22T00:00:00"/>
    <x v="11"/>
    <x v="3"/>
    <x v="140"/>
    <x v="31"/>
    <x v="0"/>
    <x v="1"/>
    <s v="Avery 517"/>
    <n v="18.45"/>
    <n v="5"/>
    <n v="8.67"/>
  </r>
  <r>
    <d v="2017-12-22T00:00:00"/>
    <x v="11"/>
    <x v="3"/>
    <x v="779"/>
    <x v="10"/>
    <x v="0"/>
    <x v="3"/>
    <s v="Angle-D Ring Binders"/>
    <n v="1.64"/>
    <n v="1"/>
    <n v="-1.31"/>
  </r>
  <r>
    <d v="2017-12-22T00:00:00"/>
    <x v="11"/>
    <x v="3"/>
    <x v="779"/>
    <x v="10"/>
    <x v="2"/>
    <x v="6"/>
    <s v="Panasonic KX-TG9541B DECT 6.0 Digital 2-Line Expandable Cordless Phone With Digital Answering System"/>
    <n v="629.96"/>
    <n v="7"/>
    <n v="94.49"/>
  </r>
  <r>
    <d v="2017-12-22T00:00:00"/>
    <x v="11"/>
    <x v="3"/>
    <x v="739"/>
    <x v="43"/>
    <x v="0"/>
    <x v="14"/>
    <s v="Premier Electric Letter Opener"/>
    <n v="695.16"/>
    <n v="6"/>
    <n v="34.76"/>
  </r>
  <r>
    <d v="2017-12-22T00:00:00"/>
    <x v="11"/>
    <x v="3"/>
    <x v="739"/>
    <x v="43"/>
    <x v="1"/>
    <x v="11"/>
    <s v="Bush Cubix Collection Bookcases, Fully Assembled"/>
    <n v="220.98"/>
    <n v="1"/>
    <n v="50.83"/>
  </r>
  <r>
    <d v="2017-12-22T00:00:00"/>
    <x v="11"/>
    <x v="3"/>
    <x v="769"/>
    <x v="0"/>
    <x v="0"/>
    <x v="0"/>
    <s v="Xerox 1931"/>
    <n v="25.92"/>
    <n v="5"/>
    <n v="9.07"/>
  </r>
  <r>
    <d v="2017-12-22T00:00:00"/>
    <x v="11"/>
    <x v="3"/>
    <x v="769"/>
    <x v="0"/>
    <x v="0"/>
    <x v="3"/>
    <s v="Cardinal HOLDit! Binder Insert Strips,Extra Strips"/>
    <n v="6.33"/>
    <n v="5"/>
    <n v="-9.81"/>
  </r>
  <r>
    <d v="2017-12-22T00:00:00"/>
    <x v="11"/>
    <x v="3"/>
    <x v="769"/>
    <x v="0"/>
    <x v="0"/>
    <x v="0"/>
    <s v="Xerox 1887"/>
    <n v="75.88"/>
    <n v="5"/>
    <n v="26.56"/>
  </r>
  <r>
    <d v="2017-12-22T00:00:00"/>
    <x v="11"/>
    <x v="3"/>
    <x v="253"/>
    <x v="33"/>
    <x v="1"/>
    <x v="5"/>
    <s v="Situations Contoured Folding Chairs, 4/Set"/>
    <n v="141.96"/>
    <n v="2"/>
    <n v="35.49"/>
  </r>
  <r>
    <d v="2017-12-22T00:00:00"/>
    <x v="11"/>
    <x v="3"/>
    <x v="769"/>
    <x v="12"/>
    <x v="1"/>
    <x v="13"/>
    <s v="Lesro Round Back Collection Coffee Table, End Table"/>
    <n v="182.55"/>
    <n v="2"/>
    <n v="-135.09"/>
  </r>
  <r>
    <d v="2017-12-22T00:00:00"/>
    <x v="11"/>
    <x v="3"/>
    <x v="626"/>
    <x v="3"/>
    <x v="2"/>
    <x v="9"/>
    <s v="Kensington Expert Mouse Optical USB Trackball for PC or Mac"/>
    <n v="474.95"/>
    <n v="5"/>
    <n v="142.49"/>
  </r>
  <r>
    <d v="2017-12-22T00:00:00"/>
    <x v="11"/>
    <x v="3"/>
    <x v="693"/>
    <x v="28"/>
    <x v="1"/>
    <x v="13"/>
    <s v="Office Impressions End Table, 20-1/2&quot;H x 24&quot;W x 20&quot;D"/>
    <n v="607.52"/>
    <n v="2"/>
    <n v="97.2"/>
  </r>
  <r>
    <d v="2017-12-22T00:00:00"/>
    <x v="11"/>
    <x v="3"/>
    <x v="693"/>
    <x v="28"/>
    <x v="0"/>
    <x v="2"/>
    <s v="Personal File Boxes with Fold-Down Carry Handle"/>
    <n v="31.16"/>
    <n v="2"/>
    <n v="7.79"/>
  </r>
  <r>
    <d v="2017-12-22T00:00:00"/>
    <x v="11"/>
    <x v="3"/>
    <x v="304"/>
    <x v="15"/>
    <x v="1"/>
    <x v="13"/>
    <s v="Bevis Round Bullnose 29&quot; High Table Top"/>
    <n v="934.96"/>
    <n v="6"/>
    <n v="-249.32"/>
  </r>
  <r>
    <d v="2017-12-22T00:00:00"/>
    <x v="11"/>
    <x v="3"/>
    <x v="304"/>
    <x v="15"/>
    <x v="2"/>
    <x v="9"/>
    <s v="Logitech ClearChat Comfort/USB Headset H390"/>
    <n v="46.86"/>
    <n v="2"/>
    <n v="7.62"/>
  </r>
  <r>
    <d v="2017-12-22T00:00:00"/>
    <x v="11"/>
    <x v="3"/>
    <x v="304"/>
    <x v="15"/>
    <x v="0"/>
    <x v="2"/>
    <s v="Crate-A-Files"/>
    <n v="26.16"/>
    <n v="3"/>
    <n v="1.96"/>
  </r>
  <r>
    <d v="2017-12-22T00:00:00"/>
    <x v="11"/>
    <x v="3"/>
    <x v="304"/>
    <x v="15"/>
    <x v="0"/>
    <x v="4"/>
    <s v="Newell 325"/>
    <n v="23.13"/>
    <n v="7"/>
    <n v="2.89"/>
  </r>
  <r>
    <d v="2017-12-22T00:00:00"/>
    <x v="11"/>
    <x v="3"/>
    <x v="304"/>
    <x v="15"/>
    <x v="0"/>
    <x v="12"/>
    <s v="Holmes Replacement Filter for HEPA Air Cleaner, Large Room"/>
    <n v="59.24"/>
    <n v="5"/>
    <n v="16.29"/>
  </r>
  <r>
    <d v="2017-12-23T00:00:00"/>
    <x v="11"/>
    <x v="3"/>
    <x v="333"/>
    <x v="3"/>
    <x v="0"/>
    <x v="4"/>
    <s v="Binney &amp; Smith Crayola Metallic Crayons, 16-Color Pack"/>
    <n v="13.48"/>
    <n v="4"/>
    <n v="5.93"/>
  </r>
  <r>
    <d v="2017-12-23T00:00:00"/>
    <x v="11"/>
    <x v="3"/>
    <x v="76"/>
    <x v="37"/>
    <x v="1"/>
    <x v="8"/>
    <s v="Tenex Traditional Chairmats for Medium Pile Carpet, Standard Lip, 36&quot; x 48&quot;"/>
    <n v="181.95"/>
    <n v="3"/>
    <n v="38.21"/>
  </r>
  <r>
    <d v="2017-12-23T00:00:00"/>
    <x v="11"/>
    <x v="3"/>
    <x v="13"/>
    <x v="0"/>
    <x v="0"/>
    <x v="0"/>
    <s v="Spiral Phone Message Books with Labels by Adams"/>
    <n v="28.67"/>
    <n v="8"/>
    <n v="10.39"/>
  </r>
  <r>
    <d v="2017-12-23T00:00:00"/>
    <x v="11"/>
    <x v="3"/>
    <x v="13"/>
    <x v="0"/>
    <x v="0"/>
    <x v="12"/>
    <s v="Acco 6 Outlet Guardian Premium Plus Surge Suppressor"/>
    <n v="29.31"/>
    <n v="8"/>
    <n v="-74.75"/>
  </r>
  <r>
    <d v="2017-12-23T00:00:00"/>
    <x v="11"/>
    <x v="3"/>
    <x v="536"/>
    <x v="15"/>
    <x v="1"/>
    <x v="8"/>
    <s v="Executive Impressions 14&quot; Two-Color Numerals Wall Clock"/>
    <n v="72.7"/>
    <n v="4"/>
    <n v="19.079999999999998"/>
  </r>
  <r>
    <d v="2017-12-23T00:00:00"/>
    <x v="11"/>
    <x v="3"/>
    <x v="536"/>
    <x v="15"/>
    <x v="0"/>
    <x v="4"/>
    <s v="Pencil and Crayon Sharpener"/>
    <n v="12.26"/>
    <n v="7"/>
    <n v="1.07"/>
  </r>
  <r>
    <d v="2017-12-23T00:00:00"/>
    <x v="11"/>
    <x v="3"/>
    <x v="536"/>
    <x v="15"/>
    <x v="0"/>
    <x v="2"/>
    <s v="Safco Industrial Wire Shelving System"/>
    <n v="218.35"/>
    <n v="3"/>
    <n v="-54.59"/>
  </r>
  <r>
    <d v="2017-12-23T00:00:00"/>
    <x v="11"/>
    <x v="3"/>
    <x v="407"/>
    <x v="13"/>
    <x v="0"/>
    <x v="2"/>
    <s v="Personal Filing Tote with Lid, Black/Gray"/>
    <n v="62.04"/>
    <n v="4"/>
    <n v="17.37"/>
  </r>
  <r>
    <d v="2017-12-23T00:00:00"/>
    <x v="11"/>
    <x v="3"/>
    <x v="407"/>
    <x v="13"/>
    <x v="2"/>
    <x v="6"/>
    <s v="Ativa D5772 2-Line 5.8GHz Digital Expandable Corded/Cordless Phone System with Answering &amp; Caller ID/Call Waiting, Black/Silver"/>
    <n v="494.97"/>
    <n v="3"/>
    <n v="148.49"/>
  </r>
  <r>
    <d v="2017-12-23T00:00:00"/>
    <x v="11"/>
    <x v="3"/>
    <x v="407"/>
    <x v="13"/>
    <x v="0"/>
    <x v="2"/>
    <s v="Gould Plastics 18-Pocket Panel Bin, 34w x 5-1/4d x 20-1/2h"/>
    <n v="367.96"/>
    <n v="4"/>
    <n v="14.72"/>
  </r>
  <r>
    <d v="2017-12-23T00:00:00"/>
    <x v="11"/>
    <x v="3"/>
    <x v="407"/>
    <x v="13"/>
    <x v="0"/>
    <x v="0"/>
    <s v="Ink Jet Note and Greeting Cards, 8-1/2&quot; x 5-1/2&quot; Card Size"/>
    <n v="44.96"/>
    <n v="2"/>
    <n v="20.68"/>
  </r>
  <r>
    <d v="2017-12-23T00:00:00"/>
    <x v="11"/>
    <x v="3"/>
    <x v="407"/>
    <x v="13"/>
    <x v="0"/>
    <x v="10"/>
    <s v="Tyvek Interoffice Envelopes, 9 1/2&quot; x 12 1/2&quot;, 100/Box"/>
    <n v="182.94"/>
    <n v="3"/>
    <n v="85.98"/>
  </r>
  <r>
    <d v="2017-12-23T00:00:00"/>
    <x v="11"/>
    <x v="3"/>
    <x v="403"/>
    <x v="1"/>
    <x v="0"/>
    <x v="3"/>
    <s v="Wilson Jones International Size A4 Ring Binders"/>
    <n v="13.84"/>
    <n v="4"/>
    <n v="-22.14"/>
  </r>
  <r>
    <d v="2017-12-23T00:00:00"/>
    <x v="11"/>
    <x v="3"/>
    <x v="403"/>
    <x v="1"/>
    <x v="0"/>
    <x v="0"/>
    <s v="Xerox 1940"/>
    <n v="175.87"/>
    <n v="4"/>
    <n v="63.75"/>
  </r>
  <r>
    <d v="2017-12-23T00:00:00"/>
    <x v="11"/>
    <x v="3"/>
    <x v="640"/>
    <x v="37"/>
    <x v="1"/>
    <x v="8"/>
    <s v="DAX Wood Document Frame"/>
    <n v="27.46"/>
    <n v="2"/>
    <n v="9.89"/>
  </r>
  <r>
    <d v="2017-12-24T00:00:00"/>
    <x v="11"/>
    <x v="3"/>
    <x v="503"/>
    <x v="20"/>
    <x v="0"/>
    <x v="12"/>
    <s v="Staple holder"/>
    <n v="35.909999999999997"/>
    <n v="3"/>
    <n v="9.6999999999999993"/>
  </r>
  <r>
    <d v="2017-12-24T00:00:00"/>
    <x v="11"/>
    <x v="3"/>
    <x v="539"/>
    <x v="20"/>
    <x v="0"/>
    <x v="3"/>
    <s v="Acco Four Pocket Poly Ring Binder with Label Holder, Smoke, 1&quot;"/>
    <n v="17.88"/>
    <n v="3"/>
    <n v="5.59"/>
  </r>
  <r>
    <d v="2017-12-24T00:00:00"/>
    <x v="11"/>
    <x v="3"/>
    <x v="545"/>
    <x v="22"/>
    <x v="0"/>
    <x v="2"/>
    <s v="Office Impressions Heavy Duty Welded Shelving &amp; Multimedia Storage Drawers"/>
    <n v="1003.62"/>
    <n v="6"/>
    <n v="0"/>
  </r>
  <r>
    <d v="2017-12-24T00:00:00"/>
    <x v="11"/>
    <x v="3"/>
    <x v="459"/>
    <x v="20"/>
    <x v="1"/>
    <x v="5"/>
    <s v="DMI Arturo Collection Mission-style Design Wood Chair"/>
    <n v="271.76"/>
    <n v="2"/>
    <n v="48.31"/>
  </r>
  <r>
    <d v="2017-12-24T00:00:00"/>
    <x v="11"/>
    <x v="3"/>
    <x v="459"/>
    <x v="20"/>
    <x v="0"/>
    <x v="3"/>
    <s v="DXL Angle-View Binders with Locking Rings, Black"/>
    <n v="14.38"/>
    <n v="3"/>
    <n v="4.8499999999999996"/>
  </r>
  <r>
    <d v="2017-12-24T00:00:00"/>
    <x v="11"/>
    <x v="3"/>
    <x v="689"/>
    <x v="20"/>
    <x v="1"/>
    <x v="8"/>
    <s v="Eldon Delta Triangular Chair Mat, 52&quot; x 58&quot;, Clear"/>
    <n v="37.93"/>
    <n v="1"/>
    <n v="6.83"/>
  </r>
  <r>
    <d v="2017-12-24T00:00:00"/>
    <x v="11"/>
    <x v="3"/>
    <x v="349"/>
    <x v="8"/>
    <x v="2"/>
    <x v="15"/>
    <s v="DYMO CardScan Personal V9 Business Card Scanner"/>
    <n v="479.97"/>
    <n v="3"/>
    <n v="239.99"/>
  </r>
  <r>
    <d v="2017-12-24T00:00:00"/>
    <x v="11"/>
    <x v="3"/>
    <x v="349"/>
    <x v="8"/>
    <x v="1"/>
    <x v="5"/>
    <s v="Iceberg Nesting Folding Chair, 19w x 6d x 43h"/>
    <n v="232.88"/>
    <n v="4"/>
    <n v="60.55"/>
  </r>
  <r>
    <d v="2017-12-24T00:00:00"/>
    <x v="11"/>
    <x v="3"/>
    <x v="508"/>
    <x v="3"/>
    <x v="2"/>
    <x v="16"/>
    <s v="Hewlett Packard LaserJet 3310 Copier"/>
    <n v="2879.95"/>
    <n v="6"/>
    <n v="1007.98"/>
  </r>
  <r>
    <d v="2017-12-24T00:00:00"/>
    <x v="11"/>
    <x v="3"/>
    <x v="508"/>
    <x v="3"/>
    <x v="0"/>
    <x v="3"/>
    <s v="Vinyl Sectional Post Binders"/>
    <n v="90.48"/>
    <n v="3"/>
    <n v="33.93"/>
  </r>
  <r>
    <d v="2017-12-24T00:00:00"/>
    <x v="11"/>
    <x v="3"/>
    <x v="594"/>
    <x v="12"/>
    <x v="1"/>
    <x v="8"/>
    <s v="Acrylic Self-Standing Desk Frames"/>
    <n v="8.5399999999999991"/>
    <n v="4"/>
    <n v="1.92"/>
  </r>
  <r>
    <d v="2017-12-24T00:00:00"/>
    <x v="11"/>
    <x v="3"/>
    <x v="594"/>
    <x v="12"/>
    <x v="1"/>
    <x v="5"/>
    <s v="Global Leather Executive Chair"/>
    <n v="842.38"/>
    <n v="3"/>
    <n v="105.3"/>
  </r>
  <r>
    <d v="2017-12-24T00:00:00"/>
    <x v="11"/>
    <x v="3"/>
    <x v="777"/>
    <x v="0"/>
    <x v="0"/>
    <x v="2"/>
    <s v="Economy Rollaway Files"/>
    <n v="264.32"/>
    <n v="2"/>
    <n v="19.82"/>
  </r>
  <r>
    <d v="2017-12-24T00:00:00"/>
    <x v="11"/>
    <x v="3"/>
    <x v="679"/>
    <x v="34"/>
    <x v="0"/>
    <x v="3"/>
    <s v="GBC Instant Index System for Binding Systems"/>
    <n v="21.31"/>
    <n v="3"/>
    <n v="7.99"/>
  </r>
  <r>
    <d v="2017-12-24T00:00:00"/>
    <x v="11"/>
    <x v="3"/>
    <x v="317"/>
    <x v="32"/>
    <x v="0"/>
    <x v="0"/>
    <s v="Xerox 214"/>
    <n v="19.440000000000001"/>
    <n v="3"/>
    <n v="9.33"/>
  </r>
  <r>
    <d v="2017-12-24T00:00:00"/>
    <x v="11"/>
    <x v="3"/>
    <x v="317"/>
    <x v="32"/>
    <x v="0"/>
    <x v="3"/>
    <s v="Avery Triangle Shaped Sheet Lifters, Black, 2/Pack"/>
    <n v="12.3"/>
    <n v="5"/>
    <n v="6.15"/>
  </r>
  <r>
    <d v="2017-12-25T00:00:00"/>
    <x v="11"/>
    <x v="3"/>
    <x v="755"/>
    <x v="20"/>
    <x v="1"/>
    <x v="8"/>
    <s v="Magnifier Swing Arm Lamp"/>
    <n v="41.96"/>
    <n v="2"/>
    <n v="10.91"/>
  </r>
  <r>
    <d v="2017-12-25T00:00:00"/>
    <x v="11"/>
    <x v="3"/>
    <x v="565"/>
    <x v="20"/>
    <x v="1"/>
    <x v="11"/>
    <s v="Bush Andora Bookcase, Maple/Graphite Gray Finish"/>
    <n v="191.98"/>
    <n v="2"/>
    <n v="4.8"/>
  </r>
  <r>
    <d v="2017-12-25T00:00:00"/>
    <x v="11"/>
    <x v="3"/>
    <x v="677"/>
    <x v="5"/>
    <x v="0"/>
    <x v="2"/>
    <s v="Fellowes Bankers Box Stor/Drawer Steel Plus"/>
    <n v="95.94"/>
    <n v="3"/>
    <n v="9.59"/>
  </r>
  <r>
    <d v="2017-12-25T00:00:00"/>
    <x v="11"/>
    <x v="3"/>
    <x v="677"/>
    <x v="5"/>
    <x v="1"/>
    <x v="5"/>
    <s v="Global Value Mid-Back Manager's Chair, Gray"/>
    <n v="304.45"/>
    <n v="5"/>
    <n v="76.11"/>
  </r>
  <r>
    <d v="2017-12-25T00:00:00"/>
    <x v="11"/>
    <x v="3"/>
    <x v="743"/>
    <x v="10"/>
    <x v="2"/>
    <x v="9"/>
    <s v="Maxell 4.7GB DVD-R"/>
    <n v="158.93"/>
    <n v="7"/>
    <n v="41.72"/>
  </r>
  <r>
    <d v="2017-12-25T00:00:00"/>
    <x v="11"/>
    <x v="3"/>
    <x v="743"/>
    <x v="10"/>
    <x v="0"/>
    <x v="3"/>
    <s v="Satellite Sectional Post Binders"/>
    <n v="13.02"/>
    <n v="1"/>
    <n v="-10.42"/>
  </r>
  <r>
    <d v="2017-12-25T00:00:00"/>
    <x v="11"/>
    <x v="3"/>
    <x v="743"/>
    <x v="10"/>
    <x v="1"/>
    <x v="13"/>
    <s v="Hon Rectangular Conference Tables"/>
    <n v="273.06"/>
    <n v="2"/>
    <n v="-104.67"/>
  </r>
  <r>
    <d v="2017-12-25T00:00:00"/>
    <x v="11"/>
    <x v="3"/>
    <x v="743"/>
    <x v="10"/>
    <x v="0"/>
    <x v="7"/>
    <s v="Staples"/>
    <n v="39.31"/>
    <n v="13"/>
    <n v="12.78"/>
  </r>
  <r>
    <d v="2017-12-25T00:00:00"/>
    <x v="11"/>
    <x v="3"/>
    <x v="772"/>
    <x v="33"/>
    <x v="0"/>
    <x v="0"/>
    <s v="14-7/8 x 11 Blue Bar Computer Printout Paper"/>
    <n v="96.08"/>
    <n v="2"/>
    <n v="46.12"/>
  </r>
  <r>
    <d v="2017-12-25T00:00:00"/>
    <x v="11"/>
    <x v="3"/>
    <x v="772"/>
    <x v="33"/>
    <x v="0"/>
    <x v="7"/>
    <s v="Assorted Color Push Pins"/>
    <n v="3.62"/>
    <n v="2"/>
    <n v="1.19"/>
  </r>
  <r>
    <d v="2017-12-25T00:00:00"/>
    <x v="11"/>
    <x v="3"/>
    <x v="772"/>
    <x v="33"/>
    <x v="0"/>
    <x v="0"/>
    <s v="Xerox 1915"/>
    <n v="629.1"/>
    <n v="6"/>
    <n v="301.97000000000003"/>
  </r>
  <r>
    <d v="2017-12-25T00:00:00"/>
    <x v="11"/>
    <x v="3"/>
    <x v="772"/>
    <x v="33"/>
    <x v="2"/>
    <x v="6"/>
    <s v="AT&amp;T 17929 Lendline Telephone"/>
    <n v="90.48"/>
    <n v="2"/>
    <n v="23.52"/>
  </r>
  <r>
    <d v="2017-12-25T00:00:00"/>
    <x v="11"/>
    <x v="3"/>
    <x v="470"/>
    <x v="3"/>
    <x v="0"/>
    <x v="3"/>
    <s v="GBC DocuBind P50 Personal Binding Machine"/>
    <n v="153.55000000000001"/>
    <n v="3"/>
    <n v="51.82"/>
  </r>
  <r>
    <d v="2017-12-25T00:00:00"/>
    <x v="11"/>
    <x v="3"/>
    <x v="470"/>
    <x v="3"/>
    <x v="0"/>
    <x v="2"/>
    <s v="Tennsco Stur-D-Stor Boltless Shelving, 5 Shelves, 24&quot; Deep, Sand"/>
    <n v="270.62"/>
    <n v="2"/>
    <n v="2.71"/>
  </r>
  <r>
    <d v="2017-12-25T00:00:00"/>
    <x v="11"/>
    <x v="3"/>
    <x v="186"/>
    <x v="22"/>
    <x v="0"/>
    <x v="3"/>
    <s v="Tuff Stuff Recycled Round Ring Binders"/>
    <n v="3.86"/>
    <n v="1"/>
    <n v="1.4"/>
  </r>
  <r>
    <d v="2017-12-25T00:00:00"/>
    <x v="11"/>
    <x v="3"/>
    <x v="41"/>
    <x v="0"/>
    <x v="0"/>
    <x v="3"/>
    <s v="Wilson Jones Legal Size Ring Binders"/>
    <n v="39.58"/>
    <n v="9"/>
    <n v="-59.37"/>
  </r>
  <r>
    <d v="2017-12-25T00:00:00"/>
    <x v="11"/>
    <x v="3"/>
    <x v="41"/>
    <x v="0"/>
    <x v="0"/>
    <x v="14"/>
    <s v="Staple remover"/>
    <n v="44.69"/>
    <n v="7"/>
    <n v="5.03"/>
  </r>
  <r>
    <d v="2017-12-25T00:00:00"/>
    <x v="11"/>
    <x v="3"/>
    <x v="41"/>
    <x v="0"/>
    <x v="0"/>
    <x v="4"/>
    <s v="Newell 34"/>
    <n v="31.74"/>
    <n v="2"/>
    <n v="2.38"/>
  </r>
  <r>
    <d v="2017-12-25T00:00:00"/>
    <x v="11"/>
    <x v="3"/>
    <x v="41"/>
    <x v="0"/>
    <x v="0"/>
    <x v="3"/>
    <s v="Wilson Jones Ledger-Size, Piano-Hinge Binder, 2&quot;, Blue"/>
    <n v="40.98"/>
    <n v="5"/>
    <n v="-65.569999999999993"/>
  </r>
  <r>
    <d v="2017-12-25T00:00:00"/>
    <x v="11"/>
    <x v="3"/>
    <x v="41"/>
    <x v="0"/>
    <x v="0"/>
    <x v="3"/>
    <s v="Wilson Jones 1&quot; Hanging DublLock Ring Binders"/>
    <n v="3.17"/>
    <n v="3"/>
    <n v="-5.07"/>
  </r>
  <r>
    <d v="2017-12-25T00:00:00"/>
    <x v="11"/>
    <x v="3"/>
    <x v="54"/>
    <x v="16"/>
    <x v="1"/>
    <x v="8"/>
    <s v="Eldon 400 Class Desk Accessories, Black Carbon"/>
    <n v="21"/>
    <n v="3"/>
    <n v="5.78"/>
  </r>
  <r>
    <d v="2017-12-25T00:00:00"/>
    <x v="11"/>
    <x v="3"/>
    <x v="54"/>
    <x v="16"/>
    <x v="2"/>
    <x v="15"/>
    <s v="Lexmark 20R1285 X6650 Wireless All-in-One Printer"/>
    <n v="120"/>
    <n v="2"/>
    <n v="-7.2"/>
  </r>
  <r>
    <d v="2017-12-25T00:00:00"/>
    <x v="11"/>
    <x v="3"/>
    <x v="99"/>
    <x v="23"/>
    <x v="2"/>
    <x v="9"/>
    <s v="Memorex Micro Travel Drive 4 GB"/>
    <n v="31.8"/>
    <n v="3"/>
    <n v="13.67"/>
  </r>
  <r>
    <d v="2017-12-26T00:00:00"/>
    <x v="11"/>
    <x v="3"/>
    <x v="487"/>
    <x v="30"/>
    <x v="0"/>
    <x v="0"/>
    <s v="Recycled Desk Saver Line &quot;While You Were Out&quot; Book, 5 1/2&quot; X 4&quot;"/>
    <n v="44.75"/>
    <n v="5"/>
    <n v="20.59"/>
  </r>
  <r>
    <d v="2017-12-26T00:00:00"/>
    <x v="11"/>
    <x v="3"/>
    <x v="492"/>
    <x v="10"/>
    <x v="0"/>
    <x v="3"/>
    <s v="Acco Economy Flexible Poly Round Ring Binder"/>
    <n v="3.13"/>
    <n v="2"/>
    <n v="-2.61"/>
  </r>
  <r>
    <d v="2017-12-26T00:00:00"/>
    <x v="11"/>
    <x v="3"/>
    <x v="515"/>
    <x v="40"/>
    <x v="0"/>
    <x v="2"/>
    <s v="Tennsco Single-Tier Lockers"/>
    <n v="750.68"/>
    <n v="2"/>
    <n v="37.53"/>
  </r>
  <r>
    <d v="2017-12-26T00:00:00"/>
    <x v="11"/>
    <x v="3"/>
    <x v="119"/>
    <x v="0"/>
    <x v="0"/>
    <x v="0"/>
    <s v="Xerox 1959"/>
    <n v="16.03"/>
    <n v="3"/>
    <n v="5.61"/>
  </r>
  <r>
    <d v="2017-12-27T00:00:00"/>
    <x v="11"/>
    <x v="3"/>
    <x v="696"/>
    <x v="10"/>
    <x v="2"/>
    <x v="6"/>
    <s v="AT&amp;T 1080 Corded phone"/>
    <n v="164.39"/>
    <n v="2"/>
    <n v="-35.619999999999997"/>
  </r>
  <r>
    <d v="2017-12-27T00:00:00"/>
    <x v="11"/>
    <x v="3"/>
    <x v="696"/>
    <x v="10"/>
    <x v="0"/>
    <x v="4"/>
    <s v="BIC Brite Liner Highlighters"/>
    <n v="13.25"/>
    <n v="4"/>
    <n v="3.64"/>
  </r>
  <r>
    <d v="2017-12-28T00:00:00"/>
    <x v="11"/>
    <x v="3"/>
    <x v="94"/>
    <x v="3"/>
    <x v="0"/>
    <x v="2"/>
    <s v="Adjustable Depth Letter/Legal Cart"/>
    <n v="725.84"/>
    <n v="4"/>
    <n v="210.49"/>
  </r>
  <r>
    <d v="2017-12-28T00:00:00"/>
    <x v="11"/>
    <x v="3"/>
    <x v="259"/>
    <x v="20"/>
    <x v="0"/>
    <x v="1"/>
    <s v="Avery 473"/>
    <n v="72.45"/>
    <n v="7"/>
    <n v="34.78"/>
  </r>
  <r>
    <d v="2017-12-28T00:00:00"/>
    <x v="11"/>
    <x v="3"/>
    <x v="259"/>
    <x v="20"/>
    <x v="0"/>
    <x v="7"/>
    <s v="OIC Bulk Pack Metal Binder Clips"/>
    <n v="13.96"/>
    <n v="4"/>
    <n v="6.42"/>
  </r>
  <r>
    <d v="2017-12-28T00:00:00"/>
    <x v="11"/>
    <x v="3"/>
    <x v="259"/>
    <x v="20"/>
    <x v="0"/>
    <x v="3"/>
    <s v="Storex Dura Pro Binders"/>
    <n v="33.26"/>
    <n v="7"/>
    <n v="11.23"/>
  </r>
  <r>
    <d v="2017-12-28T00:00:00"/>
    <x v="11"/>
    <x v="3"/>
    <x v="259"/>
    <x v="20"/>
    <x v="2"/>
    <x v="6"/>
    <s v="Cush Cases Heavy Duty Rugged Cover Case for Samsung Galaxy S5 - Purple"/>
    <n v="14.85"/>
    <n v="3"/>
    <n v="4.01"/>
  </r>
  <r>
    <d v="2017-12-28T00:00:00"/>
    <x v="11"/>
    <x v="3"/>
    <x v="714"/>
    <x v="0"/>
    <x v="0"/>
    <x v="4"/>
    <s v="Stanley Bostitch Contemporary Electric Pencil Sharpeners"/>
    <n v="27.17"/>
    <n v="2"/>
    <n v="2.72"/>
  </r>
  <r>
    <d v="2017-12-28T00:00:00"/>
    <x v="11"/>
    <x v="3"/>
    <x v="714"/>
    <x v="0"/>
    <x v="1"/>
    <x v="11"/>
    <s v="Bush Westfield Collection Bookcases, Medium Cherry Finish"/>
    <n v="78.849999999999994"/>
    <n v="2"/>
    <n v="-11.6"/>
  </r>
  <r>
    <d v="2017-12-28T00:00:00"/>
    <x v="11"/>
    <x v="3"/>
    <x v="312"/>
    <x v="22"/>
    <x v="1"/>
    <x v="8"/>
    <s v="3M Hangers With Command Adhesive"/>
    <n v="7.4"/>
    <n v="2"/>
    <n v="3.03"/>
  </r>
  <r>
    <d v="2017-12-28T00:00:00"/>
    <x v="11"/>
    <x v="3"/>
    <x v="200"/>
    <x v="15"/>
    <x v="0"/>
    <x v="2"/>
    <s v="Carina Double Wide Media Storage Towers in Natural &amp; Black"/>
    <n v="64.78"/>
    <n v="1"/>
    <n v="-12.96"/>
  </r>
  <r>
    <d v="2017-12-28T00:00:00"/>
    <x v="11"/>
    <x v="3"/>
    <x v="593"/>
    <x v="26"/>
    <x v="0"/>
    <x v="3"/>
    <s v="Avery Reinforcements for Hole-Punch Pages"/>
    <n v="1.19"/>
    <n v="2"/>
    <n v="-0.99"/>
  </r>
  <r>
    <d v="2017-12-28T00:00:00"/>
    <x v="11"/>
    <x v="3"/>
    <x v="739"/>
    <x v="3"/>
    <x v="1"/>
    <x v="5"/>
    <s v="Novimex Turbo Task Chair"/>
    <n v="340.7"/>
    <n v="6"/>
    <n v="-34.07"/>
  </r>
  <r>
    <d v="2017-12-28T00:00:00"/>
    <x v="11"/>
    <x v="3"/>
    <x v="604"/>
    <x v="1"/>
    <x v="0"/>
    <x v="3"/>
    <s v="Computer Printout Index Tabs"/>
    <n v="1.68"/>
    <n v="5"/>
    <n v="-2.69"/>
  </r>
  <r>
    <d v="2017-12-28T00:00:00"/>
    <x v="11"/>
    <x v="3"/>
    <x v="604"/>
    <x v="1"/>
    <x v="1"/>
    <x v="8"/>
    <s v="G.E. Longer-Life Indoor Recessed Floodlight Bulbs"/>
    <n v="7.97"/>
    <n v="3"/>
    <n v="-2.39"/>
  </r>
  <r>
    <d v="2017-12-28T00:00:00"/>
    <x v="11"/>
    <x v="3"/>
    <x v="604"/>
    <x v="1"/>
    <x v="1"/>
    <x v="5"/>
    <s v="Padded Folding Chairs, Black, 4/Carton"/>
    <n v="113.37"/>
    <n v="2"/>
    <n v="-3.24"/>
  </r>
  <r>
    <d v="2017-12-28T00:00:00"/>
    <x v="11"/>
    <x v="3"/>
    <x v="604"/>
    <x v="1"/>
    <x v="1"/>
    <x v="8"/>
    <s v="3M Hangers With Command Adhesive"/>
    <n v="2.96"/>
    <n v="2"/>
    <n v="-1.41"/>
  </r>
  <r>
    <d v="2017-12-28T00:00:00"/>
    <x v="11"/>
    <x v="3"/>
    <x v="431"/>
    <x v="47"/>
    <x v="0"/>
    <x v="4"/>
    <s v="Staples in misc. colors"/>
    <n v="2.48"/>
    <n v="1"/>
    <n v="0.87"/>
  </r>
  <r>
    <d v="2017-12-28T00:00:00"/>
    <x v="11"/>
    <x v="3"/>
    <x v="431"/>
    <x v="47"/>
    <x v="0"/>
    <x v="3"/>
    <s v="Wilson Jones Impact Binders"/>
    <n v="25.9"/>
    <n v="5"/>
    <n v="12.69"/>
  </r>
  <r>
    <d v="2017-12-28T00:00:00"/>
    <x v="11"/>
    <x v="3"/>
    <x v="743"/>
    <x v="31"/>
    <x v="0"/>
    <x v="2"/>
    <s v="Eldon Mobile Mega Data Cart  Mega Stackable  Add-On Trays"/>
    <n v="118.25"/>
    <n v="5"/>
    <n v="34.29"/>
  </r>
  <r>
    <d v="2017-12-28T00:00:00"/>
    <x v="11"/>
    <x v="3"/>
    <x v="743"/>
    <x v="31"/>
    <x v="0"/>
    <x v="0"/>
    <s v="Xerox 1953"/>
    <n v="4.28"/>
    <n v="1"/>
    <n v="1.93"/>
  </r>
  <r>
    <d v="2017-12-29T00:00:00"/>
    <x v="11"/>
    <x v="3"/>
    <x v="229"/>
    <x v="3"/>
    <x v="1"/>
    <x v="5"/>
    <s v="Global High-Back Leather Tilter, Burgundy"/>
    <n v="393.57"/>
    <n v="4"/>
    <n v="-44.28"/>
  </r>
  <r>
    <d v="2017-12-29T00:00:00"/>
    <x v="11"/>
    <x v="3"/>
    <x v="229"/>
    <x v="3"/>
    <x v="2"/>
    <x v="6"/>
    <s v="Adtran 1202752G1"/>
    <n v="302.38"/>
    <n v="3"/>
    <n v="22.68"/>
  </r>
  <r>
    <d v="2017-12-29T00:00:00"/>
    <x v="11"/>
    <x v="3"/>
    <x v="283"/>
    <x v="20"/>
    <x v="0"/>
    <x v="7"/>
    <s v="Ideal Clamps"/>
    <n v="6.03"/>
    <n v="3"/>
    <n v="2.95"/>
  </r>
  <r>
    <d v="2017-12-29T00:00:00"/>
    <x v="11"/>
    <x v="3"/>
    <x v="590"/>
    <x v="14"/>
    <x v="0"/>
    <x v="0"/>
    <s v="Xerox 1915"/>
    <n v="209.7"/>
    <n v="2"/>
    <n v="100.66"/>
  </r>
  <r>
    <d v="2017-12-29T00:00:00"/>
    <x v="11"/>
    <x v="3"/>
    <x v="624"/>
    <x v="3"/>
    <x v="1"/>
    <x v="8"/>
    <s v="Nu-Dell Executive Frame"/>
    <n v="101.12"/>
    <n v="8"/>
    <n v="37.409999999999997"/>
  </r>
  <r>
    <d v="2017-12-29T00:00:00"/>
    <x v="11"/>
    <x v="3"/>
    <x v="206"/>
    <x v="22"/>
    <x v="0"/>
    <x v="7"/>
    <s v="Acco Glide Clips"/>
    <n v="19.600000000000001"/>
    <n v="5"/>
    <n v="9.6"/>
  </r>
  <r>
    <d v="2017-12-29T00:00:00"/>
    <x v="11"/>
    <x v="3"/>
    <x v="206"/>
    <x v="22"/>
    <x v="1"/>
    <x v="8"/>
    <s v="Hand-Finished Solid Wood Document Frame"/>
    <n v="68.459999999999994"/>
    <n v="2"/>
    <n v="20.54"/>
  </r>
  <r>
    <d v="2017-12-29T00:00:00"/>
    <x v="11"/>
    <x v="3"/>
    <x v="175"/>
    <x v="5"/>
    <x v="1"/>
    <x v="5"/>
    <s v="DMI Arturo Collection Mission-style Design Wood Chair"/>
    <n v="1207.8399999999999"/>
    <n v="8"/>
    <n v="314.04000000000002"/>
  </r>
  <r>
    <d v="2017-12-29T00:00:00"/>
    <x v="11"/>
    <x v="3"/>
    <x v="175"/>
    <x v="5"/>
    <x v="0"/>
    <x v="3"/>
    <s v="GBC ProClick Spines for 32-Hole Punch"/>
    <n v="12.53"/>
    <n v="1"/>
    <n v="5.89"/>
  </r>
  <r>
    <d v="2017-12-29T00:00:00"/>
    <x v="11"/>
    <x v="3"/>
    <x v="175"/>
    <x v="5"/>
    <x v="0"/>
    <x v="4"/>
    <s v="Panasonic KP-350BK Electric Pencil Sharpener with Auto Stop"/>
    <n v="34.58"/>
    <n v="1"/>
    <n v="10.029999999999999"/>
  </r>
  <r>
    <d v="2017-12-29T00:00:00"/>
    <x v="11"/>
    <x v="3"/>
    <x v="175"/>
    <x v="5"/>
    <x v="1"/>
    <x v="5"/>
    <s v="Global Leather and Oak Executive Chair, Black"/>
    <n v="300.98"/>
    <n v="1"/>
    <n v="87.28"/>
  </r>
  <r>
    <d v="2017-12-29T00:00:00"/>
    <x v="11"/>
    <x v="3"/>
    <x v="175"/>
    <x v="5"/>
    <x v="1"/>
    <x v="5"/>
    <s v="Harbour Creations Steel Folding Chair"/>
    <n v="258.75"/>
    <n v="3"/>
    <n v="77.63"/>
  </r>
  <r>
    <d v="2017-12-30T00:00:00"/>
    <x v="11"/>
    <x v="3"/>
    <x v="684"/>
    <x v="18"/>
    <x v="0"/>
    <x v="12"/>
    <s v="Eureka The Boss Plus 12-Amp Hard Box Upright Vacuum, Red"/>
    <n v="209.3"/>
    <n v="2"/>
    <n v="56.51"/>
  </r>
  <r>
    <d v="2017-12-30T00:00:00"/>
    <x v="11"/>
    <x v="3"/>
    <x v="99"/>
    <x v="20"/>
    <x v="1"/>
    <x v="11"/>
    <s v="Bush Westfield Collection Bookcases, Fully Assembled"/>
    <n v="323.14"/>
    <n v="4"/>
    <n v="12.12"/>
  </r>
  <r>
    <d v="2017-12-30T00:00:00"/>
    <x v="11"/>
    <x v="3"/>
    <x v="99"/>
    <x v="20"/>
    <x v="2"/>
    <x v="6"/>
    <s v="Gear Head AU3700S Headset"/>
    <n v="90.93"/>
    <n v="7"/>
    <n v="2.73"/>
  </r>
  <r>
    <d v="2017-12-30T00:00:00"/>
    <x v="11"/>
    <x v="3"/>
    <x v="99"/>
    <x v="20"/>
    <x v="0"/>
    <x v="3"/>
    <s v="Wilson Jones Legal Size Ring Binders"/>
    <n v="52.78"/>
    <n v="3"/>
    <n v="19.79"/>
  </r>
  <r>
    <d v="2017-12-30T00:00:00"/>
    <x v="11"/>
    <x v="3"/>
    <x v="732"/>
    <x v="3"/>
    <x v="0"/>
    <x v="3"/>
    <s v="Cardinal Slant-D Ring Binder, Heavy Gauge Vinyl"/>
    <n v="13.9"/>
    <n v="2"/>
    <n v="4.5199999999999996"/>
  </r>
  <r>
    <d v="2017-12-30T00:00:00"/>
    <x v="11"/>
    <x v="3"/>
    <x v="732"/>
    <x v="3"/>
    <x v="0"/>
    <x v="3"/>
    <s v="GBC Binding covers"/>
    <n v="20.72"/>
    <n v="2"/>
    <n v="6.48"/>
  </r>
  <r>
    <d v="2017-12-30T00:00:00"/>
    <x v="11"/>
    <x v="3"/>
    <x v="747"/>
    <x v="26"/>
    <x v="0"/>
    <x v="7"/>
    <s v="Bagged Rubber Bands"/>
    <n v="3.02"/>
    <n v="3"/>
    <n v="-0.6"/>
  </r>
</pivotCacheRecords>
</file>

<file path=xl/pivotCache/pivotCacheRecords2.xml><?xml version="1.0" encoding="utf-8"?>
<pivotCacheRecords xmlns="http://schemas.openxmlformats.org/spreadsheetml/2006/main" xmlns:r="http://schemas.openxmlformats.org/officeDocument/2006/relationships" xmlns:mc="http://schemas.openxmlformats.org/markup-compatibility/2006" xmlns:xr="http://schemas.microsoft.com/office/spreadsheetml/2014/revision" mc:Ignorable="xr" count="2499">
  <r>
    <x v="0"/>
    <s v="Darren Powers"/>
  </r>
  <r>
    <x v="0"/>
    <s v="Phillina Ober"/>
  </r>
  <r>
    <x v="0"/>
    <s v="Mick Brown"/>
  </r>
  <r>
    <x v="0"/>
    <s v="Lycoris Saunders"/>
  </r>
  <r>
    <x v="0"/>
    <s v="Jack O'Briant"/>
  </r>
  <r>
    <x v="0"/>
    <s v="Maria Etezadi"/>
  </r>
  <r>
    <x v="0"/>
    <s v="Vivek Sundaresam"/>
  </r>
  <r>
    <x v="0"/>
    <s v="Melanie Seite"/>
  </r>
  <r>
    <x v="0"/>
    <s v="Anthony Jacobs"/>
  </r>
  <r>
    <x v="0"/>
    <s v="Seth Vernon"/>
  </r>
  <r>
    <x v="0"/>
    <s v="Chris Selesnick"/>
  </r>
  <r>
    <x v="0"/>
    <s v="Natalie DeCherney"/>
  </r>
  <r>
    <x v="0"/>
    <s v="Brian Dahlen"/>
  </r>
  <r>
    <x v="0"/>
    <s v="Michael Moore"/>
  </r>
  <r>
    <x v="0"/>
    <s v="Brendan Sweed"/>
  </r>
  <r>
    <x v="0"/>
    <s v="Erica Hackney"/>
  </r>
  <r>
    <x v="0"/>
    <s v="Delfina Latchford"/>
  </r>
  <r>
    <x v="0"/>
    <s v="David Wiener"/>
  </r>
  <r>
    <x v="0"/>
    <s v="Toby Swindell"/>
  </r>
  <r>
    <x v="0"/>
    <s v="Hunter Lopez"/>
  </r>
  <r>
    <x v="0"/>
    <s v="Mark Van Huff"/>
  </r>
  <r>
    <x v="0"/>
    <s v="Xylona Preis"/>
  </r>
  <r>
    <x v="0"/>
    <s v="Muhammed MacIntyre"/>
  </r>
  <r>
    <x v="0"/>
    <s v="Tom Boeckenhauer"/>
  </r>
  <r>
    <x v="0"/>
    <s v="Ionia McGrath"/>
  </r>
  <r>
    <x v="0"/>
    <s v="Speros Goranitis"/>
  </r>
  <r>
    <x v="0"/>
    <s v="Shirley Daniels"/>
  </r>
  <r>
    <x v="0"/>
    <s v="Carol Adams"/>
  </r>
  <r>
    <x v="0"/>
    <s v="Ed Jacobs"/>
  </r>
  <r>
    <x v="0"/>
    <s v="Jasper Cacioppo"/>
  </r>
  <r>
    <x v="0"/>
    <s v="Mike Vittorini"/>
  </r>
  <r>
    <x v="0"/>
    <s v="Liz Carlisle"/>
  </r>
  <r>
    <x v="0"/>
    <s v="Bradley Drucker"/>
  </r>
  <r>
    <x v="0"/>
    <s v="Cynthia Delaney"/>
  </r>
  <r>
    <x v="0"/>
    <s v="Eric Barreto"/>
  </r>
  <r>
    <x v="0"/>
    <s v="Deborah Brumfield"/>
  </r>
  <r>
    <x v="0"/>
    <s v="Mark Haberlin"/>
  </r>
  <r>
    <x v="0"/>
    <s v="Neil Ducich"/>
  </r>
  <r>
    <x v="0"/>
    <s v="Cyma Kinney"/>
  </r>
  <r>
    <x v="0"/>
    <s v="Nathan Mautz"/>
  </r>
  <r>
    <x v="0"/>
    <s v="Natalie Fritzler"/>
  </r>
  <r>
    <x v="0"/>
    <s v="Guy Armstrong"/>
  </r>
  <r>
    <x v="0"/>
    <s v="Sanjit Chand"/>
  </r>
  <r>
    <x v="0"/>
    <s v="Shui Tom"/>
  </r>
  <r>
    <x v="0"/>
    <s v="Marina Lichtenstein"/>
  </r>
  <r>
    <x v="0"/>
    <s v="Barry FranzÃ¶sisch"/>
  </r>
  <r>
    <x v="0"/>
    <s v="Michael Nguyen"/>
  </r>
  <r>
    <x v="0"/>
    <s v="Troy Blackwell"/>
  </r>
  <r>
    <x v="0"/>
    <s v="Aaron Bergman"/>
  </r>
  <r>
    <x v="0"/>
    <s v="Linda Cazamias"/>
  </r>
  <r>
    <x v="0"/>
    <s v="Steven Roelle"/>
  </r>
  <r>
    <x v="0"/>
    <s v="Tamara Manning"/>
  </r>
  <r>
    <x v="0"/>
    <s v="Sue Ann Reed"/>
  </r>
  <r>
    <x v="0"/>
    <s v="Michael Grace"/>
  </r>
  <r>
    <x v="0"/>
    <s v="Jennifer Halladay"/>
  </r>
  <r>
    <x v="0"/>
    <s v="Joy Smith"/>
  </r>
  <r>
    <x v="0"/>
    <s v="Dave Brooks"/>
  </r>
  <r>
    <x v="0"/>
    <s v="Hallie Redmond"/>
  </r>
  <r>
    <x v="0"/>
    <s v="Vicky Freymann"/>
  </r>
  <r>
    <x v="0"/>
    <s v="Shahid Collister"/>
  </r>
  <r>
    <x v="0"/>
    <s v="Giulietta Weimer"/>
  </r>
  <r>
    <x v="0"/>
    <s v="Kristina Nunn"/>
  </r>
  <r>
    <x v="0"/>
    <s v="Nicole Hansen"/>
  </r>
  <r>
    <x v="0"/>
    <s v="Ashley Jarboe"/>
  </r>
  <r>
    <x v="0"/>
    <s v="Anne Pryor"/>
  </r>
  <r>
    <x v="0"/>
    <s v="Jill Stevenson"/>
  </r>
  <r>
    <x v="0"/>
    <s v="Sam Craven"/>
  </r>
  <r>
    <x v="0"/>
    <s v="Eva Jacobs"/>
  </r>
  <r>
    <x v="0"/>
    <s v="Clay Ludtke"/>
  </r>
  <r>
    <x v="0"/>
    <s v="Aimee Bixby"/>
  </r>
  <r>
    <x v="0"/>
    <s v="Nora Pelletier"/>
  </r>
  <r>
    <x v="0"/>
    <s v="Craig Molinari"/>
  </r>
  <r>
    <x v="0"/>
    <s v="Scott Williamson"/>
  </r>
  <r>
    <x v="0"/>
    <s v="Kean Thornton"/>
  </r>
  <r>
    <x v="0"/>
    <s v="Chloris Kastensmidt"/>
  </r>
  <r>
    <x v="0"/>
    <s v="Kelly Andreada"/>
  </r>
  <r>
    <x v="0"/>
    <s v="Filia McAdams"/>
  </r>
  <r>
    <x v="0"/>
    <s v="Richard Bierner"/>
  </r>
  <r>
    <x v="0"/>
    <s v="Dean Katz"/>
  </r>
  <r>
    <x v="0"/>
    <s v="Christine Kargatis"/>
  </r>
  <r>
    <x v="0"/>
    <s v="Jason Fortune-"/>
  </r>
  <r>
    <x v="0"/>
    <s v="Rick Bensley"/>
  </r>
  <r>
    <x v="0"/>
    <s v="Neil FranzÃ¶sisch"/>
  </r>
  <r>
    <x v="0"/>
    <s v="Alan Shonely"/>
  </r>
  <r>
    <x v="0"/>
    <s v="Bradley Nguyen"/>
  </r>
  <r>
    <x v="0"/>
    <s v="Christine Phan"/>
  </r>
  <r>
    <x v="0"/>
    <s v="Annie Zypern"/>
  </r>
  <r>
    <x v="0"/>
    <s v="Quincy Jones"/>
  </r>
  <r>
    <x v="0"/>
    <s v="Sean Miller"/>
  </r>
  <r>
    <x v="0"/>
    <s v="Eileen Kiefer"/>
  </r>
  <r>
    <x v="0"/>
    <s v="Sample Company A"/>
  </r>
  <r>
    <x v="0"/>
    <s v="Matt Connell"/>
  </r>
  <r>
    <x v="0"/>
    <s v="Cassandra Brandow"/>
  </r>
  <r>
    <x v="0"/>
    <s v="Thomas Seio"/>
  </r>
  <r>
    <x v="0"/>
    <s v="Kristen Hastings"/>
  </r>
  <r>
    <x v="0"/>
    <s v="Gary McGarr"/>
  </r>
  <r>
    <x v="0"/>
    <s v="Craig Carroll"/>
  </r>
  <r>
    <x v="0"/>
    <s v="Beth Fritzler"/>
  </r>
  <r>
    <x v="0"/>
    <s v="Vivian Mathis"/>
  </r>
  <r>
    <x v="0"/>
    <s v="Patrick O'Donnell"/>
  </r>
  <r>
    <x v="0"/>
    <s v="Bruce Geld"/>
  </r>
  <r>
    <x v="0"/>
    <s v="Carlos Daly"/>
  </r>
  <r>
    <x v="0"/>
    <s v="Maurice Satty"/>
  </r>
  <r>
    <x v="0"/>
    <s v="Christina Anderson"/>
  </r>
  <r>
    <x v="0"/>
    <s v="Jonathan Doherty"/>
  </r>
  <r>
    <x v="0"/>
    <s v="Damala Kotsonis"/>
  </r>
  <r>
    <x v="0"/>
    <s v="Cindy Stewart"/>
  </r>
  <r>
    <x v="0"/>
    <s v="Christina VanderZanden"/>
  </r>
  <r>
    <x v="0"/>
    <s v="Daniel Raglin"/>
  </r>
  <r>
    <x v="0"/>
    <s v="Mike Pelletier"/>
  </r>
  <r>
    <x v="0"/>
    <s v="Mike Gockenbach"/>
  </r>
  <r>
    <x v="0"/>
    <s v="Kunst Miller"/>
  </r>
  <r>
    <x v="0"/>
    <s v="Dorris liebe"/>
  </r>
  <r>
    <x v="0"/>
    <s v="Susan Gilcrest"/>
  </r>
  <r>
    <x v="0"/>
    <s v="Mark Packer"/>
  </r>
  <r>
    <x v="0"/>
    <s v="Nat Carroll"/>
  </r>
  <r>
    <x v="0"/>
    <s v="Alex Avila"/>
  </r>
  <r>
    <x v="0"/>
    <s v="Jas O'Carroll"/>
  </r>
  <r>
    <x v="0"/>
    <s v="Dorothy Dickinson"/>
  </r>
  <r>
    <x v="0"/>
    <s v="Karen Bern"/>
  </r>
  <r>
    <x v="0"/>
    <s v="Trudy Glocke"/>
  </r>
  <r>
    <x v="0"/>
    <s v="Katharine Harms"/>
  </r>
  <r>
    <x v="0"/>
    <s v="Rob Dowd"/>
  </r>
  <r>
    <x v="0"/>
    <s v="Anna HÃ¤berlin"/>
  </r>
  <r>
    <x v="0"/>
    <s v="Katrina Edelman"/>
  </r>
  <r>
    <x v="0"/>
    <s v="Paul Knutson"/>
  </r>
  <r>
    <x v="0"/>
    <s v="Mary Zewe"/>
  </r>
  <r>
    <x v="0"/>
    <s v="Ken Black"/>
  </r>
  <r>
    <x v="0"/>
    <s v="Tracy Hopkins"/>
  </r>
  <r>
    <x v="0"/>
    <s v="Greg Maxwell"/>
  </r>
  <r>
    <x v="0"/>
    <s v="John Grady"/>
  </r>
  <r>
    <x v="0"/>
    <s v="Ruben Dartt"/>
  </r>
  <r>
    <x v="0"/>
    <s v="Roy Phan"/>
  </r>
  <r>
    <x v="0"/>
    <s v="Guy Phonely"/>
  </r>
  <r>
    <x v="0"/>
    <s v="Scott Cohen"/>
  </r>
  <r>
    <x v="0"/>
    <s v="Andy Yotov"/>
  </r>
  <r>
    <x v="0"/>
    <s v="Frank Hawley"/>
  </r>
  <r>
    <x v="0"/>
    <s v="Pauline Johnson"/>
  </r>
  <r>
    <x v="0"/>
    <s v="Roland Schwarz"/>
  </r>
  <r>
    <x v="0"/>
    <s v="Valerie Mitchum"/>
  </r>
  <r>
    <x v="0"/>
    <s v="Jim Mitchum"/>
  </r>
  <r>
    <x v="0"/>
    <s v="Ruben Ausman"/>
  </r>
  <r>
    <x v="0"/>
    <s v="Pauline Chand"/>
  </r>
  <r>
    <x v="0"/>
    <s v="John Stevenson"/>
  </r>
  <r>
    <x v="0"/>
    <s v="Jay Kimmel"/>
  </r>
  <r>
    <x v="0"/>
    <s v="Sanjit Engle"/>
  </r>
  <r>
    <x v="0"/>
    <s v="Gary Mitchum"/>
  </r>
  <r>
    <x v="0"/>
    <s v="Michelle Moray"/>
  </r>
  <r>
    <x v="0"/>
    <s v="Kean Nguyen"/>
  </r>
  <r>
    <x v="0"/>
    <s v="Stewart Visinsky"/>
  </r>
  <r>
    <x v="0"/>
    <s v="Edward Hooks"/>
  </r>
  <r>
    <x v="0"/>
    <s v="Ben Ferrer"/>
  </r>
  <r>
    <x v="0"/>
    <s v="Paul Stevenson"/>
  </r>
  <r>
    <x v="0"/>
    <s v="Stephanie Phelps"/>
  </r>
  <r>
    <x v="0"/>
    <s v="John Lee"/>
  </r>
  <r>
    <x v="0"/>
    <s v="Nicole Fjeld"/>
  </r>
  <r>
    <x v="0"/>
    <s v="Allen Goldenen"/>
  </r>
  <r>
    <x v="0"/>
    <s v="Benjamin Patterson"/>
  </r>
  <r>
    <x v="0"/>
    <s v="Allen Armold"/>
  </r>
  <r>
    <x v="0"/>
    <s v="Dorothy Badders"/>
  </r>
  <r>
    <x v="0"/>
    <s v="Aaron Hawkins"/>
  </r>
  <r>
    <x v="0"/>
    <s v="Theresa Swint"/>
  </r>
  <r>
    <x v="0"/>
    <s v="Laurel Beltran"/>
  </r>
  <r>
    <x v="0"/>
    <s v="Dianna Arnett"/>
  </r>
  <r>
    <x v="0"/>
    <s v="Lena Creighton"/>
  </r>
  <r>
    <x v="0"/>
    <s v="Beth Thompson"/>
  </r>
  <r>
    <x v="0"/>
    <s v="Aleksandra Gannaway"/>
  </r>
  <r>
    <x v="0"/>
    <s v="Marc Harrigan"/>
  </r>
  <r>
    <x v="0"/>
    <s v="Muhammed Yedwab"/>
  </r>
  <r>
    <x v="0"/>
    <s v="George Bell"/>
  </r>
  <r>
    <x v="0"/>
    <s v="Arianne Irving"/>
  </r>
  <r>
    <x v="0"/>
    <s v="David Smith"/>
  </r>
  <r>
    <x v="0"/>
    <s v="Lauren Leatherbury"/>
  </r>
  <r>
    <x v="0"/>
    <s v="Harry Greene"/>
  </r>
  <r>
    <x v="0"/>
    <s v="Laura Armstrong"/>
  </r>
  <r>
    <x v="0"/>
    <s v="Katherine Hughes"/>
  </r>
  <r>
    <x v="0"/>
    <s v="Justin MacKendrick"/>
  </r>
  <r>
    <x v="0"/>
    <s v="Andrew Roberts"/>
  </r>
  <r>
    <x v="0"/>
    <s v="Cari Schnelling"/>
  </r>
  <r>
    <x v="0"/>
    <s v="Joni Sundaresam"/>
  </r>
  <r>
    <x v="0"/>
    <s v="Nathan Cano"/>
  </r>
  <r>
    <x v="0"/>
    <s v="Paul MacIntyre"/>
  </r>
  <r>
    <x v="0"/>
    <s v="Andrew Allen"/>
  </r>
  <r>
    <x v="0"/>
    <s v="Bill Shonely"/>
  </r>
  <r>
    <x v="0"/>
    <s v="Peter Fuller"/>
  </r>
  <r>
    <x v="0"/>
    <s v="Emily Burns"/>
  </r>
  <r>
    <x v="0"/>
    <s v="Giulietta Dortch"/>
  </r>
  <r>
    <x v="0"/>
    <s v="Harold Pawlan"/>
  </r>
  <r>
    <x v="0"/>
    <s v="Steve Nguyen"/>
  </r>
  <r>
    <x v="0"/>
    <s v="Carol Triggs"/>
  </r>
  <r>
    <x v="0"/>
    <s v="Patrick Gardner"/>
  </r>
  <r>
    <x v="0"/>
    <s v="Sean Braxton"/>
  </r>
  <r>
    <x v="0"/>
    <s v="Art Foster"/>
  </r>
  <r>
    <x v="0"/>
    <s v="Greg Matthias"/>
  </r>
  <r>
    <x v="0"/>
    <s v="Paul Gonzalez"/>
  </r>
  <r>
    <x v="0"/>
    <s v="Raymond Messe"/>
  </r>
  <r>
    <x v="0"/>
    <s v="Brooke Gillingham"/>
  </r>
  <r>
    <x v="0"/>
    <s v="Victoria Wilson"/>
  </r>
  <r>
    <x v="0"/>
    <s v="Harold Dahlen"/>
  </r>
  <r>
    <x v="0"/>
    <s v="Alejandro Grove"/>
  </r>
  <r>
    <x v="0"/>
    <s v="Erica Hernandez"/>
  </r>
  <r>
    <x v="0"/>
    <s v="Naresj Patel"/>
  </r>
  <r>
    <x v="0"/>
    <s v="Anthony Johnson"/>
  </r>
  <r>
    <x v="0"/>
    <s v="Pauline Webber"/>
  </r>
  <r>
    <x v="0"/>
    <s v="Cindy Chapman"/>
  </r>
  <r>
    <x v="0"/>
    <s v="Pete Armstrong"/>
  </r>
  <r>
    <x v="0"/>
    <s v="Bruce Stewart"/>
  </r>
  <r>
    <x v="0"/>
    <s v="Ted Trevino"/>
  </r>
  <r>
    <x v="0"/>
    <s v="George Ashbrook"/>
  </r>
  <r>
    <x v="0"/>
    <s v="John Huston"/>
  </r>
  <r>
    <x v="0"/>
    <s v="Tamara Dahlen"/>
  </r>
  <r>
    <x v="0"/>
    <s v="Randy Ferguson"/>
  </r>
  <r>
    <x v="0"/>
    <s v="Matt Collister"/>
  </r>
  <r>
    <x v="0"/>
    <s v="Mitch Willingham"/>
  </r>
  <r>
    <x v="0"/>
    <s v="Bradley Talbott"/>
  </r>
  <r>
    <x v="0"/>
    <s v="Frank Gastineau"/>
  </r>
  <r>
    <x v="0"/>
    <s v="Evan Henry"/>
  </r>
  <r>
    <x v="0"/>
    <s v="Greg Tran"/>
  </r>
  <r>
    <x v="0"/>
    <s v="Resi PÃ¶lking"/>
  </r>
  <r>
    <x v="0"/>
    <s v="Janet Lee"/>
  </r>
  <r>
    <x v="0"/>
    <s v="Barry Weirich"/>
  </r>
  <r>
    <x v="0"/>
    <s v="Herbert Flentye"/>
  </r>
  <r>
    <x v="0"/>
    <s v="Dean percer"/>
  </r>
  <r>
    <x v="0"/>
    <s v="Maya Herman"/>
  </r>
  <r>
    <x v="0"/>
    <s v="Laurel Elliston"/>
  </r>
  <r>
    <x v="0"/>
    <s v="Patrick Jones"/>
  </r>
  <r>
    <x v="0"/>
    <s v="Magdelene Morse"/>
  </r>
  <r>
    <x v="0"/>
    <s v="Ellis Ballard"/>
  </r>
  <r>
    <x v="0"/>
    <s v="Shahid Shariari"/>
  </r>
  <r>
    <x v="0"/>
    <s v="James Galang"/>
  </r>
  <r>
    <x v="0"/>
    <s v="Laurel Workman"/>
  </r>
  <r>
    <x v="0"/>
    <s v="Mark Cousins"/>
  </r>
  <r>
    <x v="0"/>
    <s v="Jim Karlsson"/>
  </r>
  <r>
    <x v="0"/>
    <s v="Dianna Wilson"/>
  </r>
  <r>
    <x v="0"/>
    <s v="Corey Roper"/>
  </r>
  <r>
    <x v="0"/>
    <s v="Liz Thompson"/>
  </r>
  <r>
    <x v="0"/>
    <s v="Steven Cartwright"/>
  </r>
  <r>
    <x v="0"/>
    <s v="Ross Baird"/>
  </r>
  <r>
    <x v="0"/>
    <s v="Richard Eichhorn"/>
  </r>
  <r>
    <x v="0"/>
    <s v="Bobby Trafton"/>
  </r>
  <r>
    <x v="0"/>
    <s v="Bryan Mills"/>
  </r>
  <r>
    <x v="0"/>
    <s v="Grant Thornton"/>
  </r>
  <r>
    <x v="0"/>
    <s v="Sarah Bern"/>
  </r>
  <r>
    <x v="0"/>
    <s v="Valerie Takahito"/>
  </r>
  <r>
    <x v="0"/>
    <s v="Bart Pistole"/>
  </r>
  <r>
    <x v="0"/>
    <s v="Nick Radford"/>
  </r>
  <r>
    <x v="0"/>
    <s v="Carlos Soltero"/>
  </r>
  <r>
    <x v="0"/>
    <s v="Rick Duston"/>
  </r>
  <r>
    <x v="0"/>
    <s v="Brosina Hoffman"/>
  </r>
  <r>
    <x v="0"/>
    <s v="Carl Weiss"/>
  </r>
  <r>
    <x v="0"/>
    <s v="Chuck Magee"/>
  </r>
  <r>
    <x v="0"/>
    <s v="Frank Olsen"/>
  </r>
  <r>
    <x v="0"/>
    <s v="Heather Kirkland"/>
  </r>
  <r>
    <x v="0"/>
    <s v="Sharelle Roach"/>
  </r>
  <r>
    <x v="0"/>
    <s v="Kelly Lampkin"/>
  </r>
  <r>
    <x v="0"/>
    <s v="Pamela Stobb"/>
  </r>
  <r>
    <x v="0"/>
    <s v="Sonia Cooley"/>
  </r>
  <r>
    <x v="0"/>
    <s v="Duane Benoit"/>
  </r>
  <r>
    <x v="0"/>
    <s v="Gary Hwang"/>
  </r>
  <r>
    <x v="0"/>
    <s v="Jennifer Ferguson"/>
  </r>
  <r>
    <x v="0"/>
    <s v="Mick Crebagga"/>
  </r>
  <r>
    <x v="0"/>
    <s v="Corey-Lock"/>
  </r>
  <r>
    <x v="0"/>
    <s v="Natalie Webber"/>
  </r>
  <r>
    <x v="0"/>
    <s v="Toby Braunhardt"/>
  </r>
  <r>
    <x v="0"/>
    <s v="Joel Eaton"/>
  </r>
  <r>
    <x v="0"/>
    <s v="Dianna Vittorini"/>
  </r>
  <r>
    <x v="0"/>
    <s v="Anna Andreadi"/>
  </r>
  <r>
    <x v="0"/>
    <s v="Brian Stugart"/>
  </r>
  <r>
    <x v="0"/>
    <s v="Denise Leinenbach"/>
  </r>
  <r>
    <x v="0"/>
    <s v="Liz Pelletier"/>
  </r>
  <r>
    <x v="0"/>
    <s v="Noel Staavos"/>
  </r>
  <r>
    <x v="0"/>
    <s v="Grace Kelly"/>
  </r>
  <r>
    <x v="0"/>
    <s v="Liz MacKendrick"/>
  </r>
  <r>
    <x v="0"/>
    <s v="Cynthia Arntzen"/>
  </r>
  <r>
    <x v="0"/>
    <s v="Rob Williams"/>
  </r>
  <r>
    <x v="0"/>
    <s v="Dan Lawera"/>
  </r>
  <r>
    <x v="0"/>
    <s v="Helen Abelman"/>
  </r>
  <r>
    <x v="0"/>
    <s v="Russell Applegate"/>
  </r>
  <r>
    <x v="0"/>
    <s v="Anthony Rawles"/>
  </r>
  <r>
    <x v="0"/>
    <s v="Michael Stewart"/>
  </r>
  <r>
    <x v="0"/>
    <s v="Brian DeCherney"/>
  </r>
  <r>
    <x v="0"/>
    <s v="Eric Hoffmann"/>
  </r>
  <r>
    <x v="0"/>
    <s v="Maxwell Schwartz"/>
  </r>
  <r>
    <x v="0"/>
    <s v="Michael Chen"/>
  </r>
  <r>
    <x v="0"/>
    <s v="Dan Campbell"/>
  </r>
  <r>
    <x v="0"/>
    <s v="Dennis Pardue"/>
  </r>
  <r>
    <x v="0"/>
    <s v="Don Miller"/>
  </r>
  <r>
    <x v="0"/>
    <s v="Emily Phan"/>
  </r>
  <r>
    <x v="0"/>
    <s v="Becky Castell"/>
  </r>
  <r>
    <x v="0"/>
    <s v="Michelle Huthwaite"/>
  </r>
  <r>
    <x v="0"/>
    <s v="Ed Braxton"/>
  </r>
  <r>
    <x v="0"/>
    <s v="Brian Moss"/>
  </r>
  <r>
    <x v="0"/>
    <s v="Gary Hansen"/>
  </r>
  <r>
    <x v="0"/>
    <s v="Darrin Sayre"/>
  </r>
  <r>
    <x v="0"/>
    <s v="Mark Hamilton"/>
  </r>
  <r>
    <x v="0"/>
    <s v="Jamie Kunitz"/>
  </r>
  <r>
    <x v="0"/>
    <s v="Alyssa Crouse"/>
  </r>
  <r>
    <x v="0"/>
    <s v="Max Engle"/>
  </r>
  <r>
    <x v="0"/>
    <s v="Paul Van Hugh"/>
  </r>
  <r>
    <x v="0"/>
    <s v="Arthur Wiediger"/>
  </r>
  <r>
    <x v="0"/>
    <s v="Philip Brown"/>
  </r>
  <r>
    <x v="0"/>
    <s v="Shirley Schmidt"/>
  </r>
  <r>
    <x v="0"/>
    <s v="Barbara Fisher"/>
  </r>
  <r>
    <x v="0"/>
    <s v="Adrian Hane"/>
  </r>
  <r>
    <x v="0"/>
    <s v="Jack Lebron"/>
  </r>
  <r>
    <x v="0"/>
    <s v="Christine Abelman"/>
  </r>
  <r>
    <x v="0"/>
    <s v="Eugene Moren"/>
  </r>
  <r>
    <x v="0"/>
    <s v="Katherine Murray"/>
  </r>
  <r>
    <x v="0"/>
    <s v="Scot Wooten"/>
  </r>
  <r>
    <x v="0"/>
    <s v="Charles Crestani"/>
  </r>
  <r>
    <x v="0"/>
    <s v="Roger Demir"/>
  </r>
  <r>
    <x v="0"/>
    <s v="Michelle Ellison"/>
  </r>
  <r>
    <x v="0"/>
    <s v="Harry Marie"/>
  </r>
  <r>
    <x v="0"/>
    <s v="Erin Mull"/>
  </r>
  <r>
    <x v="0"/>
    <s v="Alejandro Ballentine"/>
  </r>
  <r>
    <x v="0"/>
    <s v="John Lucas"/>
  </r>
  <r>
    <x v="0"/>
    <s v="Arthur Gainer"/>
  </r>
  <r>
    <x v="0"/>
    <s v="Nick Crebassa"/>
  </r>
  <r>
    <x v="0"/>
    <s v="Ken Lonsdale"/>
  </r>
  <r>
    <x v="0"/>
    <s v="Carl Ludwig"/>
  </r>
  <r>
    <x v="0"/>
    <s v="Sheri Gordon"/>
  </r>
  <r>
    <x v="0"/>
    <s v="Luke Foster"/>
  </r>
  <r>
    <x v="0"/>
    <s v="Aaron Smayling"/>
  </r>
  <r>
    <x v="0"/>
    <s v="Barry Blumstein"/>
  </r>
  <r>
    <x v="0"/>
    <s v="Tom Stivers"/>
  </r>
  <r>
    <x v="0"/>
    <s v="Ivan Liston"/>
  </r>
  <r>
    <x v="0"/>
    <s v="Ann Steele"/>
  </r>
  <r>
    <x v="0"/>
    <s v="Nick Zandusky"/>
  </r>
  <r>
    <x v="0"/>
    <s v="Berenike Kampe"/>
  </r>
  <r>
    <x v="0"/>
    <s v="Valerie Dominguez"/>
  </r>
  <r>
    <x v="0"/>
    <s v="Chad Sievert"/>
  </r>
  <r>
    <x v="0"/>
    <s v="Sonia Sunley"/>
  </r>
  <r>
    <x v="0"/>
    <s v="Ricardo Sperren"/>
  </r>
  <r>
    <x v="0"/>
    <s v="Gary Zandusky"/>
  </r>
  <r>
    <x v="0"/>
    <s v="Roland Fjeld"/>
  </r>
  <r>
    <x v="0"/>
    <s v="Trudy Brown"/>
  </r>
  <r>
    <x v="0"/>
    <s v="Lena Radford"/>
  </r>
  <r>
    <x v="0"/>
    <s v="Maria Bertelson"/>
  </r>
  <r>
    <x v="0"/>
    <s v="Matt Abelman"/>
  </r>
  <r>
    <x v="0"/>
    <s v="Vivek Gonzalez"/>
  </r>
  <r>
    <x v="0"/>
    <s v="Andy Gerbode"/>
  </r>
  <r>
    <x v="0"/>
    <s v="Emily Ducich"/>
  </r>
  <r>
    <x v="0"/>
    <s v="Matthew Grinstein"/>
  </r>
  <r>
    <x v="0"/>
    <s v="Joseph Holt"/>
  </r>
  <r>
    <x v="0"/>
    <s v="Gene McClure"/>
  </r>
  <r>
    <x v="0"/>
    <s v="Charles Sheldon"/>
  </r>
  <r>
    <x v="0"/>
    <s v="Ben Wallace"/>
  </r>
  <r>
    <x v="0"/>
    <s v="Duane Huffman"/>
  </r>
  <r>
    <x v="0"/>
    <s v="Keith Herrera"/>
  </r>
  <r>
    <x v="0"/>
    <s v="Christine Sundaresam"/>
  </r>
  <r>
    <x v="0"/>
    <s v="Troy Staebel"/>
  </r>
  <r>
    <x v="0"/>
    <s v="Don Jones"/>
  </r>
  <r>
    <x v="0"/>
    <s v="Lena Hernandez"/>
  </r>
  <r>
    <x v="0"/>
    <s v="Craig Reiter"/>
  </r>
  <r>
    <x v="0"/>
    <s v="Deanra Eno"/>
  </r>
  <r>
    <x v="0"/>
    <s v="Jeremy Pistek"/>
  </r>
  <r>
    <x v="0"/>
    <s v="Rick Hansen"/>
  </r>
  <r>
    <x v="0"/>
    <s v="Robert Barroso"/>
  </r>
  <r>
    <x v="0"/>
    <s v="Arthur Prichep"/>
  </r>
  <r>
    <x v="0"/>
    <s v="Jennifer Patt"/>
  </r>
  <r>
    <x v="0"/>
    <s v="Dorothy Wardle"/>
  </r>
  <r>
    <x v="0"/>
    <s v="Ryan Crowe"/>
  </r>
  <r>
    <x v="0"/>
    <s v="Janet Molinari"/>
  </r>
  <r>
    <x v="0"/>
    <s v="Mitch Webber"/>
  </r>
  <r>
    <x v="0"/>
    <s v="Joe Elijah"/>
  </r>
  <r>
    <x v="0"/>
    <s v="Frank Merwin"/>
  </r>
  <r>
    <x v="0"/>
    <s v="Karl Braun"/>
  </r>
  <r>
    <x v="0"/>
    <s v="Paul Prost"/>
  </r>
  <r>
    <x v="0"/>
    <s v="Zuschuss Donatelli"/>
  </r>
  <r>
    <x v="0"/>
    <s v="Corey Catlett"/>
  </r>
  <r>
    <x v="0"/>
    <s v="Hilary Holden"/>
  </r>
  <r>
    <x v="0"/>
    <s v="Ryan Akin"/>
  </r>
  <r>
    <x v="0"/>
    <s v="Annie Thurman"/>
  </r>
  <r>
    <x v="0"/>
    <s v="Shirley Jackson"/>
  </r>
  <r>
    <x v="0"/>
    <s v="Larry Tron"/>
  </r>
  <r>
    <x v="0"/>
    <s v="Katherine Ducich"/>
  </r>
  <r>
    <x v="0"/>
    <s v="Mathew Reese"/>
  </r>
  <r>
    <x v="0"/>
    <s v="Nora Preis"/>
  </r>
  <r>
    <x v="0"/>
    <s v="Patrick Ryan"/>
  </r>
  <r>
    <x v="0"/>
    <s v="Victoria Pisteka"/>
  </r>
  <r>
    <x v="0"/>
    <s v="Dennis Kane"/>
  </r>
  <r>
    <x v="0"/>
    <s v="Sam Zeldin"/>
  </r>
  <r>
    <x v="0"/>
    <s v="Lisa Ryan"/>
  </r>
  <r>
    <x v="0"/>
    <s v="Becky Martin"/>
  </r>
  <r>
    <x v="0"/>
    <s v="Lisa Hazard"/>
  </r>
  <r>
    <x v="0"/>
    <s v="Karen Carlisle"/>
  </r>
  <r>
    <x v="0"/>
    <s v="Stefania Perrino"/>
  </r>
  <r>
    <x v="0"/>
    <s v="Marc Crier"/>
  </r>
  <r>
    <x v="0"/>
    <s v="Kean Takahito"/>
  </r>
  <r>
    <x v="0"/>
    <s v="Maribeth Schnelling"/>
  </r>
  <r>
    <x v="0"/>
    <s v="Rick Reed"/>
  </r>
  <r>
    <x v="0"/>
    <s v="Logan Currie"/>
  </r>
  <r>
    <x v="0"/>
    <s v="Daniel Lacy"/>
  </r>
  <r>
    <x v="0"/>
    <s v="Chris Cortes"/>
  </r>
  <r>
    <x v="0"/>
    <s v="Sandra Flanagan"/>
  </r>
  <r>
    <x v="0"/>
    <s v="Liz Willingham"/>
  </r>
  <r>
    <x v="0"/>
    <s v="Brad Norvell"/>
  </r>
  <r>
    <x v="0"/>
    <s v="Pete Takahito"/>
  </r>
  <r>
    <x v="0"/>
    <s v="Tom Ashbrook"/>
  </r>
  <r>
    <x v="0"/>
    <s v="Luke Weiss"/>
  </r>
  <r>
    <x v="0"/>
    <s v="Erin Ashbrook"/>
  </r>
  <r>
    <x v="0"/>
    <s v="Jessica Myrick"/>
  </r>
  <r>
    <x v="0"/>
    <s v="Odella Nelson"/>
  </r>
  <r>
    <x v="0"/>
    <s v="Jennifer Braxton"/>
  </r>
  <r>
    <x v="0"/>
    <s v="Astrea Jones"/>
  </r>
  <r>
    <x v="0"/>
    <s v="John Castell"/>
  </r>
  <r>
    <x v="0"/>
    <s v="Darrin Martin"/>
  </r>
  <r>
    <x v="0"/>
    <s v="Monica Federle"/>
  </r>
  <r>
    <x v="0"/>
    <s v="Anthony Garverick"/>
  </r>
  <r>
    <x v="0"/>
    <s v="Joseph Airdo"/>
  </r>
  <r>
    <x v="0"/>
    <s v="Frank Atkinson"/>
  </r>
  <r>
    <x v="0"/>
    <s v="Mike Caudle"/>
  </r>
  <r>
    <x v="0"/>
    <s v="Jim Kriz"/>
  </r>
  <r>
    <x v="0"/>
    <s v="Philip Fox"/>
  </r>
  <r>
    <x v="0"/>
    <s v="Erica Smith"/>
  </r>
  <r>
    <x v="0"/>
    <s v="Michelle Arnett"/>
  </r>
  <r>
    <x v="0"/>
    <s v="Duane Noonan"/>
  </r>
  <r>
    <x v="0"/>
    <s v="Sarah Brown"/>
  </r>
  <r>
    <x v="0"/>
    <s v="Henry Goldwyn"/>
  </r>
  <r>
    <x v="0"/>
    <s v="Jack Garza"/>
  </r>
  <r>
    <x v="0"/>
    <s v="Larry Hughes"/>
  </r>
  <r>
    <x v="0"/>
    <s v="Sara Luxemburg"/>
  </r>
  <r>
    <x v="0"/>
    <s v="Vivek Grady"/>
  </r>
  <r>
    <x v="0"/>
    <s v="Adam Shillingsburg"/>
  </r>
  <r>
    <x v="0"/>
    <s v="Thea Hudgings"/>
  </r>
  <r>
    <x v="0"/>
    <s v="Julie Prescott"/>
  </r>
  <r>
    <x v="0"/>
    <s v="Thomas Thornton"/>
  </r>
  <r>
    <x v="0"/>
    <s v="Julia Dunbar"/>
  </r>
  <r>
    <x v="0"/>
    <s v="Michelle Tran"/>
  </r>
  <r>
    <x v="0"/>
    <s v="Barry Franz"/>
  </r>
  <r>
    <x v="0"/>
    <s v="Nicole Brennan"/>
  </r>
  <r>
    <x v="0"/>
    <s v="Christopher Schild"/>
  </r>
  <r>
    <x v="0"/>
    <s v="Karen Ferguson"/>
  </r>
  <r>
    <x v="0"/>
    <s v="Thea Hendricks"/>
  </r>
  <r>
    <x v="0"/>
    <s v="George Zrebassa"/>
  </r>
  <r>
    <x v="0"/>
    <s v="Keith Dawkins"/>
  </r>
  <r>
    <x v="0"/>
    <s v="Suzanne McNair"/>
  </r>
  <r>
    <x v="0"/>
    <s v="Lisa DeCherney"/>
  </r>
  <r>
    <x v="0"/>
    <s v="Evan Bailliet"/>
  </r>
  <r>
    <x v="0"/>
    <s v="Kelly Williams"/>
  </r>
  <r>
    <x v="0"/>
    <s v="Doug Bickford"/>
  </r>
  <r>
    <x v="0"/>
    <s v="Dario Medina"/>
  </r>
  <r>
    <x v="0"/>
    <s v="Erin Smith"/>
  </r>
  <r>
    <x v="0"/>
    <s v="Beth Paige"/>
  </r>
  <r>
    <x v="0"/>
    <s v="Allen Rosenblatt"/>
  </r>
  <r>
    <x v="0"/>
    <s v="Denny Ordway"/>
  </r>
  <r>
    <x v="0"/>
    <s v="Russell D'Ascenzo"/>
  </r>
  <r>
    <x v="0"/>
    <s v="David Flashing"/>
  </r>
  <r>
    <x v="0"/>
    <s v="Joy Daniels"/>
  </r>
  <r>
    <x v="0"/>
    <s v="Brian Derr"/>
  </r>
  <r>
    <x v="0"/>
    <s v="Alice McCarthy"/>
  </r>
  <r>
    <x v="0"/>
    <s v="Tanja Norvell"/>
  </r>
  <r>
    <x v="0"/>
    <s v="Fred Chung"/>
  </r>
  <r>
    <x v="0"/>
    <s v="Jill Fjeld"/>
  </r>
  <r>
    <x v="0"/>
    <s v="Helen Andreada"/>
  </r>
  <r>
    <x v="0"/>
    <s v="Barry Pond"/>
  </r>
  <r>
    <x v="0"/>
    <s v="Zuschuss Carroll"/>
  </r>
  <r>
    <x v="0"/>
    <s v="Sibella Parks"/>
  </r>
  <r>
    <x v="0"/>
    <s v="Jim Epp"/>
  </r>
  <r>
    <x v="0"/>
    <s v="Hunter Glantz"/>
  </r>
  <r>
    <x v="0"/>
    <s v="Toby Carlisle"/>
  </r>
  <r>
    <x v="0"/>
    <s v="Anna Chung"/>
  </r>
  <r>
    <x v="0"/>
    <s v="Lynn Smith"/>
  </r>
  <r>
    <x v="0"/>
    <s v="Tracy Blumstein"/>
  </r>
  <r>
    <x v="0"/>
    <s v="Alan Schoenberger"/>
  </r>
  <r>
    <x v="0"/>
    <s v="Luke Schmidt"/>
  </r>
  <r>
    <x v="0"/>
    <s v="Ivan Gibson"/>
  </r>
  <r>
    <x v="0"/>
    <s v="Jeremy Farry"/>
  </r>
  <r>
    <x v="0"/>
    <s v="Rachel Payne"/>
  </r>
  <r>
    <x v="0"/>
    <s v="Eugene Hildebrand"/>
  </r>
  <r>
    <x v="0"/>
    <s v="Fred Hopkins"/>
  </r>
  <r>
    <x v="0"/>
    <s v="Lindsay Shagiari"/>
  </r>
  <r>
    <x v="0"/>
    <s v="Sylvia Foulston"/>
  </r>
  <r>
    <x v="0"/>
    <s v="Maureen Gastineau"/>
  </r>
  <r>
    <x v="0"/>
    <s v="Daniel Byrd"/>
  </r>
  <r>
    <x v="0"/>
    <s v="Angele Hood"/>
  </r>
  <r>
    <x v="0"/>
    <s v="Ross DeVincentis"/>
  </r>
  <r>
    <x v="0"/>
    <s v="Todd Sumrall"/>
  </r>
  <r>
    <x v="0"/>
    <s v="Bill Tyler"/>
  </r>
  <r>
    <x v="0"/>
    <s v="Noah Childs"/>
  </r>
  <r>
    <x v="0"/>
    <s v="Greg Guthrie"/>
  </r>
  <r>
    <x v="0"/>
    <s v="Anne McFarland"/>
  </r>
  <r>
    <x v="0"/>
    <s v="Amy Cox"/>
  </r>
  <r>
    <x v="0"/>
    <s v="Nancy Lomonaco"/>
  </r>
  <r>
    <x v="0"/>
    <s v="Ken Heidel"/>
  </r>
  <r>
    <x v="0"/>
    <s v="Paul Lucas"/>
  </r>
  <r>
    <x v="0"/>
    <s v="Deirdre Greer"/>
  </r>
  <r>
    <x v="0"/>
    <s v="Patrick O'Brill"/>
  </r>
  <r>
    <x v="0"/>
    <s v="Julie Kriz"/>
  </r>
  <r>
    <x v="0"/>
    <s v="Shahid Hopkins"/>
  </r>
  <r>
    <x v="0"/>
    <s v="Steven Ward"/>
  </r>
  <r>
    <x v="0"/>
    <s v="Denise Monton"/>
  </r>
  <r>
    <x v="0"/>
    <s v="Tracy Collins"/>
  </r>
  <r>
    <x v="0"/>
    <s v="MaryBeth Skach"/>
  </r>
  <r>
    <x v="0"/>
    <s v="William Brown"/>
  </r>
  <r>
    <x v="0"/>
    <s v="Tiffany House"/>
  </r>
  <r>
    <x v="0"/>
    <s v="Maribeth Dona"/>
  </r>
  <r>
    <x v="0"/>
    <s v="Barry Gonzalez"/>
  </r>
  <r>
    <x v="0"/>
    <s v="Tamara Chand"/>
  </r>
  <r>
    <x v="0"/>
    <s v="Benjamin Farhat"/>
  </r>
  <r>
    <x v="0"/>
    <s v="Pete Kriz"/>
  </r>
  <r>
    <x v="0"/>
    <s v="Tracy Zic"/>
  </r>
  <r>
    <x v="0"/>
    <s v="Karen Daniels"/>
  </r>
  <r>
    <x v="0"/>
    <s v="Roy FranzÃ¶sisch"/>
  </r>
  <r>
    <x v="0"/>
    <s v="Darren Budd"/>
  </r>
  <r>
    <x v="0"/>
    <s v="Maris LaWare"/>
  </r>
  <r>
    <x v="0"/>
    <s v="Jeremy Lonsdale"/>
  </r>
  <r>
    <x v="0"/>
    <s v="Candace McMahon"/>
  </r>
  <r>
    <x v="0"/>
    <s v="Robert Marley"/>
  </r>
  <r>
    <x v="0"/>
    <s v="Jamie Frazer"/>
  </r>
  <r>
    <x v="0"/>
    <s v="Peter BÃ¼hler"/>
  </r>
  <r>
    <x v="0"/>
    <s v="Rick Huthwaite"/>
  </r>
  <r>
    <x v="0"/>
    <s v="Adam Hart"/>
  </r>
  <r>
    <x v="0"/>
    <s v="Alan Barnes"/>
  </r>
  <r>
    <x v="0"/>
    <s v="Justin Deggeller"/>
  </r>
  <r>
    <x v="0"/>
    <s v="Yoseph Carroll"/>
  </r>
  <r>
    <x v="0"/>
    <s v="Randy Bradley"/>
  </r>
  <r>
    <x v="0"/>
    <s v="Pierre Wener"/>
  </r>
  <r>
    <x v="0"/>
    <s v="Ann Blume"/>
  </r>
  <r>
    <x v="0"/>
    <s v="Joe Kamberova"/>
  </r>
  <r>
    <x v="0"/>
    <s v="Julie Creighton"/>
  </r>
  <r>
    <x v="0"/>
    <s v="Michael Kennedy"/>
  </r>
  <r>
    <x v="0"/>
    <s v="John Murray"/>
  </r>
  <r>
    <x v="0"/>
    <s v="Georgia Rosenberg"/>
  </r>
  <r>
    <x v="0"/>
    <s v="Dennis Bolton"/>
  </r>
  <r>
    <x v="0"/>
    <s v="Alan Dominguez"/>
  </r>
  <r>
    <x v="0"/>
    <s v="Dave Hallsten"/>
  </r>
  <r>
    <x v="0"/>
    <s v="Jason Klamczynski"/>
  </r>
  <r>
    <x v="0"/>
    <s v="Steve Carroll"/>
  </r>
  <r>
    <x v="0"/>
    <s v="Tony Chapman"/>
  </r>
  <r>
    <x v="0"/>
    <s v="Susan Pistek"/>
  </r>
  <r>
    <x v="0"/>
    <s v="Saphhira Shifley"/>
  </r>
  <r>
    <x v="0"/>
    <s v="Phillip Breyer"/>
  </r>
  <r>
    <x v="0"/>
    <s v="Sally Matthias"/>
  </r>
  <r>
    <x v="0"/>
    <s v="Nathan Gelder"/>
  </r>
  <r>
    <x v="0"/>
    <s v="Harold Ryan"/>
  </r>
  <r>
    <x v="0"/>
    <s v="Darren Koutras"/>
  </r>
  <r>
    <x v="0"/>
    <s v="Nat Gilpin"/>
  </r>
  <r>
    <x v="0"/>
    <s v="Alyssa Tate"/>
  </r>
  <r>
    <x v="0"/>
    <s v="Andy Reiter"/>
  </r>
  <r>
    <x v="0"/>
    <s v="Bart Folk"/>
  </r>
  <r>
    <x v="0"/>
    <s v="Mary O'Rourke"/>
  </r>
  <r>
    <x v="0"/>
    <s v="Brian Thompson"/>
  </r>
  <r>
    <x v="0"/>
    <s v="Matthew Clasen"/>
  </r>
  <r>
    <x v="0"/>
    <s v="Bill Stewart"/>
  </r>
  <r>
    <x v="0"/>
    <s v="Alan Hwang"/>
  </r>
  <r>
    <x v="0"/>
    <s v="Toby Ritter"/>
  </r>
  <r>
    <x v="0"/>
    <s v="David Philippe"/>
  </r>
  <r>
    <x v="0"/>
    <s v="Michael Dominguez"/>
  </r>
  <r>
    <x v="0"/>
    <s v="Katherine Nockton"/>
  </r>
  <r>
    <x v="0"/>
    <s v="Matt Collins"/>
  </r>
  <r>
    <x v="0"/>
    <s v="Elizabeth Moffitt"/>
  </r>
  <r>
    <x v="0"/>
    <s v="Cathy Prescott"/>
  </r>
  <r>
    <x v="0"/>
    <s v="David Kendrick"/>
  </r>
  <r>
    <x v="0"/>
    <s v="Roy Collins"/>
  </r>
  <r>
    <x v="0"/>
    <s v="Nona Balk"/>
  </r>
  <r>
    <x v="0"/>
    <s v="Rob Lucas"/>
  </r>
  <r>
    <x v="0"/>
    <s v="Joni Blumstein"/>
  </r>
  <r>
    <x v="0"/>
    <s v="Frank Preis"/>
  </r>
  <r>
    <x v="0"/>
    <s v="Thomas Boland"/>
  </r>
  <r>
    <x v="0"/>
    <s v="Tim Brockman"/>
  </r>
  <r>
    <x v="0"/>
    <s v="Denny Joy"/>
  </r>
  <r>
    <x v="0"/>
    <s v="Sally Hughsby"/>
  </r>
  <r>
    <x v="0"/>
    <s v="Craig Yedwab"/>
  </r>
  <r>
    <x v="0"/>
    <s v="Logan Haushalter"/>
  </r>
  <r>
    <x v="0"/>
    <s v="Ralph Arnett"/>
  </r>
  <r>
    <x v="0"/>
    <s v="Kimberly Carter"/>
  </r>
  <r>
    <x v="0"/>
    <s v="Sung Shariari"/>
  </r>
  <r>
    <x v="0"/>
    <s v="Cari Sayre"/>
  </r>
  <r>
    <x v="0"/>
    <s v="Sung Pak"/>
  </r>
  <r>
    <x v="0"/>
    <s v="Chad Cunningham"/>
  </r>
  <r>
    <x v="0"/>
    <s v="Steve Chapman"/>
  </r>
  <r>
    <x v="0"/>
    <s v="Stefanie Holloman"/>
  </r>
  <r>
    <x v="0"/>
    <s v="Sean Christensen"/>
  </r>
  <r>
    <x v="0"/>
    <s v="Erin Creighton"/>
  </r>
  <r>
    <x v="0"/>
    <s v="Mike Kennedy"/>
  </r>
  <r>
    <x v="0"/>
    <s v="Irene Maddox"/>
  </r>
  <r>
    <x v="0"/>
    <s v="Penelope Sewall"/>
  </r>
  <r>
    <x v="0"/>
    <s v="Tony Sayre"/>
  </r>
  <r>
    <x v="0"/>
    <s v="Adrian Barton"/>
  </r>
  <r>
    <x v="0"/>
    <s v="Khloe Miller"/>
  </r>
  <r>
    <x v="0"/>
    <s v="Tamara Willingham"/>
  </r>
  <r>
    <x v="0"/>
    <s v="Sarah Foster"/>
  </r>
  <r>
    <x v="0"/>
    <s v="Craig Carreira"/>
  </r>
  <r>
    <x v="0"/>
    <s v="Clytie Kelty"/>
  </r>
  <r>
    <x v="0"/>
    <s v="Maureen Gnade"/>
  </r>
  <r>
    <x v="0"/>
    <s v="Thomas Brumley"/>
  </r>
  <r>
    <x v="0"/>
    <s v="Debra Catini"/>
  </r>
  <r>
    <x v="0"/>
    <s v="Michael Granlund"/>
  </r>
  <r>
    <x v="0"/>
    <s v="Ricardo Emerson"/>
  </r>
  <r>
    <x v="0"/>
    <s v="Ken Brennan"/>
  </r>
  <r>
    <x v="0"/>
    <s v="Maureen Fritzler"/>
  </r>
  <r>
    <x v="0"/>
    <s v="Alex Russell"/>
  </r>
  <r>
    <x v="0"/>
    <s v="Pamela Coakley"/>
  </r>
  <r>
    <x v="0"/>
    <s v="James Lanier"/>
  </r>
  <r>
    <x v="1"/>
    <s v="Victoria Wilson"/>
  </r>
  <r>
    <x v="1"/>
    <s v="Claudia Bergmann"/>
  </r>
  <r>
    <x v="1"/>
    <s v="Sylvia Foulston"/>
  </r>
  <r>
    <x v="1"/>
    <s v="Amy Hunt"/>
  </r>
  <r>
    <x v="1"/>
    <s v="Chris Selesnick"/>
  </r>
  <r>
    <x v="1"/>
    <s v="Andrew Gjertsen"/>
  </r>
  <r>
    <x v="1"/>
    <s v="Steven Roelle"/>
  </r>
  <r>
    <x v="1"/>
    <s v="Brooke Gillingham"/>
  </r>
  <r>
    <x v="1"/>
    <s v="James Lanier"/>
  </r>
  <r>
    <x v="1"/>
    <s v="Stefania Perrino"/>
  </r>
  <r>
    <x v="1"/>
    <s v="Craig Carroll"/>
  </r>
  <r>
    <x v="1"/>
    <s v="Michael Moore"/>
  </r>
  <r>
    <x v="1"/>
    <s v="Yana Sorensen"/>
  </r>
  <r>
    <x v="1"/>
    <s v="Cindy Schnelling"/>
  </r>
  <r>
    <x v="1"/>
    <s v="Philip Brown"/>
  </r>
  <r>
    <x v="1"/>
    <s v="Karen Seio"/>
  </r>
  <r>
    <x v="1"/>
    <s v="Joni Sundaresam"/>
  </r>
  <r>
    <x v="1"/>
    <s v="Scott Cohen"/>
  </r>
  <r>
    <x v="1"/>
    <s v="Paul MacIntyre"/>
  </r>
  <r>
    <x v="1"/>
    <s v="Carl Weiss"/>
  </r>
  <r>
    <x v="1"/>
    <s v="Cyra Reiten"/>
  </r>
  <r>
    <x v="1"/>
    <s v="Elizabeth Moffitt"/>
  </r>
  <r>
    <x v="1"/>
    <s v="Seth Vernon"/>
  </r>
  <r>
    <x v="1"/>
    <s v="Sean Christensen"/>
  </r>
  <r>
    <x v="1"/>
    <s v="Joseph Holt"/>
  </r>
  <r>
    <x v="1"/>
    <s v="Jeremy Pistek"/>
  </r>
  <r>
    <x v="1"/>
    <s v="Charles Crestani"/>
  </r>
  <r>
    <x v="1"/>
    <s v="Karl Braun"/>
  </r>
  <r>
    <x v="1"/>
    <s v="Allen Armold"/>
  </r>
  <r>
    <x v="1"/>
    <s v="Rick Wilson"/>
  </r>
  <r>
    <x v="1"/>
    <s v="Ken Heidel"/>
  </r>
  <r>
    <x v="1"/>
    <s v="Frank Olsen"/>
  </r>
  <r>
    <x v="1"/>
    <s v="Pauline Webber"/>
  </r>
  <r>
    <x v="1"/>
    <s v="Ivan Liston"/>
  </r>
  <r>
    <x v="1"/>
    <s v="Trudy Schmidt"/>
  </r>
  <r>
    <x v="1"/>
    <s v="Lori Olson"/>
  </r>
  <r>
    <x v="1"/>
    <s v="Damala Kotsonis"/>
  </r>
  <r>
    <x v="1"/>
    <s v="Lisa Hazard"/>
  </r>
  <r>
    <x v="1"/>
    <s v="Brosina Hoffman"/>
  </r>
  <r>
    <x v="1"/>
    <s v="Michael Stewart"/>
  </r>
  <r>
    <x v="1"/>
    <s v="Frank Atkinson"/>
  </r>
  <r>
    <x v="1"/>
    <s v="Sarah Jordon"/>
  </r>
  <r>
    <x v="1"/>
    <s v="Jill Fjeld"/>
  </r>
  <r>
    <x v="1"/>
    <s v="Nona Balk"/>
  </r>
  <r>
    <x v="1"/>
    <s v="Ted Trevino"/>
  </r>
  <r>
    <x v="1"/>
    <s v="Roy Phan"/>
  </r>
  <r>
    <x v="1"/>
    <s v="Justin MacKendrick"/>
  </r>
  <r>
    <x v="1"/>
    <s v="Sung Pak"/>
  </r>
  <r>
    <x v="1"/>
    <s v="Rob Dowd"/>
  </r>
  <r>
    <x v="1"/>
    <s v="Ann Blume"/>
  </r>
  <r>
    <x v="1"/>
    <s v="Guy Thornton"/>
  </r>
  <r>
    <x v="1"/>
    <s v="Liz MacKendrick"/>
  </r>
  <r>
    <x v="1"/>
    <s v="Kelly Andreada"/>
  </r>
  <r>
    <x v="1"/>
    <s v="Joe Elijah"/>
  </r>
  <r>
    <x v="1"/>
    <s v="Pierre Wener"/>
  </r>
  <r>
    <x v="1"/>
    <s v="Penelope Sewall"/>
  </r>
  <r>
    <x v="1"/>
    <s v="Lindsay Castell"/>
  </r>
  <r>
    <x v="1"/>
    <s v="Sung Shariari"/>
  </r>
  <r>
    <x v="1"/>
    <s v="Bill Tyler"/>
  </r>
  <r>
    <x v="1"/>
    <s v="Erin Smith"/>
  </r>
  <r>
    <x v="1"/>
    <s v="Nora Paige"/>
  </r>
  <r>
    <x v="1"/>
    <s v="Valerie Dominguez"/>
  </r>
  <r>
    <x v="1"/>
    <s v="Shui Tom"/>
  </r>
  <r>
    <x v="1"/>
    <s v="Dave Hallsten"/>
  </r>
  <r>
    <x v="1"/>
    <s v="Resi PÃ¶lking"/>
  </r>
  <r>
    <x v="1"/>
    <s v="Craig Molinari"/>
  </r>
  <r>
    <x v="1"/>
    <s v="Tracy Poddar"/>
  </r>
  <r>
    <x v="1"/>
    <s v="Dave Kipp"/>
  </r>
  <r>
    <x v="1"/>
    <s v="Pete Armstrong"/>
  </r>
  <r>
    <x v="1"/>
    <s v="Luke Foster"/>
  </r>
  <r>
    <x v="1"/>
    <s v="Sarah Foster"/>
  </r>
  <r>
    <x v="1"/>
    <s v="Katherine Nockton"/>
  </r>
  <r>
    <x v="1"/>
    <s v="Alan Haines"/>
  </r>
  <r>
    <x v="1"/>
    <s v="Mike Vittorini"/>
  </r>
  <r>
    <x v="1"/>
    <s v="Jennifer Jackson"/>
  </r>
  <r>
    <x v="1"/>
    <s v="Maribeth Schnelling"/>
  </r>
  <r>
    <x v="1"/>
    <s v="John Lucas"/>
  </r>
  <r>
    <x v="1"/>
    <s v="Eugene Moren"/>
  </r>
  <r>
    <x v="1"/>
    <s v="Dana Kaydos"/>
  </r>
  <r>
    <x v="1"/>
    <s v="Anthony Rawles"/>
  </r>
  <r>
    <x v="1"/>
    <s v="Fred Chung"/>
  </r>
  <r>
    <x v="1"/>
    <s v="Noel Staavos"/>
  </r>
  <r>
    <x v="1"/>
    <s v="Toby Gnade"/>
  </r>
  <r>
    <x v="1"/>
    <s v="Toby Swindell"/>
  </r>
  <r>
    <x v="1"/>
    <s v="Ken Black"/>
  </r>
  <r>
    <x v="1"/>
    <s v="Edward Becker"/>
  </r>
  <r>
    <x v="1"/>
    <s v="Evan Bailliet"/>
  </r>
  <r>
    <x v="1"/>
    <s v="Marc Crier"/>
  </r>
  <r>
    <x v="1"/>
    <s v="Nicole Fjeld"/>
  </r>
  <r>
    <x v="1"/>
    <s v="Emily Phan"/>
  </r>
  <r>
    <x v="1"/>
    <s v="Arianne Irving"/>
  </r>
  <r>
    <x v="1"/>
    <s v="Christopher Martinez"/>
  </r>
  <r>
    <x v="1"/>
    <s v="Jeremy Ellison"/>
  </r>
  <r>
    <x v="1"/>
    <s v="Monica Federle"/>
  </r>
  <r>
    <x v="1"/>
    <s v="Maurice Satty"/>
  </r>
  <r>
    <x v="1"/>
    <s v="Jim Kriz"/>
  </r>
  <r>
    <x v="1"/>
    <s v="Harold Ryan"/>
  </r>
  <r>
    <x v="1"/>
    <s v="Jesus Ocampo"/>
  </r>
  <r>
    <x v="1"/>
    <s v="Fred Hopkins"/>
  </r>
  <r>
    <x v="1"/>
    <s v="Berenike Kampe"/>
  </r>
  <r>
    <x v="1"/>
    <s v="Dan Campbell"/>
  </r>
  <r>
    <x v="1"/>
    <s v="Mike Caudle"/>
  </r>
  <r>
    <x v="1"/>
    <s v="Guy Armstrong"/>
  </r>
  <r>
    <x v="1"/>
    <s v="Corinna Mitchell"/>
  </r>
  <r>
    <x v="1"/>
    <s v="Bart Watters"/>
  </r>
  <r>
    <x v="1"/>
    <s v="Joe Kamberova"/>
  </r>
  <r>
    <x v="1"/>
    <s v="Bryan Mills"/>
  </r>
  <r>
    <x v="1"/>
    <s v="Julia West"/>
  </r>
  <r>
    <x v="1"/>
    <s v="Dean Braden"/>
  </r>
  <r>
    <x v="1"/>
    <s v="Ruben Dartt"/>
  </r>
  <r>
    <x v="1"/>
    <s v="Justin Deggeller"/>
  </r>
  <r>
    <x v="1"/>
    <s v="Fred Wasserman"/>
  </r>
  <r>
    <x v="1"/>
    <s v="Debra Catini"/>
  </r>
  <r>
    <x v="1"/>
    <s v="Julia Dunbar"/>
  </r>
  <r>
    <x v="1"/>
    <s v="Sheri Gordon"/>
  </r>
  <r>
    <x v="1"/>
    <s v="Bart Pistole"/>
  </r>
  <r>
    <x v="1"/>
    <s v="Alice McCarthy"/>
  </r>
  <r>
    <x v="1"/>
    <s v="Dennis Pardue"/>
  </r>
  <r>
    <x v="1"/>
    <s v="Ben Peterman"/>
  </r>
  <r>
    <x v="1"/>
    <s v="Cathy Prescott"/>
  </r>
  <r>
    <x v="1"/>
    <s v="Benjamin Venier"/>
  </r>
  <r>
    <x v="1"/>
    <s v="Gene McClure"/>
  </r>
  <r>
    <x v="1"/>
    <s v="Ellis Ballard"/>
  </r>
  <r>
    <x v="1"/>
    <s v="Suzanne McNair"/>
  </r>
  <r>
    <x v="1"/>
    <s v="Mark Van Huff"/>
  </r>
  <r>
    <x v="1"/>
    <s v="Alan Barnes"/>
  </r>
  <r>
    <x v="1"/>
    <s v="Chloris Kastensmidt"/>
  </r>
  <r>
    <x v="1"/>
    <s v="John Huston"/>
  </r>
  <r>
    <x v="1"/>
    <s v="Sara Luxemburg"/>
  </r>
  <r>
    <x v="1"/>
    <s v="Denny Ordway"/>
  </r>
  <r>
    <x v="1"/>
    <s v="Richard Bierner"/>
  </r>
  <r>
    <x v="1"/>
    <s v="Alan Shonely"/>
  </r>
  <r>
    <x v="1"/>
    <s v="Chad McGuire"/>
  </r>
  <r>
    <x v="1"/>
    <s v="Daniel Raglin"/>
  </r>
  <r>
    <x v="1"/>
    <s v="Ed Braxton"/>
  </r>
  <r>
    <x v="1"/>
    <s v="Michael Oakman"/>
  </r>
  <r>
    <x v="1"/>
    <s v="Cari Sayre"/>
  </r>
  <r>
    <x v="1"/>
    <s v="John Dryer"/>
  </r>
  <r>
    <x v="1"/>
    <s v="Nat Carroll"/>
  </r>
  <r>
    <x v="1"/>
    <s v="Greg Guthrie"/>
  </r>
  <r>
    <x v="1"/>
    <s v="Valerie Takahito"/>
  </r>
  <r>
    <x v="1"/>
    <s v="Carol Adams"/>
  </r>
  <r>
    <x v="1"/>
    <s v="Jennifer Ferguson"/>
  </r>
  <r>
    <x v="1"/>
    <s v="Thomas Thornton"/>
  </r>
  <r>
    <x v="1"/>
    <s v="Mark Hamilton"/>
  </r>
  <r>
    <x v="1"/>
    <s v="Peter Fuller"/>
  </r>
  <r>
    <x v="1"/>
    <s v="Frank Merwin"/>
  </r>
  <r>
    <x v="1"/>
    <s v="Jay Kimmel"/>
  </r>
  <r>
    <x v="1"/>
    <s v="Mick Crebagga"/>
  </r>
  <r>
    <x v="1"/>
    <s v="Ivan Gibson"/>
  </r>
  <r>
    <x v="1"/>
    <s v="Dario Medina"/>
  </r>
  <r>
    <x v="1"/>
    <s v="Eugene Hildebrand"/>
  </r>
  <r>
    <x v="1"/>
    <s v="Sanjit Engle"/>
  </r>
  <r>
    <x v="1"/>
    <s v="Patrick Ryan"/>
  </r>
  <r>
    <x v="1"/>
    <s v="Andy Reiter"/>
  </r>
  <r>
    <x v="1"/>
    <s v="Robert Dilbeck"/>
  </r>
  <r>
    <x v="1"/>
    <s v="Zuschuss Carroll"/>
  </r>
  <r>
    <x v="1"/>
    <s v="Anthony Witt"/>
  </r>
  <r>
    <x v="1"/>
    <s v="Heather Jas"/>
  </r>
  <r>
    <x v="1"/>
    <s v="Sonia Sunley"/>
  </r>
  <r>
    <x v="1"/>
    <s v="Eugene Barchas"/>
  </r>
  <r>
    <x v="1"/>
    <s v="Thea Hendricks"/>
  </r>
  <r>
    <x v="1"/>
    <s v="Frank Preis"/>
  </r>
  <r>
    <x v="1"/>
    <s v="Theone Pippenger"/>
  </r>
  <r>
    <x v="1"/>
    <s v="Theresa Swint"/>
  </r>
  <r>
    <x v="1"/>
    <s v="Brad Norvell"/>
  </r>
  <r>
    <x v="1"/>
    <s v="Sarah Brown"/>
  </r>
  <r>
    <x v="1"/>
    <s v="Lauren Leatherbury"/>
  </r>
  <r>
    <x v="1"/>
    <s v="Denise Monton"/>
  </r>
  <r>
    <x v="1"/>
    <s v="George Ashbrook"/>
  </r>
  <r>
    <x v="1"/>
    <s v="Jessica Myrick"/>
  </r>
  <r>
    <x v="1"/>
    <s v="Darren Powers"/>
  </r>
  <r>
    <x v="1"/>
    <s v="Kelly Williams"/>
  </r>
  <r>
    <x v="1"/>
    <s v="Roland Fjeld"/>
  </r>
  <r>
    <x v="1"/>
    <s v="Deanra Eno"/>
  </r>
  <r>
    <x v="1"/>
    <s v="Nathan Cano"/>
  </r>
  <r>
    <x v="1"/>
    <s v="Michael Paige"/>
  </r>
  <r>
    <x v="1"/>
    <s v="Patrick Gardner"/>
  </r>
  <r>
    <x v="1"/>
    <s v="Erica Smith"/>
  </r>
  <r>
    <x v="1"/>
    <s v="Olvera Toch"/>
  </r>
  <r>
    <x v="1"/>
    <s v="Juliana Krohn"/>
  </r>
  <r>
    <x v="1"/>
    <s v="Annie Zypern"/>
  </r>
  <r>
    <x v="1"/>
    <s v="Deborah Brumfield"/>
  </r>
  <r>
    <x v="1"/>
    <s v="Jill Stevenson"/>
  </r>
  <r>
    <x v="1"/>
    <s v="Linda Southworth"/>
  </r>
  <r>
    <x v="1"/>
    <s v="Joel Eaton"/>
  </r>
  <r>
    <x v="1"/>
    <s v="Sue Ann Reed"/>
  </r>
  <r>
    <x v="1"/>
    <s v="Greg Tran"/>
  </r>
  <r>
    <x v="1"/>
    <s v="Tony Chapman"/>
  </r>
  <r>
    <x v="1"/>
    <s v="Russell Applegate"/>
  </r>
  <r>
    <x v="1"/>
    <s v="Shirley Daniels"/>
  </r>
  <r>
    <x v="1"/>
    <s v="Paul Stevenson"/>
  </r>
  <r>
    <x v="1"/>
    <s v="Benjamin Patterson"/>
  </r>
  <r>
    <x v="1"/>
    <s v="Jane Waco"/>
  </r>
  <r>
    <x v="1"/>
    <s v="Jennifer Braxton"/>
  </r>
  <r>
    <x v="1"/>
    <s v="David Bremer"/>
  </r>
  <r>
    <x v="1"/>
    <s v="Patrick O'Brill"/>
  </r>
  <r>
    <x v="1"/>
    <s v="Noah Childs"/>
  </r>
  <r>
    <x v="1"/>
    <s v="Julia Barnett"/>
  </r>
  <r>
    <x v="1"/>
    <s v="Stewart Visinsky"/>
  </r>
  <r>
    <x v="1"/>
    <s v="Lena Cacioppo"/>
  </r>
  <r>
    <x v="1"/>
    <s v="Alan Schoenberger"/>
  </r>
  <r>
    <x v="1"/>
    <s v="Laura Armstrong"/>
  </r>
  <r>
    <x v="1"/>
    <s v="Anna HÃ¤berlin"/>
  </r>
  <r>
    <x v="1"/>
    <s v="Stuart Van"/>
  </r>
  <r>
    <x v="1"/>
    <s v="Anna Gayman"/>
  </r>
  <r>
    <x v="1"/>
    <s v="Chris Cortes"/>
  </r>
  <r>
    <x v="1"/>
    <s v="Daniel Lacy"/>
  </r>
  <r>
    <x v="1"/>
    <s v="Alejandro Ballentine"/>
  </r>
  <r>
    <x v="1"/>
    <s v="Natalie Webber"/>
  </r>
  <r>
    <x v="1"/>
    <s v="Max Engle"/>
  </r>
  <r>
    <x v="1"/>
    <s v="Cindy Stewart"/>
  </r>
  <r>
    <x v="1"/>
    <s v="Larry Tron"/>
  </r>
  <r>
    <x v="1"/>
    <s v="Rose O'Brian"/>
  </r>
  <r>
    <x v="1"/>
    <s v="James Galang"/>
  </r>
  <r>
    <x v="1"/>
    <s v="Ben Ferrer"/>
  </r>
  <r>
    <x v="1"/>
    <s v="Hunter Glantz"/>
  </r>
  <r>
    <x v="1"/>
    <s v="Tracy Hopkins"/>
  </r>
  <r>
    <x v="1"/>
    <s v="Odella Nelson"/>
  </r>
  <r>
    <x v="1"/>
    <s v="Dianna Vittorini"/>
  </r>
  <r>
    <x v="1"/>
    <s v="Anthony Jacobs"/>
  </r>
  <r>
    <x v="1"/>
    <s v="Michelle Ellison"/>
  </r>
  <r>
    <x v="1"/>
    <s v="Henry Goldwyn"/>
  </r>
  <r>
    <x v="1"/>
    <s v="Erin Ashbrook"/>
  </r>
  <r>
    <x v="1"/>
    <s v="Emily Burns"/>
  </r>
  <r>
    <x v="1"/>
    <s v="Kristen Hastings"/>
  </r>
  <r>
    <x v="1"/>
    <s v="Nathan Mautz"/>
  </r>
  <r>
    <x v="1"/>
    <s v="Vivek Sundaresam"/>
  </r>
  <r>
    <x v="1"/>
    <s v="Justin Hirsh"/>
  </r>
  <r>
    <x v="1"/>
    <s v="Nora Pelletier"/>
  </r>
  <r>
    <x v="1"/>
    <s v="Craig Yedwab"/>
  </r>
  <r>
    <x v="1"/>
    <s v="Muhammed MacIntyre"/>
  </r>
  <r>
    <x v="1"/>
    <s v="Pamela Stobb"/>
  </r>
  <r>
    <x v="1"/>
    <s v="Neil Knudson"/>
  </r>
  <r>
    <x v="1"/>
    <s v="Maxwell Schwartz"/>
  </r>
  <r>
    <x v="1"/>
    <s v="Trudy Brown"/>
  </r>
  <r>
    <x v="1"/>
    <s v="Victoria Pisteka"/>
  </r>
  <r>
    <x v="1"/>
    <s v="Chad Cunningham"/>
  </r>
  <r>
    <x v="1"/>
    <s v="Edward Nazzal"/>
  </r>
  <r>
    <x v="1"/>
    <s v="Brendan Dodson"/>
  </r>
  <r>
    <x v="1"/>
    <s v="Stephanie Phelps"/>
  </r>
  <r>
    <x v="1"/>
    <s v="Sample Company A"/>
  </r>
  <r>
    <x v="1"/>
    <s v="Tamara Manning"/>
  </r>
  <r>
    <x v="1"/>
    <s v="Bill Donatelli"/>
  </r>
  <r>
    <x v="1"/>
    <s v="Muhammed Lee"/>
  </r>
  <r>
    <x v="1"/>
    <s v="Janet Molinari"/>
  </r>
  <r>
    <x v="1"/>
    <s v="Katrina Edelman"/>
  </r>
  <r>
    <x v="1"/>
    <s v="Ashley Jarboe"/>
  </r>
  <r>
    <x v="1"/>
    <s v="Catherine Glotzbach"/>
  </r>
  <r>
    <x v="1"/>
    <s v="Tracy Collins"/>
  </r>
  <r>
    <x v="1"/>
    <s v="Becky Pak"/>
  </r>
  <r>
    <x v="1"/>
    <s v="Brenda Bowman"/>
  </r>
  <r>
    <x v="1"/>
    <s v="Eleni McCrary"/>
  </r>
  <r>
    <x v="1"/>
    <s v="Harold Dahlen"/>
  </r>
  <r>
    <x v="1"/>
    <s v="Maureen Gnade"/>
  </r>
  <r>
    <x v="1"/>
    <s v="Anthony Garverick"/>
  </r>
  <r>
    <x v="1"/>
    <s v="Trudy Glocke"/>
  </r>
  <r>
    <x v="1"/>
    <s v="Max Jones"/>
  </r>
  <r>
    <x v="1"/>
    <s v="Brian Dahlen"/>
  </r>
  <r>
    <x v="1"/>
    <s v="Jim Epp"/>
  </r>
  <r>
    <x v="1"/>
    <s v="Giulietta Baptist"/>
  </r>
  <r>
    <x v="1"/>
    <s v="Laurel Elliston"/>
  </r>
  <r>
    <x v="1"/>
    <s v="Jonathan Howell"/>
  </r>
  <r>
    <x v="1"/>
    <s v="Sam Zeldin"/>
  </r>
  <r>
    <x v="1"/>
    <s v="Barbara Fisher"/>
  </r>
  <r>
    <x v="1"/>
    <s v="Frank Carlisle"/>
  </r>
  <r>
    <x v="1"/>
    <s v="Alan Dominguez"/>
  </r>
  <r>
    <x v="1"/>
    <s v="Amy Cox"/>
  </r>
  <r>
    <x v="1"/>
    <s v="Grace Kelly"/>
  </r>
  <r>
    <x v="1"/>
    <s v="Lycoris Saunders"/>
  </r>
  <r>
    <x v="1"/>
    <s v="Lena Creighton"/>
  </r>
  <r>
    <x v="1"/>
    <s v="Skye Norling"/>
  </r>
  <r>
    <x v="1"/>
    <s v="Bruce Geld"/>
  </r>
  <r>
    <x v="1"/>
    <s v="Keith Herrera"/>
  </r>
  <r>
    <x v="1"/>
    <s v="Logan Haushalter"/>
  </r>
  <r>
    <x v="1"/>
    <s v="Maria Etezadi"/>
  </r>
  <r>
    <x v="1"/>
    <s v="Katherine Murray"/>
  </r>
  <r>
    <x v="1"/>
    <s v="Paul Prost"/>
  </r>
  <r>
    <x v="1"/>
    <s v="Stewart Carmichael"/>
  </r>
  <r>
    <x v="1"/>
    <s v="Becky Castell"/>
  </r>
  <r>
    <x v="1"/>
    <s v="Ken Lonsdale"/>
  </r>
  <r>
    <x v="1"/>
    <s v="Michael Grace"/>
  </r>
  <r>
    <x v="1"/>
    <s v="Shaun Weien"/>
  </r>
  <r>
    <x v="1"/>
    <s v="Rick Duston"/>
  </r>
  <r>
    <x v="1"/>
    <s v="Christine Sundaresam"/>
  </r>
  <r>
    <x v="1"/>
    <s v="Randy Ferguson"/>
  </r>
  <r>
    <x v="1"/>
    <s v="Cathy Hwang"/>
  </r>
  <r>
    <x v="1"/>
    <s v="Dennis Bolton"/>
  </r>
  <r>
    <x v="1"/>
    <s v="Dorothy Wardle"/>
  </r>
  <r>
    <x v="1"/>
    <s v="Mark Packer"/>
  </r>
  <r>
    <x v="1"/>
    <s v="Steven Cartwright"/>
  </r>
  <r>
    <x v="1"/>
    <s v="Michelle Moray"/>
  </r>
  <r>
    <x v="1"/>
    <s v="Neil FranzÃ¶sisch"/>
  </r>
  <r>
    <x v="1"/>
    <s v="Rob Haberlin"/>
  </r>
  <r>
    <x v="1"/>
    <s v="Bruce Degenhardt"/>
  </r>
  <r>
    <x v="1"/>
    <s v="Deirdre Greer"/>
  </r>
  <r>
    <x v="1"/>
    <s v="Irene Maddox"/>
  </r>
  <r>
    <x v="1"/>
    <s v="Julie Prescott"/>
  </r>
  <r>
    <x v="1"/>
    <s v="Victor Preis"/>
  </r>
  <r>
    <x v="1"/>
    <s v="Mitch Webber"/>
  </r>
  <r>
    <x v="1"/>
    <s v="Roland Schwarz"/>
  </r>
  <r>
    <x v="1"/>
    <s v="Kalyca Meade"/>
  </r>
  <r>
    <x v="1"/>
    <s v="Darrin Martin"/>
  </r>
  <r>
    <x v="1"/>
    <s v="Brian Thompson"/>
  </r>
  <r>
    <x v="1"/>
    <s v="Matt Collins"/>
  </r>
  <r>
    <x v="1"/>
    <s v="Kean Nguyen"/>
  </r>
  <r>
    <x v="1"/>
    <s v="Eric Hoffmann"/>
  </r>
  <r>
    <x v="1"/>
    <s v="Clytie Kelty"/>
  </r>
  <r>
    <x v="1"/>
    <s v="Shahid Collister"/>
  </r>
  <r>
    <x v="1"/>
    <s v="Todd Sumrall"/>
  </r>
  <r>
    <x v="1"/>
    <s v="Rob Lucas"/>
  </r>
  <r>
    <x v="1"/>
    <s v="Fred McMath"/>
  </r>
  <r>
    <x v="1"/>
    <s v="Natalie DeCherney"/>
  </r>
  <r>
    <x v="1"/>
    <s v="Neil Ducich"/>
  </r>
  <r>
    <x v="1"/>
    <s v="Michael Granlund"/>
  </r>
  <r>
    <x v="1"/>
    <s v="Victoria Brennan"/>
  </r>
  <r>
    <x v="1"/>
    <s v="Karen Carlisle"/>
  </r>
  <r>
    <x v="1"/>
    <s v="Pauline Johnson"/>
  </r>
  <r>
    <x v="1"/>
    <s v="Thais Sissman"/>
  </r>
  <r>
    <x v="1"/>
    <s v="Ralph Kennedy"/>
  </r>
  <r>
    <x v="1"/>
    <s v="Melanie Seite"/>
  </r>
  <r>
    <x v="1"/>
    <s v="Shirley Schmidt"/>
  </r>
  <r>
    <x v="1"/>
    <s v="Ross Baird"/>
  </r>
  <r>
    <x v="1"/>
    <s v="Michelle Huthwaite"/>
  </r>
  <r>
    <x v="1"/>
    <s v="Russell D'Ascenzo"/>
  </r>
  <r>
    <x v="1"/>
    <s v="Cynthia Arntzen"/>
  </r>
  <r>
    <x v="1"/>
    <s v="Helen Andreada"/>
  </r>
  <r>
    <x v="1"/>
    <s v="Cyma Kinney"/>
  </r>
  <r>
    <x v="1"/>
    <s v="Corey Catlett"/>
  </r>
  <r>
    <x v="1"/>
    <s v="Gary Hansen"/>
  </r>
  <r>
    <x v="1"/>
    <s v="Rick Hansen"/>
  </r>
  <r>
    <x v="1"/>
    <s v="Allen Rosenblatt"/>
  </r>
  <r>
    <x v="1"/>
    <s v="Steve Chapman"/>
  </r>
  <r>
    <x v="1"/>
    <s v="Pauline Chand"/>
  </r>
  <r>
    <x v="1"/>
    <s v="Corey-Lock"/>
  </r>
  <r>
    <x v="1"/>
    <s v="Brad Eason"/>
  </r>
  <r>
    <x v="1"/>
    <s v="Darren Koutras"/>
  </r>
  <r>
    <x v="1"/>
    <s v="Rachel Payne"/>
  </r>
  <r>
    <x v="1"/>
    <s v="Parhena Norris"/>
  </r>
  <r>
    <x v="1"/>
    <s v="Jim Karlsson"/>
  </r>
  <r>
    <x v="1"/>
    <s v="Eudokia Martin"/>
  </r>
  <r>
    <x v="1"/>
    <s v="Denny Blanton"/>
  </r>
  <r>
    <x v="1"/>
    <s v="David Smith"/>
  </r>
  <r>
    <x v="1"/>
    <s v="Naresj Patel"/>
  </r>
  <r>
    <x v="1"/>
    <s v="Ruben Ausman"/>
  </r>
  <r>
    <x v="1"/>
    <s v="Hallie Redmond"/>
  </r>
  <r>
    <x v="1"/>
    <s v="Julie Kriz"/>
  </r>
  <r>
    <x v="1"/>
    <s v="William Brown"/>
  </r>
  <r>
    <x v="1"/>
    <s v="Barry Weirich"/>
  </r>
  <r>
    <x v="1"/>
    <s v="Philisse Overcash"/>
  </r>
  <r>
    <x v="1"/>
    <s v="Ralph Arnett"/>
  </r>
  <r>
    <x v="1"/>
    <s v="Ed Jacobs"/>
  </r>
  <r>
    <x v="1"/>
    <s v="Sandra Flanagan"/>
  </r>
  <r>
    <x v="1"/>
    <s v="Tim Taslimi"/>
  </r>
  <r>
    <x v="1"/>
    <s v="Richard Eichhorn"/>
  </r>
  <r>
    <x v="1"/>
    <s v="John Murray"/>
  </r>
  <r>
    <x v="1"/>
    <s v="Joni Wasserman"/>
  </r>
  <r>
    <x v="1"/>
    <s v="Shaun Chance"/>
  </r>
  <r>
    <x v="1"/>
    <s v="Nick Zandusky"/>
  </r>
  <r>
    <x v="1"/>
    <s v="Sean Miller"/>
  </r>
  <r>
    <x v="1"/>
    <s v="Dave Poirier"/>
  </r>
  <r>
    <x v="1"/>
    <s v="Roger Barcio"/>
  </r>
  <r>
    <x v="1"/>
    <s v="Tamara Dahlen"/>
  </r>
  <r>
    <x v="1"/>
    <s v="Fred Harton"/>
  </r>
  <r>
    <x v="1"/>
    <s v="Cassandra Brandow"/>
  </r>
  <r>
    <x v="1"/>
    <s v="Katrina Willman"/>
  </r>
  <r>
    <x v="1"/>
    <s v="Nancy Lomonaco"/>
  </r>
  <r>
    <x v="1"/>
    <s v="Ryan Akin"/>
  </r>
  <r>
    <x v="1"/>
    <s v="Philip Fox"/>
  </r>
  <r>
    <x v="1"/>
    <s v="Andrew Roberts"/>
  </r>
  <r>
    <x v="1"/>
    <s v="Rick Huthwaite"/>
  </r>
  <r>
    <x v="1"/>
    <s v="Doug Bickford"/>
  </r>
  <r>
    <x v="1"/>
    <s v="Julie Creighton"/>
  </r>
  <r>
    <x v="1"/>
    <s v="Mike Gockenbach"/>
  </r>
  <r>
    <x v="1"/>
    <s v="Ann Steele"/>
  </r>
  <r>
    <x v="1"/>
    <s v="Arthur Gainer"/>
  </r>
  <r>
    <x v="1"/>
    <s v="Cathy Armstrong"/>
  </r>
  <r>
    <x v="1"/>
    <s v="Tamara Willingham"/>
  </r>
  <r>
    <x v="1"/>
    <s v="Beth Thompson"/>
  </r>
  <r>
    <x v="1"/>
    <s v="Chuck Clark"/>
  </r>
  <r>
    <x v="1"/>
    <s v="Alyssa Tate"/>
  </r>
  <r>
    <x v="1"/>
    <s v="Brendan Sweed"/>
  </r>
  <r>
    <x v="1"/>
    <s v="Andy Gerbode"/>
  </r>
  <r>
    <x v="1"/>
    <s v="Lisa Ryan"/>
  </r>
  <r>
    <x v="1"/>
    <s v="Tanja Norvell"/>
  </r>
  <r>
    <x v="1"/>
    <s v="Neoma Murray"/>
  </r>
  <r>
    <x v="1"/>
    <s v="Aimee Bixby"/>
  </r>
  <r>
    <x v="1"/>
    <s v="Edward Hooks"/>
  </r>
  <r>
    <x v="1"/>
    <s v="Bobby Odegard"/>
  </r>
  <r>
    <x v="1"/>
    <s v="Alex Russell"/>
  </r>
  <r>
    <x v="1"/>
    <s v="Sean Braxton"/>
  </r>
  <r>
    <x v="1"/>
    <s v="Don Miller"/>
  </r>
  <r>
    <x v="1"/>
    <s v="George Bell"/>
  </r>
  <r>
    <x v="1"/>
    <s v="Paul Gonzalez"/>
  </r>
  <r>
    <x v="1"/>
    <s v="Craig Carreira"/>
  </r>
  <r>
    <x v="1"/>
    <s v="Harry Greene"/>
  </r>
  <r>
    <x v="1"/>
    <s v="Anne McFarland"/>
  </r>
  <r>
    <x v="1"/>
    <s v="Ken Dana"/>
  </r>
  <r>
    <x v="1"/>
    <s v="Christina Anderson"/>
  </r>
  <r>
    <x v="1"/>
    <s v="Nat Gilpin"/>
  </r>
  <r>
    <x v="1"/>
    <s v="Carol Triggs"/>
  </r>
  <r>
    <x v="1"/>
    <s v="Brendan Murry"/>
  </r>
  <r>
    <x v="1"/>
    <s v="Ann Chong"/>
  </r>
  <r>
    <x v="1"/>
    <s v="Bradley Drucker"/>
  </r>
  <r>
    <x v="1"/>
    <s v="Tracy Blumstein"/>
  </r>
  <r>
    <x v="1"/>
    <s v="Meg O'Connel"/>
  </r>
  <r>
    <x v="1"/>
    <s v="Lindsay Shagiari"/>
  </r>
  <r>
    <x v="1"/>
    <s v="Justin Ritter"/>
  </r>
  <r>
    <x v="1"/>
    <s v="Adam Bellavance"/>
  </r>
  <r>
    <x v="1"/>
    <s v="Charlotte Melton"/>
  </r>
  <r>
    <x v="1"/>
    <s v="Nicole Hansen"/>
  </r>
  <r>
    <x v="1"/>
    <s v="Giulietta Weimer"/>
  </r>
  <r>
    <x v="1"/>
    <s v="Marc Harrigan"/>
  </r>
  <r>
    <x v="1"/>
    <s v="Alejandro Grove"/>
  </r>
  <r>
    <x v="1"/>
    <s v="Tamara Chand"/>
  </r>
  <r>
    <x v="1"/>
    <s v="Barry Gonzalez"/>
  </r>
  <r>
    <x v="1"/>
    <s v="Chad Sievert"/>
  </r>
  <r>
    <x v="1"/>
    <s v="Cynthia Delaney"/>
  </r>
  <r>
    <x v="1"/>
    <s v="Duane Huffman"/>
  </r>
  <r>
    <x v="1"/>
    <s v="Sanjit Jacobs"/>
  </r>
  <r>
    <x v="1"/>
    <s v="Steve Carroll"/>
  </r>
  <r>
    <x v="1"/>
    <s v="Carlos Meador"/>
  </r>
  <r>
    <x v="1"/>
    <s v="Kunst Miller"/>
  </r>
  <r>
    <x v="1"/>
    <s v="Maria Bertelson"/>
  </r>
  <r>
    <x v="1"/>
    <s v="Jamie Frazer"/>
  </r>
  <r>
    <x v="1"/>
    <s v="Phillina Ober"/>
  </r>
  <r>
    <x v="1"/>
    <s v="Dan Reichenbach"/>
  </r>
  <r>
    <x v="1"/>
    <s v="Erica Hackney"/>
  </r>
  <r>
    <x v="1"/>
    <s v="Sally Hughsby"/>
  </r>
  <r>
    <x v="1"/>
    <s v="Marina Lichtenstein"/>
  </r>
  <r>
    <x v="1"/>
    <s v="Carlos Soltero"/>
  </r>
  <r>
    <x v="1"/>
    <s v="Bryan Spruell"/>
  </r>
  <r>
    <x v="1"/>
    <s v="Helen Wasserman"/>
  </r>
  <r>
    <x v="1"/>
    <s v="Jamie Kunitz"/>
  </r>
  <r>
    <x v="1"/>
    <s v="Saphhira Shifley"/>
  </r>
  <r>
    <x v="1"/>
    <s v="Robert Marley"/>
  </r>
  <r>
    <x v="1"/>
    <s v="Eric Murdock"/>
  </r>
  <r>
    <x v="1"/>
    <s v="Jennifer Patt"/>
  </r>
  <r>
    <x v="1"/>
    <s v="Christopher Schild"/>
  </r>
  <r>
    <x v="1"/>
    <s v="Henry MacAllister"/>
  </r>
  <r>
    <x v="1"/>
    <s v="Mary Zewe"/>
  </r>
  <r>
    <x v="1"/>
    <s v="Bruce Stewart"/>
  </r>
  <r>
    <x v="1"/>
    <s v="Denny Joy"/>
  </r>
  <r>
    <x v="1"/>
    <s v="Alex Avila"/>
  </r>
  <r>
    <x v="1"/>
    <s v="Joel Jenkins"/>
  </r>
  <r>
    <x v="1"/>
    <s v="Jeremy Farry"/>
  </r>
  <r>
    <x v="1"/>
    <s v="Gene Hale"/>
  </r>
  <r>
    <x v="1"/>
    <s v="Tim Brockman"/>
  </r>
  <r>
    <x v="1"/>
    <s v="Brian Moss"/>
  </r>
  <r>
    <x v="1"/>
    <s v="Sonia Cooley"/>
  </r>
  <r>
    <x v="1"/>
    <s v="David Philippe"/>
  </r>
  <r>
    <x v="1"/>
    <s v="Sean O'Donnell"/>
  </r>
  <r>
    <x v="1"/>
    <s v="Shahid Hopkins"/>
  </r>
  <r>
    <x v="1"/>
    <s v="Art Foster"/>
  </r>
  <r>
    <x v="1"/>
    <s v="Claire Gute"/>
  </r>
  <r>
    <x v="1"/>
    <s v="Kristina Nunn"/>
  </r>
  <r>
    <x v="1"/>
    <s v="John Castell"/>
  </r>
  <r>
    <x v="1"/>
    <s v="Cari Schnelling"/>
  </r>
  <r>
    <x v="1"/>
    <s v="Liz Thompson"/>
  </r>
  <r>
    <x v="1"/>
    <s v="Jay Fein"/>
  </r>
  <r>
    <x v="1"/>
    <s v="Michelle Tran"/>
  </r>
  <r>
    <x v="1"/>
    <s v="Heather Kirkland"/>
  </r>
  <r>
    <x v="1"/>
    <s v="Maribeth Yedwab"/>
  </r>
  <r>
    <x v="1"/>
    <s v="Barry FranzÃ¶sisch"/>
  </r>
  <r>
    <x v="1"/>
    <s v="Harold Pawlan"/>
  </r>
  <r>
    <x v="1"/>
    <s v="Kean Thornton"/>
  </r>
  <r>
    <x v="1"/>
    <s v="Sandra Glassco"/>
  </r>
  <r>
    <x v="1"/>
    <s v="Valerie Mitchum"/>
  </r>
  <r>
    <x v="1"/>
    <s v="Quincy Jones"/>
  </r>
  <r>
    <x v="1"/>
    <s v="MaryBeth Skach"/>
  </r>
  <r>
    <x v="1"/>
    <s v="Jas O'Carroll"/>
  </r>
  <r>
    <x v="1"/>
    <s v="Kelly Collister"/>
  </r>
  <r>
    <x v="1"/>
    <s v="Scot Wooten"/>
  </r>
  <r>
    <x v="1"/>
    <s v="Emily Ducich"/>
  </r>
  <r>
    <x v="1"/>
    <s v="Barry Blumstein"/>
  </r>
  <r>
    <x v="1"/>
    <s v="Emily Grady"/>
  </r>
  <r>
    <x v="1"/>
    <s v="Grant Thornton"/>
  </r>
  <r>
    <x v="1"/>
    <s v="Nathan Gelder"/>
  </r>
  <r>
    <x v="1"/>
    <s v="Christy Brittain"/>
  </r>
  <r>
    <x v="1"/>
    <s v="Meg Tillman"/>
  </r>
  <r>
    <x v="1"/>
    <s v="Karen Bern"/>
  </r>
  <r>
    <x v="1"/>
    <s v="Christine Phan"/>
  </r>
  <r>
    <x v="1"/>
    <s v="Doug O'Connell"/>
  </r>
  <r>
    <x v="1"/>
    <s v="Adrian Barton"/>
  </r>
  <r>
    <x v="1"/>
    <s v="Helen Abelman"/>
  </r>
  <r>
    <x v="1"/>
    <s v="Maria Zettner"/>
  </r>
  <r>
    <x v="1"/>
    <s v="Sanjit Chand"/>
  </r>
  <r>
    <x v="1"/>
    <s v="Duane Benoit"/>
  </r>
  <r>
    <x v="1"/>
    <s v="Keith Dawkins"/>
  </r>
  <r>
    <x v="1"/>
    <s v="Adam Shillingsburg"/>
  </r>
  <r>
    <x v="1"/>
    <s v="Dean percer"/>
  </r>
  <r>
    <x v="1"/>
    <s v="Alan Hwang"/>
  </r>
  <r>
    <x v="1"/>
    <s v="Sam Craven"/>
  </r>
  <r>
    <x v="1"/>
    <s v="Yoseph Carroll"/>
  </r>
  <r>
    <x v="1"/>
    <s v="Arthur Wiediger"/>
  </r>
  <r>
    <x v="1"/>
    <s v="Patrick Jones"/>
  </r>
  <r>
    <x v="1"/>
    <s v="Maureen Gastineau"/>
  </r>
  <r>
    <x v="1"/>
    <s v="Gary Zandusky"/>
  </r>
  <r>
    <x v="1"/>
    <s v="Dean Katz"/>
  </r>
  <r>
    <x v="1"/>
    <s v="Maya Herman"/>
  </r>
  <r>
    <x v="1"/>
    <s v="Mike Pelletier"/>
  </r>
  <r>
    <x v="1"/>
    <s v="Matt Connell"/>
  </r>
  <r>
    <x v="1"/>
    <s v="John Grady"/>
  </r>
  <r>
    <x v="1"/>
    <s v="Greg Hansen"/>
  </r>
  <r>
    <x v="1"/>
    <s v="Brian Stugart"/>
  </r>
  <r>
    <x v="1"/>
    <s v="Anna Andreadi"/>
  </r>
  <r>
    <x v="1"/>
    <s v="Aleksandra Gannaway"/>
  </r>
  <r>
    <x v="1"/>
    <s v="Katherine Ducich"/>
  </r>
  <r>
    <x v="1"/>
    <s v="Dan Lawera"/>
  </r>
  <r>
    <x v="1"/>
    <s v="Patrick Bzostek"/>
  </r>
  <r>
    <x v="1"/>
    <s v="Katrina Bavinger"/>
  </r>
  <r>
    <x v="1"/>
    <s v="Denise Leinenbach"/>
  </r>
  <r>
    <x v="1"/>
    <s v="Shahid Shariari"/>
  </r>
  <r>
    <x v="1"/>
    <s v="Anne Pryor"/>
  </r>
  <r>
    <x v="1"/>
    <s v="Annie Thurman"/>
  </r>
  <r>
    <x v="1"/>
    <s v="Guy Phonely"/>
  </r>
  <r>
    <x v="1"/>
    <s v="Stefanie Holloman"/>
  </r>
  <r>
    <x v="1"/>
    <s v="Carlos Daly"/>
  </r>
  <r>
    <x v="1"/>
    <s v="Thomas Brumley"/>
  </r>
  <r>
    <x v="1"/>
    <s v="Steve Nguyen"/>
  </r>
  <r>
    <x v="1"/>
    <s v="Matt Abelman"/>
  </r>
  <r>
    <x v="1"/>
    <s v="Tom Prescott"/>
  </r>
  <r>
    <x v="1"/>
    <s v="Mark Cousins"/>
  </r>
  <r>
    <x v="1"/>
    <s v="Michelle Arnett"/>
  </r>
  <r>
    <x v="1"/>
    <s v="Eileen Kiefer"/>
  </r>
  <r>
    <x v="1"/>
    <s v="Raymond Messe"/>
  </r>
  <r>
    <x v="1"/>
    <s v="Janet Lee"/>
  </r>
  <r>
    <x v="1"/>
    <s v="Lena Radford"/>
  </r>
  <r>
    <x v="1"/>
    <s v="Logan Currie"/>
  </r>
  <r>
    <x v="1"/>
    <s v="Bill Stewart"/>
  </r>
  <r>
    <x v="1"/>
    <s v="Jack Garza"/>
  </r>
  <r>
    <x v="1"/>
    <s v="Ritsa Hightower"/>
  </r>
  <r>
    <x v="1"/>
    <s v="Harry Marie"/>
  </r>
  <r>
    <x v="1"/>
    <s v="Tracy Zic"/>
  </r>
  <r>
    <x v="1"/>
    <s v="Matt Hagelstein"/>
  </r>
  <r>
    <x v="1"/>
    <s v="Stephanie Ulpright"/>
  </r>
  <r>
    <x v="1"/>
    <s v="Brian Derr"/>
  </r>
  <r>
    <x v="1"/>
    <s v="Rick Reed"/>
  </r>
  <r>
    <x v="1"/>
    <s v="Gary Hwang"/>
  </r>
  <r>
    <x v="1"/>
    <s v="Dennis Kane"/>
  </r>
  <r>
    <x v="1"/>
    <s v="Speros Goranitis"/>
  </r>
  <r>
    <x v="1"/>
    <s v="Art Ferguson"/>
  </r>
  <r>
    <x v="1"/>
    <s v="Tonja Turnell"/>
  </r>
  <r>
    <x v="1"/>
    <s v="Ken Brennan"/>
  </r>
  <r>
    <x v="1"/>
    <s v="Khloe Miller"/>
  </r>
  <r>
    <x v="1"/>
    <s v="Stuart Calhoun"/>
  </r>
  <r>
    <x v="1"/>
    <s v="Joni Blumstein"/>
  </r>
  <r>
    <x v="1"/>
    <s v="Xylona Preis"/>
  </r>
  <r>
    <x v="1"/>
    <s v="Jonathan Doherty"/>
  </r>
  <r>
    <x v="1"/>
    <s v="Karen Daniels"/>
  </r>
  <r>
    <x v="1"/>
    <s v="Doug Jacobs"/>
  </r>
  <r>
    <x v="1"/>
    <s v="Darren Budd"/>
  </r>
  <r>
    <x v="1"/>
    <s v="Natalie Fritzler"/>
  </r>
  <r>
    <x v="1"/>
    <s v="John Lee"/>
  </r>
  <r>
    <x v="1"/>
    <s v="Michael Kennedy"/>
  </r>
  <r>
    <x v="1"/>
    <s v="Robert Barroso"/>
  </r>
  <r>
    <x v="1"/>
    <s v="Peter McVee"/>
  </r>
  <r>
    <x v="1"/>
    <s v="Evan Minnotte"/>
  </r>
  <r>
    <x v="1"/>
    <s v="John Stevenson"/>
  </r>
  <r>
    <x v="1"/>
    <s v="Elpida Rittenbach"/>
  </r>
  <r>
    <x v="1"/>
    <s v="Lynn Smith"/>
  </r>
  <r>
    <x v="1"/>
    <s v="Roger Demir"/>
  </r>
  <r>
    <x v="1"/>
    <s v="Adam Hart"/>
  </r>
  <r>
    <x v="1"/>
    <s v="Jim Radford"/>
  </r>
  <r>
    <x v="1"/>
    <s v="Kean Takahito"/>
  </r>
  <r>
    <x v="1"/>
    <s v="Dionis Lloyd"/>
  </r>
  <r>
    <x v="1"/>
    <s v="Lena Hernandez"/>
  </r>
  <r>
    <x v="1"/>
    <s v="David Flashing"/>
  </r>
  <r>
    <x v="1"/>
    <s v="Maribeth Dona"/>
  </r>
  <r>
    <x v="1"/>
    <s v="Brad Thomas"/>
  </r>
  <r>
    <x v="1"/>
    <s v="Aaron Hawkins"/>
  </r>
  <r>
    <x v="1"/>
    <s v="Roy FranzÃ¶sisch"/>
  </r>
  <r>
    <x v="1"/>
    <s v="Clay Ludtke"/>
  </r>
  <r>
    <x v="2"/>
    <s v="Brendan Murry"/>
  </r>
  <r>
    <x v="2"/>
    <s v="Lena Radford"/>
  </r>
  <r>
    <x v="2"/>
    <s v="Christine Abelman"/>
  </r>
  <r>
    <x v="2"/>
    <s v="Bill Overfelt"/>
  </r>
  <r>
    <x v="2"/>
    <s v="Erica Bern"/>
  </r>
  <r>
    <x v="2"/>
    <s v="Ben Peterman"/>
  </r>
  <r>
    <x v="2"/>
    <s v="Anthony Johnson"/>
  </r>
  <r>
    <x v="2"/>
    <s v="Dianna Wilson"/>
  </r>
  <r>
    <x v="2"/>
    <s v="Neoma Murray"/>
  </r>
  <r>
    <x v="2"/>
    <s v="Jack O'Briant"/>
  </r>
  <r>
    <x v="2"/>
    <s v="Vivek Sundaresam"/>
  </r>
  <r>
    <x v="2"/>
    <s v="Laura Armstrong"/>
  </r>
  <r>
    <x v="2"/>
    <s v="Maureen Fritzler"/>
  </r>
  <r>
    <x v="2"/>
    <s v="Ken Black"/>
  </r>
  <r>
    <x v="2"/>
    <s v="Joy Bell-"/>
  </r>
  <r>
    <x v="2"/>
    <s v="Deanra Eno"/>
  </r>
  <r>
    <x v="2"/>
    <s v="Mark Packer"/>
  </r>
  <r>
    <x v="2"/>
    <s v="Anna Gayman"/>
  </r>
  <r>
    <x v="2"/>
    <s v="Dean percer"/>
  </r>
  <r>
    <x v="2"/>
    <s v="Roy Collins"/>
  </r>
  <r>
    <x v="2"/>
    <s v="William Brown"/>
  </r>
  <r>
    <x v="2"/>
    <s v="Bill Eplett"/>
  </r>
  <r>
    <x v="2"/>
    <s v="Eric Hoffmann"/>
  </r>
  <r>
    <x v="2"/>
    <s v="Chuck Clark"/>
  </r>
  <r>
    <x v="2"/>
    <s v="Dionis Lloyd"/>
  </r>
  <r>
    <x v="2"/>
    <s v="Tamara Dahlen"/>
  </r>
  <r>
    <x v="2"/>
    <s v="Paul Gonzalez"/>
  </r>
  <r>
    <x v="2"/>
    <s v="Carlos Meador"/>
  </r>
  <r>
    <x v="2"/>
    <s v="Marc Crier"/>
  </r>
  <r>
    <x v="2"/>
    <s v="Frank Preis"/>
  </r>
  <r>
    <x v="2"/>
    <s v="Bradley Talbott"/>
  </r>
  <r>
    <x v="2"/>
    <s v="Toby Braunhardt"/>
  </r>
  <r>
    <x v="2"/>
    <s v="Christy Brittain"/>
  </r>
  <r>
    <x v="2"/>
    <s v="Claudia Bergmann"/>
  </r>
  <r>
    <x v="2"/>
    <s v="Henry Goldwyn"/>
  </r>
  <r>
    <x v="2"/>
    <s v="Todd Boyes"/>
  </r>
  <r>
    <x v="2"/>
    <s v="Jonathan Doherty"/>
  </r>
  <r>
    <x v="2"/>
    <s v="Jeremy Farry"/>
  </r>
  <r>
    <x v="2"/>
    <s v="Steven Cartwright"/>
  </r>
  <r>
    <x v="2"/>
    <s v="Tim Brockman"/>
  </r>
  <r>
    <x v="2"/>
    <s v="Harold Engle"/>
  </r>
  <r>
    <x v="2"/>
    <s v="David Flashing"/>
  </r>
  <r>
    <x v="2"/>
    <s v="Sample Company A"/>
  </r>
  <r>
    <x v="2"/>
    <s v="Aimee Bixby"/>
  </r>
  <r>
    <x v="2"/>
    <s v="Jason Klamczynski"/>
  </r>
  <r>
    <x v="2"/>
    <s v="Ben Ferrer"/>
  </r>
  <r>
    <x v="2"/>
    <s v="Cyma Kinney"/>
  </r>
  <r>
    <x v="2"/>
    <s v="Suzanne McNair"/>
  </r>
  <r>
    <x v="2"/>
    <s v="Adrian Barton"/>
  </r>
  <r>
    <x v="2"/>
    <s v="Sanjit Engle"/>
  </r>
  <r>
    <x v="2"/>
    <s v="Noel Staavos"/>
  </r>
  <r>
    <x v="2"/>
    <s v="Liz Carlisle"/>
  </r>
  <r>
    <x v="2"/>
    <s v="Tracy Blumstein"/>
  </r>
  <r>
    <x v="2"/>
    <s v="Maribeth Schnelling"/>
  </r>
  <r>
    <x v="2"/>
    <s v="Jennifer Braxton"/>
  </r>
  <r>
    <x v="2"/>
    <s v="Paul Prost"/>
  </r>
  <r>
    <x v="2"/>
    <s v="Annie Zypern"/>
  </r>
  <r>
    <x v="2"/>
    <s v="Karen Bern"/>
  </r>
  <r>
    <x v="2"/>
    <s v="Christina Anderson"/>
  </r>
  <r>
    <x v="2"/>
    <s v="Bobby Elias"/>
  </r>
  <r>
    <x v="2"/>
    <s v="Cathy Hwang"/>
  </r>
  <r>
    <x v="2"/>
    <s v="Mark Haberlin"/>
  </r>
  <r>
    <x v="2"/>
    <s v="Justin Ritter"/>
  </r>
  <r>
    <x v="2"/>
    <s v="Phillip Breyer"/>
  </r>
  <r>
    <x v="2"/>
    <s v="John Stevenson"/>
  </r>
  <r>
    <x v="2"/>
    <s v="Ross DeVincentis"/>
  </r>
  <r>
    <x v="2"/>
    <s v="Dave Kipp"/>
  </r>
  <r>
    <x v="2"/>
    <s v="Fred McMath"/>
  </r>
  <r>
    <x v="2"/>
    <s v="Patrick Gardner"/>
  </r>
  <r>
    <x v="2"/>
    <s v="Erin Ashbrook"/>
  </r>
  <r>
    <x v="2"/>
    <s v="John Dryer"/>
  </r>
  <r>
    <x v="2"/>
    <s v="Giulietta Weimer"/>
  </r>
  <r>
    <x v="2"/>
    <s v="Jill Fjeld"/>
  </r>
  <r>
    <x v="2"/>
    <s v="Greg Tran"/>
  </r>
  <r>
    <x v="2"/>
    <s v="Alan Hwang"/>
  </r>
  <r>
    <x v="2"/>
    <s v="Matthew Clasen"/>
  </r>
  <r>
    <x v="2"/>
    <s v="Benjamin Venier"/>
  </r>
  <r>
    <x v="2"/>
    <s v="Lindsay Castell"/>
  </r>
  <r>
    <x v="2"/>
    <s v="Paul Van Hugh"/>
  </r>
  <r>
    <x v="2"/>
    <s v="Tracy Zic"/>
  </r>
  <r>
    <x v="2"/>
    <s v="Alyssa Crouse"/>
  </r>
  <r>
    <x v="2"/>
    <s v="Bruce Degenhardt"/>
  </r>
  <r>
    <x v="2"/>
    <s v="Dan Lawera"/>
  </r>
  <r>
    <x v="2"/>
    <s v="Eric Barreto"/>
  </r>
  <r>
    <x v="2"/>
    <s v="Don Weiss"/>
  </r>
  <r>
    <x v="2"/>
    <s v="Rick Reed"/>
  </r>
  <r>
    <x v="2"/>
    <s v="Lena Cacioppo"/>
  </r>
  <r>
    <x v="2"/>
    <s v="Karen Daniels"/>
  </r>
  <r>
    <x v="2"/>
    <s v="Odella Nelson"/>
  </r>
  <r>
    <x v="2"/>
    <s v="Brosina Hoffman"/>
  </r>
  <r>
    <x v="2"/>
    <s v="Jason Gross"/>
  </r>
  <r>
    <x v="2"/>
    <s v="Craig Carreira"/>
  </r>
  <r>
    <x v="2"/>
    <s v="Chris Cortes"/>
  </r>
  <r>
    <x v="2"/>
    <s v="Theresa Swint"/>
  </r>
  <r>
    <x v="2"/>
    <s v="Alex Avila"/>
  </r>
  <r>
    <x v="2"/>
    <s v="Michael Granlund"/>
  </r>
  <r>
    <x v="2"/>
    <s v="Randy Ferguson"/>
  </r>
  <r>
    <x v="2"/>
    <s v="Rick Duston"/>
  </r>
  <r>
    <x v="2"/>
    <s v="Eleni McCrary"/>
  </r>
  <r>
    <x v="2"/>
    <s v="Rob Williams"/>
  </r>
  <r>
    <x v="2"/>
    <s v="Julia Barnett"/>
  </r>
  <r>
    <x v="2"/>
    <s v="Ed Braxton"/>
  </r>
  <r>
    <x v="2"/>
    <s v="Zuschuss Carroll"/>
  </r>
  <r>
    <x v="2"/>
    <s v="Brian DeCherney"/>
  </r>
  <r>
    <x v="2"/>
    <s v="Giulietta Baptist"/>
  </r>
  <r>
    <x v="2"/>
    <s v="Sanjit Jacobs"/>
  </r>
  <r>
    <x v="2"/>
    <s v="Stephanie Phelps"/>
  </r>
  <r>
    <x v="2"/>
    <s v="Rick Bensley"/>
  </r>
  <r>
    <x v="2"/>
    <s v="Pamela Stobb"/>
  </r>
  <r>
    <x v="2"/>
    <s v="Caroline Jumper"/>
  </r>
  <r>
    <x v="2"/>
    <s v="Bryan Davis"/>
  </r>
  <r>
    <x v="2"/>
    <s v="Karen Ferguson"/>
  </r>
  <r>
    <x v="2"/>
    <s v="Rick Huthwaite"/>
  </r>
  <r>
    <x v="2"/>
    <s v="Maya Herman"/>
  </r>
  <r>
    <x v="2"/>
    <s v="Mick Brown"/>
  </r>
  <r>
    <x v="2"/>
    <s v="Julie Prescott"/>
  </r>
  <r>
    <x v="2"/>
    <s v="Brad Thomas"/>
  </r>
  <r>
    <x v="2"/>
    <s v="Mike Caudle"/>
  </r>
  <r>
    <x v="2"/>
    <s v="Clytie Kelty"/>
  </r>
  <r>
    <x v="2"/>
    <s v="Dean Katz"/>
  </r>
  <r>
    <x v="2"/>
    <s v="Scot Wooten"/>
  </r>
  <r>
    <x v="2"/>
    <s v="Tamara Willingham"/>
  </r>
  <r>
    <x v="2"/>
    <s v="Liz Thompson"/>
  </r>
  <r>
    <x v="2"/>
    <s v="Adam Bellavance"/>
  </r>
  <r>
    <x v="2"/>
    <s v="Edward Hooks"/>
  </r>
  <r>
    <x v="2"/>
    <s v="Stewart Carmichael"/>
  </r>
  <r>
    <x v="2"/>
    <s v="Dennis Bolton"/>
  </r>
  <r>
    <x v="2"/>
    <s v="Henia Zydlo"/>
  </r>
  <r>
    <x v="2"/>
    <s v="Muhammed MacIntyre"/>
  </r>
  <r>
    <x v="2"/>
    <s v="Sibella Parks"/>
  </r>
  <r>
    <x v="2"/>
    <s v="Paul Lucas"/>
  </r>
  <r>
    <x v="2"/>
    <s v="Fred Chung"/>
  </r>
  <r>
    <x v="2"/>
    <s v="Muhammed Yedwab"/>
  </r>
  <r>
    <x v="2"/>
    <s v="Christine Sundaresam"/>
  </r>
  <r>
    <x v="2"/>
    <s v="Vivian Mathis"/>
  </r>
  <r>
    <x v="2"/>
    <s v="Gary Zandusky"/>
  </r>
  <r>
    <x v="2"/>
    <s v="Anna Chung"/>
  </r>
  <r>
    <x v="2"/>
    <s v="Rose O'Brian"/>
  </r>
  <r>
    <x v="2"/>
    <s v="Dave Brooks"/>
  </r>
  <r>
    <x v="2"/>
    <s v="Bobby Trafton"/>
  </r>
  <r>
    <x v="2"/>
    <s v="Susan Vittorini"/>
  </r>
  <r>
    <x v="2"/>
    <s v="Corey Catlett"/>
  </r>
  <r>
    <x v="2"/>
    <s v="Peter BÃ¼hler"/>
  </r>
  <r>
    <x v="2"/>
    <s v="Robert Dilbeck"/>
  </r>
  <r>
    <x v="2"/>
    <s v="Aaron Hawkins"/>
  </r>
  <r>
    <x v="2"/>
    <s v="Kean Takahito"/>
  </r>
  <r>
    <x v="2"/>
    <s v="Dario Medina"/>
  </r>
  <r>
    <x v="2"/>
    <s v="Robert Barroso"/>
  </r>
  <r>
    <x v="2"/>
    <s v="Dan Reichenbach"/>
  </r>
  <r>
    <x v="2"/>
    <s v="Vivek Grady"/>
  </r>
  <r>
    <x v="2"/>
    <s v="Dan Campbell"/>
  </r>
  <r>
    <x v="2"/>
    <s v="Damala Kotsonis"/>
  </r>
  <r>
    <x v="2"/>
    <s v="Dean Braden"/>
  </r>
  <r>
    <x v="2"/>
    <s v="Mark Van Huff"/>
  </r>
  <r>
    <x v="2"/>
    <s v="David Smith"/>
  </r>
  <r>
    <x v="2"/>
    <s v="Aaron Smayling"/>
  </r>
  <r>
    <x v="2"/>
    <s v="Maria Etezadi"/>
  </r>
  <r>
    <x v="2"/>
    <s v="Janet Martin"/>
  </r>
  <r>
    <x v="2"/>
    <s v="Troy Blackwell"/>
  </r>
  <r>
    <x v="2"/>
    <s v="Cathy Prescott"/>
  </r>
  <r>
    <x v="2"/>
    <s v="Carlos Soltero"/>
  </r>
  <r>
    <x v="2"/>
    <s v="Erica Hackney"/>
  </r>
  <r>
    <x v="2"/>
    <s v="Raymond Buch"/>
  </r>
  <r>
    <x v="2"/>
    <s v="Barry Blumstein"/>
  </r>
  <r>
    <x v="2"/>
    <s v="Thomas Boland"/>
  </r>
  <r>
    <x v="2"/>
    <s v="Daniel Byrd"/>
  </r>
  <r>
    <x v="2"/>
    <s v="Denny Joy"/>
  </r>
  <r>
    <x v="2"/>
    <s v="Zuschuss Donatelli"/>
  </r>
  <r>
    <x v="2"/>
    <s v="Steven Roelle"/>
  </r>
  <r>
    <x v="2"/>
    <s v="Evan Henry"/>
  </r>
  <r>
    <x v="2"/>
    <s v="Becky Castell"/>
  </r>
  <r>
    <x v="2"/>
    <s v="Gary Mitchum"/>
  </r>
  <r>
    <x v="2"/>
    <s v="Justin Hirsh"/>
  </r>
  <r>
    <x v="2"/>
    <s v="Valerie Mitchum"/>
  </r>
  <r>
    <x v="2"/>
    <s v="Yoseph Carroll"/>
  </r>
  <r>
    <x v="2"/>
    <s v="Dorris liebe"/>
  </r>
  <r>
    <x v="2"/>
    <s v="Sarah Foster"/>
  </r>
  <r>
    <x v="2"/>
    <s v="Erin Smith"/>
  </r>
  <r>
    <x v="2"/>
    <s v="Alan Shonely"/>
  </r>
  <r>
    <x v="2"/>
    <s v="Jeremy Lonsdale"/>
  </r>
  <r>
    <x v="2"/>
    <s v="Logan Currie"/>
  </r>
  <r>
    <x v="2"/>
    <s v="Eugene Hildebrand"/>
  </r>
  <r>
    <x v="2"/>
    <s v="Raymond Messe"/>
  </r>
  <r>
    <x v="2"/>
    <s v="Christine Kargatis"/>
  </r>
  <r>
    <x v="2"/>
    <s v="Edward Becker"/>
  </r>
  <r>
    <x v="2"/>
    <s v="Sean Wendt"/>
  </r>
  <r>
    <x v="2"/>
    <s v="Herbert Flentye"/>
  </r>
  <r>
    <x v="2"/>
    <s v="Filia McAdams"/>
  </r>
  <r>
    <x v="2"/>
    <s v="Brian Thompson"/>
  </r>
  <r>
    <x v="2"/>
    <s v="Quincy Jones"/>
  </r>
  <r>
    <x v="2"/>
    <s v="Brian Dahlen"/>
  </r>
  <r>
    <x v="2"/>
    <s v="Beth Paige"/>
  </r>
  <r>
    <x v="2"/>
    <s v="Jason Fortune-"/>
  </r>
  <r>
    <x v="2"/>
    <s v="Susan Pistek"/>
  </r>
  <r>
    <x v="2"/>
    <s v="Philip Brown"/>
  </r>
  <r>
    <x v="2"/>
    <s v="Tom Boeckenhauer"/>
  </r>
  <r>
    <x v="2"/>
    <s v="Jill Matthias"/>
  </r>
  <r>
    <x v="2"/>
    <s v="Ross Baird"/>
  </r>
  <r>
    <x v="2"/>
    <s v="Bill Donatelli"/>
  </r>
  <r>
    <x v="2"/>
    <s v="Julie Kriz"/>
  </r>
  <r>
    <x v="2"/>
    <s v="Arthur Prichep"/>
  </r>
  <r>
    <x v="2"/>
    <s v="Bill Shonely"/>
  </r>
  <r>
    <x v="2"/>
    <s v="Bryan Mills"/>
  </r>
  <r>
    <x v="2"/>
    <s v="Pete Kriz"/>
  </r>
  <r>
    <x v="2"/>
    <s v="Jessica Myrick"/>
  </r>
  <r>
    <x v="2"/>
    <s v="Charles Sheldon"/>
  </r>
  <r>
    <x v="2"/>
    <s v="Clay Rozendal"/>
  </r>
  <r>
    <x v="2"/>
    <s v="Roy FranzÃ¶sisch"/>
  </r>
  <r>
    <x v="2"/>
    <s v="Thea Hudgings"/>
  </r>
  <r>
    <x v="2"/>
    <s v="Cindy Schnelling"/>
  </r>
  <r>
    <x v="2"/>
    <s v="Jas O'Carroll"/>
  </r>
  <r>
    <x v="2"/>
    <s v="Kunst Miller"/>
  </r>
  <r>
    <x v="2"/>
    <s v="Duane Noonan"/>
  </r>
  <r>
    <x v="2"/>
    <s v="Tanja Norvell"/>
  </r>
  <r>
    <x v="2"/>
    <s v="Ed Ludwig"/>
  </r>
  <r>
    <x v="2"/>
    <s v="Tonja Turnell"/>
  </r>
  <r>
    <x v="2"/>
    <s v="Michael Moore"/>
  </r>
  <r>
    <x v="2"/>
    <s v="Grace Kelly"/>
  </r>
  <r>
    <x v="2"/>
    <s v="Heather Kirkland"/>
  </r>
  <r>
    <x v="2"/>
    <s v="Max Jones"/>
  </r>
  <r>
    <x v="2"/>
    <s v="Art Ferguson"/>
  </r>
  <r>
    <x v="2"/>
    <s v="Cathy Armstrong"/>
  </r>
  <r>
    <x v="2"/>
    <s v="Jack Lebron"/>
  </r>
  <r>
    <x v="2"/>
    <s v="Craig Leslie"/>
  </r>
  <r>
    <x v="2"/>
    <s v="John Lucas"/>
  </r>
  <r>
    <x v="2"/>
    <s v="Nona Balk"/>
  </r>
  <r>
    <x v="2"/>
    <s v="Erica Hernandez"/>
  </r>
  <r>
    <x v="2"/>
    <s v="Rob Beeghly"/>
  </r>
  <r>
    <x v="2"/>
    <s v="John Lee"/>
  </r>
  <r>
    <x v="2"/>
    <s v="Ken Dana"/>
  </r>
  <r>
    <x v="2"/>
    <s v="Chris McAfee"/>
  </r>
  <r>
    <x v="2"/>
    <s v="Cindy Chapman"/>
  </r>
  <r>
    <x v="2"/>
    <s v="Adam Shillingsburg"/>
  </r>
  <r>
    <x v="2"/>
    <s v="Nick Radford"/>
  </r>
  <r>
    <x v="2"/>
    <s v="Susan MacKendrick"/>
  </r>
  <r>
    <x v="2"/>
    <s v="Natalie DeCherney"/>
  </r>
  <r>
    <x v="2"/>
    <s v="Patrick Jones"/>
  </r>
  <r>
    <x v="2"/>
    <s v="Barry Franz"/>
  </r>
  <r>
    <x v="2"/>
    <s v="Darrin Martin"/>
  </r>
  <r>
    <x v="2"/>
    <s v="Amy Hunt"/>
  </r>
  <r>
    <x v="2"/>
    <s v="Lindsay Williams"/>
  </r>
  <r>
    <x v="2"/>
    <s v="Brad Eason"/>
  </r>
  <r>
    <x v="2"/>
    <s v="Gene McClure"/>
  </r>
  <r>
    <x v="2"/>
    <s v="George Bell"/>
  </r>
  <r>
    <x v="2"/>
    <s v="Clay Ludtke"/>
  </r>
  <r>
    <x v="2"/>
    <s v="Trudy Brown"/>
  </r>
  <r>
    <x v="2"/>
    <s v="Sonia Sunley"/>
  </r>
  <r>
    <x v="2"/>
    <s v="Julia West"/>
  </r>
  <r>
    <x v="2"/>
    <s v="Paul Stevenson"/>
  </r>
  <r>
    <x v="2"/>
    <s v="Ricardo Sperren"/>
  </r>
  <r>
    <x v="2"/>
    <s v="Thea Hendricks"/>
  </r>
  <r>
    <x v="2"/>
    <s v="Cynthia Voltz"/>
  </r>
  <r>
    <x v="2"/>
    <s v="Roger Demir"/>
  </r>
  <r>
    <x v="2"/>
    <s v="Christopher Schild"/>
  </r>
  <r>
    <x v="2"/>
    <s v="Ted Trevino"/>
  </r>
  <r>
    <x v="2"/>
    <s v="Harry Marie"/>
  </r>
  <r>
    <x v="2"/>
    <s v="Logan Haushalter"/>
  </r>
  <r>
    <x v="2"/>
    <s v="Michael Kennedy"/>
  </r>
  <r>
    <x v="2"/>
    <s v="Tiffany House"/>
  </r>
  <r>
    <x v="2"/>
    <s v="Steve Nguyen"/>
  </r>
  <r>
    <x v="2"/>
    <s v="Thomas Thornton"/>
  </r>
  <r>
    <x v="2"/>
    <s v="Darren Powers"/>
  </r>
  <r>
    <x v="2"/>
    <s v="Michael Nguyen"/>
  </r>
  <r>
    <x v="2"/>
    <s v="Jim Radford"/>
  </r>
  <r>
    <x v="2"/>
    <s v="Denny Ordway"/>
  </r>
  <r>
    <x v="2"/>
    <s v="Sanjit Chand"/>
  </r>
  <r>
    <x v="2"/>
    <s v="Roy Phan"/>
  </r>
  <r>
    <x v="2"/>
    <s v="Arthur Gainer"/>
  </r>
  <r>
    <x v="2"/>
    <s v="Luke Weiss"/>
  </r>
  <r>
    <x v="2"/>
    <s v="Laurel Elliston"/>
  </r>
  <r>
    <x v="2"/>
    <s v="Bradley Nguyen"/>
  </r>
  <r>
    <x v="2"/>
    <s v="Bill Tyler"/>
  </r>
  <r>
    <x v="2"/>
    <s v="Anna HÃ¤berlin"/>
  </r>
  <r>
    <x v="2"/>
    <s v="Joe Kamberova"/>
  </r>
  <r>
    <x v="2"/>
    <s v="Linda Cazamias"/>
  </r>
  <r>
    <x v="2"/>
    <s v="Christine Phan"/>
  </r>
  <r>
    <x v="2"/>
    <s v="Alejandro Savely"/>
  </r>
  <r>
    <x v="2"/>
    <s v="Sally Hughsby"/>
  </r>
  <r>
    <x v="2"/>
    <s v="Jim Epp"/>
  </r>
  <r>
    <x v="2"/>
    <s v="Lisa DeCherney"/>
  </r>
  <r>
    <x v="2"/>
    <s v="Ken Lonsdale"/>
  </r>
  <r>
    <x v="2"/>
    <s v="Anne Pryor"/>
  </r>
  <r>
    <x v="2"/>
    <s v="Christopher Conant"/>
  </r>
  <r>
    <x v="2"/>
    <s v="Dennis Pardue"/>
  </r>
  <r>
    <x v="2"/>
    <s v="Maurice Satty"/>
  </r>
  <r>
    <x v="2"/>
    <s v="Stewart Visinsky"/>
  </r>
  <r>
    <x v="2"/>
    <s v="Brian Stugart"/>
  </r>
  <r>
    <x v="2"/>
    <s v="Lynn Smith"/>
  </r>
  <r>
    <x v="2"/>
    <s v="Valerie Dominguez"/>
  </r>
  <r>
    <x v="2"/>
    <s v="Kimberly Carter"/>
  </r>
  <r>
    <x v="2"/>
    <s v="Rob Lucas"/>
  </r>
  <r>
    <x v="2"/>
    <s v="Maribeth Yedwab"/>
  </r>
  <r>
    <x v="2"/>
    <s v="Robert Waldorf"/>
  </r>
  <r>
    <x v="2"/>
    <s v="Brooke Gillingham"/>
  </r>
  <r>
    <x v="2"/>
    <s v="Justin MacKendrick"/>
  </r>
  <r>
    <x v="2"/>
    <s v="Nancy Lomonaco"/>
  </r>
  <r>
    <x v="2"/>
    <s v="Eugene Moren"/>
  </r>
  <r>
    <x v="2"/>
    <s v="Annie Thurman"/>
  </r>
  <r>
    <x v="2"/>
    <s v="Karen Carlisle"/>
  </r>
  <r>
    <x v="2"/>
    <s v="Edward Nazzal"/>
  </r>
  <r>
    <x v="2"/>
    <s v="Joni Sundaresam"/>
  </r>
  <r>
    <x v="2"/>
    <s v="Janet Lee"/>
  </r>
  <r>
    <x v="2"/>
    <s v="Chloris Kastensmidt"/>
  </r>
  <r>
    <x v="2"/>
    <s v="Ken Brennan"/>
  </r>
  <r>
    <x v="2"/>
    <s v="Scot Coram"/>
  </r>
  <r>
    <x v="2"/>
    <s v="Liz Preis"/>
  </r>
  <r>
    <x v="2"/>
    <s v="Frank Merwin"/>
  </r>
  <r>
    <x v="2"/>
    <s v="Roy Skaria"/>
  </r>
  <r>
    <x v="2"/>
    <s v="Greg Matthias"/>
  </r>
  <r>
    <x v="2"/>
    <s v="Toby Carlisle"/>
  </r>
  <r>
    <x v="2"/>
    <s v="Benjamin Farhat"/>
  </r>
  <r>
    <x v="2"/>
    <s v="Olvera Toch"/>
  </r>
  <r>
    <x v="2"/>
    <s v="Mary Zewe"/>
  </r>
  <r>
    <x v="2"/>
    <s v="Erica Smith"/>
  </r>
  <r>
    <x v="2"/>
    <s v="Seth Vernon"/>
  </r>
  <r>
    <x v="2"/>
    <s v="Darrin Van Huff"/>
  </r>
  <r>
    <x v="2"/>
    <s v="Philisse Overcash"/>
  </r>
  <r>
    <x v="2"/>
    <s v="Craig Reiter"/>
  </r>
  <r>
    <x v="2"/>
    <s v="Arthur Wiediger"/>
  </r>
  <r>
    <x v="2"/>
    <s v="Marc Harrigan"/>
  </r>
  <r>
    <x v="2"/>
    <s v="Jim Sink"/>
  </r>
  <r>
    <x v="2"/>
    <s v="Anthony Rawles"/>
  </r>
  <r>
    <x v="2"/>
    <s v="James Lanier"/>
  </r>
  <r>
    <x v="2"/>
    <s v="Jennifer Jackson"/>
  </r>
  <r>
    <x v="2"/>
    <s v="Ted Butterfield"/>
  </r>
  <r>
    <x v="2"/>
    <s v="Ivan Gibson"/>
  </r>
  <r>
    <x v="2"/>
    <s v="Mike Vittorini"/>
  </r>
  <r>
    <x v="2"/>
    <s v="Lena Creighton"/>
  </r>
  <r>
    <x v="2"/>
    <s v="Denise Monton"/>
  </r>
  <r>
    <x v="2"/>
    <s v="Lena Hernandez"/>
  </r>
  <r>
    <x v="2"/>
    <s v="Dave Poirier"/>
  </r>
  <r>
    <x v="2"/>
    <s v="Catherine Glotzbach"/>
  </r>
  <r>
    <x v="2"/>
    <s v="Irene Maddox"/>
  </r>
  <r>
    <x v="2"/>
    <s v="Maureen Gnade"/>
  </r>
  <r>
    <x v="2"/>
    <s v="Ruben Dartt"/>
  </r>
  <r>
    <x v="2"/>
    <s v="Sally Matthias"/>
  </r>
  <r>
    <x v="2"/>
    <s v="Hunter Lopez"/>
  </r>
  <r>
    <x v="2"/>
    <s v="Dave Hallsten"/>
  </r>
  <r>
    <x v="2"/>
    <s v="John Grady"/>
  </r>
  <r>
    <x v="2"/>
    <s v="Alejandro Ballentine"/>
  </r>
  <r>
    <x v="2"/>
    <s v="Lela Donovan"/>
  </r>
  <r>
    <x v="2"/>
    <s v="Skye Norling"/>
  </r>
  <r>
    <x v="2"/>
    <s v="Adam Hart"/>
  </r>
  <r>
    <x v="2"/>
    <s v="Victoria Pisteka"/>
  </r>
  <r>
    <x v="2"/>
    <s v="Phillip Flathmann"/>
  </r>
  <r>
    <x v="2"/>
    <s v="Katharine Harms"/>
  </r>
  <r>
    <x v="2"/>
    <s v="Roland Fjeld"/>
  </r>
  <r>
    <x v="2"/>
    <s v="Chris Selesnick"/>
  </r>
  <r>
    <x v="2"/>
    <s v="Becky Pak"/>
  </r>
  <r>
    <x v="2"/>
    <s v="Corey-Lock"/>
  </r>
  <r>
    <x v="2"/>
    <s v="Philip Fox"/>
  </r>
  <r>
    <x v="2"/>
    <s v="Adrian Hane"/>
  </r>
  <r>
    <x v="2"/>
    <s v="Jay Fein"/>
  </r>
  <r>
    <x v="2"/>
    <s v="Stephanie Ulpright"/>
  </r>
  <r>
    <x v="2"/>
    <s v="Nick Zandusky"/>
  </r>
  <r>
    <x v="2"/>
    <s v="Katherine Hughes"/>
  </r>
  <r>
    <x v="2"/>
    <s v="Guy Thornton"/>
  </r>
  <r>
    <x v="2"/>
    <s v="Anna Andreadi"/>
  </r>
  <r>
    <x v="2"/>
    <s v="Steve Chapman"/>
  </r>
  <r>
    <x v="2"/>
    <s v="Barry FranzÃ¶sisch"/>
  </r>
  <r>
    <x v="2"/>
    <s v="Chad Cunningham"/>
  </r>
  <r>
    <x v="2"/>
    <s v="Joe Elijah"/>
  </r>
  <r>
    <x v="2"/>
    <s v="Allen Armold"/>
  </r>
  <r>
    <x v="2"/>
    <s v="Kristen Hastings"/>
  </r>
  <r>
    <x v="2"/>
    <s v="Theone Pippenger"/>
  </r>
  <r>
    <x v="2"/>
    <s v="Steven Ward"/>
  </r>
  <r>
    <x v="2"/>
    <s v="Rob Haberlin"/>
  </r>
  <r>
    <x v="2"/>
    <s v="Richard Eichhorn"/>
  </r>
  <r>
    <x v="2"/>
    <s v="Anemone Ratner"/>
  </r>
  <r>
    <x v="2"/>
    <s v="Mark Cousins"/>
  </r>
  <r>
    <x v="2"/>
    <s v="Alice McCarthy"/>
  </r>
  <r>
    <x v="2"/>
    <s v="Ruben Ausman"/>
  </r>
  <r>
    <x v="2"/>
    <s v="Matt Collister"/>
  </r>
  <r>
    <x v="2"/>
    <s v="Andrew Allen"/>
  </r>
  <r>
    <x v="2"/>
    <s v="Dennis Kane"/>
  </r>
  <r>
    <x v="2"/>
    <s v="Linda Southworth"/>
  </r>
  <r>
    <x v="2"/>
    <s v="Jennifer Patt"/>
  </r>
  <r>
    <x v="2"/>
    <s v="Nora Paige"/>
  </r>
  <r>
    <x v="2"/>
    <s v="Neil Knudson"/>
  </r>
  <r>
    <x v="2"/>
    <s v="Joy Smith"/>
  </r>
  <r>
    <x v="2"/>
    <s v="Tracy Collins"/>
  </r>
  <r>
    <x v="2"/>
    <s v="Pauline Johnson"/>
  </r>
  <r>
    <x v="2"/>
    <s v="Kristina Nunn"/>
  </r>
  <r>
    <x v="2"/>
    <s v="Neil FranzÃ¶sisch"/>
  </r>
  <r>
    <x v="2"/>
    <s v="Ivan Liston"/>
  </r>
  <r>
    <x v="2"/>
    <s v="Darren Budd"/>
  </r>
  <r>
    <x v="2"/>
    <s v="James Galang"/>
  </r>
  <r>
    <x v="2"/>
    <s v="Larry Blacks"/>
  </r>
  <r>
    <x v="2"/>
    <s v="Ken Heidel"/>
  </r>
  <r>
    <x v="2"/>
    <s v="Meg Tillman"/>
  </r>
  <r>
    <x v="2"/>
    <s v="Katherine Murray"/>
  </r>
  <r>
    <x v="2"/>
    <s v="Steve Carroll"/>
  </r>
  <r>
    <x v="2"/>
    <s v="Khloe Miller"/>
  </r>
  <r>
    <x v="2"/>
    <s v="Pierre Wener"/>
  </r>
  <r>
    <x v="2"/>
    <s v="Ritsa Hightower"/>
  </r>
  <r>
    <x v="2"/>
    <s v="Lindsay Shagiari"/>
  </r>
  <r>
    <x v="2"/>
    <s v="Susan Gilcrest"/>
  </r>
  <r>
    <x v="2"/>
    <s v="Thomas Seio"/>
  </r>
  <r>
    <x v="2"/>
    <s v="Alex Grayson"/>
  </r>
  <r>
    <x v="2"/>
    <s v="Max Ludwig"/>
  </r>
  <r>
    <x v="2"/>
    <s v="Ralph Arnett"/>
  </r>
  <r>
    <x v="2"/>
    <s v="Vivek Gonzalez"/>
  </r>
  <r>
    <x v="2"/>
    <s v="Liz MacKendrick"/>
  </r>
  <r>
    <x v="2"/>
    <s v="Dorothy Wardle"/>
  </r>
  <r>
    <x v="2"/>
    <s v="Corinna Mitchell"/>
  </r>
  <r>
    <x v="2"/>
    <s v="Charles Crestani"/>
  </r>
  <r>
    <x v="2"/>
    <s v="Helen Andreada"/>
  </r>
  <r>
    <x v="2"/>
    <s v="Gary Hansen"/>
  </r>
  <r>
    <x v="2"/>
    <s v="Michelle Tran"/>
  </r>
  <r>
    <x v="2"/>
    <s v="Nora Preis"/>
  </r>
  <r>
    <x v="2"/>
    <s v="Deborah Brumfield"/>
  </r>
  <r>
    <x v="2"/>
    <s v="Erin Mull"/>
  </r>
  <r>
    <x v="2"/>
    <s v="Hunter Glantz"/>
  </r>
  <r>
    <x v="2"/>
    <s v="Carol Triggs"/>
  </r>
  <r>
    <x v="2"/>
    <s v="Toby Ritter"/>
  </r>
  <r>
    <x v="2"/>
    <s v="Max Engle"/>
  </r>
  <r>
    <x v="2"/>
    <s v="Craig Yedwab"/>
  </r>
  <r>
    <x v="2"/>
    <s v="John Castell"/>
  </r>
  <r>
    <x v="2"/>
    <s v="Anthony O'Donnell"/>
  </r>
  <r>
    <x v="2"/>
    <s v="Jeremy Pistek"/>
  </r>
  <r>
    <x v="2"/>
    <s v="Helen Wasserman"/>
  </r>
  <r>
    <x v="2"/>
    <s v="Greg Guthrie"/>
  </r>
  <r>
    <x v="2"/>
    <s v="Natalie Fritzler"/>
  </r>
  <r>
    <x v="2"/>
    <s v="Matt Abelman"/>
  </r>
  <r>
    <x v="2"/>
    <s v="Resi PÃ¶lking"/>
  </r>
  <r>
    <x v="2"/>
    <s v="Rachel Payne"/>
  </r>
  <r>
    <x v="2"/>
    <s v="Jay Kimmel"/>
  </r>
  <r>
    <x v="2"/>
    <s v="Dorothy Dickinson"/>
  </r>
  <r>
    <x v="2"/>
    <s v="Sheri Gordon"/>
  </r>
  <r>
    <x v="2"/>
    <s v="Deirdre Greer"/>
  </r>
  <r>
    <x v="2"/>
    <s v="Tony Chapman"/>
  </r>
  <r>
    <x v="2"/>
    <s v="Pauline Webber"/>
  </r>
  <r>
    <x v="2"/>
    <s v="Mick Hernandez"/>
  </r>
  <r>
    <x v="2"/>
    <s v="Maxwell Schwartz"/>
  </r>
  <r>
    <x v="2"/>
    <s v="Don Jones"/>
  </r>
  <r>
    <x v="2"/>
    <s v="Tom Stivers"/>
  </r>
  <r>
    <x v="2"/>
    <s v="Shirley Schmidt"/>
  </r>
  <r>
    <x v="2"/>
    <s v="Xylona Preis"/>
  </r>
  <r>
    <x v="2"/>
    <s v="Stuart Van"/>
  </r>
  <r>
    <x v="2"/>
    <s v="Sung Shariari"/>
  </r>
  <r>
    <x v="2"/>
    <s v="Elizabeth Moffitt"/>
  </r>
  <r>
    <x v="2"/>
    <s v="Chad Sievert"/>
  </r>
  <r>
    <x v="2"/>
    <s v="Tom Prescott"/>
  </r>
  <r>
    <x v="2"/>
    <s v="Meg O'Connel"/>
  </r>
  <r>
    <x v="2"/>
    <s v="Patrick O'Brill"/>
  </r>
  <r>
    <x v="2"/>
    <s v="Bruce Geld"/>
  </r>
  <r>
    <x v="2"/>
    <s v="Joseph Airdo"/>
  </r>
  <r>
    <x v="2"/>
    <s v="Laurel Beltran"/>
  </r>
  <r>
    <x v="2"/>
    <s v="Sam Zeldin"/>
  </r>
  <r>
    <x v="2"/>
    <s v="Tom Ashbrook"/>
  </r>
  <r>
    <x v="2"/>
    <s v="Toby Gnade"/>
  </r>
  <r>
    <x v="2"/>
    <s v="Becky Martin"/>
  </r>
  <r>
    <x v="2"/>
    <s v="Paul Knutson"/>
  </r>
  <r>
    <x v="2"/>
    <s v="Matt Hagelstein"/>
  </r>
  <r>
    <x v="2"/>
    <s v="Christina VanderZanden"/>
  </r>
  <r>
    <x v="2"/>
    <s v="Delfina Latchford"/>
  </r>
  <r>
    <x v="2"/>
    <s v="Ionia McGrath"/>
  </r>
  <r>
    <x v="2"/>
    <s v="Marina Lichtenstein"/>
  </r>
  <r>
    <x v="2"/>
    <s v="Jasper Cacioppo"/>
  </r>
  <r>
    <x v="2"/>
    <s v="Joseph Holt"/>
  </r>
  <r>
    <x v="2"/>
    <s v="Don Miller"/>
  </r>
  <r>
    <x v="2"/>
    <s v="Pete Takahito"/>
  </r>
  <r>
    <x v="2"/>
    <s v="Maribeth Dona"/>
  </r>
  <r>
    <x v="2"/>
    <s v="Fred Wasserman"/>
  </r>
  <r>
    <x v="2"/>
    <s v="Elpida Rittenbach"/>
  </r>
  <r>
    <x v="2"/>
    <s v="Mary O'Rourke"/>
  </r>
  <r>
    <x v="2"/>
    <s v="Karl Braun"/>
  </r>
  <r>
    <x v="2"/>
    <s v="Michael Grace"/>
  </r>
  <r>
    <x v="2"/>
    <s v="Troy Staebel"/>
  </r>
  <r>
    <x v="2"/>
    <s v="Parhena Norris"/>
  </r>
  <r>
    <x v="2"/>
    <s v="Kean Thornton"/>
  </r>
  <r>
    <x v="2"/>
    <s v="Dianna Vittorini"/>
  </r>
  <r>
    <x v="2"/>
    <s v="Kelly Collister"/>
  </r>
  <r>
    <x v="2"/>
    <s v="Giulietta Dortch"/>
  </r>
  <r>
    <x v="2"/>
    <s v="Eugene Barchas"/>
  </r>
  <r>
    <x v="2"/>
    <s v="Ryan Crowe"/>
  </r>
  <r>
    <x v="2"/>
    <s v="Alejandro Grove"/>
  </r>
  <r>
    <x v="2"/>
    <s v="Justin Deggeller"/>
  </r>
  <r>
    <x v="2"/>
    <s v="Angele Hood"/>
  </r>
  <r>
    <x v="2"/>
    <s v="Keith Dawkins"/>
  </r>
  <r>
    <x v="2"/>
    <s v="Corey Roper"/>
  </r>
  <r>
    <x v="2"/>
    <s v="Cindy Stewart"/>
  </r>
  <r>
    <x v="2"/>
    <s v="Brendan Sweed"/>
  </r>
  <r>
    <x v="2"/>
    <s v="Patrick O'Donnell"/>
  </r>
  <r>
    <x v="2"/>
    <s v="Henry MacAllister"/>
  </r>
  <r>
    <x v="2"/>
    <s v="Anne McFarland"/>
  </r>
  <r>
    <x v="2"/>
    <s v="Magdelene Morse"/>
  </r>
  <r>
    <x v="2"/>
    <s v="Jane Waco"/>
  </r>
  <r>
    <x v="2"/>
    <s v="Shirley Daniels"/>
  </r>
  <r>
    <x v="2"/>
    <s v="Frank Hawley"/>
  </r>
  <r>
    <x v="2"/>
    <s v="Greg Maxwell"/>
  </r>
  <r>
    <x v="2"/>
    <s v="Helen Abelman"/>
  </r>
  <r>
    <x v="2"/>
    <s v="Heather Jas"/>
  </r>
  <r>
    <x v="2"/>
    <s v="Amy Cox"/>
  </r>
  <r>
    <x v="2"/>
    <s v="Ann Steele"/>
  </r>
  <r>
    <x v="2"/>
    <s v="Nora Pelletier"/>
  </r>
  <r>
    <x v="2"/>
    <s v="Kelly Lampkin"/>
  </r>
  <r>
    <x v="2"/>
    <s v="Russell Applegate"/>
  </r>
  <r>
    <x v="2"/>
    <s v="Candace McMahon"/>
  </r>
  <r>
    <x v="2"/>
    <s v="Benjamin Patterson"/>
  </r>
  <r>
    <x v="2"/>
    <s v="Nicole Hansen"/>
  </r>
  <r>
    <x v="2"/>
    <s v="Katrina Edelman"/>
  </r>
  <r>
    <x v="2"/>
    <s v="Tony Sayre"/>
  </r>
  <r>
    <x v="2"/>
    <s v="Chuck Magee"/>
  </r>
  <r>
    <x v="2"/>
    <s v="Shahid Collister"/>
  </r>
  <r>
    <x v="2"/>
    <s v="Lisa Ryan"/>
  </r>
  <r>
    <x v="2"/>
    <s v="Brian Moss"/>
  </r>
  <r>
    <x v="2"/>
    <s v="Shaun Weien"/>
  </r>
  <r>
    <x v="2"/>
    <s v="Andy Reiter"/>
  </r>
  <r>
    <x v="2"/>
    <s v="Maris LaWare"/>
  </r>
  <r>
    <x v="2"/>
    <s v="Sarah Jordon"/>
  </r>
  <r>
    <x v="2"/>
    <s v="Jamie Kunitz"/>
  </r>
  <r>
    <x v="2"/>
    <s v="Tim Taslimi"/>
  </r>
  <r>
    <x v="2"/>
    <s v="Tamara Chand"/>
  </r>
  <r>
    <x v="2"/>
    <s v="Emily Burns"/>
  </r>
  <r>
    <x v="2"/>
    <s v="Tracy Poddar"/>
  </r>
  <r>
    <x v="2"/>
    <s v="Daniel Raglin"/>
  </r>
  <r>
    <x v="2"/>
    <s v="Melanie Seite"/>
  </r>
  <r>
    <x v="2"/>
    <s v="Jonathan Howell"/>
  </r>
  <r>
    <x v="2"/>
    <s v="Mick Crebagga"/>
  </r>
  <r>
    <x v="2"/>
    <s v="Bart Watters"/>
  </r>
  <r>
    <x v="2"/>
    <s v="Joel Eaton"/>
  </r>
  <r>
    <x v="2"/>
    <s v="Peter McVee"/>
  </r>
  <r>
    <x v="2"/>
    <s v="Doug Bickford"/>
  </r>
  <r>
    <x v="2"/>
    <s v="Michael Paige"/>
  </r>
  <r>
    <x v="2"/>
    <s v="Maria Zettner"/>
  </r>
  <r>
    <x v="2"/>
    <s v="Emily Phan"/>
  </r>
  <r>
    <x v="2"/>
    <s v="Noah Childs"/>
  </r>
  <r>
    <x v="2"/>
    <s v="Nathan Cano"/>
  </r>
  <r>
    <x v="2"/>
    <s v="Patrick Bzostek"/>
  </r>
  <r>
    <x v="2"/>
    <s v="Cynthia Delaney"/>
  </r>
  <r>
    <x v="2"/>
    <s v="Frank Carlisle"/>
  </r>
  <r>
    <x v="2"/>
    <s v="Luke Foster"/>
  </r>
  <r>
    <x v="2"/>
    <s v="Andrew Gjertsen"/>
  </r>
  <r>
    <x v="2"/>
    <s v="Charles McCrossin"/>
  </r>
  <r>
    <x v="2"/>
    <s v="Victoria Wilson"/>
  </r>
  <r>
    <x v="2"/>
    <s v="MaryBeth Skach"/>
  </r>
  <r>
    <x v="2"/>
    <s v="Emily Ducich"/>
  </r>
  <r>
    <x v="2"/>
    <s v="Jill Stevenson"/>
  </r>
  <r>
    <x v="2"/>
    <s v="Jeremy Ellison"/>
  </r>
  <r>
    <x v="2"/>
    <s v="Bart Pistole"/>
  </r>
  <r>
    <x v="2"/>
    <s v="Ben Wallace"/>
  </r>
  <r>
    <x v="2"/>
    <s v="Pete Armstrong"/>
  </r>
  <r>
    <x v="2"/>
    <s v="Denise Leinenbach"/>
  </r>
  <r>
    <x v="2"/>
    <s v="Victoria Brennan"/>
  </r>
  <r>
    <x v="2"/>
    <s v="Jim Mitchum"/>
  </r>
  <r>
    <x v="2"/>
    <s v="Katrina Willman"/>
  </r>
  <r>
    <x v="2"/>
    <s v="Frank Olsen"/>
  </r>
  <r>
    <x v="2"/>
    <s v="Sylvia Foulston"/>
  </r>
  <r>
    <x v="2"/>
    <s v="Natalie Webber"/>
  </r>
  <r>
    <x v="2"/>
    <s v="Lisa Hazard"/>
  </r>
  <r>
    <x v="2"/>
    <s v="Carl Weiss"/>
  </r>
  <r>
    <x v="2"/>
    <s v="Michelle Arnett"/>
  </r>
  <r>
    <x v="2"/>
    <s v="Evan Bailliet"/>
  </r>
  <r>
    <x v="2"/>
    <s v="Liz Willingham"/>
  </r>
  <r>
    <x v="2"/>
    <s v="Eudokia Martin"/>
  </r>
  <r>
    <x v="2"/>
    <s v="Penelope Sewall"/>
  </r>
  <r>
    <x v="2"/>
    <s v="Michael Chen"/>
  </r>
  <r>
    <x v="2"/>
    <s v="Claire Gute"/>
  </r>
  <r>
    <x v="2"/>
    <s v="Pamela Coakley"/>
  </r>
  <r>
    <x v="2"/>
    <s v="Debra Catini"/>
  </r>
  <r>
    <x v="2"/>
    <s v="Art Foster"/>
  </r>
  <r>
    <x v="2"/>
    <s v="Kalyca Meade"/>
  </r>
  <r>
    <x v="2"/>
    <s v="Arianne Irving"/>
  </r>
  <r>
    <x v="2"/>
    <s v="Aaron Bergman"/>
  </r>
  <r>
    <x v="2"/>
    <s v="Scott Williamson"/>
  </r>
  <r>
    <x v="2"/>
    <s v="Brenda Bowman"/>
  </r>
  <r>
    <x v="2"/>
    <s v="Berenike Kampe"/>
  </r>
  <r>
    <x v="2"/>
    <s v="Liz Pelletier"/>
  </r>
  <r>
    <x v="2"/>
    <s v="Sung Chung"/>
  </r>
  <r>
    <x v="2"/>
    <s v="Adrian Shami"/>
  </r>
  <r>
    <x v="2"/>
    <s v="Ralph Ritter"/>
  </r>
  <r>
    <x v="2"/>
    <s v="Maria Bertelson"/>
  </r>
  <r>
    <x v="2"/>
    <s v="Barry Gonzalez"/>
  </r>
  <r>
    <x v="2"/>
    <s v="Sean Braxton"/>
  </r>
  <r>
    <x v="2"/>
    <s v="Ashley Jarboe"/>
  </r>
  <r>
    <x v="2"/>
    <s v="Doug Jacobs"/>
  </r>
  <r>
    <x v="2"/>
    <s v="Janet Molinari"/>
  </r>
  <r>
    <x v="2"/>
    <s v="Allen Goldenen"/>
  </r>
  <r>
    <x v="2"/>
    <s v="David Wiener"/>
  </r>
  <r>
    <x v="2"/>
    <s v="Barbara Fisher"/>
  </r>
  <r>
    <x v="2"/>
    <s v="Matt Connell"/>
  </r>
  <r>
    <x v="2"/>
    <s v="Shirley Jackson"/>
  </r>
  <r>
    <x v="2"/>
    <s v="Frank Atkinson"/>
  </r>
  <r>
    <x v="2"/>
    <s v="Rob Dowd"/>
  </r>
  <r>
    <x v="2"/>
    <s v="Luke Schmidt"/>
  </r>
  <r>
    <x v="2"/>
    <s v="Matthew Grinstein"/>
  </r>
  <r>
    <x v="2"/>
    <s v="Nat Carroll"/>
  </r>
  <r>
    <x v="2"/>
    <s v="Alyssa Tate"/>
  </r>
  <r>
    <x v="2"/>
    <s v="Neola Schneider"/>
  </r>
  <r>
    <x v="2"/>
    <s v="Carol Darley"/>
  </r>
  <r>
    <x v="2"/>
    <s v="George Ashbrook"/>
  </r>
  <r>
    <x v="2"/>
    <s v="Sung Pak"/>
  </r>
  <r>
    <x v="2"/>
    <s v="Barry Pond"/>
  </r>
  <r>
    <x v="2"/>
    <s v="Mark Hamilton"/>
  </r>
  <r>
    <x v="2"/>
    <s v="Cassandra Brandow"/>
  </r>
  <r>
    <x v="2"/>
    <s v="Sally Knutson"/>
  </r>
  <r>
    <x v="2"/>
    <s v="Anthony Jacobs"/>
  </r>
  <r>
    <x v="2"/>
    <s v="Nick Crebassa"/>
  </r>
  <r>
    <x v="2"/>
    <s v="Bruce Stewart"/>
  </r>
  <r>
    <x v="2"/>
    <s v="Carl Ludwig"/>
  </r>
  <r>
    <x v="2"/>
    <s v="John Murray"/>
  </r>
  <r>
    <x v="2"/>
    <s v="Eva Jacobs"/>
  </r>
  <r>
    <x v="2"/>
    <s v="Fred Hopkins"/>
  </r>
  <r>
    <x v="2"/>
    <s v="Mike Kennedy"/>
  </r>
  <r>
    <x v="2"/>
    <s v="Jamie Frazer"/>
  </r>
  <r>
    <x v="2"/>
    <s v="Alan Schoenberger"/>
  </r>
  <r>
    <x v="2"/>
    <s v="Emily Grady"/>
  </r>
  <r>
    <x v="2"/>
    <s v="Gary McGarr"/>
  </r>
  <r>
    <x v="2"/>
    <s v="Ellis Ballard"/>
  </r>
  <r>
    <x v="2"/>
    <s v="Justin Ellison"/>
  </r>
  <r>
    <x v="2"/>
    <s v="Aleksandra Gannaway"/>
  </r>
  <r>
    <x v="2"/>
    <s v="Mike Pelletier"/>
  </r>
  <r>
    <x v="2"/>
    <s v="Gene Hale"/>
  </r>
  <r>
    <x v="2"/>
    <s v="Stefania Perrino"/>
  </r>
  <r>
    <x v="2"/>
    <s v="Paul MacIntyre"/>
  </r>
  <r>
    <x v="2"/>
    <s v="Sara Luxemburg"/>
  </r>
  <r>
    <x v="2"/>
    <s v="Cynthia Arntzen"/>
  </r>
  <r>
    <x v="2"/>
    <s v="Erin Creighton"/>
  </r>
  <r>
    <x v="2"/>
    <s v="Shahid Hopkins"/>
  </r>
  <r>
    <x v="2"/>
    <s v="Sandra Flanagan"/>
  </r>
  <r>
    <x v="2"/>
    <s v="Alan Haines"/>
  </r>
  <r>
    <x v="2"/>
    <s v="Andy Yotov"/>
  </r>
  <r>
    <x v="2"/>
    <s v="Stuart Calhoun"/>
  </r>
  <r>
    <x v="2"/>
    <s v="Matt Collins"/>
  </r>
  <r>
    <x v="2"/>
    <s v="Sue Ann Reed"/>
  </r>
  <r>
    <x v="2"/>
    <s v="Carol Adams"/>
  </r>
  <r>
    <x v="2"/>
    <s v="Sean Christensen"/>
  </r>
  <r>
    <x v="2"/>
    <s v="Saphhira Shifley"/>
  </r>
  <r>
    <x v="2"/>
    <s v="Laurel Workman"/>
  </r>
  <r>
    <x v="2"/>
    <s v="Trudy Schmidt"/>
  </r>
  <r>
    <x v="2"/>
    <s v="Andrew Roberts"/>
  </r>
  <r>
    <x v="2"/>
    <s v="Mitch Webber"/>
  </r>
  <r>
    <x v="2"/>
    <s v="Joni Wasserman"/>
  </r>
  <r>
    <x v="2"/>
    <s v="Kelly Andreada"/>
  </r>
  <r>
    <x v="2"/>
    <s v="Carlos Daly"/>
  </r>
  <r>
    <x v="2"/>
    <s v="Carl Jackson"/>
  </r>
  <r>
    <x v="2"/>
    <s v="Duane Benoit"/>
  </r>
  <r>
    <x v="3"/>
    <s v="Guy Armstrong"/>
  </r>
  <r>
    <x v="3"/>
    <s v="Steven Cartwright"/>
  </r>
  <r>
    <x v="3"/>
    <s v="Dennis Pardue"/>
  </r>
  <r>
    <x v="3"/>
    <s v="Janet Martin"/>
  </r>
  <r>
    <x v="3"/>
    <s v="Aaron Smayling"/>
  </r>
  <r>
    <x v="3"/>
    <s v="Trudy Schmidt"/>
  </r>
  <r>
    <x v="3"/>
    <s v="Fred Wasserman"/>
  </r>
  <r>
    <x v="3"/>
    <s v="Delfina Latchford"/>
  </r>
  <r>
    <x v="3"/>
    <s v="Christopher Martinez"/>
  </r>
  <r>
    <x v="3"/>
    <s v="Bart Watters"/>
  </r>
  <r>
    <x v="3"/>
    <s v="Thais Sissman"/>
  </r>
  <r>
    <x v="3"/>
    <s v="Jamie Frazer"/>
  </r>
  <r>
    <x v="3"/>
    <s v="Ricardo Sperren"/>
  </r>
  <r>
    <x v="3"/>
    <s v="Beth Paige"/>
  </r>
  <r>
    <x v="3"/>
    <s v="Dianna Arnett"/>
  </r>
  <r>
    <x v="3"/>
    <s v="Linda Southworth"/>
  </r>
  <r>
    <x v="3"/>
    <s v="David Bremer"/>
  </r>
  <r>
    <x v="3"/>
    <s v="Cathy Prescott"/>
  </r>
  <r>
    <x v="3"/>
    <s v="Rob Beeghly"/>
  </r>
  <r>
    <x v="3"/>
    <s v="Tracy Poddar"/>
  </r>
  <r>
    <x v="3"/>
    <s v="Brosina Hoffman"/>
  </r>
  <r>
    <x v="3"/>
    <s v="Sean O'Donnell"/>
  </r>
  <r>
    <x v="3"/>
    <s v="Hallie Redmond"/>
  </r>
  <r>
    <x v="3"/>
    <s v="Robert Waldorf"/>
  </r>
  <r>
    <x v="3"/>
    <s v="Sanjit Chand"/>
  </r>
  <r>
    <x v="3"/>
    <s v="Tonja Turnell"/>
  </r>
  <r>
    <x v="3"/>
    <s v="Tim Brockman"/>
  </r>
  <r>
    <x v="3"/>
    <s v="Jack O'Briant"/>
  </r>
  <r>
    <x v="3"/>
    <s v="Andy Reiter"/>
  </r>
  <r>
    <x v="3"/>
    <s v="Dan Lawera"/>
  </r>
  <r>
    <x v="3"/>
    <s v="Neola Schneider"/>
  </r>
  <r>
    <x v="3"/>
    <s v="Raymond Messe"/>
  </r>
  <r>
    <x v="3"/>
    <s v="Cynthia Voltz"/>
  </r>
  <r>
    <x v="3"/>
    <s v="Thea Hendricks"/>
  </r>
  <r>
    <x v="3"/>
    <s v="Tamara Manning"/>
  </r>
  <r>
    <x v="3"/>
    <s v="Jeremy Farry"/>
  </r>
  <r>
    <x v="3"/>
    <s v="Maris LaWare"/>
  </r>
  <r>
    <x v="3"/>
    <s v="Darrin Sayre"/>
  </r>
  <r>
    <x v="3"/>
    <s v="Penelope Sewall"/>
  </r>
  <r>
    <x v="3"/>
    <s v="Mick Hernandez"/>
  </r>
  <r>
    <x v="3"/>
    <s v="Bobby Elias"/>
  </r>
  <r>
    <x v="3"/>
    <s v="Alan Dominguez"/>
  </r>
  <r>
    <x v="3"/>
    <s v="Edward Hooks"/>
  </r>
  <r>
    <x v="3"/>
    <s v="Matt Connell"/>
  </r>
  <r>
    <x v="3"/>
    <s v="Chris Selesnick"/>
  </r>
  <r>
    <x v="3"/>
    <s v="Harold Pawlan"/>
  </r>
  <r>
    <x v="3"/>
    <s v="Theone Pippenger"/>
  </r>
  <r>
    <x v="3"/>
    <s v="Keith Dawkins"/>
  </r>
  <r>
    <x v="3"/>
    <s v="Carol Adams"/>
  </r>
  <r>
    <x v="3"/>
    <s v="Claire Gute"/>
  </r>
  <r>
    <x v="3"/>
    <s v="Caroline Jumper"/>
  </r>
  <r>
    <x v="3"/>
    <s v="Bradley Drucker"/>
  </r>
  <r>
    <x v="3"/>
    <s v="John Huston"/>
  </r>
  <r>
    <x v="3"/>
    <s v="Toby Gnade"/>
  </r>
  <r>
    <x v="3"/>
    <s v="Beth Thompson"/>
  </r>
  <r>
    <x v="3"/>
    <s v="Giulietta Baptist"/>
  </r>
  <r>
    <x v="3"/>
    <s v="Craig Leslie"/>
  </r>
  <r>
    <x v="3"/>
    <s v="Clytie Kelty"/>
  </r>
  <r>
    <x v="3"/>
    <s v="Vivek Gonzalez"/>
  </r>
  <r>
    <x v="3"/>
    <s v="Rob Dowd"/>
  </r>
  <r>
    <x v="3"/>
    <s v="Bryan Davis"/>
  </r>
  <r>
    <x v="3"/>
    <s v="Benjamin Venier"/>
  </r>
  <r>
    <x v="3"/>
    <s v="Michael Moore"/>
  </r>
  <r>
    <x v="3"/>
    <s v="Eugene Hildebrand"/>
  </r>
  <r>
    <x v="3"/>
    <s v="Emily Burns"/>
  </r>
  <r>
    <x v="3"/>
    <s v="Liz Preis"/>
  </r>
  <r>
    <x v="3"/>
    <s v="Sam Zeldin"/>
  </r>
  <r>
    <x v="3"/>
    <s v="Dorothy Wardle"/>
  </r>
  <r>
    <x v="3"/>
    <s v="John Lee"/>
  </r>
  <r>
    <x v="3"/>
    <s v="Bill Overfelt"/>
  </r>
  <r>
    <x v="3"/>
    <s v="Matt Collins"/>
  </r>
  <r>
    <x v="3"/>
    <s v="Shahid Collister"/>
  </r>
  <r>
    <x v="3"/>
    <s v="Ross DeVincentis"/>
  </r>
  <r>
    <x v="3"/>
    <s v="Jay Fein"/>
  </r>
  <r>
    <x v="3"/>
    <s v="Cassandra Brandow"/>
  </r>
  <r>
    <x v="3"/>
    <s v="Fred Chung"/>
  </r>
  <r>
    <x v="3"/>
    <s v="Mark Van Huff"/>
  </r>
  <r>
    <x v="3"/>
    <s v="Sibella Parks"/>
  </r>
  <r>
    <x v="3"/>
    <s v="Skye Norling"/>
  </r>
  <r>
    <x v="3"/>
    <s v="Tom Prescott"/>
  </r>
  <r>
    <x v="3"/>
    <s v="Marina Lichtenstein"/>
  </r>
  <r>
    <x v="3"/>
    <s v="Sarah Bern"/>
  </r>
  <r>
    <x v="3"/>
    <s v="Mike Pelletier"/>
  </r>
  <r>
    <x v="3"/>
    <s v="Michael Nguyen"/>
  </r>
  <r>
    <x v="3"/>
    <s v="Victoria Wilson"/>
  </r>
  <r>
    <x v="3"/>
    <s v="Cari Sayre"/>
  </r>
  <r>
    <x v="3"/>
    <s v="Don Jones"/>
  </r>
  <r>
    <x v="3"/>
    <s v="Magdelene Morse"/>
  </r>
  <r>
    <x v="3"/>
    <s v="Fred Harton"/>
  </r>
  <r>
    <x v="3"/>
    <s v="Stewart Visinsky"/>
  </r>
  <r>
    <x v="3"/>
    <s v="Jennifer Patt"/>
  </r>
  <r>
    <x v="3"/>
    <s v="Mark Hamilton"/>
  </r>
  <r>
    <x v="3"/>
    <s v="Luke Foster"/>
  </r>
  <r>
    <x v="3"/>
    <s v="Nat Gilpin"/>
  </r>
  <r>
    <x v="3"/>
    <s v="Joy Smith"/>
  </r>
  <r>
    <x v="3"/>
    <s v="Julie Kriz"/>
  </r>
  <r>
    <x v="3"/>
    <s v="Lauren Leatherbury"/>
  </r>
  <r>
    <x v="3"/>
    <s v="Gary Hansen"/>
  </r>
  <r>
    <x v="3"/>
    <s v="Cyra Reiten"/>
  </r>
  <r>
    <x v="3"/>
    <s v="Christine Kargatis"/>
  </r>
  <r>
    <x v="3"/>
    <s v="Nicole Hansen"/>
  </r>
  <r>
    <x v="3"/>
    <s v="Max Engle"/>
  </r>
  <r>
    <x v="3"/>
    <s v="Emily Ducich"/>
  </r>
  <r>
    <x v="3"/>
    <s v="Helen Wasserman"/>
  </r>
  <r>
    <x v="3"/>
    <s v="Julie Prescott"/>
  </r>
  <r>
    <x v="3"/>
    <s v="Bart Pistole"/>
  </r>
  <r>
    <x v="3"/>
    <s v="Katherine Murray"/>
  </r>
  <r>
    <x v="3"/>
    <s v="Dave Kipp"/>
  </r>
  <r>
    <x v="3"/>
    <s v="Ann Chong"/>
  </r>
  <r>
    <x v="3"/>
    <s v="Christy Brittain"/>
  </r>
  <r>
    <x v="3"/>
    <s v="Erin Smith"/>
  </r>
  <r>
    <x v="3"/>
    <s v="Michelle Huthwaite"/>
  </r>
  <r>
    <x v="3"/>
    <s v="Scot Wooten"/>
  </r>
  <r>
    <x v="3"/>
    <s v="Bradley Talbott"/>
  </r>
  <r>
    <x v="3"/>
    <s v="Becky Martin"/>
  </r>
  <r>
    <x v="3"/>
    <s v="Dave Brooks"/>
  </r>
  <r>
    <x v="3"/>
    <s v="Duane Benoit"/>
  </r>
  <r>
    <x v="3"/>
    <s v="Stewart Carmichael"/>
  </r>
  <r>
    <x v="3"/>
    <s v="Maribeth Yedwab"/>
  </r>
  <r>
    <x v="3"/>
    <s v="Dorothy Badders"/>
  </r>
  <r>
    <x v="3"/>
    <s v="Joseph Airdo"/>
  </r>
  <r>
    <x v="3"/>
    <s v="Ken Dana"/>
  </r>
  <r>
    <x v="3"/>
    <s v="Roland Schwarz"/>
  </r>
  <r>
    <x v="3"/>
    <s v="Richard Eichhorn"/>
  </r>
  <r>
    <x v="3"/>
    <s v="Emily Phan"/>
  </r>
  <r>
    <x v="3"/>
    <s v="Ed Jacobs"/>
  </r>
  <r>
    <x v="3"/>
    <s v="Bill Tyler"/>
  </r>
  <r>
    <x v="3"/>
    <s v="Sung Pak"/>
  </r>
  <r>
    <x v="3"/>
    <s v="Darren Powers"/>
  </r>
  <r>
    <x v="3"/>
    <s v="Pete Kriz"/>
  </r>
  <r>
    <x v="3"/>
    <s v="Julia Dunbar"/>
  </r>
  <r>
    <x v="3"/>
    <s v="Claudia Bergmann"/>
  </r>
  <r>
    <x v="3"/>
    <s v="Roland Murray"/>
  </r>
  <r>
    <x v="3"/>
    <s v="Ben Ferrer"/>
  </r>
  <r>
    <x v="3"/>
    <s v="Sally Hughsby"/>
  </r>
  <r>
    <x v="3"/>
    <s v="Frank Carlisle"/>
  </r>
  <r>
    <x v="3"/>
    <s v="Don Weiss"/>
  </r>
  <r>
    <x v="3"/>
    <s v="Michael Granlund"/>
  </r>
  <r>
    <x v="3"/>
    <s v="Shahid Hopkins"/>
  </r>
  <r>
    <x v="3"/>
    <s v="Victoria Brennan"/>
  </r>
  <r>
    <x v="3"/>
    <s v="Alan Hwang"/>
  </r>
  <r>
    <x v="3"/>
    <s v="Lindsay Williams"/>
  </r>
  <r>
    <x v="3"/>
    <s v="Karl Braun"/>
  </r>
  <r>
    <x v="3"/>
    <s v="Karen Seio"/>
  </r>
  <r>
    <x v="3"/>
    <s v="Candace McMahon"/>
  </r>
  <r>
    <x v="3"/>
    <s v="Maribeth Dona"/>
  </r>
  <r>
    <x v="3"/>
    <s v="Max Jones"/>
  </r>
  <r>
    <x v="3"/>
    <s v="Marc Harrigan"/>
  </r>
  <r>
    <x v="3"/>
    <s v="Paul Van Hugh"/>
  </r>
  <r>
    <x v="3"/>
    <s v="Ken Black"/>
  </r>
  <r>
    <x v="3"/>
    <s v="Bill Stewart"/>
  </r>
  <r>
    <x v="3"/>
    <s v="Karen Ferguson"/>
  </r>
  <r>
    <x v="3"/>
    <s v="Benjamin Farhat"/>
  </r>
  <r>
    <x v="3"/>
    <s v="Sanjit Engle"/>
  </r>
  <r>
    <x v="3"/>
    <s v="Stephanie Ulpright"/>
  </r>
  <r>
    <x v="3"/>
    <s v="Joy Bell-"/>
  </r>
  <r>
    <x v="3"/>
    <s v="Meg Tillman"/>
  </r>
  <r>
    <x v="3"/>
    <s v="Frank Hawley"/>
  </r>
  <r>
    <x v="3"/>
    <s v="Brad Norvell"/>
  </r>
  <r>
    <x v="3"/>
    <s v="Valerie Mitchum"/>
  </r>
  <r>
    <x v="3"/>
    <s v="Matthew Grinstein"/>
  </r>
  <r>
    <x v="3"/>
    <s v="Susan Pistek"/>
  </r>
  <r>
    <x v="3"/>
    <s v="Clay Ludtke"/>
  </r>
  <r>
    <x v="3"/>
    <s v="Denny Blanton"/>
  </r>
  <r>
    <x v="3"/>
    <s v="Philisse Overcash"/>
  </r>
  <r>
    <x v="3"/>
    <s v="Ann Steele"/>
  </r>
  <r>
    <x v="3"/>
    <s v="Carol Darley"/>
  </r>
  <r>
    <x v="3"/>
    <s v="Edward Nazzal"/>
  </r>
  <r>
    <x v="3"/>
    <s v="Scott Williamson"/>
  </r>
  <r>
    <x v="3"/>
    <s v="Thomas Thornton"/>
  </r>
  <r>
    <x v="3"/>
    <s v="Barry Pond"/>
  </r>
  <r>
    <x v="3"/>
    <s v="Jason Klamczynski"/>
  </r>
  <r>
    <x v="3"/>
    <s v="Catherine Glotzbach"/>
  </r>
  <r>
    <x v="3"/>
    <s v="Natalie DeCherney"/>
  </r>
  <r>
    <x v="3"/>
    <s v="Sue Ann Reed"/>
  </r>
  <r>
    <x v="3"/>
    <s v="George Zrebassa"/>
  </r>
  <r>
    <x v="3"/>
    <s v="Vivek Grady"/>
  </r>
  <r>
    <x v="3"/>
    <s v="Troy Blackwell"/>
  </r>
  <r>
    <x v="3"/>
    <s v="Roger Demir"/>
  </r>
  <r>
    <x v="3"/>
    <s v="Harry Greene"/>
  </r>
  <r>
    <x v="3"/>
    <s v="Pauline Webber"/>
  </r>
  <r>
    <x v="3"/>
    <s v="Ted Butterfield"/>
  </r>
  <r>
    <x v="3"/>
    <s v="Paul Stevenson"/>
  </r>
  <r>
    <x v="3"/>
    <s v="Bill Eplett"/>
  </r>
  <r>
    <x v="3"/>
    <s v="Anna Chung"/>
  </r>
  <r>
    <x v="3"/>
    <s v="Erin Creighton"/>
  </r>
  <r>
    <x v="3"/>
    <s v="Mary Zewe"/>
  </r>
  <r>
    <x v="3"/>
    <s v="Sanjit Jacobs"/>
  </r>
  <r>
    <x v="3"/>
    <s v="Raymond Buch"/>
  </r>
  <r>
    <x v="3"/>
    <s v="Brian Moss"/>
  </r>
  <r>
    <x v="3"/>
    <s v="Harold Ryan"/>
  </r>
  <r>
    <x v="3"/>
    <s v="John Castell"/>
  </r>
  <r>
    <x v="3"/>
    <s v="Christina VanderZanden"/>
  </r>
  <r>
    <x v="3"/>
    <s v="Justin Deggeller"/>
  </r>
  <r>
    <x v="3"/>
    <s v="Filia McAdams"/>
  </r>
  <r>
    <x v="3"/>
    <s v="Gary McGarr"/>
  </r>
  <r>
    <x v="3"/>
    <s v="Maria Zettner"/>
  </r>
  <r>
    <x v="3"/>
    <s v="Michelle Lonsdale"/>
  </r>
  <r>
    <x v="3"/>
    <s v="Evan Minnotte"/>
  </r>
  <r>
    <x v="3"/>
    <s v="Heather Kirkland"/>
  </r>
  <r>
    <x v="3"/>
    <s v="Alejandro Grove"/>
  </r>
  <r>
    <x v="3"/>
    <s v="Brendan Dodson"/>
  </r>
  <r>
    <x v="3"/>
    <s v="Lena Cacioppo"/>
  </r>
  <r>
    <x v="3"/>
    <s v="Cyma Kinney"/>
  </r>
  <r>
    <x v="3"/>
    <s v="Dave Hallsten"/>
  </r>
  <r>
    <x v="3"/>
    <s v="Tony Molinari"/>
  </r>
  <r>
    <x v="3"/>
    <s v="Becky Pak"/>
  </r>
  <r>
    <x v="3"/>
    <s v="Maria Etezadi"/>
  </r>
  <r>
    <x v="3"/>
    <s v="Tom Boeckenhauer"/>
  </r>
  <r>
    <x v="3"/>
    <s v="Alan Barnes"/>
  </r>
  <r>
    <x v="3"/>
    <s v="David Smith"/>
  </r>
  <r>
    <x v="3"/>
    <s v="Chad McGuire"/>
  </r>
  <r>
    <x v="3"/>
    <s v="Denny Ordway"/>
  </r>
  <r>
    <x v="3"/>
    <s v="Daniel Byrd"/>
  </r>
  <r>
    <x v="3"/>
    <s v="Emily Grady"/>
  </r>
  <r>
    <x v="3"/>
    <s v="Jim Epp"/>
  </r>
  <r>
    <x v="3"/>
    <s v="Scott Cohen"/>
  </r>
  <r>
    <x v="3"/>
    <s v="Henry Goldwyn"/>
  </r>
  <r>
    <x v="3"/>
    <s v="Adam Shillingsburg"/>
  </r>
  <r>
    <x v="3"/>
    <s v="Maribeth Schnelling"/>
  </r>
  <r>
    <x v="3"/>
    <s v="Nick Crebassa"/>
  </r>
  <r>
    <x v="3"/>
    <s v="Barry FranzÃ¶sisch"/>
  </r>
  <r>
    <x v="3"/>
    <s v="George Bell"/>
  </r>
  <r>
    <x v="3"/>
    <s v="Tony Chapman"/>
  </r>
  <r>
    <x v="3"/>
    <s v="Alyssa Tate"/>
  </r>
  <r>
    <x v="3"/>
    <s v="Amy Hunt"/>
  </r>
  <r>
    <x v="3"/>
    <s v="Katherine Hughes"/>
  </r>
  <r>
    <x v="3"/>
    <s v="Anne McFarland"/>
  </r>
  <r>
    <x v="3"/>
    <s v="Tom Ashbrook"/>
  </r>
  <r>
    <x v="3"/>
    <s v="Max Ludwig"/>
  </r>
  <r>
    <x v="3"/>
    <s v="Charles Sheldon"/>
  </r>
  <r>
    <x v="3"/>
    <s v="Christopher Schild"/>
  </r>
  <r>
    <x v="3"/>
    <s v="Denise Monton"/>
  </r>
  <r>
    <x v="3"/>
    <s v="Adrian Hane"/>
  </r>
  <r>
    <x v="3"/>
    <s v="Bryan Spruell"/>
  </r>
  <r>
    <x v="3"/>
    <s v="Ken Lonsdale"/>
  </r>
  <r>
    <x v="3"/>
    <s v="Noah Childs"/>
  </r>
  <r>
    <x v="3"/>
    <s v="Russell D'Ascenzo"/>
  </r>
  <r>
    <x v="3"/>
    <s v="Mitch Gastineau"/>
  </r>
  <r>
    <x v="3"/>
    <s v="Dennis Bolton"/>
  </r>
  <r>
    <x v="3"/>
    <s v="Bruce Stewart"/>
  </r>
  <r>
    <x v="3"/>
    <s v="Luke Weiss"/>
  </r>
  <r>
    <x v="3"/>
    <s v="Sample Company A"/>
  </r>
  <r>
    <x v="3"/>
    <s v="Jack Lebron"/>
  </r>
  <r>
    <x v="3"/>
    <s v="Henry MacAllister"/>
  </r>
  <r>
    <x v="3"/>
    <s v="Bill Donatelli"/>
  </r>
  <r>
    <x v="3"/>
    <s v="Rob Williams"/>
  </r>
  <r>
    <x v="3"/>
    <s v="Yana Sorensen"/>
  </r>
  <r>
    <x v="3"/>
    <s v="Dave Poirier"/>
  </r>
  <r>
    <x v="3"/>
    <s v="Christine Sundaresam"/>
  </r>
  <r>
    <x v="3"/>
    <s v="Harry Marie"/>
  </r>
  <r>
    <x v="3"/>
    <s v="Andrew Allen"/>
  </r>
  <r>
    <x v="3"/>
    <s v="Adam Hart"/>
  </r>
  <r>
    <x v="3"/>
    <s v="Noel Staavos"/>
  </r>
  <r>
    <x v="3"/>
    <s v="Shirley Daniels"/>
  </r>
  <r>
    <x v="3"/>
    <s v="Paul Lucas"/>
  </r>
  <r>
    <x v="3"/>
    <s v="Roy FranzÃ¶sisch"/>
  </r>
  <r>
    <x v="3"/>
    <s v="Joel Eaton"/>
  </r>
  <r>
    <x v="3"/>
    <s v="Edward Becker"/>
  </r>
  <r>
    <x v="3"/>
    <s v="Jesus Ocampo"/>
  </r>
  <r>
    <x v="3"/>
    <s v="Sharelle Roach"/>
  </r>
  <r>
    <x v="3"/>
    <s v="Bruce Geld"/>
  </r>
  <r>
    <x v="3"/>
    <s v="Pamela Stobb"/>
  </r>
  <r>
    <x v="3"/>
    <s v="Brendan Murry"/>
  </r>
  <r>
    <x v="3"/>
    <s v="Sarah Jordon"/>
  </r>
  <r>
    <x v="3"/>
    <s v="Brad Eason"/>
  </r>
  <r>
    <x v="3"/>
    <s v="Shirley Jackson"/>
  </r>
  <r>
    <x v="3"/>
    <s v="Resi PÃ¶lking"/>
  </r>
  <r>
    <x v="3"/>
    <s v="Joni Wasserman"/>
  </r>
  <r>
    <x v="3"/>
    <s v="Katherine Nockton"/>
  </r>
  <r>
    <x v="3"/>
    <s v="Meg O'Connel"/>
  </r>
  <r>
    <x v="3"/>
    <s v="Bruce Degenhardt"/>
  </r>
  <r>
    <x v="3"/>
    <s v="Sally Knutson"/>
  </r>
  <r>
    <x v="3"/>
    <s v="Sean Christensen"/>
  </r>
  <r>
    <x v="3"/>
    <s v="Tamara Dahlen"/>
  </r>
  <r>
    <x v="3"/>
    <s v="Greg Guthrie"/>
  </r>
  <r>
    <x v="3"/>
    <s v="Parhena Norris"/>
  </r>
  <r>
    <x v="3"/>
    <s v="Damala Kotsonis"/>
  </r>
  <r>
    <x v="3"/>
    <s v="Christine Phan"/>
  </r>
  <r>
    <x v="3"/>
    <s v="Susan Vittorini"/>
  </r>
  <r>
    <x v="3"/>
    <s v="Art Ferguson"/>
  </r>
  <r>
    <x v="3"/>
    <s v="Mick Brown"/>
  </r>
  <r>
    <x v="3"/>
    <s v="Larry Hughes"/>
  </r>
  <r>
    <x v="3"/>
    <s v="Speros Goranitis"/>
  </r>
  <r>
    <x v="3"/>
    <s v="Rob Lucas"/>
  </r>
  <r>
    <x v="3"/>
    <s v="Larry Blacks"/>
  </r>
  <r>
    <x v="3"/>
    <s v="Arthur Prichep"/>
  </r>
  <r>
    <x v="3"/>
    <s v="Janet Lee"/>
  </r>
  <r>
    <x v="3"/>
    <s v="Kean Thornton"/>
  </r>
  <r>
    <x v="3"/>
    <s v="Dionis Lloyd"/>
  </r>
  <r>
    <x v="3"/>
    <s v="Quincy Jones"/>
  </r>
  <r>
    <x v="3"/>
    <s v="Saphhira Shifley"/>
  </r>
  <r>
    <x v="3"/>
    <s v="Neoma Murray"/>
  </r>
  <r>
    <x v="3"/>
    <s v="Erin Ashbrook"/>
  </r>
  <r>
    <x v="3"/>
    <s v="Nick Zandusky"/>
  </r>
  <r>
    <x v="3"/>
    <s v="Arthur Gainer"/>
  </r>
  <r>
    <x v="3"/>
    <s v="Elizabeth Moffitt"/>
  </r>
  <r>
    <x v="3"/>
    <s v="Dorothy Dickinson"/>
  </r>
  <r>
    <x v="3"/>
    <s v="Darren Budd"/>
  </r>
  <r>
    <x v="3"/>
    <s v="Mike Kennedy"/>
  </r>
  <r>
    <x v="3"/>
    <s v="Muhammed Yedwab"/>
  </r>
  <r>
    <x v="3"/>
    <s v="Chris Cortes"/>
  </r>
  <r>
    <x v="3"/>
    <s v="Darren Koutras"/>
  </r>
  <r>
    <x v="3"/>
    <s v="Lisa Hazard"/>
  </r>
  <r>
    <x v="3"/>
    <s v="Arianne Irving"/>
  </r>
  <r>
    <x v="3"/>
    <s v="Toby Carlisle"/>
  </r>
  <r>
    <x v="3"/>
    <s v="Gary Zandusky"/>
  </r>
  <r>
    <x v="3"/>
    <s v="Doug Bickford"/>
  </r>
  <r>
    <x v="3"/>
    <s v="Rick Wilson"/>
  </r>
  <r>
    <x v="3"/>
    <s v="Adam Bellavance"/>
  </r>
  <r>
    <x v="3"/>
    <s v="Carlos Soltero"/>
  </r>
  <r>
    <x v="3"/>
    <s v="Michelle Moray"/>
  </r>
  <r>
    <x v="3"/>
    <s v="Ed Braxton"/>
  </r>
  <r>
    <x v="3"/>
    <s v="Laurel Beltran"/>
  </r>
  <r>
    <x v="3"/>
    <s v="Liz Pelletier"/>
  </r>
  <r>
    <x v="3"/>
    <s v="Todd Sumrall"/>
  </r>
  <r>
    <x v="3"/>
    <s v="Zuschuss Carroll"/>
  </r>
  <r>
    <x v="3"/>
    <s v="Alyssa Crouse"/>
  </r>
  <r>
    <x v="3"/>
    <s v="Chloris Kastensmidt"/>
  </r>
  <r>
    <x v="3"/>
    <s v="Jonathan Howell"/>
  </r>
  <r>
    <x v="3"/>
    <s v="Cynthia Arntzen"/>
  </r>
  <r>
    <x v="3"/>
    <s v="Ross Baird"/>
  </r>
  <r>
    <x v="3"/>
    <s v="Carl Weiss"/>
  </r>
  <r>
    <x v="3"/>
    <s v="Pauline Johnson"/>
  </r>
  <r>
    <x v="3"/>
    <s v="Eva Jacobs"/>
  </r>
  <r>
    <x v="3"/>
    <s v="Greg Tran"/>
  </r>
  <r>
    <x v="3"/>
    <s v="Anthony Jacobs"/>
  </r>
  <r>
    <x v="3"/>
    <s v="Jason Fortune-"/>
  </r>
  <r>
    <x v="3"/>
    <s v="Joy Daniels"/>
  </r>
  <r>
    <x v="3"/>
    <s v="John Murray"/>
  </r>
  <r>
    <x v="3"/>
    <s v="Toby Swindell"/>
  </r>
  <r>
    <x v="3"/>
    <s v="Susan Gilcrest"/>
  </r>
  <r>
    <x v="3"/>
    <s v="Todd Boyes"/>
  </r>
  <r>
    <x v="3"/>
    <s v="Adrian Barton"/>
  </r>
  <r>
    <x v="3"/>
    <s v="Paul Prost"/>
  </r>
  <r>
    <x v="3"/>
    <s v="Annie Thurman"/>
  </r>
  <r>
    <x v="3"/>
    <s v="Becky Castell"/>
  </r>
  <r>
    <x v="3"/>
    <s v="Patrick Jones"/>
  </r>
  <r>
    <x v="3"/>
    <s v="Neil Ducich"/>
  </r>
  <r>
    <x v="3"/>
    <s v="Nat Carroll"/>
  </r>
  <r>
    <x v="3"/>
    <s v="Chuck Clark"/>
  </r>
  <r>
    <x v="3"/>
    <s v="Allen Rosenblatt"/>
  </r>
  <r>
    <x v="3"/>
    <s v="Rick Duston"/>
  </r>
  <r>
    <x v="3"/>
    <s v="John Grady"/>
  </r>
  <r>
    <x v="3"/>
    <s v="Laurel Elliston"/>
  </r>
  <r>
    <x v="3"/>
    <s v="Eric Hoffmann"/>
  </r>
  <r>
    <x v="3"/>
    <s v="Vicky Freymann"/>
  </r>
  <r>
    <x v="3"/>
    <s v="Vivek Sundaresam"/>
  </r>
  <r>
    <x v="3"/>
    <s v="Trudy Brown"/>
  </r>
  <r>
    <x v="3"/>
    <s v="Jeremy Lonsdale"/>
  </r>
  <r>
    <x v="3"/>
    <s v="Kimberly Carter"/>
  </r>
  <r>
    <x v="3"/>
    <s v="Bryan Mills"/>
  </r>
  <r>
    <x v="3"/>
    <s v="Carlos Daly"/>
  </r>
  <r>
    <x v="3"/>
    <s v="Dianna Wilson"/>
  </r>
  <r>
    <x v="3"/>
    <s v="Roy Phan"/>
  </r>
  <r>
    <x v="3"/>
    <s v="James Galang"/>
  </r>
  <r>
    <x v="3"/>
    <s v="Duane Noonan"/>
  </r>
  <r>
    <x v="3"/>
    <s v="Patrick O'Donnell"/>
  </r>
  <r>
    <x v="3"/>
    <s v="Lori Olson"/>
  </r>
  <r>
    <x v="3"/>
    <s v="Tiffany House"/>
  </r>
  <r>
    <x v="3"/>
    <s v="Michael Dominguez"/>
  </r>
  <r>
    <x v="3"/>
    <s v="Alice McCarthy"/>
  </r>
  <r>
    <x v="3"/>
    <s v="Guy Thornton"/>
  </r>
  <r>
    <x v="3"/>
    <s v="Henia Zydlo"/>
  </r>
  <r>
    <x v="3"/>
    <s v="Suzanne McNair"/>
  </r>
  <r>
    <x v="3"/>
    <s v="Kelly Andreada"/>
  </r>
  <r>
    <x v="3"/>
    <s v="Barry Blumstein"/>
  </r>
  <r>
    <x v="3"/>
    <s v="Barry Weirich"/>
  </r>
  <r>
    <x v="3"/>
    <s v="Alejandro Ballentine"/>
  </r>
  <r>
    <x v="3"/>
    <s v="Cari Schnelling"/>
  </r>
  <r>
    <x v="3"/>
    <s v="John Dryer"/>
  </r>
  <r>
    <x v="3"/>
    <s v="Giulietta Dortch"/>
  </r>
  <r>
    <x v="3"/>
    <s v="Nick Radford"/>
  </r>
  <r>
    <x v="3"/>
    <s v="Dan Campbell"/>
  </r>
  <r>
    <x v="3"/>
    <s v="Carol Triggs"/>
  </r>
  <r>
    <x v="3"/>
    <s v="Erica Hernandez"/>
  </r>
  <r>
    <x v="3"/>
    <s v="Erin Mull"/>
  </r>
  <r>
    <x v="3"/>
    <s v="Dorris liebe"/>
  </r>
  <r>
    <x v="3"/>
    <s v="Liz Willingham"/>
  </r>
  <r>
    <x v="3"/>
    <s v="Ben Wallace"/>
  </r>
  <r>
    <x v="3"/>
    <s v="Maureen Gastineau"/>
  </r>
  <r>
    <x v="3"/>
    <s v="Frank Olsen"/>
  </r>
  <r>
    <x v="3"/>
    <s v="Anna Gayman"/>
  </r>
  <r>
    <x v="3"/>
    <s v="Michelle Tran"/>
  </r>
  <r>
    <x v="3"/>
    <s v="Carl Ludwig"/>
  </r>
  <r>
    <x v="3"/>
    <s v="Linda Cazamias"/>
  </r>
  <r>
    <x v="3"/>
    <s v="Muhammed MacIntyre"/>
  </r>
  <r>
    <x v="3"/>
    <s v="Dianna Vittorini"/>
  </r>
  <r>
    <x v="3"/>
    <s v="Kristina Nunn"/>
  </r>
  <r>
    <x v="3"/>
    <s v="Zuschuss Donatelli"/>
  </r>
  <r>
    <x v="3"/>
    <s v="Lena Creighton"/>
  </r>
  <r>
    <x v="3"/>
    <s v="Hunter Glantz"/>
  </r>
  <r>
    <x v="3"/>
    <s v="Sarah Brown"/>
  </r>
  <r>
    <x v="3"/>
    <s v="Troy Staebel"/>
  </r>
  <r>
    <x v="3"/>
    <s v="Paul Gonzalez"/>
  </r>
  <r>
    <x v="3"/>
    <s v="Tamara Willingham"/>
  </r>
  <r>
    <x v="3"/>
    <s v="Clay Cheatham"/>
  </r>
  <r>
    <x v="3"/>
    <s v="Stuart Calhoun"/>
  </r>
  <r>
    <x v="3"/>
    <s v="Dean percer"/>
  </r>
  <r>
    <x v="3"/>
    <s v="Kristen Hastings"/>
  </r>
  <r>
    <x v="3"/>
    <s v="Thomas Seio"/>
  </r>
  <r>
    <x v="3"/>
    <s v="Joe Elijah"/>
  </r>
  <r>
    <x v="3"/>
    <s v="Michael Kennedy"/>
  </r>
  <r>
    <x v="3"/>
    <s v="Katherine Ducich"/>
  </r>
  <r>
    <x v="3"/>
    <s v="Philip Fox"/>
  </r>
  <r>
    <x v="3"/>
    <s v="Luke Schmidt"/>
  </r>
  <r>
    <x v="3"/>
    <s v="Ryan Akin"/>
  </r>
  <r>
    <x v="3"/>
    <s v="Steven Roelle"/>
  </r>
  <r>
    <x v="3"/>
    <s v="Craig Carreira"/>
  </r>
  <r>
    <x v="3"/>
    <s v="Neil Knudson"/>
  </r>
  <r>
    <x v="3"/>
    <s v="Katharine Harms"/>
  </r>
  <r>
    <x v="3"/>
    <s v="Deborah Brumfield"/>
  </r>
  <r>
    <x v="3"/>
    <s v="Jim Sink"/>
  </r>
  <r>
    <x v="3"/>
    <s v="George Ashbrook"/>
  </r>
  <r>
    <x v="3"/>
    <s v="Toby Ritter"/>
  </r>
  <r>
    <x v="3"/>
    <s v="Jeremy Ellison"/>
  </r>
  <r>
    <x v="3"/>
    <s v="Shui Tom"/>
  </r>
  <r>
    <x v="3"/>
    <s v="Alan Shonely"/>
  </r>
  <r>
    <x v="3"/>
    <s v="Joe Kamberova"/>
  </r>
  <r>
    <x v="3"/>
    <s v="Rick Bensley"/>
  </r>
  <r>
    <x v="3"/>
    <s v="Maria Bertelson"/>
  </r>
  <r>
    <x v="3"/>
    <s v="Matthew Clasen"/>
  </r>
  <r>
    <x v="3"/>
    <s v="Sonia Cooley"/>
  </r>
  <r>
    <x v="3"/>
    <s v="Fred McMath"/>
  </r>
  <r>
    <x v="3"/>
    <s v="Olvera Toch"/>
  </r>
  <r>
    <x v="3"/>
    <s v="Tracy Hopkins"/>
  </r>
  <r>
    <x v="3"/>
    <s v="Nora Preis"/>
  </r>
  <r>
    <x v="3"/>
    <s v="Dan Reichenbach"/>
  </r>
  <r>
    <x v="3"/>
    <s v="Michelle Arnett"/>
  </r>
  <r>
    <x v="3"/>
    <s v="Dean Katz"/>
  </r>
  <r>
    <x v="3"/>
    <s v="Alex Avila"/>
  </r>
  <r>
    <x v="3"/>
    <s v="William Brown"/>
  </r>
  <r>
    <x v="3"/>
    <s v="Victor Preis"/>
  </r>
  <r>
    <x v="3"/>
    <s v="Sheri Gordon"/>
  </r>
  <r>
    <x v="3"/>
    <s v="Ralph Arnett"/>
  </r>
  <r>
    <x v="3"/>
    <s v="Darrin Van Huff"/>
  </r>
  <r>
    <x v="3"/>
    <s v="Chuck Sachs"/>
  </r>
  <r>
    <x v="3"/>
    <s v="Christina Anderson"/>
  </r>
  <r>
    <x v="3"/>
    <s v="Jim Kriz"/>
  </r>
  <r>
    <x v="3"/>
    <s v="Frank Merwin"/>
  </r>
  <r>
    <x v="3"/>
    <s v="Michael Oakman"/>
  </r>
  <r>
    <x v="3"/>
    <s v="Tony Sayre"/>
  </r>
  <r>
    <x v="3"/>
    <s v="Fred Hopkins"/>
  </r>
  <r>
    <x v="3"/>
    <s v="Angele Hood"/>
  </r>
  <r>
    <x v="3"/>
    <s v="Patrick O'Brill"/>
  </r>
  <r>
    <x v="3"/>
    <s v="Michael Paige"/>
  </r>
  <r>
    <x v="3"/>
    <s v="Jenna Caffey"/>
  </r>
  <r>
    <x v="3"/>
    <s v="Harold Engle"/>
  </r>
  <r>
    <x v="3"/>
    <s v="Mathew Reese"/>
  </r>
  <r>
    <x v="3"/>
    <s v="Sean Miller"/>
  </r>
  <r>
    <x v="3"/>
    <s v="Frank Gastineau"/>
  </r>
  <r>
    <x v="3"/>
    <s v="Beth Fritzler"/>
  </r>
  <r>
    <x v="3"/>
    <s v="Natalie Webber"/>
  </r>
  <r>
    <x v="3"/>
    <s v="Karen Bern"/>
  </r>
  <r>
    <x v="3"/>
    <s v="Tom Stivers"/>
  </r>
  <r>
    <x v="3"/>
    <s v="Rick Reed"/>
  </r>
  <r>
    <x v="3"/>
    <s v="Sandra Flanagan"/>
  </r>
  <r>
    <x v="3"/>
    <s v="Natalie Fritzler"/>
  </r>
  <r>
    <x v="3"/>
    <s v="Shaun Weien"/>
  </r>
  <r>
    <x v="3"/>
    <s v="Anthony Johnson"/>
  </r>
  <r>
    <x v="3"/>
    <s v="Seth Vernon"/>
  </r>
  <r>
    <x v="3"/>
    <s v="Anthony Rawles"/>
  </r>
  <r>
    <x v="3"/>
    <s v="Sarah Foster"/>
  </r>
  <r>
    <x v="3"/>
    <s v="Sean Wendt"/>
  </r>
  <r>
    <x v="3"/>
    <s v="Gene McClure"/>
  </r>
  <r>
    <x v="3"/>
    <s v="Kelly Lampkin"/>
  </r>
  <r>
    <x v="3"/>
    <s v="Pete Takahito"/>
  </r>
  <r>
    <x v="3"/>
    <s v="Eric Barreto"/>
  </r>
  <r>
    <x v="3"/>
    <s v="Lena Hernandez"/>
  </r>
  <r>
    <x v="3"/>
    <s v="Lisa Ryan"/>
  </r>
  <r>
    <x v="3"/>
    <s v="Nathan Mautz"/>
  </r>
  <r>
    <x v="3"/>
    <s v="Tracy Blumstein"/>
  </r>
  <r>
    <x v="3"/>
    <s v="Annie Zypern"/>
  </r>
  <r>
    <x v="3"/>
    <s v="Mike Gockenbach"/>
  </r>
  <r>
    <x v="3"/>
    <s v="Dennis Kane"/>
  </r>
  <r>
    <x v="3"/>
    <s v="Matt Hagelstein"/>
  </r>
  <r>
    <x v="3"/>
    <s v="Giulietta Weimer"/>
  </r>
  <r>
    <x v="3"/>
    <s v="Laura Armstrong"/>
  </r>
  <r>
    <x v="3"/>
    <s v="Roland Fjeld"/>
  </r>
  <r>
    <x v="3"/>
    <s v="Katrina Willman"/>
  </r>
  <r>
    <x v="3"/>
    <s v="Greg Matthias"/>
  </r>
  <r>
    <x v="3"/>
    <s v="Eric Murdock"/>
  </r>
  <r>
    <x v="3"/>
    <s v="Charlotte Melton"/>
  </r>
  <r>
    <x v="3"/>
    <s v="Scot Coram"/>
  </r>
  <r>
    <x v="3"/>
    <s v="Gary Mitchum"/>
  </r>
  <r>
    <x v="3"/>
    <s v="Jay Kimmel"/>
  </r>
  <r>
    <x v="3"/>
    <s v="Cindy Chapman"/>
  </r>
  <r>
    <x v="3"/>
    <s v="Ivan Liston"/>
  </r>
  <r>
    <x v="3"/>
    <s v="Steve Chapman"/>
  </r>
  <r>
    <x v="3"/>
    <s v="Sylvia Foulston"/>
  </r>
  <r>
    <x v="3"/>
    <s v="Daniel Raglin"/>
  </r>
  <r>
    <x v="3"/>
    <s v="Rick Hansen"/>
  </r>
  <r>
    <x v="3"/>
    <s v="Justin MacKendrick"/>
  </r>
  <r>
    <x v="3"/>
    <s v="Brenda Bowman"/>
  </r>
  <r>
    <x v="3"/>
    <s v="Dana Kaydos"/>
  </r>
  <r>
    <x v="3"/>
    <s v="Russell Applegate"/>
  </r>
  <r>
    <x v="3"/>
    <s v="Nicole Fjeld"/>
  </r>
  <r>
    <x v="3"/>
    <s v="Charles McCrossin"/>
  </r>
  <r>
    <x v="3"/>
    <s v="Jennifer Braxton"/>
  </r>
  <r>
    <x v="3"/>
    <s v="Doug O'Connell"/>
  </r>
  <r>
    <x v="3"/>
    <s v="Eleni McCrary"/>
  </r>
  <r>
    <x v="3"/>
    <s v="Patrick Ryan"/>
  </r>
  <r>
    <x v="3"/>
    <s v="Sung Chung"/>
  </r>
  <r>
    <x v="3"/>
    <s v="Alan Haines"/>
  </r>
  <r>
    <x v="3"/>
    <s v="Darrin Martin"/>
  </r>
  <r>
    <x v="3"/>
    <s v="Steve Carroll"/>
  </r>
  <r>
    <x v="3"/>
    <s v="Heather Jas"/>
  </r>
  <r>
    <x v="3"/>
    <s v="Stefania Perrino"/>
  </r>
  <r>
    <x v="3"/>
    <s v="Ben Peterman"/>
  </r>
  <r>
    <x v="3"/>
    <s v="Ashley Jarboe"/>
  </r>
  <r>
    <x v="3"/>
    <s v="Arthur Wiediger"/>
  </r>
  <r>
    <x v="3"/>
    <s v="Barry Gonzalez"/>
  </r>
  <r>
    <x v="3"/>
    <s v="Maxwell Schwartz"/>
  </r>
  <r>
    <x v="3"/>
    <s v="Bradley Nguyen"/>
  </r>
  <r>
    <x v="3"/>
    <s v="Sung Shariari"/>
  </r>
  <r>
    <x v="3"/>
    <s v="Ralph Kennedy"/>
  </r>
  <r>
    <x v="3"/>
    <s v="Phillip Flathmann"/>
  </r>
  <r>
    <x v="3"/>
    <s v="Anthony Witt"/>
  </r>
  <r>
    <x v="3"/>
    <s v="Jill Stevenson"/>
  </r>
  <r>
    <x v="3"/>
    <s v="Mick Crebagga"/>
  </r>
  <r>
    <x v="3"/>
    <s v="Aleksandra Gannaway"/>
  </r>
  <r>
    <x v="3"/>
    <s v="Katrina Bavinger"/>
  </r>
  <r>
    <x v="3"/>
    <s v="Aimee Bixby"/>
  </r>
  <r>
    <x v="3"/>
    <s v="Greg Maxwell"/>
  </r>
  <r>
    <x v="3"/>
    <s v="Vivian Mathis"/>
  </r>
  <r>
    <x v="3"/>
    <s v="Michael Grace"/>
  </r>
  <r>
    <x v="3"/>
    <s v="Jasper Cacioppo"/>
  </r>
  <r>
    <x v="3"/>
    <s v="Ruben Dartt"/>
  </r>
  <r>
    <x v="3"/>
    <s v="Robert Dilbeck"/>
  </r>
  <r>
    <x v="3"/>
    <s v="Allen Goldenen"/>
  </r>
  <r>
    <x v="3"/>
    <s v="Trudy Glocke"/>
  </r>
  <r>
    <x v="3"/>
    <s v="Dario Medina"/>
  </r>
  <r>
    <x v="3"/>
    <s v="Allen Armold"/>
  </r>
  <r>
    <x v="3"/>
    <s v="Eugene Barchas"/>
  </r>
  <r>
    <x v="3"/>
    <s v="Alex Russell"/>
  </r>
  <r>
    <x v="3"/>
    <s v="Eudokia Martin"/>
  </r>
  <r>
    <x v="3"/>
    <s v="Sean Braxton"/>
  </r>
  <r>
    <x v="3"/>
    <s v="Liz Carlisle"/>
  </r>
  <r>
    <x v="3"/>
    <s v="Grace Kelly"/>
  </r>
  <r>
    <x v="3"/>
    <s v="Logan Currie"/>
  </r>
  <r>
    <x v="3"/>
    <s v="Ken Heidel"/>
  </r>
  <r>
    <x v="3"/>
    <s v="Shahid Shariari"/>
  </r>
  <r>
    <x v="3"/>
    <s v="Helen Abelman"/>
  </r>
  <r>
    <x v="3"/>
    <s v="Ryan Crowe"/>
  </r>
  <r>
    <x v="3"/>
    <s v="Helen Andreada"/>
  </r>
  <r>
    <x v="3"/>
    <s v="Jennifer Ferguson"/>
  </r>
  <r>
    <x v="3"/>
    <s v="Jessica Myrick"/>
  </r>
  <r>
    <x v="3"/>
    <s v="Bart Folk"/>
  </r>
  <r>
    <x v="3"/>
    <s v="Liz Thompson"/>
  </r>
  <r>
    <x v="3"/>
    <s v="Roger Barcio"/>
  </r>
  <r>
    <x v="3"/>
    <s v="Craig Yedwab"/>
  </r>
  <r>
    <x v="3"/>
    <s v="Erica Smith"/>
  </r>
  <r>
    <x v="3"/>
    <s v="Theresa Coyne"/>
  </r>
  <r>
    <x v="3"/>
    <s v="Charles Crestani"/>
  </r>
  <r>
    <x v="3"/>
    <s v="Evan Henry"/>
  </r>
  <r>
    <x v="3"/>
    <s v="Alan Schoenberger"/>
  </r>
  <r>
    <x v="3"/>
    <s v="Pete Armstrong"/>
  </r>
  <r>
    <x v="3"/>
    <s v="Justin Ritter"/>
  </r>
  <r>
    <x v="3"/>
    <s v="Muhammed Lee"/>
  </r>
  <r>
    <x v="3"/>
    <s v="David Wiener"/>
  </r>
  <r>
    <x v="3"/>
    <s v="Shaun Chance"/>
  </r>
  <r>
    <x v="3"/>
    <s v="Peter BÃ¼hler"/>
  </r>
  <r>
    <x v="3"/>
    <s v="Berenike Kampe"/>
  </r>
  <r>
    <x v="3"/>
    <s v="Brooke Gillingham"/>
  </r>
  <r>
    <x v="3"/>
    <s v="Maya Herman"/>
  </r>
  <r>
    <x v="3"/>
    <s v="Brian Dahlen"/>
  </r>
  <r>
    <x v="3"/>
    <s v="Kelly Collister"/>
  </r>
  <r>
    <x v="3"/>
    <s v="Frank Atkinson"/>
  </r>
  <r>
    <x v="3"/>
    <s v="Philip Brown"/>
  </r>
  <r>
    <x v="3"/>
    <s v="Rose O'Brian"/>
  </r>
  <r>
    <x v="3"/>
    <s v="Ruben Ausman"/>
  </r>
  <r>
    <x v="3"/>
    <s v="Sara Luxemburg"/>
  </r>
  <r>
    <x v="3"/>
    <s v="Jas O'Carroll"/>
  </r>
  <r>
    <x v="3"/>
    <s v="Patrick Gardner"/>
  </r>
  <r>
    <x v="3"/>
    <s v="Michelle Ellison"/>
  </r>
  <r>
    <x v="3"/>
    <s v="Barbara Fisher"/>
  </r>
  <r>
    <x v="3"/>
    <s v="Ellis Ballard"/>
  </r>
  <r>
    <x v="3"/>
    <s v="Corinna Mitchell"/>
  </r>
  <r>
    <x v="3"/>
    <s v="Tanja Norvell"/>
  </r>
  <r>
    <x v="3"/>
    <s v="Jane Waco"/>
  </r>
  <r>
    <x v="3"/>
    <s v="Juliana Krohn"/>
  </r>
  <r>
    <x v="3"/>
    <s v="Amy Cox"/>
  </r>
  <r>
    <x v="3"/>
    <s v="Hunter Lopez"/>
  </r>
  <r>
    <x v="3"/>
    <s v="Laurel Workman"/>
  </r>
  <r>
    <x v="3"/>
    <s v="Phillina Ober"/>
  </r>
  <r>
    <x v="3"/>
    <s v="Xylona Preis"/>
  </r>
  <r>
    <x v="3"/>
    <s v="Debra Catini"/>
  </r>
  <r>
    <x v="3"/>
    <s v="Dean Braden"/>
  </r>
  <r>
    <x v="3"/>
    <s v="Evan Bailliet"/>
  </r>
  <r>
    <x v="3"/>
    <s v="Steve Nguyen"/>
  </r>
  <r>
    <x v="3"/>
    <s v="Nora Paige"/>
  </r>
  <r>
    <x v="3"/>
    <s v="Andrew Gjertsen"/>
  </r>
  <r>
    <x v="3"/>
    <s v="Craig Reiter"/>
  </r>
  <r>
    <x v="3"/>
    <s v="Ed Ludwig"/>
  </r>
  <r>
    <x v="3"/>
    <s v="Anthony Garverick"/>
  </r>
  <r>
    <x v="3"/>
    <s v="Marc Crier"/>
  </r>
  <r>
    <x v="3"/>
    <s v="Stuart Van"/>
  </r>
  <r>
    <x v="3"/>
    <s v="Bobby Odegard"/>
  </r>
  <r>
    <x v="3"/>
    <s v="Victoria Pisteka"/>
  </r>
  <r>
    <x v="3"/>
    <s v="Astrea Jones"/>
  </r>
  <r>
    <x v="3"/>
    <s v="Matt Abelman"/>
  </r>
  <r>
    <x v="3"/>
    <s v="Hilary Holden"/>
  </r>
  <r>
    <x v="3"/>
    <s v="Mary O'Rourke"/>
  </r>
  <r>
    <x v="3"/>
    <s v="Ivan Gibson"/>
  </r>
  <r>
    <x v="3"/>
    <s v="Justin Ellison"/>
  </r>
  <r>
    <x v="3"/>
    <s v="Patricia Hirasaki"/>
  </r>
  <r>
    <x v="3"/>
    <s v="Brian DeCherney"/>
  </r>
  <r>
    <x v="3"/>
    <s v="Jocasta Rupert"/>
  </r>
  <r>
    <x v="3"/>
    <s v="Julie Creighton"/>
  </r>
  <r>
    <x v="3"/>
    <s v="Randy Bradley"/>
  </r>
  <r>
    <x v="3"/>
    <s v="Jim Mitchum"/>
  </r>
  <r>
    <x v="3"/>
    <s v="Nona Balk"/>
  </r>
  <r>
    <x v="3"/>
    <s v="Keith Herrera"/>
  </r>
  <r>
    <x v="3"/>
    <s v="Jamie Kunitz"/>
  </r>
  <r>
    <x v="3"/>
    <s v="Jim Karlsson"/>
  </r>
  <r>
    <x v="3"/>
    <s v="Kalyca Meade"/>
  </r>
  <r>
    <x v="3"/>
    <s v="Nancy Lomonaco"/>
  </r>
  <r>
    <x v="3"/>
    <s v="Thomas Boland"/>
  </r>
  <r>
    <x v="3"/>
    <s v="Thea Hudgings"/>
  </r>
  <r>
    <x v="3"/>
    <s v="Cindy Stewart"/>
  </r>
  <r>
    <x v="3"/>
    <s v="Denise Leinenbach"/>
  </r>
  <r>
    <x v="3"/>
    <s v="Daniel Lacy"/>
  </r>
  <r>
    <x v="3"/>
    <s v="Clay Rozendal"/>
  </r>
  <r>
    <x v="3"/>
    <s v="Grant Thornton"/>
  </r>
  <r>
    <x v="3"/>
    <s v="James Lanier"/>
  </r>
  <r>
    <x v="3"/>
    <s v="Anna Andreadi"/>
  </r>
  <r>
    <x v="3"/>
    <s v="Christina DeMoss"/>
  </r>
  <r>
    <x v="3"/>
    <s v="Jill Fjeld"/>
  </r>
  <r>
    <x v="3"/>
    <s v="Christopher Conant"/>
  </r>
  <r>
    <x v="3"/>
    <s v="Frank Preis"/>
  </r>
  <r>
    <x v="3"/>
    <s v="Kean Nguyen"/>
  </r>
  <r>
    <x v="3"/>
    <s v="Matt Collister"/>
  </r>
  <r>
    <x v="3"/>
    <s v="Peter McVee"/>
  </r>
  <r>
    <x v="3"/>
    <s v="Ann Blume"/>
  </r>
  <r>
    <x v="3"/>
    <s v="Thomas Brumley"/>
  </r>
  <r>
    <x v="3"/>
    <s v="Michael Chen"/>
  </r>
  <r>
    <x v="3"/>
    <s v="Gary Hwang"/>
  </r>
  <r>
    <x v="3"/>
    <s v="Nathan Gelder"/>
  </r>
  <r>
    <x v="3"/>
    <s v="Eugene Moren"/>
  </r>
  <r>
    <x v="3"/>
    <s v="Lindsay Shagiari"/>
  </r>
  <r>
    <x v="3"/>
    <s v="Ted Trevino"/>
  </r>
  <r>
    <x v="3"/>
    <s v="Katrina Edelman"/>
  </r>
  <r>
    <x v="3"/>
    <s v="Ken Brennan"/>
  </r>
  <r>
    <x v="3"/>
    <s v="Mitch Willingham"/>
  </r>
  <r>
    <x v="3"/>
    <s v="Eileen Kiefer"/>
  </r>
  <r>
    <x v="3"/>
    <s v="Adrian Shami"/>
  </r>
  <r>
    <x v="3"/>
    <s v="Nathan Cano"/>
  </r>
  <r>
    <x v="3"/>
    <s v="Jennifer Halladay"/>
  </r>
  <r>
    <x v="3"/>
    <s v="Richard Bierner"/>
  </r>
  <r>
    <x v="3"/>
    <s v="Anne Pryor"/>
  </r>
  <r>
    <x v="3"/>
    <s v="Brian Thompson"/>
  </r>
  <r>
    <x v="3"/>
    <s v="Benjamin Patterson"/>
  </r>
  <r>
    <x v="3"/>
    <s v="Barry Franz"/>
  </r>
  <r>
    <x v="3"/>
    <s v="Janet Molinari"/>
  </r>
  <r>
    <x v="3"/>
    <s v="Jason Gross"/>
  </r>
  <r>
    <x v="3"/>
    <s v="Tracy Zic"/>
  </r>
  <r>
    <x v="3"/>
    <s v="Brendan Sweed"/>
  </r>
  <r>
    <x v="3"/>
    <s v="Lynn Smith"/>
  </r>
  <r>
    <x v="3"/>
    <s v="Corey Catlett"/>
  </r>
  <r>
    <x v="3"/>
    <s v="Deirdre Greer"/>
  </r>
  <r>
    <x v="3"/>
    <s v="Joseph Holt"/>
  </r>
  <r>
    <x v="3"/>
    <s v="Kunst Miller"/>
  </r>
  <r>
    <x v="3"/>
    <s v="Michael Stewart"/>
  </r>
  <r>
    <x v="3"/>
    <s v="Lena Radford"/>
  </r>
  <r>
    <x v="3"/>
    <s v="Larry Tron"/>
  </r>
  <r>
    <x v="3"/>
    <s v="Naresj Patel"/>
  </r>
  <r>
    <x v="3"/>
    <s v="Patrick Bzostek"/>
  </r>
  <r>
    <x v="3"/>
    <s v="Tracy Collins"/>
  </r>
  <r>
    <x v="3"/>
    <s v="Jeremy Pistek"/>
  </r>
  <r>
    <x v="3"/>
    <s v="Christine Abelman"/>
  </r>
  <r>
    <x v="3"/>
    <s v="Herbert Flentye"/>
  </r>
  <r>
    <x v="3"/>
    <s v="Alex Grayson"/>
  </r>
  <r>
    <x v="3"/>
    <s v="Mike Vittorini"/>
  </r>
  <r>
    <x v="3"/>
    <s v="Ralph Ritter"/>
  </r>
  <r>
    <x v="3"/>
    <s v="Alejandro Savely"/>
  </r>
  <r>
    <x v="3"/>
    <s v="Roy Skaria"/>
  </r>
  <r>
    <x v="3"/>
    <s v="Mitch Webber"/>
  </r>
  <r>
    <x v="3"/>
    <s v="Khloe Miller"/>
  </r>
  <r>
    <x v="3"/>
    <s v="Andy Yotov"/>
  </r>
  <r>
    <x v="3"/>
    <s v="Andrew Roberts"/>
  </r>
  <r>
    <x v="3"/>
    <s v="Doug Jacobs"/>
  </r>
  <r>
    <x v="3"/>
    <s v="Aaron Hawkins"/>
  </r>
  <r>
    <x v="3"/>
    <s v="David Kendrick"/>
  </r>
  <r>
    <x v="3"/>
    <s v="Brian Derr"/>
  </r>
  <r>
    <x v="3"/>
    <s v="Sandra Glassco"/>
  </r>
  <r>
    <x v="3"/>
    <s v="Monica Federle"/>
  </r>
  <r>
    <x v="3"/>
    <s v="Julia Barnett"/>
  </r>
  <r>
    <x v="3"/>
    <s v="Robert Marley"/>
  </r>
  <r>
    <x v="3"/>
    <s v="Yoseph Carroll"/>
  </r>
  <r>
    <x v="3"/>
    <s v="Greg Hansen"/>
  </r>
  <r>
    <x v="3"/>
    <s v="Pamela Coakley"/>
  </r>
  <r>
    <x v="3"/>
    <s v="Erica Bern"/>
  </r>
  <r>
    <x v="3"/>
    <s v="Jill Matthias"/>
  </r>
</pivotCacheRecords>
</file>

<file path=xl/pivotTables/_rels/pivotTable1.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2.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3.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4.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5.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6.xml.rels><?xml version="1.0" encoding="UTF-8" standalone="yes"?>
<Relationships xmlns="http://schemas.openxmlformats.org/package/2006/relationships"><Relationship Id="rId1" Type="http://schemas.openxmlformats.org/officeDocument/2006/relationships/pivotCacheDefinition" Target="../pivotCache/pivotCacheDefinition2.xml"/></Relationships>
</file>

<file path=xl/pivotTables/pivotTable1.xml><?xml version="1.0" encoding="utf-8"?>
<pivotTableDefinition xmlns="http://schemas.openxmlformats.org/spreadsheetml/2006/main" xmlns:mc="http://schemas.openxmlformats.org/markup-compatibility/2006" xmlns:xr="http://schemas.microsoft.com/office/spreadsheetml/2014/revision" mc:Ignorable="xr" xr:uid="{00000000-0007-0000-0000-000000000000}" name="PivotTable2" cacheId="2" applyNumberFormats="0" applyBorderFormats="0" applyFontFormats="0" applyPatternFormats="0" applyAlignmentFormats="0" applyWidthHeightFormats="1" dataCaption="Values" updatedVersion="8" minRefreshableVersion="3" useAutoFormatting="1" rowGrandTotals="0" itemPrintTitles="1" createdVersion="8" indent="0" outline="1" outlineData="1" multipleFieldFilters="0">
  <location ref="A3:B20" firstHeaderRow="1" firstDataRow="1" firstDataCol="1"/>
  <pivotFields count="11">
    <pivotField numFmtId="164" showAll="0"/>
    <pivotField numFmtId="1" showAll="0"/>
    <pivotField numFmtId="1" showAll="0">
      <items count="5">
        <item x="0"/>
        <item x="1"/>
        <item x="2"/>
        <item x="3"/>
        <item t="default"/>
      </items>
    </pivotField>
    <pivotField showAll="0"/>
    <pivotField showAll="0"/>
    <pivotField showAll="0">
      <items count="4">
        <item x="1"/>
        <item x="0"/>
        <item x="2"/>
        <item t="default"/>
      </items>
    </pivotField>
    <pivotField axis="axisRow" showAll="0" sortType="descending">
      <items count="18">
        <item x="9"/>
        <item x="12"/>
        <item x="4"/>
        <item x="3"/>
        <item x="11"/>
        <item x="5"/>
        <item x="16"/>
        <item x="10"/>
        <item x="7"/>
        <item x="8"/>
        <item x="1"/>
        <item x="15"/>
        <item x="0"/>
        <item x="6"/>
        <item x="2"/>
        <item x="14"/>
        <item x="13"/>
        <item t="default"/>
      </items>
      <autoSortScope>
        <pivotArea dataOnly="0" outline="0" fieldPosition="0">
          <references count="1">
            <reference field="4294967294" count="1" selected="0">
              <x v="0"/>
            </reference>
          </references>
        </pivotArea>
      </autoSortScope>
    </pivotField>
    <pivotField showAll="0"/>
    <pivotField dataField="1" showAll="0"/>
    <pivotField showAll="0"/>
    <pivotField showAll="0"/>
  </pivotFields>
  <rowFields count="1">
    <field x="6"/>
  </rowFields>
  <rowItems count="17">
    <i>
      <x v="13"/>
    </i>
    <i>
      <x v="5"/>
    </i>
    <i>
      <x v="14"/>
    </i>
    <i>
      <x v="16"/>
    </i>
    <i>
      <x v="3"/>
    </i>
    <i>
      <x v="11"/>
    </i>
    <i>
      <x/>
    </i>
    <i>
      <x v="6"/>
    </i>
    <i>
      <x v="4"/>
    </i>
    <i>
      <x v="1"/>
    </i>
    <i>
      <x v="9"/>
    </i>
    <i>
      <x v="12"/>
    </i>
    <i>
      <x v="15"/>
    </i>
    <i>
      <x v="2"/>
    </i>
    <i>
      <x v="7"/>
    </i>
    <i>
      <x v="10"/>
    </i>
    <i>
      <x v="8"/>
    </i>
  </rowItems>
  <colItems count="1">
    <i/>
  </colItems>
  <dataFields count="1">
    <dataField name="Sum of Sales" fld="8" baseField="0" baseItem="0"/>
  </dataField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xt>
  </extLst>
</pivotTableDefinition>
</file>

<file path=xl/pivotTables/pivotTable2.xml><?xml version="1.0" encoding="utf-8"?>
<pivotTableDefinition xmlns="http://schemas.openxmlformats.org/spreadsheetml/2006/main" xmlns:mc="http://schemas.openxmlformats.org/markup-compatibility/2006" xmlns:xr="http://schemas.microsoft.com/office/spreadsheetml/2014/revision" mc:Ignorable="xr" xr:uid="{00000000-0007-0000-0100-000000000000}" name="PivotTable7" cacheId="2" applyNumberFormats="0" applyBorderFormats="0" applyFontFormats="0" applyPatternFormats="0" applyAlignmentFormats="0" applyWidthHeightFormats="1" dataCaption="Values" updatedVersion="8" minRefreshableVersion="3" useAutoFormatting="1" rowGrandTotals="0" colGrandTotals="0" itemPrintTitles="1" createdVersion="8" indent="0" outline="1" outlineData="1" multipleFieldFilters="0" chartFormat="5">
  <location ref="A3:D8" firstHeaderRow="1" firstDataRow="2" firstDataCol="1"/>
  <pivotFields count="11">
    <pivotField numFmtId="164" showAll="0"/>
    <pivotField numFmtId="1" showAll="0"/>
    <pivotField axis="axisRow" numFmtId="1" showAll="0">
      <items count="5">
        <item x="0"/>
        <item x="1"/>
        <item x="2"/>
        <item x="3"/>
        <item t="default"/>
      </items>
    </pivotField>
    <pivotField showAll="0"/>
    <pivotField showAll="0"/>
    <pivotField axis="axisCol" showAll="0">
      <items count="4">
        <item x="1"/>
        <item x="0"/>
        <item x="2"/>
        <item t="default"/>
      </items>
    </pivotField>
    <pivotField showAll="0"/>
    <pivotField showAll="0"/>
    <pivotField dataField="1" showAll="0"/>
    <pivotField showAll="0"/>
    <pivotField showAll="0"/>
  </pivotFields>
  <rowFields count="1">
    <field x="2"/>
  </rowFields>
  <rowItems count="4">
    <i>
      <x/>
    </i>
    <i>
      <x v="1"/>
    </i>
    <i>
      <x v="2"/>
    </i>
    <i>
      <x v="3"/>
    </i>
  </rowItems>
  <colFields count="1">
    <field x="5"/>
  </colFields>
  <colItems count="3">
    <i>
      <x/>
    </i>
    <i>
      <x v="1"/>
    </i>
    <i>
      <x v="2"/>
    </i>
  </colItems>
  <dataFields count="1">
    <dataField name="Sum of Sales" fld="8" baseField="0" baseItem="0"/>
  </dataFields>
  <chartFormats count="8">
    <chartFormat chart="1" format="0" series="1">
      <pivotArea type="data" outline="0" fieldPosition="0">
        <references count="2">
          <reference field="4294967294" count="1" selected="0">
            <x v="0"/>
          </reference>
          <reference field="5" count="1" selected="0">
            <x v="0"/>
          </reference>
        </references>
      </pivotArea>
    </chartFormat>
    <chartFormat chart="1" format="1" series="1">
      <pivotArea type="data" outline="0" fieldPosition="0">
        <references count="2">
          <reference field="4294967294" count="1" selected="0">
            <x v="0"/>
          </reference>
          <reference field="5" count="1" selected="0">
            <x v="1"/>
          </reference>
        </references>
      </pivotArea>
    </chartFormat>
    <chartFormat chart="1" format="2" series="1">
      <pivotArea type="data" outline="0" fieldPosition="0">
        <references count="2">
          <reference field="4294967294" count="1" selected="0">
            <x v="0"/>
          </reference>
          <reference field="5" count="1" selected="0">
            <x v="2"/>
          </reference>
        </references>
      </pivotArea>
    </chartFormat>
    <chartFormat chart="4" format="6" series="1">
      <pivotArea type="data" outline="0" fieldPosition="0">
        <references count="2">
          <reference field="4294967294" count="1" selected="0">
            <x v="0"/>
          </reference>
          <reference field="5" count="1" selected="0">
            <x v="0"/>
          </reference>
        </references>
      </pivotArea>
    </chartFormat>
    <chartFormat chart="4" format="7" series="1">
      <pivotArea type="data" outline="0" fieldPosition="0">
        <references count="2">
          <reference field="4294967294" count="1" selected="0">
            <x v="0"/>
          </reference>
          <reference field="5" count="1" selected="0">
            <x v="1"/>
          </reference>
        </references>
      </pivotArea>
    </chartFormat>
    <chartFormat chart="4" format="8" series="1">
      <pivotArea type="data" outline="0" fieldPosition="0">
        <references count="2">
          <reference field="4294967294" count="1" selected="0">
            <x v="0"/>
          </reference>
          <reference field="5" count="1" selected="0">
            <x v="2"/>
          </reference>
        </references>
      </pivotArea>
    </chartFormat>
    <chartFormat chart="4" format="9" series="1">
      <pivotArea type="data" outline="0" fieldPosition="0">
        <references count="1">
          <reference field="4294967294" count="1" selected="0">
            <x v="0"/>
          </reference>
        </references>
      </pivotArea>
    </chartFormat>
    <chartFormat chart="1" format="3" series="1">
      <pivotArea type="data" outline="0" fieldPosition="0">
        <references count="1">
          <reference field="4294967294" count="1" selected="0">
            <x v="0"/>
          </reference>
        </references>
      </pivotArea>
    </chartFormat>
  </chartFormat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xt>
  </extLst>
</pivotTableDefinition>
</file>

<file path=xl/pivotTables/pivotTable3.xml><?xml version="1.0" encoding="utf-8"?>
<pivotTableDefinition xmlns="http://schemas.openxmlformats.org/spreadsheetml/2006/main" xmlns:mc="http://schemas.openxmlformats.org/markup-compatibility/2006" xmlns:xr="http://schemas.microsoft.com/office/spreadsheetml/2014/revision" mc:Ignorable="xr" xr:uid="{00000000-0007-0000-0200-000000000000}" name="PivotTable8" cacheId="2" applyNumberFormats="0" applyBorderFormats="0" applyFontFormats="0" applyPatternFormats="0" applyAlignmentFormats="0" applyWidthHeightFormats="1" dataCaption="Values" updatedVersion="8" minRefreshableVersion="3" useAutoFormatting="1" rowGrandTotals="0" itemPrintTitles="1" createdVersion="8" indent="0" outline="1" outlineData="1" multipleFieldFilters="0" chartFormat="13">
  <location ref="A3:B15" firstHeaderRow="1" firstDataRow="1" firstDataCol="1"/>
  <pivotFields count="11">
    <pivotField numFmtId="164" showAll="0"/>
    <pivotField axis="axisRow" numFmtId="1" showAll="0">
      <items count="13">
        <item x="0"/>
        <item x="1"/>
        <item x="2"/>
        <item x="3"/>
        <item x="4"/>
        <item x="5"/>
        <item x="6"/>
        <item x="7"/>
        <item x="8"/>
        <item x="9"/>
        <item x="10"/>
        <item x="11"/>
        <item t="default"/>
      </items>
    </pivotField>
    <pivotField numFmtId="1" showAll="0">
      <items count="5">
        <item x="0"/>
        <item x="1"/>
        <item x="2"/>
        <item x="3"/>
        <item t="default"/>
      </items>
    </pivotField>
    <pivotField showAll="0"/>
    <pivotField showAll="0"/>
    <pivotField showAll="0">
      <items count="4">
        <item x="1"/>
        <item x="0"/>
        <item x="2"/>
        <item t="default"/>
      </items>
    </pivotField>
    <pivotField showAll="0"/>
    <pivotField showAll="0"/>
    <pivotField dataField="1" showAll="0"/>
    <pivotField showAll="0"/>
    <pivotField showAll="0"/>
  </pivotFields>
  <rowFields count="1">
    <field x="1"/>
  </rowFields>
  <rowItems count="12">
    <i>
      <x/>
    </i>
    <i>
      <x v="1"/>
    </i>
    <i>
      <x v="2"/>
    </i>
    <i>
      <x v="3"/>
    </i>
    <i>
      <x v="4"/>
    </i>
    <i>
      <x v="5"/>
    </i>
    <i>
      <x v="6"/>
    </i>
    <i>
      <x v="7"/>
    </i>
    <i>
      <x v="8"/>
    </i>
    <i>
      <x v="9"/>
    </i>
    <i>
      <x v="10"/>
    </i>
    <i>
      <x v="11"/>
    </i>
  </rowItems>
  <colItems count="1">
    <i/>
  </colItems>
  <dataFields count="1">
    <dataField name="Sum of Sales" fld="8" baseField="0" baseItem="0"/>
  </dataFields>
  <chartFormats count="2">
    <chartFormat chart="5" format="0" series="1">
      <pivotArea type="data" outline="0" fieldPosition="0">
        <references count="1">
          <reference field="4294967294" count="1" selected="0">
            <x v="0"/>
          </reference>
        </references>
      </pivotArea>
    </chartFormat>
    <chartFormat chart="10" format="2" series="1">
      <pivotArea type="data" outline="0" fieldPosition="0">
        <references count="1">
          <reference field="4294967294" count="1" selected="0">
            <x v="0"/>
          </reference>
        </references>
      </pivotArea>
    </chartFormat>
  </chartFormat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xt>
  </extLst>
</pivotTableDefinition>
</file>

<file path=xl/pivotTables/pivotTable4.xml><?xml version="1.0" encoding="utf-8"?>
<pivotTableDefinition xmlns="http://schemas.openxmlformats.org/spreadsheetml/2006/main" xmlns:mc="http://schemas.openxmlformats.org/markup-compatibility/2006" xmlns:xr="http://schemas.microsoft.com/office/spreadsheetml/2014/revision" mc:Ignorable="xr" xr:uid="{00000000-0007-0000-0300-000000000000}" name="PivotTable9" cacheId="2" applyNumberFormats="0" applyBorderFormats="0" applyFontFormats="0" applyPatternFormats="0" applyAlignmentFormats="0" applyWidthHeightFormats="1" dataCaption="Values" updatedVersion="8" minRefreshableVersion="3" useAutoFormatting="1" rowGrandTotals="0" itemPrintTitles="1" createdVersion="8" indent="0" outline="1" outlineData="1" multipleFieldFilters="0">
  <location ref="A3:B796" firstHeaderRow="1" firstDataRow="1" firstDataCol="1"/>
  <pivotFields count="11">
    <pivotField numFmtId="164" showAll="0"/>
    <pivotField numFmtId="1" showAll="0"/>
    <pivotField numFmtId="1" showAll="0">
      <items count="5">
        <item x="0"/>
        <item x="1"/>
        <item x="2"/>
        <item x="3"/>
        <item t="default"/>
      </items>
    </pivotField>
    <pivotField axis="axisRow" showAll="0" sortType="descending">
      <items count="794">
        <item x="48"/>
        <item x="160"/>
        <item x="322"/>
        <item x="692"/>
        <item x="512"/>
        <item x="423"/>
        <item x="579"/>
        <item x="303"/>
        <item x="775"/>
        <item x="69"/>
        <item x="513"/>
        <item x="525"/>
        <item x="611"/>
        <item x="545"/>
        <item x="464"/>
        <item x="83"/>
        <item x="314"/>
        <item x="199"/>
        <item x="756"/>
        <item x="166"/>
        <item x="116"/>
        <item x="769"/>
        <item x="592"/>
        <item x="450"/>
        <item x="158"/>
        <item x="156"/>
        <item x="444"/>
        <item x="296"/>
        <item x="538"/>
        <item x="482"/>
        <item x="596"/>
        <item x="182"/>
        <item x="597"/>
        <item x="177"/>
        <item x="340"/>
        <item x="539"/>
        <item x="135"/>
        <item x="767"/>
        <item x="475"/>
        <item x="518"/>
        <item x="689"/>
        <item x="326"/>
        <item x="266"/>
        <item x="461"/>
        <item x="643"/>
        <item x="123"/>
        <item x="481"/>
        <item x="64"/>
        <item x="372"/>
        <item x="86"/>
        <item x="408"/>
        <item x="8"/>
        <item x="202"/>
        <item x="771"/>
        <item x="278"/>
        <item x="630"/>
        <item x="170"/>
        <item x="721"/>
        <item x="192"/>
        <item x="316"/>
        <item x="358"/>
        <item x="299"/>
        <item x="63"/>
        <item x="404"/>
        <item x="302"/>
        <item x="323"/>
        <item x="429"/>
        <item x="45"/>
        <item x="497"/>
        <item x="455"/>
        <item x="220"/>
        <item x="540"/>
        <item x="244"/>
        <item x="620"/>
        <item x="288"/>
        <item x="383"/>
        <item x="652"/>
        <item x="151"/>
        <item x="624"/>
        <item x="346"/>
        <item x="499"/>
        <item x="157"/>
        <item x="625"/>
        <item x="328"/>
        <item x="97"/>
        <item x="443"/>
        <item x="165"/>
        <item x="649"/>
        <item x="734"/>
        <item x="731"/>
        <item x="183"/>
        <item x="544"/>
        <item x="478"/>
        <item x="737"/>
        <item x="686"/>
        <item x="239"/>
        <item x="671"/>
        <item x="396"/>
        <item x="730"/>
        <item x="32"/>
        <item x="84"/>
        <item x="214"/>
        <item x="653"/>
        <item x="648"/>
        <item x="688"/>
        <item x="14"/>
        <item x="12"/>
        <item x="280"/>
        <item x="449"/>
        <item x="291"/>
        <item x="267"/>
        <item x="542"/>
        <item x="196"/>
        <item x="248"/>
        <item x="664"/>
        <item x="100"/>
        <item x="206"/>
        <item x="741"/>
        <item x="240"/>
        <item x="697"/>
        <item x="507"/>
        <item x="568"/>
        <item x="178"/>
        <item x="781"/>
        <item x="319"/>
        <item x="249"/>
        <item x="101"/>
        <item x="695"/>
        <item x="246"/>
        <item x="27"/>
        <item x="778"/>
        <item x="189"/>
        <item x="740"/>
        <item x="92"/>
        <item x="651"/>
        <item x="683"/>
        <item x="662"/>
        <item x="552"/>
        <item x="570"/>
        <item x="626"/>
        <item x="330"/>
        <item x="309"/>
        <item x="773"/>
        <item x="345"/>
        <item x="693"/>
        <item x="74"/>
        <item x="393"/>
        <item x="752"/>
        <item x="10"/>
        <item x="103"/>
        <item x="792"/>
        <item x="107"/>
        <item x="305"/>
        <item x="79"/>
        <item x="85"/>
        <item x="349"/>
        <item x="757"/>
        <item x="616"/>
        <item x="431"/>
        <item x="710"/>
        <item x="684"/>
        <item x="250"/>
        <item x="787"/>
        <item x="204"/>
        <item x="599"/>
        <item x="106"/>
        <item x="704"/>
        <item x="595"/>
        <item x="786"/>
        <item x="68"/>
        <item x="748"/>
        <item x="584"/>
        <item x="369"/>
        <item x="234"/>
        <item x="261"/>
        <item x="619"/>
        <item x="583"/>
        <item x="96"/>
        <item x="750"/>
        <item x="71"/>
        <item x="353"/>
        <item x="563"/>
        <item x="38"/>
        <item x="273"/>
        <item x="33"/>
        <item x="755"/>
        <item x="601"/>
        <item x="105"/>
        <item x="284"/>
        <item x="275"/>
        <item x="696"/>
        <item x="613"/>
        <item x="474"/>
        <item x="392"/>
        <item x="108"/>
        <item x="441"/>
        <item x="504"/>
        <item x="536"/>
        <item x="0"/>
        <item x="406"/>
        <item x="293"/>
        <item x="762"/>
        <item x="56"/>
        <item x="526"/>
        <item x="610"/>
        <item x="679"/>
        <item x="639"/>
        <item x="447"/>
        <item x="553"/>
        <item x="547"/>
        <item x="171"/>
        <item x="17"/>
        <item x="622"/>
        <item x="78"/>
        <item x="222"/>
        <item x="354"/>
        <item x="35"/>
        <item x="587"/>
        <item x="486"/>
        <item x="16"/>
        <item x="268"/>
        <item x="491"/>
        <item x="524"/>
        <item x="380"/>
        <item x="285"/>
        <item x="674"/>
        <item x="561"/>
        <item x="445"/>
        <item x="163"/>
        <item x="265"/>
        <item x="233"/>
        <item x="729"/>
        <item x="351"/>
        <item x="286"/>
        <item x="738"/>
        <item x="159"/>
        <item x="118"/>
        <item x="360"/>
        <item x="112"/>
        <item x="440"/>
        <item x="724"/>
        <item x="712"/>
        <item x="257"/>
        <item x="347"/>
        <item x="416"/>
        <item x="290"/>
        <item x="28"/>
        <item x="749"/>
        <item x="615"/>
        <item x="150"/>
        <item x="647"/>
        <item x="89"/>
        <item x="654"/>
        <item x="551"/>
        <item x="227"/>
        <item x="727"/>
        <item x="185"/>
        <item x="341"/>
        <item x="709"/>
        <item x="287"/>
        <item x="34"/>
        <item x="281"/>
        <item x="699"/>
        <item x="732"/>
        <item x="15"/>
        <item x="200"/>
        <item x="414"/>
        <item x="400"/>
        <item x="574"/>
        <item x="313"/>
        <item x="442"/>
        <item x="673"/>
        <item x="632"/>
        <item x="469"/>
        <item x="306"/>
        <item x="67"/>
        <item x="438"/>
        <item x="216"/>
        <item x="726"/>
        <item x="76"/>
        <item x="410"/>
        <item x="658"/>
        <item x="215"/>
        <item x="136"/>
        <item x="365"/>
        <item x="251"/>
        <item x="558"/>
        <item x="452"/>
        <item x="681"/>
        <item x="470"/>
        <item x="667"/>
        <item x="623"/>
        <item x="292"/>
        <item x="258"/>
        <item x="95"/>
        <item x="146"/>
        <item x="333"/>
        <item x="702"/>
        <item x="344"/>
        <item x="208"/>
        <item x="169"/>
        <item x="434"/>
        <item x="523"/>
        <item x="656"/>
        <item x="186"/>
        <item x="60"/>
        <item x="271"/>
        <item x="241"/>
        <item x="480"/>
        <item x="714"/>
        <item x="193"/>
        <item x="129"/>
        <item x="217"/>
        <item x="41"/>
        <item x="133"/>
        <item x="606"/>
        <item x="57"/>
        <item x="198"/>
        <item x="736"/>
        <item x="187"/>
        <item x="535"/>
        <item x="173"/>
        <item x="312"/>
        <item x="631"/>
        <item x="252"/>
        <item x="276"/>
        <item x="454"/>
        <item x="698"/>
        <item x="742"/>
        <item x="418"/>
        <item x="700"/>
        <item x="221"/>
        <item x="370"/>
        <item x="459"/>
        <item x="19"/>
        <item x="24"/>
        <item x="576"/>
        <item x="466"/>
        <item x="325"/>
        <item x="419"/>
        <item x="304"/>
        <item x="4"/>
        <item x="229"/>
        <item x="594"/>
        <item x="509"/>
        <item x="295"/>
        <item x="638"/>
        <item x="219"/>
        <item x="744"/>
        <item x="362"/>
        <item x="117"/>
        <item x="80"/>
        <item x="739"/>
        <item x="527"/>
        <item x="29"/>
        <item x="705"/>
        <item x="144"/>
        <item x="788"/>
        <item x="403"/>
        <item x="259"/>
        <item x="54"/>
        <item x="612"/>
        <item x="359"/>
        <item x="617"/>
        <item x="467"/>
        <item x="506"/>
        <item x="355"/>
        <item x="401"/>
        <item x="618"/>
        <item x="453"/>
        <item x="747"/>
        <item x="65"/>
        <item x="458"/>
        <item x="232"/>
        <item x="412"/>
        <item x="140"/>
        <item x="728"/>
        <item x="763"/>
        <item x="791"/>
        <item x="364"/>
        <item x="519"/>
        <item x="264"/>
        <item x="701"/>
        <item x="405"/>
        <item x="628"/>
        <item x="130"/>
        <item x="209"/>
        <item x="154"/>
        <item x="315"/>
        <item x="522"/>
        <item x="143"/>
        <item x="104"/>
        <item x="657"/>
        <item x="557"/>
        <item x="179"/>
        <item x="677"/>
        <item x="409"/>
        <item x="343"/>
        <item x="733"/>
        <item x="448"/>
        <item x="55"/>
        <item x="640"/>
        <item x="427"/>
        <item x="621"/>
        <item x="636"/>
        <item x="520"/>
        <item x="488"/>
        <item x="425"/>
        <item x="514"/>
        <item x="780"/>
        <item x="645"/>
        <item x="176"/>
        <item x="691"/>
        <item x="666"/>
        <item x="119"/>
        <item x="385"/>
        <item x="502"/>
        <item x="432"/>
        <item x="600"/>
        <item x="366"/>
        <item x="121"/>
        <item x="375"/>
        <item x="175"/>
        <item x="307"/>
        <item x="549"/>
        <item x="716"/>
        <item x="124"/>
        <item x="682"/>
        <item x="148"/>
        <item x="388"/>
        <item x="73"/>
        <item x="435"/>
        <item x="348"/>
        <item x="75"/>
        <item x="708"/>
        <item x="254"/>
        <item x="439"/>
        <item x="127"/>
        <item x="590"/>
        <item x="687"/>
        <item x="484"/>
        <item x="318"/>
        <item x="580"/>
        <item x="566"/>
        <item x="94"/>
        <item x="61"/>
        <item x="111"/>
        <item x="768"/>
        <item x="420"/>
        <item x="374"/>
        <item x="174"/>
        <item x="162"/>
        <item x="224"/>
        <item x="230"/>
        <item x="172"/>
        <item x="765"/>
        <item x="641"/>
        <item x="164"/>
        <item x="352"/>
        <item x="336"/>
        <item x="49"/>
        <item x="637"/>
        <item x="607"/>
        <item x="471"/>
        <item x="754"/>
        <item x="437"/>
        <item x="384"/>
        <item x="382"/>
        <item x="31"/>
        <item x="272"/>
        <item x="269"/>
        <item x="760"/>
        <item x="235"/>
        <item x="395"/>
        <item x="391"/>
        <item x="564"/>
        <item x="604"/>
        <item x="321"/>
        <item x="465"/>
        <item x="399"/>
        <item x="3"/>
        <item x="462"/>
        <item x="226"/>
        <item x="387"/>
        <item x="167"/>
        <item x="337"/>
        <item x="5"/>
        <item x="713"/>
        <item x="496"/>
        <item x="389"/>
        <item x="706"/>
        <item x="44"/>
        <item x="505"/>
        <item x="231"/>
        <item x="36"/>
        <item x="294"/>
        <item x="114"/>
        <item x="20"/>
        <item x="541"/>
        <item x="126"/>
        <item x="493"/>
        <item x="376"/>
        <item x="338"/>
        <item x="550"/>
        <item x="212"/>
        <item x="91"/>
        <item x="719"/>
        <item x="543"/>
        <item x="342"/>
        <item x="591"/>
        <item x="473"/>
        <item x="585"/>
        <item x="102"/>
        <item x="297"/>
        <item x="655"/>
        <item x="770"/>
        <item x="282"/>
        <item x="223"/>
        <item x="690"/>
        <item x="711"/>
        <item x="7"/>
        <item x="283"/>
        <item x="548"/>
        <item x="53"/>
        <item x="588"/>
        <item x="521"/>
        <item x="13"/>
        <item x="46"/>
        <item x="627"/>
        <item x="634"/>
        <item x="279"/>
        <item x="415"/>
        <item x="311"/>
        <item x="289"/>
        <item x="783"/>
        <item x="147"/>
        <item x="428"/>
        <item x="2"/>
        <item x="260"/>
        <item x="772"/>
        <item x="411"/>
        <item x="110"/>
        <item x="575"/>
        <item x="109"/>
        <item x="30"/>
        <item x="785"/>
        <item x="363"/>
        <item x="213"/>
        <item x="407"/>
        <item x="650"/>
        <item x="22"/>
        <item x="168"/>
        <item x="483"/>
        <item x="201"/>
        <item x="115"/>
        <item x="537"/>
        <item x="11"/>
        <item x="40"/>
        <item x="262"/>
        <item x="180"/>
        <item x="534"/>
        <item x="39"/>
        <item x="37"/>
        <item x="82"/>
        <item x="646"/>
        <item x="777"/>
        <item x="685"/>
        <item x="317"/>
        <item x="245"/>
        <item x="327"/>
        <item x="430"/>
        <item x="155"/>
        <item x="62"/>
        <item x="479"/>
        <item x="270"/>
        <item x="555"/>
        <item x="608"/>
        <item x="70"/>
        <item x="377"/>
        <item x="402"/>
        <item x="635"/>
        <item x="593"/>
        <item x="255"/>
        <item x="672"/>
        <item x="790"/>
        <item x="715"/>
        <item x="190"/>
        <item x="225"/>
        <item x="487"/>
        <item x="99"/>
        <item x="378"/>
        <item x="194"/>
        <item x="125"/>
        <item x="485"/>
        <item x="181"/>
        <item x="367"/>
        <item x="152"/>
        <item x="298"/>
        <item x="142"/>
        <item x="137"/>
        <item x="203"/>
        <item x="577"/>
        <item x="205"/>
        <item x="500"/>
        <item x="397"/>
        <item x="510"/>
        <item x="184"/>
        <item x="725"/>
        <item x="300"/>
        <item x="413"/>
        <item x="675"/>
        <item x="1"/>
        <item x="532"/>
        <item x="766"/>
        <item x="517"/>
        <item x="87"/>
        <item x="468"/>
        <item x="565"/>
        <item x="670"/>
        <item x="776"/>
        <item x="516"/>
        <item x="211"/>
        <item x="745"/>
        <item x="195"/>
        <item x="218"/>
        <item x="589"/>
        <item x="332"/>
        <item x="77"/>
        <item x="238"/>
        <item x="81"/>
        <item x="247"/>
        <item x="356"/>
        <item x="511"/>
        <item x="390"/>
        <item x="602"/>
        <item x="718"/>
        <item x="751"/>
        <item x="122"/>
        <item x="663"/>
        <item x="556"/>
        <item x="274"/>
        <item x="357"/>
        <item x="629"/>
        <item x="508"/>
        <item x="758"/>
        <item x="680"/>
        <item x="310"/>
        <item x="334"/>
        <item x="782"/>
        <item x="138"/>
        <item x="644"/>
        <item x="237"/>
        <item x="476"/>
        <item x="554"/>
        <item x="503"/>
        <item x="132"/>
        <item x="761"/>
        <item x="141"/>
        <item x="131"/>
        <item x="277"/>
        <item x="446"/>
        <item x="371"/>
        <item x="361"/>
        <item x="562"/>
        <item x="779"/>
        <item x="533"/>
        <item x="66"/>
        <item x="381"/>
        <item x="90"/>
        <item x="394"/>
        <item x="707"/>
        <item x="42"/>
        <item x="145"/>
        <item x="694"/>
        <item x="531"/>
        <item x="421"/>
        <item x="242"/>
        <item x="417"/>
        <item x="582"/>
        <item x="605"/>
        <item x="759"/>
        <item x="308"/>
        <item x="134"/>
        <item x="72"/>
        <item x="191"/>
        <item x="573"/>
        <item x="88"/>
        <item x="703"/>
        <item x="746"/>
        <item x="9"/>
        <item x="59"/>
        <item x="489"/>
        <item x="228"/>
        <item x="253"/>
        <item x="678"/>
        <item x="661"/>
        <item x="320"/>
        <item x="26"/>
        <item x="373"/>
        <item x="301"/>
        <item x="43"/>
        <item x="457"/>
        <item x="659"/>
        <item x="256"/>
        <item x="331"/>
        <item x="25"/>
        <item x="386"/>
        <item x="572"/>
        <item x="153"/>
        <item x="720"/>
        <item x="528"/>
        <item x="571"/>
        <item x="188"/>
        <item x="236"/>
        <item x="50"/>
        <item x="490"/>
        <item x="660"/>
        <item x="149"/>
        <item x="723"/>
        <item x="642"/>
        <item x="52"/>
        <item x="774"/>
        <item x="569"/>
        <item x="567"/>
        <item x="113"/>
        <item x="753"/>
        <item x="530"/>
        <item x="743"/>
        <item x="436"/>
        <item x="472"/>
        <item x="498"/>
        <item x="210"/>
        <item x="51"/>
        <item x="581"/>
        <item x="451"/>
        <item x="764"/>
        <item x="207"/>
        <item x="669"/>
        <item x="433"/>
        <item x="424"/>
        <item x="633"/>
        <item x="789"/>
        <item x="161"/>
        <item x="559"/>
        <item x="586"/>
        <item x="93"/>
        <item x="426"/>
        <item x="495"/>
        <item x="560"/>
        <item x="676"/>
        <item x="263"/>
        <item x="460"/>
        <item x="614"/>
        <item x="546"/>
        <item x="18"/>
        <item x="735"/>
        <item x="477"/>
        <item x="398"/>
        <item x="23"/>
        <item x="717"/>
        <item x="324"/>
        <item x="722"/>
        <item x="529"/>
        <item x="784"/>
        <item x="578"/>
        <item x="463"/>
        <item x="492"/>
        <item x="128"/>
        <item x="609"/>
        <item x="501"/>
        <item x="47"/>
        <item x="350"/>
        <item x="335"/>
        <item x="120"/>
        <item x="603"/>
        <item x="329"/>
        <item x="139"/>
        <item x="243"/>
        <item x="58"/>
        <item x="665"/>
        <item x="668"/>
        <item x="379"/>
        <item x="197"/>
        <item x="339"/>
        <item x="422"/>
        <item x="6"/>
        <item x="98"/>
        <item x="494"/>
        <item x="21"/>
        <item x="598"/>
        <item x="515"/>
        <item x="456"/>
        <item x="368"/>
        <item t="default"/>
      </items>
      <autoSortScope>
        <pivotArea dataOnly="0" outline="0" fieldPosition="0">
          <references count="1">
            <reference field="4294967294" count="1" selected="0">
              <x v="0"/>
            </reference>
          </references>
        </pivotArea>
      </autoSortScope>
    </pivotField>
    <pivotField showAll="0"/>
    <pivotField showAll="0">
      <items count="4">
        <item x="1"/>
        <item x="0"/>
        <item x="2"/>
        <item t="default"/>
      </items>
    </pivotField>
    <pivotField showAll="0"/>
    <pivotField showAll="0"/>
    <pivotField showAll="0"/>
    <pivotField showAll="0"/>
    <pivotField dataField="1" showAll="0"/>
  </pivotFields>
  <rowFields count="1">
    <field x="3"/>
  </rowFields>
  <rowItems count="793">
    <i>
      <x v="730"/>
    </i>
    <i>
      <x v="622"/>
    </i>
    <i>
      <x v="671"/>
    </i>
    <i>
      <x v="334"/>
    </i>
    <i>
      <x v="6"/>
    </i>
    <i>
      <x v="757"/>
    </i>
    <i>
      <x v="157"/>
    </i>
    <i>
      <x v="431"/>
    </i>
    <i>
      <x v="35"/>
    </i>
    <i>
      <x v="194"/>
    </i>
    <i>
      <x v="758"/>
    </i>
    <i>
      <x v="561"/>
    </i>
    <i>
      <x v="672"/>
    </i>
    <i>
      <x v="90"/>
    </i>
    <i>
      <x v="322"/>
    </i>
    <i>
      <x v="756"/>
    </i>
    <i>
      <x v="109"/>
    </i>
    <i>
      <x v="156"/>
    </i>
    <i>
      <x v="346"/>
    </i>
    <i>
      <x v="327"/>
    </i>
    <i>
      <x v="312"/>
    </i>
    <i>
      <x v="450"/>
    </i>
    <i>
      <x v="3"/>
    </i>
    <i>
      <x v="289"/>
    </i>
    <i>
      <x v="603"/>
    </i>
    <i>
      <x v="714"/>
    </i>
    <i>
      <x v="697"/>
    </i>
    <i>
      <x v="169"/>
    </i>
    <i>
      <x v="643"/>
    </i>
    <i>
      <x v="11"/>
    </i>
    <i>
      <x v="486"/>
    </i>
    <i>
      <x v="493"/>
    </i>
    <i>
      <x v="789"/>
    </i>
    <i>
      <x v="427"/>
    </i>
    <i>
      <x v="601"/>
    </i>
    <i>
      <x v="199"/>
    </i>
    <i>
      <x v="547"/>
    </i>
    <i>
      <x v="417"/>
    </i>
    <i>
      <x v="190"/>
    </i>
    <i>
      <x v="372"/>
    </i>
    <i>
      <x v="408"/>
    </i>
    <i>
      <x v="775"/>
    </i>
    <i>
      <x v="634"/>
    </i>
    <i>
      <x v="389"/>
    </i>
    <i>
      <x v="175"/>
    </i>
    <i>
      <x v="224"/>
    </i>
    <i>
      <x v="77"/>
    </i>
    <i>
      <x v="595"/>
    </i>
    <i>
      <x v="88"/>
    </i>
    <i>
      <x v="306"/>
    </i>
    <i>
      <x v="342"/>
    </i>
    <i>
      <x v="249"/>
    </i>
    <i>
      <x v="29"/>
    </i>
    <i>
      <x v="230"/>
    </i>
    <i>
      <x v="274"/>
    </i>
    <i>
      <x v="221"/>
    </i>
    <i>
      <x v="567"/>
    </i>
    <i>
      <x v="13"/>
    </i>
    <i>
      <x v="790"/>
    </i>
    <i>
      <x v="45"/>
    </i>
    <i>
      <x v="657"/>
    </i>
    <i>
      <x v="614"/>
    </i>
    <i>
      <x v="632"/>
    </i>
    <i>
      <x v="457"/>
    </i>
    <i>
      <x v="713"/>
    </i>
    <i>
      <x v="379"/>
    </i>
    <i>
      <x v="502"/>
    </i>
    <i>
      <x v="546"/>
    </i>
    <i>
      <x v="444"/>
    </i>
    <i>
      <x v="345"/>
    </i>
    <i>
      <x v="281"/>
    </i>
    <i>
      <x v="553"/>
    </i>
    <i>
      <x v="649"/>
    </i>
    <i>
      <x v="615"/>
    </i>
    <i>
      <x v="689"/>
    </i>
    <i>
      <x v="320"/>
    </i>
    <i>
      <x v="203"/>
    </i>
    <i>
      <x v="293"/>
    </i>
    <i>
      <x v="374"/>
    </i>
    <i>
      <x v="52"/>
    </i>
    <i>
      <x v="610"/>
    </i>
    <i>
      <x v="129"/>
    </i>
    <i>
      <x v="99"/>
    </i>
    <i>
      <x v="303"/>
    </i>
    <i>
      <x v="740"/>
    </i>
    <i>
      <x v="761"/>
    </i>
    <i>
      <x v="338"/>
    </i>
    <i>
      <x v="416"/>
    </i>
    <i>
      <x v="87"/>
    </i>
    <i>
      <x v="296"/>
    </i>
    <i>
      <x v="46"/>
    </i>
    <i>
      <x v="283"/>
    </i>
    <i>
      <x v="369"/>
    </i>
    <i>
      <x v="514"/>
    </i>
    <i>
      <x v="391"/>
    </i>
    <i>
      <x v="167"/>
    </i>
    <i>
      <x v="558"/>
    </i>
    <i>
      <x v="102"/>
    </i>
    <i>
      <x v="668"/>
    </i>
    <i>
      <x v="266"/>
    </i>
    <i>
      <x v="335"/>
    </i>
    <i>
      <x v="48"/>
    </i>
    <i>
      <x v="423"/>
    </i>
    <i>
      <x v="324"/>
    </i>
    <i>
      <x v="191"/>
    </i>
    <i>
      <x v="73"/>
    </i>
    <i>
      <x v="677"/>
    </i>
    <i>
      <x v="187"/>
    </i>
    <i>
      <x v="56"/>
    </i>
    <i>
      <x v="745"/>
    </i>
    <i>
      <x v="132"/>
    </i>
    <i>
      <x v="42"/>
    </i>
    <i>
      <x v="177"/>
    </i>
    <i>
      <x v="415"/>
    </i>
    <i>
      <x v="489"/>
    </i>
    <i>
      <x v="216"/>
    </i>
    <i>
      <x v="299"/>
    </i>
    <i>
      <x v="479"/>
    </i>
    <i>
      <x v="642"/>
    </i>
    <i>
      <x v="155"/>
    </i>
    <i>
      <x v="743"/>
    </i>
    <i>
      <x v="301"/>
    </i>
    <i>
      <x v="441"/>
    </i>
    <i>
      <x v="333"/>
    </i>
    <i>
      <x v="600"/>
    </i>
    <i>
      <x v="113"/>
    </i>
    <i>
      <x v="695"/>
    </i>
    <i>
      <x v="295"/>
    </i>
    <i>
      <x v="409"/>
    </i>
    <i>
      <x v="566"/>
    </i>
    <i>
      <x v="499"/>
    </i>
    <i>
      <x v="388"/>
    </i>
    <i>
      <x v="414"/>
    </i>
    <i>
      <x v="709"/>
    </i>
    <i>
      <x v="572"/>
    </i>
    <i>
      <x v="366"/>
    </i>
    <i>
      <x v="93"/>
    </i>
    <i>
      <x v="411"/>
    </i>
    <i>
      <x v="736"/>
    </i>
    <i>
      <x v="373"/>
    </i>
    <i>
      <x v="446"/>
    </i>
    <i>
      <x v="148"/>
    </i>
    <i>
      <x v="733"/>
    </i>
    <i>
      <x v="637"/>
    </i>
    <i>
      <x v="17"/>
    </i>
    <i>
      <x v="240"/>
    </i>
    <i>
      <x v="440"/>
    </i>
    <i>
      <x v="633"/>
    </i>
    <i>
      <x v="14"/>
    </i>
    <i>
      <x v="787"/>
    </i>
    <i>
      <x v="287"/>
    </i>
    <i>
      <x v="647"/>
    </i>
    <i>
      <x v="434"/>
    </i>
    <i>
      <x v="644"/>
    </i>
    <i>
      <x v="288"/>
    </i>
    <i>
      <x v="640"/>
    </i>
    <i>
      <x v="521"/>
    </i>
    <i>
      <x v="491"/>
    </i>
    <i>
      <x v="339"/>
    </i>
    <i>
      <x v="599"/>
    </i>
    <i>
      <x v="253"/>
    </i>
    <i>
      <x v="752"/>
    </i>
    <i>
      <x v="682"/>
    </i>
    <i>
      <x v="257"/>
    </i>
    <i>
      <x v="464"/>
    </i>
    <i>
      <x v="254"/>
    </i>
    <i>
      <x v="432"/>
    </i>
    <i>
      <x v="76"/>
    </i>
    <i>
      <x v="629"/>
    </i>
    <i>
      <x v="529"/>
    </i>
    <i>
      <x v="359"/>
    </i>
    <i>
      <x v="413"/>
    </i>
    <i>
      <x v="106"/>
    </i>
    <i>
      <x v="621"/>
    </i>
    <i>
      <x v="626"/>
    </i>
    <i>
      <x v="578"/>
    </i>
    <i>
      <x v="788"/>
    </i>
    <i>
      <x v="711"/>
    </i>
    <i>
      <x v="720"/>
    </i>
    <i>
      <x v="751"/>
    </i>
    <i>
      <x v="496"/>
    </i>
    <i>
      <x v="655"/>
    </i>
    <i>
      <x v="365"/>
    </i>
    <i>
      <x v="613"/>
    </i>
    <i>
      <x v="404"/>
    </i>
    <i>
      <x v="728"/>
    </i>
    <i>
      <x v="341"/>
    </i>
    <i>
      <x v="554"/>
    </i>
    <i>
      <x v="437"/>
    </i>
    <i>
      <x v="60"/>
    </i>
    <i>
      <x v="344"/>
    </i>
    <i>
      <x v="732"/>
    </i>
    <i>
      <x v="670"/>
    </i>
    <i>
      <x v="722"/>
    </i>
    <i>
      <x v="390"/>
    </i>
    <i>
      <x v="631"/>
    </i>
    <i>
      <x v="205"/>
    </i>
    <i>
      <x v="218"/>
    </i>
    <i>
      <x v="454"/>
    </i>
    <i>
      <x v="663"/>
    </i>
    <i>
      <x v="465"/>
    </i>
    <i>
      <x v="617"/>
    </i>
    <i>
      <x v="244"/>
    </i>
    <i>
      <x v="729"/>
    </i>
    <i>
      <x v="439"/>
    </i>
    <i>
      <x v="204"/>
    </i>
    <i>
      <x v="459"/>
    </i>
    <i>
      <x v="422"/>
    </i>
    <i>
      <x v="675"/>
    </i>
    <i>
      <x v="607"/>
    </i>
    <i>
      <x v="458"/>
    </i>
    <i>
      <x v="80"/>
    </i>
    <i>
      <x v="62"/>
    </i>
    <i>
      <x v="280"/>
    </i>
    <i>
      <x v="336"/>
    </i>
    <i>
      <x v="576"/>
    </i>
    <i>
      <x v="577"/>
    </i>
    <i>
      <x v="776"/>
    </i>
    <i>
      <x v="519"/>
    </i>
    <i>
      <x v="357"/>
    </i>
    <i>
      <x v="349"/>
    </i>
    <i>
      <x v="171"/>
    </i>
    <i>
      <x v="250"/>
    </i>
    <i>
      <x v="54"/>
    </i>
    <i>
      <x v="151"/>
    </i>
    <i>
      <x v="750"/>
    </i>
    <i>
      <x v="639"/>
    </i>
    <i>
      <x v="717"/>
    </i>
    <i>
      <x v="495"/>
    </i>
    <i>
      <x v="226"/>
    </i>
    <i>
      <x v="712"/>
    </i>
    <i>
      <x v="630"/>
    </i>
    <i>
      <x v="627"/>
    </i>
    <i>
      <x v="533"/>
    </i>
    <i>
      <x v="202"/>
    </i>
    <i>
      <x v="624"/>
    </i>
    <i>
      <x v="215"/>
    </i>
    <i>
      <x v="705"/>
    </i>
    <i>
      <x v="483"/>
    </i>
    <i>
      <x v="548"/>
    </i>
    <i>
      <x v="658"/>
    </i>
    <i>
      <x v="420"/>
    </i>
    <i>
      <x v="412"/>
    </i>
    <i>
      <x v="275"/>
    </i>
    <i>
      <x v="111"/>
    </i>
    <i>
      <x v="562"/>
    </i>
    <i>
      <x v="587"/>
    </i>
    <i>
      <x v="298"/>
    </i>
    <i>
      <x v="680"/>
    </i>
    <i>
      <x v="225"/>
    </i>
    <i>
      <x v="239"/>
    </i>
    <i>
      <x v="589"/>
    </i>
    <i>
      <x v="31"/>
    </i>
    <i>
      <x v="597"/>
    </i>
    <i>
      <x v="72"/>
    </i>
    <i>
      <x v="192"/>
    </i>
    <i>
      <x v="362"/>
    </i>
    <i>
      <x v="137"/>
    </i>
    <i>
      <x v="126"/>
    </i>
    <i>
      <x v="160"/>
    </i>
    <i>
      <x v="86"/>
    </i>
    <i>
      <x v="515"/>
    </i>
    <i>
      <x v="101"/>
    </i>
    <i>
      <x v="139"/>
    </i>
    <i>
      <x v="286"/>
    </i>
    <i>
      <x v="184"/>
    </i>
    <i>
      <x v="569"/>
    </i>
    <i>
      <x v="426"/>
    </i>
    <i>
      <x v="282"/>
    </i>
    <i>
      <x v="146"/>
    </i>
    <i>
      <x v="141"/>
    </i>
    <i>
      <x v="623"/>
    </i>
    <i>
      <x v="735"/>
    </i>
    <i>
      <x v="571"/>
    </i>
    <i>
      <x v="246"/>
    </i>
    <i>
      <x v="105"/>
    </i>
    <i>
      <x v="772"/>
    </i>
    <i>
      <x v="694"/>
    </i>
    <i>
      <x v="223"/>
    </i>
    <i>
      <x v="319"/>
    </i>
    <i>
      <x v="780"/>
    </i>
    <i>
      <x v="125"/>
    </i>
    <i>
      <x v="710"/>
    </i>
    <i>
      <x v="667"/>
    </i>
    <i>
      <x v="773"/>
    </i>
    <i>
      <x v="1"/>
    </i>
    <i>
      <x v="147"/>
    </i>
    <i>
      <x v="78"/>
    </i>
    <i>
      <x v="302"/>
    </i>
    <i>
      <x v="367"/>
    </i>
    <i>
      <x v="18"/>
    </i>
    <i>
      <x v="556"/>
    </i>
    <i>
      <x v="229"/>
    </i>
    <i>
      <x v="481"/>
    </i>
    <i>
      <x v="294"/>
    </i>
    <i>
      <x v="232"/>
    </i>
    <i>
      <x v="59"/>
    </i>
    <i>
      <x v="552"/>
    </i>
    <i>
      <x v="508"/>
    </i>
    <i>
      <x v="100"/>
    </i>
    <i>
      <x v="471"/>
    </i>
    <i>
      <x v="591"/>
    </i>
    <i>
      <x v="114"/>
    </i>
    <i>
      <x v="214"/>
    </i>
    <i>
      <x v="683"/>
    </i>
    <i>
      <x v="674"/>
    </i>
    <i>
      <x v="172"/>
    </i>
    <i>
      <x v="356"/>
    </i>
    <i>
      <x v="355"/>
    </i>
    <i>
      <x v="445"/>
    </i>
    <i>
      <x v="421"/>
    </i>
    <i>
      <x v="124"/>
    </i>
    <i>
      <x v="189"/>
    </i>
    <i>
      <x v="472"/>
    </i>
    <i>
      <x v="337"/>
    </i>
    <i>
      <x v="490"/>
    </i>
    <i>
      <x v="652"/>
    </i>
    <i>
      <x v="57"/>
    </i>
    <i>
      <x v="475"/>
    </i>
    <i>
      <x v="82"/>
    </i>
    <i>
      <x v="9"/>
    </i>
    <i>
      <x v="555"/>
    </i>
    <i>
      <x v="407"/>
    </i>
    <i>
      <x v="180"/>
    </i>
    <i>
      <x v="659"/>
    </i>
    <i>
      <x v="67"/>
    </i>
    <i>
      <x v="462"/>
    </i>
    <i>
      <x v="40"/>
    </i>
    <i>
      <x v="32"/>
    </i>
    <i>
      <x v="241"/>
    </i>
    <i>
      <x v="438"/>
    </i>
    <i>
      <x v="763"/>
    </i>
    <i>
      <x v="222"/>
    </i>
    <i>
      <x v="527"/>
    </i>
    <i>
      <x v="504"/>
    </i>
    <i>
      <x v="219"/>
    </i>
    <i>
      <x v="460"/>
    </i>
    <i>
      <x v="678"/>
    </i>
    <i>
      <x v="47"/>
    </i>
    <i>
      <x v="276"/>
    </i>
    <i>
      <x v="4"/>
    </i>
    <i>
      <x v="516"/>
    </i>
    <i>
      <x v="531"/>
    </i>
    <i>
      <x v="608"/>
    </i>
    <i>
      <x v="654"/>
    </i>
    <i>
      <x v="149"/>
    </i>
    <i>
      <x v="383"/>
    </i>
    <i>
      <x v="89"/>
    </i>
    <i>
      <x v="746"/>
    </i>
    <i>
      <x v="24"/>
    </i>
    <i>
      <x v="363"/>
    </i>
    <i>
      <x v="318"/>
    </i>
    <i>
      <x v="425"/>
    </i>
    <i>
      <x v="544"/>
    </i>
    <i>
      <x v="581"/>
    </i>
    <i>
      <x v="159"/>
    </i>
    <i>
      <x v="325"/>
    </i>
    <i>
      <x v="618"/>
    </i>
    <i>
      <x v="755"/>
    </i>
    <i>
      <x v="708"/>
    </i>
    <i>
      <x v="741"/>
    </i>
    <i>
      <x v="16"/>
    </i>
    <i>
      <x v="463"/>
    </i>
    <i>
      <x v="256"/>
    </i>
    <i>
      <x v="153"/>
    </i>
    <i>
      <x v="742"/>
    </i>
    <i>
      <x v="707"/>
    </i>
    <i>
      <x v="748"/>
    </i>
    <i>
      <x v="92"/>
    </i>
    <i>
      <x v="429"/>
    </i>
    <i>
      <x v="74"/>
    </i>
    <i>
      <x v="208"/>
    </i>
    <i>
      <x v="279"/>
    </i>
    <i>
      <x v="792"/>
    </i>
    <i>
      <x v="590"/>
    </i>
    <i>
      <x v="512"/>
    </i>
    <i>
      <x v="79"/>
    </i>
    <i>
      <x v="270"/>
    </i>
    <i>
      <x v="152"/>
    </i>
    <i>
      <x v="478"/>
    </i>
    <i>
      <x v="645"/>
    </i>
    <i>
      <x v="277"/>
    </i>
    <i>
      <x v="198"/>
    </i>
    <i>
      <x v="271"/>
    </i>
    <i>
      <x v="110"/>
    </i>
    <i>
      <x v="517"/>
    </i>
    <i>
      <x v="690"/>
    </i>
    <i>
      <x v="433"/>
    </i>
    <i>
      <x v="150"/>
    </i>
    <i>
      <x v="474"/>
    </i>
    <i>
      <x v="304"/>
    </i>
    <i>
      <x v="585"/>
    </i>
    <i>
      <x v="685"/>
    </i>
    <i>
      <x v="178"/>
    </i>
    <i>
      <x v="387"/>
    </i>
    <i>
      <x v="669"/>
    </i>
    <i>
      <x v="542"/>
    </i>
    <i>
      <x v="64"/>
    </i>
    <i>
      <x v="543"/>
    </i>
    <i>
      <x v="602"/>
    </i>
    <i>
      <x v="769"/>
    </i>
    <i>
      <x v="220"/>
    </i>
    <i>
      <x v="381"/>
    </i>
    <i>
      <x v="774"/>
    </i>
    <i>
      <x v="10"/>
    </i>
    <i>
      <x v="753"/>
    </i>
    <i>
      <x v="605"/>
    </i>
    <i>
      <x v="766"/>
    </i>
    <i>
      <x v="560"/>
    </i>
    <i>
      <x v="285"/>
    </i>
    <i>
      <x v="120"/>
    </i>
    <i>
      <x v="196"/>
    </i>
    <i>
      <x v="485"/>
    </i>
    <i>
      <x v="135"/>
    </i>
    <i>
      <x v="503"/>
    </i>
    <i>
      <x v="213"/>
    </i>
    <i>
      <x v="69"/>
    </i>
    <i>
      <x v="343"/>
    </i>
    <i>
      <x v="628"/>
    </i>
    <i>
      <x v="138"/>
    </i>
    <i>
      <x v="646"/>
    </i>
    <i>
      <x v="107"/>
    </i>
    <i>
      <x v="385"/>
    </i>
    <i>
      <x v="174"/>
    </i>
    <i>
      <x v="779"/>
    </i>
    <i>
      <x v="183"/>
    </i>
    <i>
      <x v="350"/>
    </i>
    <i>
      <x v="405"/>
    </i>
    <i>
      <x v="401"/>
    </i>
    <i>
      <x v="361"/>
    </i>
    <i>
      <x v="699"/>
    </i>
    <i>
      <x v="233"/>
    </i>
    <i>
      <x v="719"/>
    </i>
    <i>
      <x v="596"/>
    </i>
    <i>
      <x v="284"/>
    </i>
    <i>
      <x v="609"/>
    </i>
    <i>
      <x v="505"/>
    </i>
    <i>
      <x v="136"/>
    </i>
    <i>
      <x v="23"/>
    </i>
    <i>
      <x v="430"/>
    </i>
    <i>
      <x v="119"/>
    </i>
    <i>
      <x v="200"/>
    </i>
    <i>
      <x v="473"/>
    </i>
    <i>
      <x v="583"/>
    </i>
    <i>
      <x v="290"/>
    </i>
    <i>
      <x v="497"/>
    </i>
    <i>
      <x v="311"/>
    </i>
    <i>
      <x v="176"/>
    </i>
    <i>
      <x v="316"/>
    </i>
    <i>
      <x v="121"/>
    </i>
    <i>
      <x v="272"/>
    </i>
    <i>
      <x v="744"/>
    </i>
    <i>
      <x v="482"/>
    </i>
    <i>
      <x v="242"/>
    </i>
    <i>
      <x v="179"/>
    </i>
    <i>
      <x v="238"/>
    </i>
    <i>
      <x v="638"/>
    </i>
    <i>
      <x v="524"/>
    </i>
    <i>
      <x v="539"/>
    </i>
    <i>
      <x v="212"/>
    </i>
    <i>
      <x v="166"/>
    </i>
    <i>
      <x v="518"/>
    </i>
    <i>
      <x v="664"/>
    </i>
    <i>
      <x v="368"/>
    </i>
    <i>
      <x v="210"/>
    </i>
    <i>
      <x v="501"/>
    </i>
    <i>
      <x v="263"/>
    </i>
    <i>
      <x v="452"/>
    </i>
    <i>
      <x v="131"/>
    </i>
    <i>
      <x v="594"/>
    </i>
    <i>
      <x v="676"/>
    </i>
    <i>
      <x v="443"/>
    </i>
    <i>
      <x v="162"/>
    </i>
    <i>
      <x v="358"/>
    </i>
    <i>
      <x v="49"/>
    </i>
    <i>
      <x v="163"/>
    </i>
    <i>
      <x v="403"/>
    </i>
    <i>
      <x v="51"/>
    </i>
    <i>
      <x v="264"/>
    </i>
    <i>
      <x v="133"/>
    </i>
    <i>
      <x v="476"/>
    </i>
    <i>
      <x v="321"/>
    </i>
    <i>
      <x v="259"/>
    </i>
    <i>
      <x v="173"/>
    </i>
    <i>
      <x v="673"/>
    </i>
    <i>
      <x v="140"/>
    </i>
    <i>
      <x v="783"/>
    </i>
    <i>
      <x v="108"/>
    </i>
    <i>
      <x v="117"/>
    </i>
    <i>
      <x v="145"/>
    </i>
    <i>
      <x v="768"/>
    </i>
    <i>
      <x v="96"/>
    </i>
    <i>
      <x v="534"/>
    </i>
    <i>
      <x v="118"/>
    </i>
    <i>
      <x v="586"/>
    </i>
    <i>
      <x v="313"/>
    </i>
    <i>
      <x v="41"/>
    </i>
    <i>
      <x v="704"/>
    </i>
    <i>
      <x v="217"/>
    </i>
    <i>
      <x/>
    </i>
    <i>
      <x v="98"/>
    </i>
    <i>
      <x v="398"/>
    </i>
    <i>
      <x v="406"/>
    </i>
    <i>
      <x v="506"/>
    </i>
    <i>
      <x v="540"/>
    </i>
    <i>
      <x v="564"/>
    </i>
    <i>
      <x v="115"/>
    </i>
    <i>
      <x v="762"/>
    </i>
    <i>
      <x v="537"/>
    </i>
    <i>
      <x v="575"/>
    </i>
    <i>
      <x v="330"/>
    </i>
    <i>
      <x v="375"/>
    </i>
    <i>
      <x v="103"/>
    </i>
    <i>
      <x v="243"/>
    </i>
    <i>
      <x v="786"/>
    </i>
    <i>
      <x v="428"/>
    </i>
    <i>
      <x v="143"/>
    </i>
    <i>
      <x v="370"/>
    </i>
    <i>
      <x v="402"/>
    </i>
    <i>
      <x v="71"/>
    </i>
    <i>
      <x v="470"/>
    </i>
    <i>
      <x v="235"/>
    </i>
    <i>
      <x v="195"/>
    </i>
    <i>
      <x v="378"/>
    </i>
    <i>
      <x v="436"/>
    </i>
    <i>
      <x v="112"/>
    </i>
    <i>
      <x v="532"/>
    </i>
    <i>
      <x v="727"/>
    </i>
    <i>
      <x v="122"/>
    </i>
    <i>
      <x v="258"/>
    </i>
    <i>
      <x v="36"/>
    </i>
    <i>
      <x v="262"/>
    </i>
    <i>
      <x v="28"/>
    </i>
    <i>
      <x v="703"/>
    </i>
    <i>
      <x v="326"/>
    </i>
    <i>
      <x v="185"/>
    </i>
    <i>
      <x v="323"/>
    </i>
    <i>
      <x v="351"/>
    </i>
    <i>
      <x v="251"/>
    </i>
    <i>
      <x v="268"/>
    </i>
    <i>
      <x v="273"/>
    </i>
    <i>
      <x v="688"/>
    </i>
    <i>
      <x v="104"/>
    </i>
    <i>
      <x v="749"/>
    </i>
    <i>
      <x v="747"/>
    </i>
    <i>
      <x v="144"/>
    </i>
    <i>
      <x v="442"/>
    </i>
    <i>
      <x v="731"/>
    </i>
    <i>
      <x v="468"/>
    </i>
    <i>
      <x v="332"/>
    </i>
    <i>
      <x v="134"/>
    </i>
    <i>
      <x v="563"/>
    </i>
    <i>
      <x v="487"/>
    </i>
    <i>
      <x v="700"/>
    </i>
    <i>
      <x v="500"/>
    </i>
    <i>
      <x v="38"/>
    </i>
    <i>
      <x v="186"/>
    </i>
    <i>
      <x v="526"/>
    </i>
    <i>
      <x v="513"/>
    </i>
    <i>
      <x v="636"/>
    </i>
    <i>
      <x v="170"/>
    </i>
    <i>
      <x v="641"/>
    </i>
    <i>
      <x v="234"/>
    </i>
    <i>
      <x v="25"/>
    </i>
    <i>
      <x v="715"/>
    </i>
    <i>
      <x v="698"/>
    </i>
    <i>
      <x v="55"/>
    </i>
    <i>
      <x v="5"/>
    </i>
    <i>
      <x v="161"/>
    </i>
    <i>
      <x v="653"/>
    </i>
    <i>
      <x v="494"/>
    </i>
    <i>
      <x v="181"/>
    </i>
    <i>
      <x v="63"/>
    </i>
    <i>
      <x v="616"/>
    </i>
    <i>
      <x v="94"/>
    </i>
    <i>
      <x v="498"/>
    </i>
    <i>
      <x v="19"/>
    </i>
    <i>
      <x v="449"/>
    </i>
    <i>
      <x v="550"/>
    </i>
    <i>
      <x v="228"/>
    </i>
    <i>
      <x v="353"/>
    </i>
    <i>
      <x v="530"/>
    </i>
    <i>
      <x v="380"/>
    </i>
    <i>
      <x v="347"/>
    </i>
    <i>
      <x v="261"/>
    </i>
    <i>
      <x v="718"/>
    </i>
    <i>
      <x v="419"/>
    </i>
    <i>
      <x v="760"/>
    </i>
    <i>
      <x v="584"/>
    </i>
    <i>
      <x v="33"/>
    </i>
    <i>
      <x v="549"/>
    </i>
    <i>
      <x v="269"/>
    </i>
    <i>
      <x v="480"/>
    </i>
    <i>
      <x v="588"/>
    </i>
    <i>
      <x v="97"/>
    </i>
    <i>
      <x v="236"/>
    </i>
    <i>
      <x v="310"/>
    </i>
    <i>
      <x v="660"/>
    </i>
    <i>
      <x v="382"/>
    </i>
    <i>
      <x v="168"/>
    </i>
    <i>
      <x v="15"/>
    </i>
    <i>
      <x v="37"/>
    </i>
    <i>
      <x v="453"/>
    </i>
    <i>
      <x v="314"/>
    </i>
    <i>
      <x v="721"/>
    </i>
    <i>
      <x v="484"/>
    </i>
    <i>
      <x v="648"/>
    </i>
    <i>
      <x v="247"/>
    </i>
    <i>
      <x v="399"/>
    </i>
    <i>
      <x v="386"/>
    </i>
    <i>
      <x v="510"/>
    </i>
    <i>
      <x v="84"/>
    </i>
    <i>
      <x v="570"/>
    </i>
    <i>
      <x v="291"/>
    </i>
    <i>
      <x v="612"/>
    </i>
    <i>
      <x v="8"/>
    </i>
    <i>
      <x v="278"/>
    </i>
    <i>
      <x v="348"/>
    </i>
    <i>
      <x v="520"/>
    </i>
    <i>
      <x v="447"/>
    </i>
    <i>
      <x v="726"/>
    </i>
    <i>
      <x v="245"/>
    </i>
    <i>
      <x v="308"/>
    </i>
    <i>
      <x v="448"/>
    </i>
    <i>
      <x v="53"/>
    </i>
    <i>
      <x v="65"/>
    </i>
    <i>
      <x v="764"/>
    </i>
    <i>
      <x v="662"/>
    </i>
    <i>
      <x v="656"/>
    </i>
    <i>
      <x v="300"/>
    </i>
    <i>
      <x v="625"/>
    </i>
    <i>
      <x v="193"/>
    </i>
    <i>
      <x v="352"/>
    </i>
    <i>
      <x v="123"/>
    </i>
    <i>
      <x v="260"/>
    </i>
    <i>
      <x v="455"/>
    </i>
    <i>
      <x v="635"/>
    </i>
    <i>
      <x v="418"/>
    </i>
    <i>
      <x v="354"/>
    </i>
    <i>
      <x v="593"/>
    </i>
    <i>
      <x v="545"/>
    </i>
    <i>
      <x v="7"/>
    </i>
    <i>
      <x v="737"/>
    </i>
    <i>
      <x v="724"/>
    </i>
    <i>
      <x v="522"/>
    </i>
    <i>
      <x v="21"/>
    </i>
    <i>
      <x v="309"/>
    </i>
    <i>
      <x v="579"/>
    </i>
    <i>
      <x v="315"/>
    </i>
    <i>
      <x v="50"/>
    </i>
    <i>
      <x v="565"/>
    </i>
    <i>
      <x v="392"/>
    </i>
    <i>
      <x v="331"/>
    </i>
    <i>
      <x v="91"/>
    </i>
    <i>
      <x v="364"/>
    </i>
    <i>
      <x v="681"/>
    </i>
    <i>
      <x v="604"/>
    </i>
    <i>
      <x v="679"/>
    </i>
    <i>
      <x v="536"/>
    </i>
    <i>
      <x v="360"/>
    </i>
    <i>
      <x v="568"/>
    </i>
    <i>
      <x v="665"/>
    </i>
    <i>
      <x v="43"/>
    </i>
    <i>
      <x v="395"/>
    </i>
    <i>
      <x v="227"/>
    </i>
    <i>
      <x v="451"/>
    </i>
    <i>
      <x v="209"/>
    </i>
    <i>
      <x v="127"/>
    </i>
    <i>
      <x v="469"/>
    </i>
    <i>
      <x v="611"/>
    </i>
    <i>
      <x v="784"/>
    </i>
    <i>
      <x v="267"/>
    </i>
    <i>
      <x v="231"/>
    </i>
    <i>
      <x v="377"/>
    </i>
    <i>
      <x v="70"/>
    </i>
    <i>
      <x v="27"/>
    </i>
    <i>
      <x v="83"/>
    </i>
    <i>
      <x v="538"/>
    </i>
    <i>
      <x v="619"/>
    </i>
    <i>
      <x v="723"/>
    </i>
    <i>
      <x v="492"/>
    </i>
    <i>
      <x v="95"/>
    </i>
    <i>
      <x v="248"/>
    </i>
    <i>
      <x v="687"/>
    </i>
    <i>
      <x v="528"/>
    </i>
    <i>
      <x v="211"/>
    </i>
    <i>
      <x v="541"/>
    </i>
    <i>
      <x v="265"/>
    </i>
    <i>
      <x v="297"/>
    </i>
    <i>
      <x v="778"/>
    </i>
    <i>
      <x v="410"/>
    </i>
    <i>
      <x v="26"/>
    </i>
    <i>
      <x v="61"/>
    </i>
    <i>
      <x v="197"/>
    </i>
    <i>
      <x v="116"/>
    </i>
    <i>
      <x v="701"/>
    </i>
    <i>
      <x v="696"/>
    </i>
    <i>
      <x v="128"/>
    </i>
    <i>
      <x v="328"/>
    </i>
    <i>
      <x v="252"/>
    </i>
    <i>
      <x v="582"/>
    </i>
    <i>
      <x v="738"/>
    </i>
    <i>
      <x v="317"/>
    </i>
    <i>
      <x v="770"/>
    </i>
    <i>
      <x v="691"/>
    </i>
    <i>
      <x v="424"/>
    </i>
    <i>
      <x v="34"/>
    </i>
    <i>
      <x v="58"/>
    </i>
    <i>
      <x v="620"/>
    </i>
    <i>
      <x v="371"/>
    </i>
    <i>
      <x v="435"/>
    </i>
    <i>
      <x v="598"/>
    </i>
    <i>
      <x v="754"/>
    </i>
    <i>
      <x v="456"/>
    </i>
    <i>
      <x v="30"/>
    </i>
    <i>
      <x v="81"/>
    </i>
    <i>
      <x v="130"/>
    </i>
    <i>
      <x v="340"/>
    </i>
    <i>
      <x v="22"/>
    </i>
    <i>
      <x v="777"/>
    </i>
    <i>
      <x v="574"/>
    </i>
    <i>
      <x v="725"/>
    </i>
    <i>
      <x v="488"/>
    </i>
    <i>
      <x v="466"/>
    </i>
    <i>
      <x v="44"/>
    </i>
    <i>
      <x v="507"/>
    </i>
    <i>
      <x v="739"/>
    </i>
    <i>
      <x v="2"/>
    </i>
    <i>
      <x v="207"/>
    </i>
    <i>
      <x v="785"/>
    </i>
    <i>
      <x v="384"/>
    </i>
    <i>
      <x v="237"/>
    </i>
    <i>
      <x v="305"/>
    </i>
    <i>
      <x v="706"/>
    </i>
    <i>
      <x v="39"/>
    </i>
    <i>
      <x v="393"/>
    </i>
    <i>
      <x v="66"/>
    </i>
    <i>
      <x v="771"/>
    </i>
    <i>
      <x v="255"/>
    </i>
    <i>
      <x v="164"/>
    </i>
    <i>
      <x v="400"/>
    </i>
    <i>
      <x v="666"/>
    </i>
    <i>
      <x v="461"/>
    </i>
    <i>
      <x v="85"/>
    </i>
    <i>
      <x v="394"/>
    </i>
    <i>
      <x v="182"/>
    </i>
    <i>
      <x v="509"/>
    </i>
    <i>
      <x v="158"/>
    </i>
    <i>
      <x v="573"/>
    </i>
    <i>
      <x v="20"/>
    </i>
    <i>
      <x v="551"/>
    </i>
    <i>
      <x v="12"/>
    </i>
    <i>
      <x v="467"/>
    </i>
    <i>
      <x v="142"/>
    </i>
    <i>
      <x v="511"/>
    </i>
    <i>
      <x v="525"/>
    </i>
    <i>
      <x v="201"/>
    </i>
    <i>
      <x v="661"/>
    </i>
    <i>
      <x v="651"/>
    </i>
    <i>
      <x v="523"/>
    </i>
    <i>
      <x v="535"/>
    </i>
    <i>
      <x v="767"/>
    </i>
    <i>
      <x v="292"/>
    </i>
    <i>
      <x v="606"/>
    </i>
    <i>
      <x v="397"/>
    </i>
    <i>
      <x v="716"/>
    </i>
    <i>
      <x v="734"/>
    </i>
    <i>
      <x v="68"/>
    </i>
    <i>
      <x v="702"/>
    </i>
    <i>
      <x v="376"/>
    </i>
    <i>
      <x v="592"/>
    </i>
    <i>
      <x v="396"/>
    </i>
    <i>
      <x v="782"/>
    </i>
    <i>
      <x v="580"/>
    </i>
    <i>
      <x v="692"/>
    </i>
    <i>
      <x v="781"/>
    </i>
    <i>
      <x v="791"/>
    </i>
    <i>
      <x v="759"/>
    </i>
    <i>
      <x v="650"/>
    </i>
    <i>
      <x v="206"/>
    </i>
    <i>
      <x v="188"/>
    </i>
    <i>
      <x v="765"/>
    </i>
    <i>
      <x v="75"/>
    </i>
    <i>
      <x v="557"/>
    </i>
    <i>
      <x v="154"/>
    </i>
    <i>
      <x v="686"/>
    </i>
    <i>
      <x v="684"/>
    </i>
    <i>
      <x v="559"/>
    </i>
    <i>
      <x v="329"/>
    </i>
    <i>
      <x v="693"/>
    </i>
    <i>
      <x v="477"/>
    </i>
    <i>
      <x v="307"/>
    </i>
    <i>
      <x v="165"/>
    </i>
  </rowItems>
  <colItems count="1">
    <i/>
  </colItems>
  <dataFields count="1">
    <dataField name="Sum of Profit" fld="10" baseField="0" baseItem="0"/>
  </dataField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xt>
  </extLst>
</pivotTableDefinition>
</file>

<file path=xl/pivotTables/pivotTable5.xml><?xml version="1.0" encoding="utf-8"?>
<pivotTableDefinition xmlns="http://schemas.openxmlformats.org/spreadsheetml/2006/main" xmlns:mc="http://schemas.openxmlformats.org/markup-compatibility/2006" xmlns:xr="http://schemas.microsoft.com/office/spreadsheetml/2014/revision" mc:Ignorable="xr" xr:uid="{00000000-0007-0000-0400-000000000000}" name="PivotTable10" cacheId="2" applyNumberFormats="0" applyBorderFormats="0" applyFontFormats="0" applyPatternFormats="0" applyAlignmentFormats="0" applyWidthHeightFormats="1" dataCaption="Values" updatedVersion="8" minRefreshableVersion="3" useAutoFormatting="1" rowGrandTotals="0" itemPrintTitles="1" createdVersion="8" indent="0" outline="1" outlineData="1" multipleFieldFilters="0">
  <location ref="A3:B52" firstHeaderRow="1" firstDataRow="1" firstDataCol="1"/>
  <pivotFields count="11">
    <pivotField numFmtId="164" showAll="0"/>
    <pivotField numFmtId="1" showAll="0"/>
    <pivotField numFmtId="1" showAll="0">
      <items count="5">
        <item x="0"/>
        <item x="1"/>
        <item x="2"/>
        <item x="3"/>
        <item t="default"/>
      </items>
    </pivotField>
    <pivotField showAll="0"/>
    <pivotField axis="axisRow" showAll="0">
      <items count="50">
        <item x="33"/>
        <item x="12"/>
        <item x="13"/>
        <item x="3"/>
        <item x="26"/>
        <item x="37"/>
        <item x="7"/>
        <item x="44"/>
        <item x="16"/>
        <item x="4"/>
        <item x="34"/>
        <item x="1"/>
        <item x="18"/>
        <item x="30"/>
        <item x="42"/>
        <item x="5"/>
        <item x="8"/>
        <item x="41"/>
        <item x="36"/>
        <item x="32"/>
        <item x="14"/>
        <item x="28"/>
        <item x="29"/>
        <item x="24"/>
        <item x="35"/>
        <item x="40"/>
        <item x="17"/>
        <item x="38"/>
        <item x="23"/>
        <item x="31"/>
        <item x="20"/>
        <item x="25"/>
        <item x="47"/>
        <item x="10"/>
        <item x="39"/>
        <item x="11"/>
        <item x="2"/>
        <item x="43"/>
        <item x="9"/>
        <item x="19"/>
        <item x="15"/>
        <item x="0"/>
        <item x="27"/>
        <item x="45"/>
        <item x="6"/>
        <item x="22"/>
        <item x="48"/>
        <item x="21"/>
        <item x="46"/>
        <item t="default"/>
      </items>
    </pivotField>
    <pivotField showAll="0">
      <items count="4">
        <item x="1"/>
        <item x="0"/>
        <item x="2"/>
        <item t="default"/>
      </items>
    </pivotField>
    <pivotField showAll="0"/>
    <pivotField showAll="0"/>
    <pivotField dataField="1" showAll="0"/>
    <pivotField showAll="0"/>
    <pivotField showAll="0"/>
  </pivotFields>
  <rowFields count="1">
    <field x="4"/>
  </rowFields>
  <rowItems count="49">
    <i>
      <x/>
    </i>
    <i>
      <x v="1"/>
    </i>
    <i>
      <x v="2"/>
    </i>
    <i>
      <x v="3"/>
    </i>
    <i>
      <x v="4"/>
    </i>
    <i>
      <x v="5"/>
    </i>
    <i>
      <x v="6"/>
    </i>
    <i>
      <x v="7"/>
    </i>
    <i>
      <x v="8"/>
    </i>
    <i>
      <x v="9"/>
    </i>
    <i>
      <x v="10"/>
    </i>
    <i>
      <x v="11"/>
    </i>
    <i>
      <x v="12"/>
    </i>
    <i>
      <x v="13"/>
    </i>
    <i>
      <x v="14"/>
    </i>
    <i>
      <x v="15"/>
    </i>
    <i>
      <x v="16"/>
    </i>
    <i>
      <x v="17"/>
    </i>
    <i>
      <x v="18"/>
    </i>
    <i>
      <x v="19"/>
    </i>
    <i>
      <x v="20"/>
    </i>
    <i>
      <x v="21"/>
    </i>
    <i>
      <x v="22"/>
    </i>
    <i>
      <x v="23"/>
    </i>
    <i>
      <x v="24"/>
    </i>
    <i>
      <x v="25"/>
    </i>
    <i>
      <x v="26"/>
    </i>
    <i>
      <x v="27"/>
    </i>
    <i>
      <x v="28"/>
    </i>
    <i>
      <x v="29"/>
    </i>
    <i>
      <x v="30"/>
    </i>
    <i>
      <x v="31"/>
    </i>
    <i>
      <x v="32"/>
    </i>
    <i>
      <x v="33"/>
    </i>
    <i>
      <x v="34"/>
    </i>
    <i>
      <x v="35"/>
    </i>
    <i>
      <x v="36"/>
    </i>
    <i>
      <x v="37"/>
    </i>
    <i>
      <x v="38"/>
    </i>
    <i>
      <x v="39"/>
    </i>
    <i>
      <x v="40"/>
    </i>
    <i>
      <x v="41"/>
    </i>
    <i>
      <x v="42"/>
    </i>
    <i>
      <x v="43"/>
    </i>
    <i>
      <x v="44"/>
    </i>
    <i>
      <x v="45"/>
    </i>
    <i>
      <x v="46"/>
    </i>
    <i>
      <x v="47"/>
    </i>
    <i>
      <x v="48"/>
    </i>
  </rowItems>
  <colItems count="1">
    <i/>
  </colItems>
  <dataFields count="1">
    <dataField name="Sum of Sales" fld="8" baseField="0" baseItem="0"/>
  </dataField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xt>
  </extLst>
</pivotTableDefinition>
</file>

<file path=xl/pivotTables/pivotTable6.xml><?xml version="1.0" encoding="utf-8"?>
<pivotTableDefinition xmlns="http://schemas.openxmlformats.org/spreadsheetml/2006/main" xmlns:mc="http://schemas.openxmlformats.org/markup-compatibility/2006" xmlns:xr="http://schemas.microsoft.com/office/spreadsheetml/2014/revision" mc:Ignorable="xr" xr:uid="{00000000-0007-0000-0600-000000000000}" name="PivotTable12" cacheId="3" applyNumberFormats="0" applyBorderFormats="0" applyFontFormats="0" applyPatternFormats="0" applyAlignmentFormats="0" applyWidthHeightFormats="1" dataCaption="Values" updatedVersion="8" minRefreshableVersion="3" useAutoFormatting="1" rowGrandTotals="0" itemPrintTitles="1" createdVersion="8" indent="0" outline="1" outlineData="1" multipleFieldFilters="0" chartFormat="6">
  <location ref="A3:B7" firstHeaderRow="1" firstDataRow="1" firstDataCol="1"/>
  <pivotFields count="2">
    <pivotField axis="axisRow" numFmtId="1" showAll="0">
      <items count="5">
        <item x="0"/>
        <item x="1"/>
        <item x="2"/>
        <item x="3"/>
        <item t="default"/>
      </items>
    </pivotField>
    <pivotField dataField="1" showAll="0"/>
  </pivotFields>
  <rowFields count="1">
    <field x="0"/>
  </rowFields>
  <rowItems count="4">
    <i>
      <x/>
    </i>
    <i>
      <x v="1"/>
    </i>
    <i>
      <x v="2"/>
    </i>
    <i>
      <x v="3"/>
    </i>
  </rowItems>
  <colItems count="1">
    <i/>
  </colItems>
  <dataFields count="1">
    <dataField name="Count of Customer Name" fld="1" subtotal="count" baseField="0" baseItem="0"/>
  </dataFields>
  <chartFormats count="2">
    <chartFormat chart="2" format="0" series="1">
      <pivotArea type="data" outline="0" fieldPosition="0">
        <references count="1">
          <reference field="4294967294" count="1" selected="0">
            <x v="0"/>
          </reference>
        </references>
      </pivotArea>
    </chartFormat>
    <chartFormat chart="5" format="2" series="1">
      <pivotArea type="data" outline="0" fieldPosition="0">
        <references count="1">
          <reference field="4294967294" count="1" selected="0">
            <x v="0"/>
          </reference>
        </references>
      </pivotArea>
    </chartFormat>
  </chartFormat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xt>
  </extLst>
</pivotTableDefinition>
</file>

<file path=xl/slicerCaches/slicerCache1.xml><?xml version="1.0" encoding="utf-8"?>
<slicerCacheDefinition xmlns="http://schemas.microsoft.com/office/spreadsheetml/2009/9/main" xmlns:mc="http://schemas.openxmlformats.org/markup-compatibility/2006" xmlns:x="http://schemas.openxmlformats.org/spreadsheetml/2006/main" xmlns:xr10="http://schemas.microsoft.com/office/spreadsheetml/2016/revision10" mc:Ignorable="x xr10" name="Slicer_year" xr10:uid="{00000000-0013-0000-FFFF-FFFF01000000}" sourceName="year">
  <pivotTables>
    <pivotTable tabId="5" name="PivotTable8"/>
    <pivotTable tabId="3" name="PivotTable2"/>
    <pivotTable tabId="7" name="PivotTable10"/>
    <pivotTable tabId="6" name="PivotTable9"/>
  </pivotTables>
  <data>
    <tabular pivotCacheId="1700745610">
      <items count="4">
        <i x="0" s="1"/>
        <i x="1" s="1"/>
        <i x="2" s="1"/>
        <i x="3" s="1"/>
      </items>
    </tabular>
  </data>
</slicerCacheDefinition>
</file>

<file path=xl/slicerCaches/slicerCache2.xml><?xml version="1.0" encoding="utf-8"?>
<slicerCacheDefinition xmlns="http://schemas.microsoft.com/office/spreadsheetml/2009/9/main" xmlns:mc="http://schemas.openxmlformats.org/markup-compatibility/2006" xmlns:x="http://schemas.openxmlformats.org/spreadsheetml/2006/main" xmlns:xr10="http://schemas.microsoft.com/office/spreadsheetml/2016/revision10" mc:Ignorable="x xr10" name="Slicer_Category" xr10:uid="{00000000-0013-0000-FFFF-FFFF02000000}" sourceName="Category">
  <pivotTables>
    <pivotTable tabId="5" name="PivotTable8"/>
    <pivotTable tabId="3" name="PivotTable2"/>
    <pivotTable tabId="6" name="PivotTable9"/>
    <pivotTable tabId="7" name="PivotTable10"/>
  </pivotTables>
  <data>
    <tabular pivotCacheId="1700745610">
      <items count="3">
        <i x="1" s="1"/>
        <i x="0" s="1"/>
        <i x="2" s="1"/>
      </items>
    </tabular>
  </data>
</slicerCacheDefinition>
</file>

<file path=xl/slicers/slicer1.xml><?xml version="1.0" encoding="utf-8"?>
<slicers xmlns="http://schemas.microsoft.com/office/spreadsheetml/2009/9/main" xmlns:mc="http://schemas.openxmlformats.org/markup-compatibility/2006" xmlns:x="http://schemas.openxmlformats.org/spreadsheetml/2006/main" xmlns:xr10="http://schemas.microsoft.com/office/spreadsheetml/2016/revision10" mc:Ignorable="x xr10">
  <slicer name="Category" xr10:uid="{00000000-0014-0000-FFFF-FFFF01000000}" cache="Slicer_Category" caption="Category" rowHeight="234950"/>
</slicers>
</file>

<file path=xl/slicers/slicer2.xml><?xml version="1.0" encoding="utf-8"?>
<slicers xmlns="http://schemas.microsoft.com/office/spreadsheetml/2009/9/main" xmlns:mc="http://schemas.openxmlformats.org/markup-compatibility/2006" xmlns:x="http://schemas.openxmlformats.org/spreadsheetml/2006/main" xmlns:xr10="http://schemas.microsoft.com/office/spreadsheetml/2016/revision10" mc:Ignorable="x xr10">
  <slicer name="year" xr10:uid="{00000000-0014-0000-FFFF-FFFF02000000}" cache="Slicer_year" caption="year" rowHeight="234950"/>
</slicers>
</file>

<file path=xl/slicers/slicer3.xml><?xml version="1.0" encoding="utf-8"?>
<slicers xmlns="http://schemas.microsoft.com/office/spreadsheetml/2009/9/main" xmlns:mc="http://schemas.openxmlformats.org/markup-compatibility/2006" xmlns:x="http://schemas.openxmlformats.org/spreadsheetml/2006/main" xmlns:xr10="http://schemas.microsoft.com/office/spreadsheetml/2016/revision10" mc:Ignorable="x xr10">
  <slicer name="year 1" xr10:uid="{00000000-0014-0000-FFFF-FFFF03000000}" cache="Slicer_year" caption="year" columnCount="4" rowHeight="234950"/>
  <slicer name="Category 1" xr10:uid="{00000000-0014-0000-FFFF-FFFF04000000}" cache="Slicer_Category" caption="Category" columnCount="3" rowHeight="234950"/>
</slicer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00000000-000C-0000-FFFF-FFFF00000000}" name="Table1" displayName="Table1" ref="A1:K9994" totalsRowShown="0" headerRowDxfId="3">
  <autoFilter ref="A1:K9994" xr:uid="{00000000-0009-0000-0100-000001000000}"/>
  <tableColumns count="11">
    <tableColumn id="1" xr3:uid="{00000000-0010-0000-0000-000001000000}" name="Order" dataDxfId="2"/>
    <tableColumn id="2" xr3:uid="{00000000-0010-0000-0000-000002000000}" name="month" dataDxfId="1">
      <calculatedColumnFormula>MONTH(A:A)</calculatedColumnFormula>
    </tableColumn>
    <tableColumn id="3" xr3:uid="{00000000-0010-0000-0000-000003000000}" name="year" dataDxfId="0">
      <calculatedColumnFormula>YEAR(A:A)</calculatedColumnFormula>
    </tableColumn>
    <tableColumn id="4" xr3:uid="{00000000-0010-0000-0000-000004000000}" name="Customer Name"/>
    <tableColumn id="5" xr3:uid="{00000000-0010-0000-0000-000005000000}" name="State"/>
    <tableColumn id="6" xr3:uid="{00000000-0010-0000-0000-000006000000}" name="Category"/>
    <tableColumn id="7" xr3:uid="{00000000-0010-0000-0000-000007000000}" name="Sub-Category"/>
    <tableColumn id="8" xr3:uid="{00000000-0010-0000-0000-000008000000}" name="Product Name"/>
    <tableColumn id="9" xr3:uid="{00000000-0010-0000-0000-000009000000}" name="Sales"/>
    <tableColumn id="10" xr3:uid="{00000000-0010-0000-0000-00000A000000}" name="Quantity"/>
    <tableColumn id="11" xr3:uid="{00000000-0010-0000-0000-00000B000000}" name="Profit"/>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ivotTable" Target="../pivotTables/pivotTable1.xml"/></Relationships>
</file>

<file path=xl/worksheets/_rels/sheet2.xml.rels><?xml version="1.0" encoding="UTF-8" standalone="yes"?>
<Relationships xmlns="http://schemas.openxmlformats.org/package/2006/relationships"><Relationship Id="rId3" Type="http://schemas.microsoft.com/office/2007/relationships/slicer" Target="../slicers/slicer1.xml"/><Relationship Id="rId2" Type="http://schemas.openxmlformats.org/officeDocument/2006/relationships/drawing" Target="../drawings/drawing2.xml"/><Relationship Id="rId1" Type="http://schemas.openxmlformats.org/officeDocument/2006/relationships/pivotTable" Target="../pivotTables/pivotTable2.xml"/></Relationships>
</file>

<file path=xl/worksheets/_rels/sheet3.xml.rels><?xml version="1.0" encoding="UTF-8" standalone="yes"?>
<Relationships xmlns="http://schemas.openxmlformats.org/package/2006/relationships"><Relationship Id="rId3" Type="http://schemas.microsoft.com/office/2007/relationships/slicer" Target="../slicers/slicer2.xml"/><Relationship Id="rId2" Type="http://schemas.openxmlformats.org/officeDocument/2006/relationships/drawing" Target="../drawings/drawing3.xml"/><Relationship Id="rId1" Type="http://schemas.openxmlformats.org/officeDocument/2006/relationships/pivotTable" Target="../pivotTables/pivotTable3.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ivotTable" Target="../pivotTables/pivotTable4.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ivotTable" Target="../pivotTables/pivotTable5.xml"/></Relationships>
</file>

<file path=xl/worksheets/_rels/sheet6.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1.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ivotTable" Target="../pivotTables/pivotTable6.xml"/></Relationships>
</file>

<file path=xl/worksheets/_rels/sheet9.xml.rels><?xml version="1.0" encoding="UTF-8" standalone="yes"?>
<Relationships xmlns="http://schemas.openxmlformats.org/package/2006/relationships"><Relationship Id="rId2" Type="http://schemas.microsoft.com/office/2007/relationships/slicer" Target="../slicers/slicer3.xml"/><Relationship Id="rId1" Type="http://schemas.openxmlformats.org/officeDocument/2006/relationships/drawing" Target="../drawings/drawing7.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3:E23"/>
  <sheetViews>
    <sheetView workbookViewId="0">
      <selection activeCell="A23" sqref="A23:H23"/>
    </sheetView>
  </sheetViews>
  <sheetFormatPr defaultRowHeight="14.4" x14ac:dyDescent="0.3"/>
  <cols>
    <col min="1" max="1" width="12.5546875" customWidth="1"/>
    <col min="2" max="2" width="11.6640625" customWidth="1"/>
  </cols>
  <sheetData>
    <row r="3" spans="1:5" x14ac:dyDescent="0.3">
      <c r="A3" s="5" t="s">
        <v>2723</v>
      </c>
      <c r="B3" t="s">
        <v>2724</v>
      </c>
    </row>
    <row r="4" spans="1:5" x14ac:dyDescent="0.3">
      <c r="A4" s="6" t="s">
        <v>39</v>
      </c>
      <c r="B4">
        <v>330007.09999999969</v>
      </c>
      <c r="D4" t="str">
        <f>A4</f>
        <v>Phones</v>
      </c>
      <c r="E4">
        <f>B4</f>
        <v>330007.09999999969</v>
      </c>
    </row>
    <row r="5" spans="1:5" x14ac:dyDescent="0.3">
      <c r="A5" s="6" t="s">
        <v>34</v>
      </c>
      <c r="B5">
        <v>328167.76000000047</v>
      </c>
      <c r="D5" t="str">
        <f t="shared" ref="D5:D20" si="0">A5</f>
        <v>Chairs</v>
      </c>
      <c r="E5">
        <f t="shared" ref="E5:E20" si="1">B5</f>
        <v>328167.76000000047</v>
      </c>
    </row>
    <row r="6" spans="1:5" x14ac:dyDescent="0.3">
      <c r="A6" s="6" t="s">
        <v>17</v>
      </c>
      <c r="B6">
        <v>223843.5900000002</v>
      </c>
      <c r="D6" t="str">
        <f t="shared" si="0"/>
        <v>Storage</v>
      </c>
      <c r="E6">
        <f t="shared" si="1"/>
        <v>223843.5900000002</v>
      </c>
    </row>
    <row r="7" spans="1:5" x14ac:dyDescent="0.3">
      <c r="A7" s="6" t="s">
        <v>144</v>
      </c>
      <c r="B7">
        <v>206965.67999999988</v>
      </c>
      <c r="D7" t="str">
        <f t="shared" si="0"/>
        <v>Tables</v>
      </c>
      <c r="E7">
        <f t="shared" si="1"/>
        <v>206965.67999999988</v>
      </c>
    </row>
    <row r="8" spans="1:5" x14ac:dyDescent="0.3">
      <c r="A8" s="6" t="s">
        <v>19</v>
      </c>
      <c r="B8">
        <v>203412.77000000008</v>
      </c>
      <c r="D8" t="str">
        <f t="shared" si="0"/>
        <v>Binders</v>
      </c>
      <c r="E8">
        <f t="shared" si="1"/>
        <v>203412.77000000008</v>
      </c>
    </row>
    <row r="9" spans="1:5" x14ac:dyDescent="0.3">
      <c r="A9" s="6" t="s">
        <v>301</v>
      </c>
      <c r="B9">
        <v>189238.68000000005</v>
      </c>
      <c r="D9" t="str">
        <f t="shared" si="0"/>
        <v>Machines</v>
      </c>
      <c r="E9">
        <f t="shared" si="1"/>
        <v>189238.68000000005</v>
      </c>
    </row>
    <row r="10" spans="1:5" x14ac:dyDescent="0.3">
      <c r="A10" s="6" t="s">
        <v>51</v>
      </c>
      <c r="B10">
        <v>167380.31000000017</v>
      </c>
      <c r="D10" t="str">
        <f t="shared" si="0"/>
        <v>Accessories</v>
      </c>
      <c r="E10">
        <f t="shared" si="1"/>
        <v>167380.31000000017</v>
      </c>
    </row>
    <row r="11" spans="1:5" x14ac:dyDescent="0.3">
      <c r="A11" s="6" t="s">
        <v>602</v>
      </c>
      <c r="B11">
        <v>149528.01000000004</v>
      </c>
      <c r="D11" t="str">
        <f t="shared" si="0"/>
        <v>Copiers</v>
      </c>
      <c r="E11">
        <f t="shared" si="1"/>
        <v>149528.01000000004</v>
      </c>
    </row>
    <row r="12" spans="1:5" x14ac:dyDescent="0.3">
      <c r="A12" s="6" t="s">
        <v>73</v>
      </c>
      <c r="B12">
        <v>114880.05000000012</v>
      </c>
      <c r="D12" t="str">
        <f t="shared" si="0"/>
        <v>Bookcases</v>
      </c>
      <c r="E12">
        <f t="shared" si="1"/>
        <v>114880.05000000012</v>
      </c>
    </row>
    <row r="13" spans="1:5" x14ac:dyDescent="0.3">
      <c r="A13" s="6" t="s">
        <v>91</v>
      </c>
      <c r="B13">
        <v>107532.13999999996</v>
      </c>
      <c r="D13" t="str">
        <f t="shared" si="0"/>
        <v>Appliances</v>
      </c>
      <c r="E13">
        <f t="shared" si="1"/>
        <v>107532.13999999996</v>
      </c>
    </row>
    <row r="14" spans="1:5" x14ac:dyDescent="0.3">
      <c r="A14" s="6" t="s">
        <v>46</v>
      </c>
      <c r="B14">
        <v>91705.12</v>
      </c>
      <c r="D14" t="str">
        <f t="shared" si="0"/>
        <v>Furnishings</v>
      </c>
      <c r="E14">
        <f t="shared" si="1"/>
        <v>91705.12</v>
      </c>
    </row>
    <row r="15" spans="1:5" x14ac:dyDescent="0.3">
      <c r="A15" s="6" t="s">
        <v>11</v>
      </c>
      <c r="B15">
        <v>78479.240000000122</v>
      </c>
      <c r="D15" t="str">
        <f t="shared" si="0"/>
        <v>Paper</v>
      </c>
      <c r="E15">
        <f t="shared" si="1"/>
        <v>78479.240000000122</v>
      </c>
    </row>
    <row r="16" spans="1:5" x14ac:dyDescent="0.3">
      <c r="A16" s="6" t="s">
        <v>199</v>
      </c>
      <c r="B16">
        <v>46673.52000000004</v>
      </c>
      <c r="D16" t="str">
        <f t="shared" si="0"/>
        <v>Supplies</v>
      </c>
      <c r="E16">
        <f t="shared" si="1"/>
        <v>46673.52000000004</v>
      </c>
    </row>
    <row r="17" spans="1:5" x14ac:dyDescent="0.3">
      <c r="A17" s="6" t="s">
        <v>23</v>
      </c>
      <c r="B17">
        <v>27118.800000000007</v>
      </c>
      <c r="D17" t="str">
        <f t="shared" si="0"/>
        <v>Art</v>
      </c>
      <c r="E17">
        <f t="shared" si="1"/>
        <v>27118.800000000007</v>
      </c>
    </row>
    <row r="18" spans="1:5" x14ac:dyDescent="0.3">
      <c r="A18" s="6" t="s">
        <v>62</v>
      </c>
      <c r="B18">
        <v>16476.379999999997</v>
      </c>
      <c r="D18" t="str">
        <f t="shared" si="0"/>
        <v>Envelopes</v>
      </c>
      <c r="E18">
        <f t="shared" si="1"/>
        <v>16476.379999999997</v>
      </c>
    </row>
    <row r="19" spans="1:5" x14ac:dyDescent="0.3">
      <c r="A19" s="6" t="s">
        <v>15</v>
      </c>
      <c r="B19">
        <v>12486.30000000001</v>
      </c>
      <c r="D19" t="str">
        <f t="shared" si="0"/>
        <v>Labels</v>
      </c>
      <c r="E19">
        <f t="shared" si="1"/>
        <v>12486.30000000001</v>
      </c>
    </row>
    <row r="20" spans="1:5" x14ac:dyDescent="0.3">
      <c r="A20" s="6" t="s">
        <v>42</v>
      </c>
      <c r="B20">
        <v>3024.2500000000009</v>
      </c>
      <c r="D20" t="str">
        <f t="shared" si="0"/>
        <v>Fasteners</v>
      </c>
      <c r="E20">
        <f t="shared" si="1"/>
        <v>3024.2500000000009</v>
      </c>
    </row>
    <row r="23" spans="1:5" x14ac:dyDescent="0.3">
      <c r="A23" s="6"/>
    </row>
  </sheetData>
  <pageMargins left="0.7" right="0.7" top="0.75" bottom="0.75" header="0.3" footer="0.3"/>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3:D8"/>
  <sheetViews>
    <sheetView workbookViewId="0">
      <selection activeCell="C25" sqref="C19:C25"/>
    </sheetView>
  </sheetViews>
  <sheetFormatPr defaultRowHeight="14.4" x14ac:dyDescent="0.3"/>
  <cols>
    <col min="1" max="1" width="12.5546875" customWidth="1"/>
    <col min="2" max="2" width="15.5546875" customWidth="1"/>
    <col min="3" max="3" width="13.5546875" customWidth="1"/>
    <col min="4" max="5" width="10.77734375" customWidth="1"/>
  </cols>
  <sheetData>
    <row r="3" spans="1:4" x14ac:dyDescent="0.3">
      <c r="A3" s="5" t="s">
        <v>2724</v>
      </c>
      <c r="B3" s="5" t="s">
        <v>2725</v>
      </c>
    </row>
    <row r="4" spans="1:4" x14ac:dyDescent="0.3">
      <c r="A4" s="5" t="s">
        <v>2723</v>
      </c>
      <c r="B4" t="s">
        <v>33</v>
      </c>
      <c r="C4" t="s">
        <v>10</v>
      </c>
      <c r="D4" t="s">
        <v>38</v>
      </c>
    </row>
    <row r="5" spans="1:4" x14ac:dyDescent="0.3">
      <c r="A5" s="7">
        <v>2014</v>
      </c>
      <c r="B5">
        <v>156911.51999999996</v>
      </c>
      <c r="C5">
        <v>151776.41000000006</v>
      </c>
      <c r="D5">
        <v>175278.26000000015</v>
      </c>
    </row>
    <row r="6" spans="1:4" x14ac:dyDescent="0.3">
      <c r="A6" s="7">
        <v>2015</v>
      </c>
      <c r="B6">
        <v>170518.26000000013</v>
      </c>
      <c r="C6">
        <v>137233.4200000001</v>
      </c>
      <c r="D6">
        <v>162780.78000000003</v>
      </c>
    </row>
    <row r="7" spans="1:4" x14ac:dyDescent="0.3">
      <c r="A7" s="7">
        <v>2016</v>
      </c>
      <c r="B7">
        <v>198901.55000000005</v>
      </c>
      <c r="C7">
        <v>183940.06999999977</v>
      </c>
      <c r="D7">
        <v>226364.24000000014</v>
      </c>
    </row>
    <row r="8" spans="1:4" x14ac:dyDescent="0.3">
      <c r="A8" s="7">
        <v>2017</v>
      </c>
      <c r="B8">
        <v>215387.28000000009</v>
      </c>
      <c r="C8">
        <v>246097.08999999968</v>
      </c>
      <c r="D8">
        <v>271730.82000000012</v>
      </c>
    </row>
  </sheetData>
  <pageMargins left="0.7" right="0.7" top="0.75" bottom="0.75" header="0.3" footer="0.3"/>
  <drawing r:id="rId2"/>
  <extLst>
    <ext xmlns:x14="http://schemas.microsoft.com/office/spreadsheetml/2009/9/main" uri="{A8765BA9-456A-4dab-B4F3-ACF838C121DE}">
      <x14:slicerList>
        <x14:slicer r:id="rId3"/>
      </x14:slicerList>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3:B15"/>
  <sheetViews>
    <sheetView workbookViewId="0">
      <selection activeCell="A3" sqref="A3:B15"/>
    </sheetView>
  </sheetViews>
  <sheetFormatPr defaultRowHeight="14.4" x14ac:dyDescent="0.3"/>
  <cols>
    <col min="1" max="1" width="12.5546875" customWidth="1"/>
    <col min="2" max="2" width="11.6640625" customWidth="1"/>
  </cols>
  <sheetData>
    <row r="3" spans="1:2" x14ac:dyDescent="0.3">
      <c r="A3" s="5" t="s">
        <v>2723</v>
      </c>
      <c r="B3" t="s">
        <v>2724</v>
      </c>
    </row>
    <row r="4" spans="1:2" x14ac:dyDescent="0.3">
      <c r="A4" s="7">
        <v>1</v>
      </c>
      <c r="B4">
        <v>94924.87</v>
      </c>
    </row>
    <row r="5" spans="1:2" x14ac:dyDescent="0.3">
      <c r="A5" s="7">
        <v>2</v>
      </c>
      <c r="B5">
        <v>59751.260000000017</v>
      </c>
    </row>
    <row r="6" spans="1:2" x14ac:dyDescent="0.3">
      <c r="A6" s="7">
        <v>3</v>
      </c>
      <c r="B6">
        <v>205005.51000000036</v>
      </c>
    </row>
    <row r="7" spans="1:2" x14ac:dyDescent="0.3">
      <c r="A7" s="7">
        <v>4</v>
      </c>
      <c r="B7">
        <v>137480.78999999989</v>
      </c>
    </row>
    <row r="8" spans="1:2" x14ac:dyDescent="0.3">
      <c r="A8" s="7">
        <v>5</v>
      </c>
      <c r="B8">
        <v>155028.82999999993</v>
      </c>
    </row>
    <row r="9" spans="1:2" x14ac:dyDescent="0.3">
      <c r="A9" s="7">
        <v>6</v>
      </c>
      <c r="B9">
        <v>152718.72000000006</v>
      </c>
    </row>
    <row r="10" spans="1:2" x14ac:dyDescent="0.3">
      <c r="A10" s="7">
        <v>7</v>
      </c>
      <c r="B10">
        <v>147238.11000000004</v>
      </c>
    </row>
    <row r="11" spans="1:2" x14ac:dyDescent="0.3">
      <c r="A11" s="7">
        <v>8</v>
      </c>
      <c r="B11">
        <v>159043.99000000008</v>
      </c>
    </row>
    <row r="12" spans="1:2" x14ac:dyDescent="0.3">
      <c r="A12" s="7">
        <v>9</v>
      </c>
      <c r="B12">
        <v>307649.96000000049</v>
      </c>
    </row>
    <row r="13" spans="1:2" x14ac:dyDescent="0.3">
      <c r="A13" s="7">
        <v>10</v>
      </c>
      <c r="B13">
        <v>200323.02999999994</v>
      </c>
    </row>
    <row r="14" spans="1:2" x14ac:dyDescent="0.3">
      <c r="A14" s="7">
        <v>11</v>
      </c>
      <c r="B14">
        <v>352461.08999999944</v>
      </c>
    </row>
    <row r="15" spans="1:2" x14ac:dyDescent="0.3">
      <c r="A15" s="7">
        <v>12</v>
      </c>
      <c r="B15">
        <v>325293.54000000033</v>
      </c>
    </row>
  </sheetData>
  <pageMargins left="0.7" right="0.7" top="0.75" bottom="0.75" header="0.3" footer="0.3"/>
  <drawing r:id="rId2"/>
  <extLst>
    <ext xmlns:x14="http://schemas.microsoft.com/office/spreadsheetml/2009/9/main" uri="{A8765BA9-456A-4dab-B4F3-ACF838C121DE}">
      <x14:slicerList>
        <x14:slicer r:id="rId3"/>
      </x14:slicerList>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3:D796"/>
  <sheetViews>
    <sheetView workbookViewId="0">
      <selection activeCell="G26" sqref="G26"/>
    </sheetView>
  </sheetViews>
  <sheetFormatPr defaultRowHeight="14.4" x14ac:dyDescent="0.3"/>
  <cols>
    <col min="1" max="1" width="20.44140625" customWidth="1"/>
    <col min="2" max="2" width="12.109375" customWidth="1"/>
  </cols>
  <sheetData>
    <row r="3" spans="1:4" x14ac:dyDescent="0.3">
      <c r="A3" s="5" t="s">
        <v>2723</v>
      </c>
      <c r="B3" t="s">
        <v>2726</v>
      </c>
    </row>
    <row r="4" spans="1:4" x14ac:dyDescent="0.3">
      <c r="A4" s="6" t="s">
        <v>1575</v>
      </c>
      <c r="B4">
        <v>8981.32</v>
      </c>
      <c r="C4" t="str">
        <f t="shared" ref="C4:D8" si="0">A4</f>
        <v>Tamara Chand</v>
      </c>
      <c r="D4">
        <f t="shared" si="0"/>
        <v>8981.32</v>
      </c>
    </row>
    <row r="5" spans="1:4" x14ac:dyDescent="0.3">
      <c r="A5" s="6" t="s">
        <v>2473</v>
      </c>
      <c r="B5">
        <v>6976.09</v>
      </c>
      <c r="C5" t="str">
        <f t="shared" si="0"/>
        <v>Raymond Buch</v>
      </c>
      <c r="D5">
        <f t="shared" si="0"/>
        <v>6976.09</v>
      </c>
    </row>
    <row r="6" spans="1:4" x14ac:dyDescent="0.3">
      <c r="A6" s="6" t="s">
        <v>192</v>
      </c>
      <c r="B6">
        <v>5757.42</v>
      </c>
      <c r="C6" t="str">
        <f t="shared" si="0"/>
        <v>Sanjit Chand</v>
      </c>
      <c r="D6">
        <f t="shared" si="0"/>
        <v>5757.42</v>
      </c>
    </row>
    <row r="7" spans="1:4" x14ac:dyDescent="0.3">
      <c r="A7" s="6" t="s">
        <v>99</v>
      </c>
      <c r="B7">
        <v>5622.43</v>
      </c>
      <c r="C7" t="str">
        <f t="shared" si="0"/>
        <v>Hunter Lopez</v>
      </c>
      <c r="D7">
        <f t="shared" si="0"/>
        <v>5622.43</v>
      </c>
    </row>
    <row r="8" spans="1:4" x14ac:dyDescent="0.3">
      <c r="A8" s="6" t="s">
        <v>1816</v>
      </c>
      <c r="B8">
        <v>5444.8099999999995</v>
      </c>
      <c r="C8" t="str">
        <f t="shared" si="0"/>
        <v>Adrian Barton</v>
      </c>
      <c r="D8">
        <f t="shared" si="0"/>
        <v>5444.8099999999995</v>
      </c>
    </row>
    <row r="9" spans="1:4" x14ac:dyDescent="0.3">
      <c r="A9" s="6" t="s">
        <v>1281</v>
      </c>
      <c r="B9">
        <v>4703.8</v>
      </c>
    </row>
    <row r="10" spans="1:4" x14ac:dyDescent="0.3">
      <c r="A10" s="6" t="s">
        <v>1947</v>
      </c>
      <c r="B10">
        <v>3899.9099999999994</v>
      </c>
    </row>
    <row r="11" spans="1:4" x14ac:dyDescent="0.3">
      <c r="A11" s="6" t="s">
        <v>1393</v>
      </c>
      <c r="B11">
        <v>3038.58</v>
      </c>
    </row>
    <row r="12" spans="1:4" x14ac:dyDescent="0.3">
      <c r="A12" s="6" t="s">
        <v>1704</v>
      </c>
      <c r="B12">
        <v>2884.6099999999997</v>
      </c>
    </row>
    <row r="13" spans="1:4" x14ac:dyDescent="0.3">
      <c r="A13" s="6" t="s">
        <v>397</v>
      </c>
      <c r="B13">
        <v>2869.08</v>
      </c>
    </row>
    <row r="14" spans="1:4" x14ac:dyDescent="0.3">
      <c r="A14" s="6" t="s">
        <v>121</v>
      </c>
      <c r="B14">
        <v>2798.3700000000003</v>
      </c>
    </row>
    <row r="15" spans="1:4" x14ac:dyDescent="0.3">
      <c r="A15" s="6" t="s">
        <v>179</v>
      </c>
      <c r="B15">
        <v>2751.69</v>
      </c>
    </row>
    <row r="16" spans="1:4" x14ac:dyDescent="0.3">
      <c r="A16" s="6" t="s">
        <v>508</v>
      </c>
      <c r="B16">
        <v>2650.67</v>
      </c>
    </row>
    <row r="17" spans="1:2" x14ac:dyDescent="0.3">
      <c r="A17" s="6" t="s">
        <v>614</v>
      </c>
      <c r="B17">
        <v>2616.06</v>
      </c>
    </row>
    <row r="18" spans="1:2" x14ac:dyDescent="0.3">
      <c r="A18" s="6" t="s">
        <v>991</v>
      </c>
      <c r="B18">
        <v>2437.9699999999993</v>
      </c>
    </row>
    <row r="19" spans="1:2" x14ac:dyDescent="0.3">
      <c r="A19" s="6" t="s">
        <v>1513</v>
      </c>
      <c r="B19">
        <v>2371.7300000000005</v>
      </c>
    </row>
    <row r="20" spans="1:2" x14ac:dyDescent="0.3">
      <c r="A20" s="6" t="s">
        <v>922</v>
      </c>
      <c r="B20">
        <v>2199.2800000000002</v>
      </c>
    </row>
    <row r="21" spans="1:2" x14ac:dyDescent="0.3">
      <c r="A21" s="6" t="s">
        <v>2527</v>
      </c>
      <c r="B21">
        <v>2177.0500000000002</v>
      </c>
    </row>
    <row r="22" spans="1:2" x14ac:dyDescent="0.3">
      <c r="A22" s="6" t="s">
        <v>2047</v>
      </c>
      <c r="B22">
        <v>2173.71</v>
      </c>
    </row>
    <row r="23" spans="1:2" x14ac:dyDescent="0.3">
      <c r="A23" s="6" t="s">
        <v>2270</v>
      </c>
      <c r="B23">
        <v>2164.1700000000005</v>
      </c>
    </row>
    <row r="24" spans="1:2" x14ac:dyDescent="0.3">
      <c r="A24" s="6" t="s">
        <v>708</v>
      </c>
      <c r="B24">
        <v>2163.4200000000005</v>
      </c>
    </row>
    <row r="25" spans="1:2" x14ac:dyDescent="0.3">
      <c r="A25" s="6" t="s">
        <v>592</v>
      </c>
      <c r="B25">
        <v>2059.13</v>
      </c>
    </row>
    <row r="26" spans="1:2" x14ac:dyDescent="0.3">
      <c r="A26" s="6" t="s">
        <v>2252</v>
      </c>
      <c r="B26">
        <v>2054.6</v>
      </c>
    </row>
    <row r="27" spans="1:2" x14ac:dyDescent="0.3">
      <c r="A27" s="6" t="s">
        <v>1494</v>
      </c>
      <c r="B27">
        <v>2050.2799999999997</v>
      </c>
    </row>
    <row r="28" spans="1:2" x14ac:dyDescent="0.3">
      <c r="A28" s="6" t="s">
        <v>1592</v>
      </c>
      <c r="B28">
        <v>2038.26</v>
      </c>
    </row>
    <row r="29" spans="1:2" x14ac:dyDescent="0.3">
      <c r="A29" s="6" t="s">
        <v>214</v>
      </c>
      <c r="B29">
        <v>1990.43</v>
      </c>
    </row>
    <row r="30" spans="1:2" x14ac:dyDescent="0.3">
      <c r="A30" s="6" t="s">
        <v>130</v>
      </c>
      <c r="B30">
        <v>1985.1900000000003</v>
      </c>
    </row>
    <row r="31" spans="1:2" x14ac:dyDescent="0.3">
      <c r="A31" s="6" t="s">
        <v>255</v>
      </c>
      <c r="B31">
        <v>1933.7899999999997</v>
      </c>
    </row>
    <row r="32" spans="1:2" x14ac:dyDescent="0.3">
      <c r="A32" s="6" t="s">
        <v>1619</v>
      </c>
      <c r="B32">
        <v>1902.5500000000002</v>
      </c>
    </row>
    <row r="33" spans="1:2" x14ac:dyDescent="0.3">
      <c r="A33" s="6" t="s">
        <v>1664</v>
      </c>
      <c r="B33">
        <v>1869.92</v>
      </c>
    </row>
    <row r="34" spans="1:2" x14ac:dyDescent="0.3">
      <c r="A34" s="6" t="s">
        <v>31</v>
      </c>
      <c r="B34">
        <v>1859.4499999999998</v>
      </c>
    </row>
    <row r="35" spans="1:2" x14ac:dyDescent="0.3">
      <c r="A35" s="6" t="s">
        <v>747</v>
      </c>
      <c r="B35">
        <v>1802.4</v>
      </c>
    </row>
    <row r="36" spans="1:2" x14ac:dyDescent="0.3">
      <c r="A36" s="6" t="s">
        <v>1890</v>
      </c>
      <c r="B36">
        <v>1778.3100000000002</v>
      </c>
    </row>
    <row r="37" spans="1:2" x14ac:dyDescent="0.3">
      <c r="A37" s="6" t="s">
        <v>2211</v>
      </c>
      <c r="B37">
        <v>1756.1400000000006</v>
      </c>
    </row>
    <row r="38" spans="1:2" x14ac:dyDescent="0.3">
      <c r="A38" s="6" t="s">
        <v>1810</v>
      </c>
      <c r="B38">
        <v>1742.7400000000002</v>
      </c>
    </row>
    <row r="39" spans="1:2" x14ac:dyDescent="0.3">
      <c r="A39" s="6" t="s">
        <v>1302</v>
      </c>
      <c r="B39">
        <v>1677.4100000000005</v>
      </c>
    </row>
    <row r="40" spans="1:2" x14ac:dyDescent="0.3">
      <c r="A40" s="6" t="s">
        <v>691</v>
      </c>
      <c r="B40">
        <v>1665.52</v>
      </c>
    </row>
    <row r="41" spans="1:2" x14ac:dyDescent="0.3">
      <c r="A41" s="6" t="s">
        <v>1384</v>
      </c>
      <c r="B41">
        <v>1660.1200000000001</v>
      </c>
    </row>
    <row r="42" spans="1:2" x14ac:dyDescent="0.3">
      <c r="A42" s="6" t="s">
        <v>2264</v>
      </c>
      <c r="B42">
        <v>1641.8600000000001</v>
      </c>
    </row>
    <row r="43" spans="1:2" x14ac:dyDescent="0.3">
      <c r="A43" s="6" t="s">
        <v>1465</v>
      </c>
      <c r="B43">
        <v>1623.41</v>
      </c>
    </row>
    <row r="44" spans="1:2" x14ac:dyDescent="0.3">
      <c r="A44" s="6" t="s">
        <v>1634</v>
      </c>
      <c r="B44">
        <v>1619.55</v>
      </c>
    </row>
    <row r="45" spans="1:2" x14ac:dyDescent="0.3">
      <c r="A45" s="6" t="s">
        <v>1054</v>
      </c>
      <c r="B45">
        <v>1617.8100000000002</v>
      </c>
    </row>
    <row r="46" spans="1:2" x14ac:dyDescent="0.3">
      <c r="A46" s="6" t="s">
        <v>1906</v>
      </c>
      <c r="B46">
        <v>1586.6399999999999</v>
      </c>
    </row>
    <row r="47" spans="1:2" x14ac:dyDescent="0.3">
      <c r="A47" s="6" t="s">
        <v>1660</v>
      </c>
      <c r="B47">
        <v>1574.6100000000006</v>
      </c>
    </row>
    <row r="48" spans="1:2" x14ac:dyDescent="0.3">
      <c r="A48" s="6" t="s">
        <v>1961</v>
      </c>
      <c r="B48">
        <v>1572.44</v>
      </c>
    </row>
    <row r="49" spans="1:2" x14ac:dyDescent="0.3">
      <c r="A49" s="6" t="s">
        <v>909</v>
      </c>
      <c r="B49">
        <v>1571.83</v>
      </c>
    </row>
    <row r="50" spans="1:2" x14ac:dyDescent="0.3">
      <c r="A50" s="6" t="s">
        <v>529</v>
      </c>
      <c r="B50">
        <v>1538.22</v>
      </c>
    </row>
    <row r="51" spans="1:2" x14ac:dyDescent="0.3">
      <c r="A51" s="6" t="s">
        <v>1180</v>
      </c>
      <c r="B51">
        <v>1495.1100000000001</v>
      </c>
    </row>
    <row r="52" spans="1:2" x14ac:dyDescent="0.3">
      <c r="A52" s="6" t="s">
        <v>2431</v>
      </c>
      <c r="B52">
        <v>1487.79</v>
      </c>
    </row>
    <row r="53" spans="1:2" x14ac:dyDescent="0.3">
      <c r="A53" s="6" t="s">
        <v>874</v>
      </c>
      <c r="B53">
        <v>1448.56</v>
      </c>
    </row>
    <row r="54" spans="1:2" x14ac:dyDescent="0.3">
      <c r="A54" s="6" t="s">
        <v>741</v>
      </c>
      <c r="B54">
        <v>1415.6700000000003</v>
      </c>
    </row>
    <row r="55" spans="1:2" x14ac:dyDescent="0.3">
      <c r="A55" s="6" t="s">
        <v>524</v>
      </c>
      <c r="B55">
        <v>1393.4899999999998</v>
      </c>
    </row>
    <row r="56" spans="1:2" x14ac:dyDescent="0.3">
      <c r="A56" s="6" t="s">
        <v>1533</v>
      </c>
      <c r="B56">
        <v>1366.01</v>
      </c>
    </row>
    <row r="57" spans="1:2" x14ac:dyDescent="0.3">
      <c r="A57" s="6" t="s">
        <v>751</v>
      </c>
      <c r="B57">
        <v>1348.75</v>
      </c>
    </row>
    <row r="58" spans="1:2" x14ac:dyDescent="0.3">
      <c r="A58" s="6" t="s">
        <v>970</v>
      </c>
      <c r="B58">
        <v>1319.3700000000003</v>
      </c>
    </row>
    <row r="59" spans="1:2" x14ac:dyDescent="0.3">
      <c r="A59" s="6" t="s">
        <v>1554</v>
      </c>
      <c r="B59">
        <v>1319.0700000000002</v>
      </c>
    </row>
    <row r="60" spans="1:2" x14ac:dyDescent="0.3">
      <c r="A60" s="6" t="s">
        <v>1008</v>
      </c>
      <c r="B60">
        <v>1314.77</v>
      </c>
    </row>
    <row r="61" spans="1:2" x14ac:dyDescent="0.3">
      <c r="A61" s="6" t="s">
        <v>1722</v>
      </c>
      <c r="B61">
        <v>1308.5599999999997</v>
      </c>
    </row>
    <row r="62" spans="1:2" x14ac:dyDescent="0.3">
      <c r="A62" s="6" t="s">
        <v>1637</v>
      </c>
      <c r="B62">
        <v>1305.6399999999999</v>
      </c>
    </row>
    <row r="63" spans="1:2" x14ac:dyDescent="0.3">
      <c r="A63" s="6" t="s">
        <v>442</v>
      </c>
      <c r="B63">
        <v>1297.9999999999998</v>
      </c>
    </row>
    <row r="64" spans="1:2" x14ac:dyDescent="0.3">
      <c r="A64" s="6" t="s">
        <v>497</v>
      </c>
      <c r="B64">
        <v>1292.8700000000001</v>
      </c>
    </row>
    <row r="65" spans="1:2" x14ac:dyDescent="0.3">
      <c r="A65" s="6" t="s">
        <v>1642</v>
      </c>
      <c r="B65">
        <v>1290.3400000000004</v>
      </c>
    </row>
    <row r="66" spans="1:2" x14ac:dyDescent="0.3">
      <c r="A66" s="6" t="s">
        <v>1628</v>
      </c>
      <c r="B66">
        <v>1289.45</v>
      </c>
    </row>
    <row r="67" spans="1:2" x14ac:dyDescent="0.3">
      <c r="A67" s="6" t="s">
        <v>566</v>
      </c>
      <c r="B67">
        <v>1288.3600000000004</v>
      </c>
    </row>
    <row r="68" spans="1:2" x14ac:dyDescent="0.3">
      <c r="A68" s="6" t="s">
        <v>767</v>
      </c>
      <c r="B68">
        <v>1276.6400000000003</v>
      </c>
    </row>
    <row r="69" spans="1:2" x14ac:dyDescent="0.3">
      <c r="A69" s="6" t="s">
        <v>1172</v>
      </c>
      <c r="B69">
        <v>1262.2800000000002</v>
      </c>
    </row>
    <row r="70" spans="1:2" x14ac:dyDescent="0.3">
      <c r="A70" s="6" t="s">
        <v>1087</v>
      </c>
      <c r="B70">
        <v>1240.2300000000002</v>
      </c>
    </row>
    <row r="71" spans="1:2" x14ac:dyDescent="0.3">
      <c r="A71" s="6" t="s">
        <v>1171</v>
      </c>
      <c r="B71">
        <v>1238.43</v>
      </c>
    </row>
    <row r="72" spans="1:2" x14ac:dyDescent="0.3">
      <c r="A72" s="6" t="s">
        <v>356</v>
      </c>
      <c r="B72">
        <v>1227.5100000000002</v>
      </c>
    </row>
    <row r="73" spans="1:2" x14ac:dyDescent="0.3">
      <c r="A73" s="6" t="s">
        <v>937</v>
      </c>
      <c r="B73">
        <v>1219.98</v>
      </c>
    </row>
    <row r="74" spans="1:2" x14ac:dyDescent="0.3">
      <c r="A74" s="6" t="s">
        <v>2114</v>
      </c>
      <c r="B74">
        <v>1217.1799999999998</v>
      </c>
    </row>
    <row r="75" spans="1:2" x14ac:dyDescent="0.3">
      <c r="A75" s="6" t="s">
        <v>666</v>
      </c>
      <c r="B75">
        <v>1208.9100000000001</v>
      </c>
    </row>
    <row r="76" spans="1:2" x14ac:dyDescent="0.3">
      <c r="A76" s="6" t="s">
        <v>489</v>
      </c>
      <c r="B76">
        <v>1206.3899999999999</v>
      </c>
    </row>
    <row r="77" spans="1:2" x14ac:dyDescent="0.3">
      <c r="A77" s="6" t="s">
        <v>333</v>
      </c>
      <c r="B77">
        <v>1203.69</v>
      </c>
    </row>
    <row r="78" spans="1:2" x14ac:dyDescent="0.3">
      <c r="A78" s="6" t="s">
        <v>57</v>
      </c>
      <c r="B78">
        <v>1199.45</v>
      </c>
    </row>
    <row r="79" spans="1:2" x14ac:dyDescent="0.3">
      <c r="A79" s="6" t="s">
        <v>1687</v>
      </c>
      <c r="B79">
        <v>1196.95</v>
      </c>
    </row>
    <row r="80" spans="1:2" x14ac:dyDescent="0.3">
      <c r="A80" s="6" t="s">
        <v>1668</v>
      </c>
      <c r="B80">
        <v>1193.7399999999998</v>
      </c>
    </row>
    <row r="81" spans="1:2" x14ac:dyDescent="0.3">
      <c r="A81" s="6" t="s">
        <v>825</v>
      </c>
      <c r="B81">
        <v>1176.4099999999999</v>
      </c>
    </row>
    <row r="82" spans="1:2" x14ac:dyDescent="0.3">
      <c r="A82" s="6" t="s">
        <v>1331</v>
      </c>
      <c r="B82">
        <v>1172.53</v>
      </c>
    </row>
    <row r="83" spans="1:2" x14ac:dyDescent="0.3">
      <c r="A83" s="6" t="s">
        <v>668</v>
      </c>
      <c r="B83">
        <v>1158.71</v>
      </c>
    </row>
    <row r="84" spans="1:2" x14ac:dyDescent="0.3">
      <c r="A84" s="6" t="s">
        <v>2187</v>
      </c>
      <c r="B84">
        <v>1155.45</v>
      </c>
    </row>
    <row r="85" spans="1:2" x14ac:dyDescent="0.3">
      <c r="A85" s="6" t="s">
        <v>138</v>
      </c>
      <c r="B85">
        <v>1143.3900000000001</v>
      </c>
    </row>
    <row r="86" spans="1:2" x14ac:dyDescent="0.3">
      <c r="A86" s="6" t="s">
        <v>155</v>
      </c>
      <c r="B86">
        <v>1142.1299999999999</v>
      </c>
    </row>
    <row r="87" spans="1:2" x14ac:dyDescent="0.3">
      <c r="A87" s="6" t="s">
        <v>2110</v>
      </c>
      <c r="B87">
        <v>1135.8400000000001</v>
      </c>
    </row>
    <row r="88" spans="1:2" x14ac:dyDescent="0.3">
      <c r="A88" s="6" t="s">
        <v>2020</v>
      </c>
      <c r="B88">
        <v>1129.1299999999999</v>
      </c>
    </row>
    <row r="89" spans="1:2" x14ac:dyDescent="0.3">
      <c r="A89" s="6" t="s">
        <v>2384</v>
      </c>
      <c r="B89">
        <v>1124.5</v>
      </c>
    </row>
    <row r="90" spans="1:2" x14ac:dyDescent="0.3">
      <c r="A90" s="6" t="s">
        <v>1041</v>
      </c>
      <c r="B90">
        <v>1121.93</v>
      </c>
    </row>
    <row r="91" spans="1:2" x14ac:dyDescent="0.3">
      <c r="A91" s="6" t="s">
        <v>1597</v>
      </c>
      <c r="B91">
        <v>1107.6999999999996</v>
      </c>
    </row>
    <row r="92" spans="1:2" x14ac:dyDescent="0.3">
      <c r="A92" s="6" t="s">
        <v>2093</v>
      </c>
      <c r="B92">
        <v>1094.5099999999998</v>
      </c>
    </row>
    <row r="93" spans="1:2" x14ac:dyDescent="0.3">
      <c r="A93" s="6" t="s">
        <v>1073</v>
      </c>
      <c r="B93">
        <v>1087.75</v>
      </c>
    </row>
    <row r="94" spans="1:2" x14ac:dyDescent="0.3">
      <c r="A94" s="6" t="s">
        <v>1527</v>
      </c>
      <c r="B94">
        <v>1085.75</v>
      </c>
    </row>
    <row r="95" spans="1:2" x14ac:dyDescent="0.3">
      <c r="A95" s="6" t="s">
        <v>482</v>
      </c>
      <c r="B95">
        <v>1073.29</v>
      </c>
    </row>
    <row r="96" spans="1:2" x14ac:dyDescent="0.3">
      <c r="A96" s="6" t="s">
        <v>1447</v>
      </c>
      <c r="B96">
        <v>1073.1900000000005</v>
      </c>
    </row>
    <row r="97" spans="1:2" x14ac:dyDescent="0.3">
      <c r="A97" s="6" t="s">
        <v>2106</v>
      </c>
      <c r="B97">
        <v>1054.5400000000002</v>
      </c>
    </row>
    <row r="98" spans="1:2" x14ac:dyDescent="0.3">
      <c r="A98" s="6" t="s">
        <v>386</v>
      </c>
      <c r="B98">
        <v>1050.26</v>
      </c>
    </row>
    <row r="99" spans="1:2" x14ac:dyDescent="0.3">
      <c r="A99" s="6" t="s">
        <v>1882</v>
      </c>
      <c r="B99">
        <v>1049.55</v>
      </c>
    </row>
    <row r="100" spans="1:2" x14ac:dyDescent="0.3">
      <c r="A100" s="6" t="s">
        <v>847</v>
      </c>
      <c r="B100">
        <v>1023.1200000000002</v>
      </c>
    </row>
    <row r="101" spans="1:2" x14ac:dyDescent="0.3">
      <c r="A101" s="6" t="s">
        <v>2102</v>
      </c>
      <c r="B101">
        <v>1015.06</v>
      </c>
    </row>
    <row r="102" spans="1:2" x14ac:dyDescent="0.3">
      <c r="A102" s="6" t="s">
        <v>342</v>
      </c>
      <c r="B102">
        <v>1011.73</v>
      </c>
    </row>
    <row r="103" spans="1:2" x14ac:dyDescent="0.3">
      <c r="A103" s="6" t="s">
        <v>1334</v>
      </c>
      <c r="B103">
        <v>1003.2999999999998</v>
      </c>
    </row>
    <row r="104" spans="1:2" x14ac:dyDescent="0.3">
      <c r="A104" s="6" t="s">
        <v>124</v>
      </c>
      <c r="B104">
        <v>975.78</v>
      </c>
    </row>
    <row r="105" spans="1:2" x14ac:dyDescent="0.3">
      <c r="A105" s="6" t="s">
        <v>1195</v>
      </c>
      <c r="B105">
        <v>974.11999999999989</v>
      </c>
    </row>
    <row r="106" spans="1:2" x14ac:dyDescent="0.3">
      <c r="A106" s="6" t="s">
        <v>972</v>
      </c>
      <c r="B106">
        <v>973.77999999999963</v>
      </c>
    </row>
    <row r="107" spans="1:2" x14ac:dyDescent="0.3">
      <c r="A107" s="6" t="s">
        <v>812</v>
      </c>
      <c r="B107">
        <v>956.96999999999991</v>
      </c>
    </row>
    <row r="108" spans="1:2" x14ac:dyDescent="0.3">
      <c r="A108" s="6" t="s">
        <v>1940</v>
      </c>
      <c r="B108">
        <v>937.66</v>
      </c>
    </row>
    <row r="109" spans="1:2" x14ac:dyDescent="0.3">
      <c r="A109" s="6" t="s">
        <v>1962</v>
      </c>
      <c r="B109">
        <v>921.26</v>
      </c>
    </row>
    <row r="110" spans="1:2" x14ac:dyDescent="0.3">
      <c r="A110" s="6" t="s">
        <v>1340</v>
      </c>
      <c r="B110">
        <v>885.47000000000014</v>
      </c>
    </row>
    <row r="111" spans="1:2" x14ac:dyDescent="0.3">
      <c r="A111" s="6" t="s">
        <v>388</v>
      </c>
      <c r="B111">
        <v>881.13</v>
      </c>
    </row>
    <row r="112" spans="1:2" x14ac:dyDescent="0.3">
      <c r="A112" s="6" t="s">
        <v>586</v>
      </c>
      <c r="B112">
        <v>867.7299999999999</v>
      </c>
    </row>
    <row r="113" spans="1:2" x14ac:dyDescent="0.3">
      <c r="A113" s="6" t="s">
        <v>354</v>
      </c>
      <c r="B113">
        <v>862.90000000000009</v>
      </c>
    </row>
    <row r="114" spans="1:2" x14ac:dyDescent="0.3">
      <c r="A114" s="6" t="s">
        <v>2454</v>
      </c>
      <c r="B114">
        <v>858.75</v>
      </c>
    </row>
    <row r="115" spans="1:2" x14ac:dyDescent="0.3">
      <c r="A115" s="6" t="s">
        <v>860</v>
      </c>
      <c r="B115">
        <v>857.8</v>
      </c>
    </row>
    <row r="116" spans="1:2" x14ac:dyDescent="0.3">
      <c r="A116" s="6" t="s">
        <v>365</v>
      </c>
      <c r="B116">
        <v>850.15</v>
      </c>
    </row>
    <row r="117" spans="1:2" x14ac:dyDescent="0.3">
      <c r="A117" s="6" t="s">
        <v>1241</v>
      </c>
      <c r="B117">
        <v>846.12000000000012</v>
      </c>
    </row>
    <row r="118" spans="1:2" x14ac:dyDescent="0.3">
      <c r="A118" s="6" t="s">
        <v>1257</v>
      </c>
      <c r="B118">
        <v>844.95</v>
      </c>
    </row>
    <row r="119" spans="1:2" x14ac:dyDescent="0.3">
      <c r="A119" s="6" t="s">
        <v>166</v>
      </c>
      <c r="B119">
        <v>841.83999999999992</v>
      </c>
    </row>
    <row r="120" spans="1:2" x14ac:dyDescent="0.3">
      <c r="A120" s="6" t="s">
        <v>679</v>
      </c>
      <c r="B120">
        <v>840.89</v>
      </c>
    </row>
    <row r="121" spans="1:2" x14ac:dyDescent="0.3">
      <c r="A121" s="6" t="s">
        <v>1285</v>
      </c>
      <c r="B121">
        <v>837.24000000000012</v>
      </c>
    </row>
    <row r="122" spans="1:2" x14ac:dyDescent="0.3">
      <c r="A122" s="6" t="s">
        <v>2010</v>
      </c>
      <c r="B122">
        <v>835.77</v>
      </c>
    </row>
    <row r="123" spans="1:2" x14ac:dyDescent="0.3">
      <c r="A123" s="6" t="s">
        <v>1121</v>
      </c>
      <c r="B123">
        <v>831.93999999999994</v>
      </c>
    </row>
    <row r="124" spans="1:2" x14ac:dyDescent="0.3">
      <c r="A124" s="6" t="s">
        <v>1759</v>
      </c>
      <c r="B124">
        <v>829.18</v>
      </c>
    </row>
    <row r="125" spans="1:2" x14ac:dyDescent="0.3">
      <c r="A125" s="6" t="s">
        <v>1392</v>
      </c>
      <c r="B125">
        <v>828.66</v>
      </c>
    </row>
    <row r="126" spans="1:2" x14ac:dyDescent="0.3">
      <c r="A126" s="6" t="s">
        <v>1011</v>
      </c>
      <c r="B126">
        <v>806.8399999999998</v>
      </c>
    </row>
    <row r="127" spans="1:2" x14ac:dyDescent="0.3">
      <c r="A127" s="6" t="s">
        <v>1466</v>
      </c>
      <c r="B127">
        <v>804.62</v>
      </c>
    </row>
    <row r="128" spans="1:2" x14ac:dyDescent="0.3">
      <c r="A128" s="6" t="s">
        <v>670</v>
      </c>
      <c r="B128">
        <v>803.82</v>
      </c>
    </row>
    <row r="129" spans="1:2" x14ac:dyDescent="0.3">
      <c r="A129" s="6" t="s">
        <v>795</v>
      </c>
      <c r="B129">
        <v>802.8</v>
      </c>
    </row>
    <row r="130" spans="1:2" x14ac:dyDescent="0.3">
      <c r="A130" s="6" t="s">
        <v>2125</v>
      </c>
      <c r="B130">
        <v>793.64</v>
      </c>
    </row>
    <row r="131" spans="1:2" x14ac:dyDescent="0.3">
      <c r="A131" s="6" t="s">
        <v>511</v>
      </c>
      <c r="B131">
        <v>793.29000000000008</v>
      </c>
    </row>
    <row r="132" spans="1:2" x14ac:dyDescent="0.3">
      <c r="A132" s="6" t="s">
        <v>2640</v>
      </c>
      <c r="B132">
        <v>789.64999999999986</v>
      </c>
    </row>
    <row r="133" spans="1:2" x14ac:dyDescent="0.3">
      <c r="A133" s="6" t="s">
        <v>2229</v>
      </c>
      <c r="B133">
        <v>788.95</v>
      </c>
    </row>
    <row r="134" spans="1:2" x14ac:dyDescent="0.3">
      <c r="A134" s="6" t="s">
        <v>449</v>
      </c>
      <c r="B134">
        <v>787.75000000000011</v>
      </c>
    </row>
    <row r="135" spans="1:2" x14ac:dyDescent="0.3">
      <c r="A135" s="6" t="s">
        <v>1003</v>
      </c>
      <c r="B135">
        <v>779.9</v>
      </c>
    </row>
    <row r="136" spans="1:2" x14ac:dyDescent="0.3">
      <c r="A136" s="6" t="s">
        <v>426</v>
      </c>
      <c r="B136">
        <v>763.92</v>
      </c>
    </row>
    <row r="137" spans="1:2" x14ac:dyDescent="0.3">
      <c r="A137" s="6" t="s">
        <v>2380</v>
      </c>
      <c r="B137">
        <v>763.48</v>
      </c>
    </row>
    <row r="138" spans="1:2" x14ac:dyDescent="0.3">
      <c r="A138" s="6" t="s">
        <v>240</v>
      </c>
      <c r="B138">
        <v>760.17</v>
      </c>
    </row>
    <row r="139" spans="1:2" x14ac:dyDescent="0.3">
      <c r="A139" s="6" t="s">
        <v>1144</v>
      </c>
      <c r="B139">
        <v>757.18999999999994</v>
      </c>
    </row>
    <row r="140" spans="1:2" x14ac:dyDescent="0.3">
      <c r="A140" s="6" t="s">
        <v>2443</v>
      </c>
      <c r="B140">
        <v>755.90999999999985</v>
      </c>
    </row>
    <row r="141" spans="1:2" x14ac:dyDescent="0.3">
      <c r="A141" s="6" t="s">
        <v>598</v>
      </c>
      <c r="B141">
        <v>754.12000000000012</v>
      </c>
    </row>
    <row r="142" spans="1:2" x14ac:dyDescent="0.3">
      <c r="A142" s="6" t="s">
        <v>676</v>
      </c>
      <c r="B142">
        <v>751.96999999999991</v>
      </c>
    </row>
    <row r="143" spans="1:2" x14ac:dyDescent="0.3">
      <c r="A143" s="6" t="s">
        <v>748</v>
      </c>
      <c r="B143">
        <v>750.94000000000017</v>
      </c>
    </row>
    <row r="144" spans="1:2" x14ac:dyDescent="0.3">
      <c r="A144" s="6" t="s">
        <v>404</v>
      </c>
      <c r="B144">
        <v>745.76999999999987</v>
      </c>
    </row>
    <row r="145" spans="1:2" x14ac:dyDescent="0.3">
      <c r="A145" s="6" t="s">
        <v>60</v>
      </c>
      <c r="B145">
        <v>738.37</v>
      </c>
    </row>
    <row r="146" spans="1:2" x14ac:dyDescent="0.3">
      <c r="A146" s="6" t="s">
        <v>1825</v>
      </c>
      <c r="B146">
        <v>737.38999999999987</v>
      </c>
    </row>
    <row r="147" spans="1:2" x14ac:dyDescent="0.3">
      <c r="A147" s="6" t="s">
        <v>436</v>
      </c>
      <c r="B147">
        <v>734.52</v>
      </c>
    </row>
    <row r="148" spans="1:2" x14ac:dyDescent="0.3">
      <c r="A148" s="6" t="s">
        <v>663</v>
      </c>
      <c r="B148">
        <v>732.75</v>
      </c>
    </row>
    <row r="149" spans="1:2" x14ac:dyDescent="0.3">
      <c r="A149" s="6" t="s">
        <v>2395</v>
      </c>
      <c r="B149">
        <v>731.57</v>
      </c>
    </row>
    <row r="150" spans="1:2" x14ac:dyDescent="0.3">
      <c r="A150" s="6" t="s">
        <v>1537</v>
      </c>
      <c r="B150">
        <v>727.38</v>
      </c>
    </row>
    <row r="151" spans="1:2" x14ac:dyDescent="0.3">
      <c r="A151" s="6" t="s">
        <v>1259</v>
      </c>
      <c r="B151">
        <v>721.69</v>
      </c>
    </row>
    <row r="152" spans="1:2" x14ac:dyDescent="0.3">
      <c r="A152" s="6" t="s">
        <v>1477</v>
      </c>
      <c r="B152">
        <v>719.7700000000001</v>
      </c>
    </row>
    <row r="153" spans="1:2" x14ac:dyDescent="0.3">
      <c r="A153" s="6" t="s">
        <v>1562</v>
      </c>
      <c r="B153">
        <v>714.34</v>
      </c>
    </row>
    <row r="154" spans="1:2" x14ac:dyDescent="0.3">
      <c r="A154" s="6" t="s">
        <v>1445</v>
      </c>
      <c r="B154">
        <v>714.29</v>
      </c>
    </row>
    <row r="155" spans="1:2" x14ac:dyDescent="0.3">
      <c r="A155" s="6" t="s">
        <v>1075</v>
      </c>
      <c r="B155">
        <v>711.62999999999988</v>
      </c>
    </row>
    <row r="156" spans="1:2" x14ac:dyDescent="0.3">
      <c r="A156" s="6" t="s">
        <v>2307</v>
      </c>
      <c r="B156">
        <v>709.43000000000006</v>
      </c>
    </row>
    <row r="157" spans="1:2" x14ac:dyDescent="0.3">
      <c r="A157" s="6" t="s">
        <v>2533</v>
      </c>
      <c r="B157">
        <v>707.55000000000007</v>
      </c>
    </row>
    <row r="158" spans="1:2" x14ac:dyDescent="0.3">
      <c r="A158" s="6" t="s">
        <v>2208</v>
      </c>
      <c r="B158">
        <v>706.28</v>
      </c>
    </row>
    <row r="159" spans="1:2" x14ac:dyDescent="0.3">
      <c r="A159" s="6" t="s">
        <v>882</v>
      </c>
      <c r="B159">
        <v>698.85</v>
      </c>
    </row>
    <row r="160" spans="1:2" x14ac:dyDescent="0.3">
      <c r="A160" s="6" t="s">
        <v>903</v>
      </c>
      <c r="B160">
        <v>698.42000000000007</v>
      </c>
    </row>
    <row r="161" spans="1:2" x14ac:dyDescent="0.3">
      <c r="A161" s="6" t="s">
        <v>196</v>
      </c>
      <c r="B161">
        <v>684.93000000000018</v>
      </c>
    </row>
    <row r="162" spans="1:2" x14ac:dyDescent="0.3">
      <c r="A162" s="6" t="s">
        <v>1345</v>
      </c>
      <c r="B162">
        <v>684.19999999999993</v>
      </c>
    </row>
    <row r="163" spans="1:2" x14ac:dyDescent="0.3">
      <c r="A163" s="6" t="s">
        <v>486</v>
      </c>
      <c r="B163">
        <v>683.0100000000001</v>
      </c>
    </row>
    <row r="164" spans="1:2" x14ac:dyDescent="0.3">
      <c r="A164" s="6" t="s">
        <v>1740</v>
      </c>
      <c r="B164">
        <v>682.56</v>
      </c>
    </row>
    <row r="165" spans="1:2" x14ac:dyDescent="0.3">
      <c r="A165" s="6" t="s">
        <v>1944</v>
      </c>
      <c r="B165">
        <v>682.17000000000007</v>
      </c>
    </row>
    <row r="166" spans="1:2" x14ac:dyDescent="0.3">
      <c r="A166" s="6" t="s">
        <v>474</v>
      </c>
      <c r="B166">
        <v>671.01</v>
      </c>
    </row>
    <row r="167" spans="1:2" x14ac:dyDescent="0.3">
      <c r="A167" s="6" t="s">
        <v>1096</v>
      </c>
      <c r="B167">
        <v>670.44999999999993</v>
      </c>
    </row>
    <row r="168" spans="1:2" x14ac:dyDescent="0.3">
      <c r="A168" s="6" t="s">
        <v>2509</v>
      </c>
      <c r="B168">
        <v>662.83</v>
      </c>
    </row>
    <row r="169" spans="1:2" x14ac:dyDescent="0.3">
      <c r="A169" s="6" t="s">
        <v>737</v>
      </c>
      <c r="B169">
        <v>656.2</v>
      </c>
    </row>
    <row r="170" spans="1:2" x14ac:dyDescent="0.3">
      <c r="A170" s="6" t="s">
        <v>1120</v>
      </c>
      <c r="B170">
        <v>656.11999999999978</v>
      </c>
    </row>
    <row r="171" spans="1:2" x14ac:dyDescent="0.3">
      <c r="A171" s="6" t="s">
        <v>2100</v>
      </c>
      <c r="B171">
        <v>647.38</v>
      </c>
    </row>
    <row r="172" spans="1:2" x14ac:dyDescent="0.3">
      <c r="A172" s="6" t="s">
        <v>300</v>
      </c>
      <c r="B172">
        <v>640.54999999999984</v>
      </c>
    </row>
    <row r="173" spans="1:2" x14ac:dyDescent="0.3">
      <c r="A173" s="6" t="s">
        <v>2032</v>
      </c>
      <c r="B173">
        <v>638.15000000000009</v>
      </c>
    </row>
    <row r="174" spans="1:2" x14ac:dyDescent="0.3">
      <c r="A174" s="6" t="s">
        <v>828</v>
      </c>
      <c r="B174">
        <v>635.64</v>
      </c>
    </row>
    <row r="175" spans="1:2" x14ac:dyDescent="0.3">
      <c r="A175" s="6" t="s">
        <v>2146</v>
      </c>
      <c r="B175">
        <v>635.12000000000012</v>
      </c>
    </row>
    <row r="176" spans="1:2" x14ac:dyDescent="0.3">
      <c r="A176" s="6" t="s">
        <v>71</v>
      </c>
      <c r="B176">
        <v>634.83000000000004</v>
      </c>
    </row>
    <row r="177" spans="1:2" x14ac:dyDescent="0.3">
      <c r="A177" s="6" t="s">
        <v>683</v>
      </c>
      <c r="B177">
        <v>633.69999999999993</v>
      </c>
    </row>
    <row r="178" spans="1:2" x14ac:dyDescent="0.3">
      <c r="A178" s="6" t="s">
        <v>1069</v>
      </c>
      <c r="B178">
        <v>633.45000000000005</v>
      </c>
    </row>
    <row r="179" spans="1:2" x14ac:dyDescent="0.3">
      <c r="A179" s="6" t="s">
        <v>1210</v>
      </c>
      <c r="B179">
        <v>631.23</v>
      </c>
    </row>
    <row r="180" spans="1:2" x14ac:dyDescent="0.3">
      <c r="A180" s="6" t="s">
        <v>108</v>
      </c>
      <c r="B180">
        <v>621.23</v>
      </c>
    </row>
    <row r="181" spans="1:2" x14ac:dyDescent="0.3">
      <c r="A181" s="6" t="s">
        <v>1796</v>
      </c>
      <c r="B181">
        <v>611.81999999999994</v>
      </c>
    </row>
    <row r="182" spans="1:2" x14ac:dyDescent="0.3">
      <c r="A182" s="6" t="s">
        <v>217</v>
      </c>
      <c r="B182">
        <v>610.13999999999976</v>
      </c>
    </row>
    <row r="183" spans="1:2" x14ac:dyDescent="0.3">
      <c r="A183" s="6" t="s">
        <v>1470</v>
      </c>
      <c r="B183">
        <v>606.37000000000012</v>
      </c>
    </row>
    <row r="184" spans="1:2" x14ac:dyDescent="0.3">
      <c r="A184" s="6" t="s">
        <v>412</v>
      </c>
      <c r="B184">
        <v>600.30000000000018</v>
      </c>
    </row>
    <row r="185" spans="1:2" x14ac:dyDescent="0.3">
      <c r="A185" s="6" t="s">
        <v>467</v>
      </c>
      <c r="B185">
        <v>594.61</v>
      </c>
    </row>
    <row r="186" spans="1:2" x14ac:dyDescent="0.3">
      <c r="A186" s="6" t="s">
        <v>1616</v>
      </c>
      <c r="B186">
        <v>591.71</v>
      </c>
    </row>
    <row r="187" spans="1:2" x14ac:dyDescent="0.3">
      <c r="A187" s="6" t="s">
        <v>2557</v>
      </c>
      <c r="B187">
        <v>591.29999999999984</v>
      </c>
    </row>
    <row r="188" spans="1:2" x14ac:dyDescent="0.3">
      <c r="A188" s="6" t="s">
        <v>2038</v>
      </c>
      <c r="B188">
        <v>586.66999999999996</v>
      </c>
    </row>
    <row r="189" spans="1:2" x14ac:dyDescent="0.3">
      <c r="A189" s="6" t="s">
        <v>1400</v>
      </c>
      <c r="B189">
        <v>581.56999999999994</v>
      </c>
    </row>
    <row r="190" spans="1:2" x14ac:dyDescent="0.3">
      <c r="A190" s="6" t="s">
        <v>28</v>
      </c>
      <c r="B190">
        <v>581.41</v>
      </c>
    </row>
    <row r="191" spans="1:2" x14ac:dyDescent="0.3">
      <c r="A191" s="6" t="s">
        <v>416</v>
      </c>
      <c r="B191">
        <v>580.31000000000006</v>
      </c>
    </row>
    <row r="192" spans="1:2" x14ac:dyDescent="0.3">
      <c r="A192" s="6" t="s">
        <v>451</v>
      </c>
      <c r="B192">
        <v>579.36</v>
      </c>
    </row>
    <row r="193" spans="1:2" x14ac:dyDescent="0.3">
      <c r="A193" s="6" t="s">
        <v>1151</v>
      </c>
      <c r="B193">
        <v>579.31000000000029</v>
      </c>
    </row>
    <row r="194" spans="1:2" x14ac:dyDescent="0.3">
      <c r="A194" s="6" t="s">
        <v>1622</v>
      </c>
      <c r="B194">
        <v>575.12000000000012</v>
      </c>
    </row>
    <row r="195" spans="1:2" x14ac:dyDescent="0.3">
      <c r="A195" s="6" t="s">
        <v>216</v>
      </c>
      <c r="B195">
        <v>573.30000000000007</v>
      </c>
    </row>
    <row r="196" spans="1:2" x14ac:dyDescent="0.3">
      <c r="A196" s="6" t="s">
        <v>2305</v>
      </c>
      <c r="B196">
        <v>570.44999999999993</v>
      </c>
    </row>
    <row r="197" spans="1:2" x14ac:dyDescent="0.3">
      <c r="A197" s="6" t="s">
        <v>1790</v>
      </c>
      <c r="B197">
        <v>566.71</v>
      </c>
    </row>
    <row r="198" spans="1:2" x14ac:dyDescent="0.3">
      <c r="A198" s="6" t="s">
        <v>502</v>
      </c>
      <c r="B198">
        <v>564.97</v>
      </c>
    </row>
    <row r="199" spans="1:2" x14ac:dyDescent="0.3">
      <c r="A199" s="6" t="s">
        <v>1147</v>
      </c>
      <c r="B199">
        <v>563.78</v>
      </c>
    </row>
    <row r="200" spans="1:2" x14ac:dyDescent="0.3">
      <c r="A200" s="6" t="s">
        <v>2204</v>
      </c>
      <c r="B200">
        <v>563.16999999999996</v>
      </c>
    </row>
    <row r="201" spans="1:2" x14ac:dyDescent="0.3">
      <c r="A201" s="6" t="s">
        <v>1543</v>
      </c>
      <c r="B201">
        <v>562.7700000000001</v>
      </c>
    </row>
    <row r="202" spans="1:2" x14ac:dyDescent="0.3">
      <c r="A202" s="6" t="s">
        <v>589</v>
      </c>
      <c r="B202">
        <v>560.02</v>
      </c>
    </row>
    <row r="203" spans="1:2" x14ac:dyDescent="0.3">
      <c r="A203" s="6" t="s">
        <v>1770</v>
      </c>
      <c r="B203">
        <v>558.44999999999993</v>
      </c>
    </row>
    <row r="204" spans="1:2" x14ac:dyDescent="0.3">
      <c r="A204" s="6" t="s">
        <v>1404</v>
      </c>
      <c r="B204">
        <v>557.15</v>
      </c>
    </row>
    <row r="205" spans="1:2" x14ac:dyDescent="0.3">
      <c r="A205" s="6" t="s">
        <v>1780</v>
      </c>
      <c r="B205">
        <v>546.08999999999992</v>
      </c>
    </row>
    <row r="206" spans="1:2" x14ac:dyDescent="0.3">
      <c r="A206" s="6" t="s">
        <v>1338</v>
      </c>
      <c r="B206">
        <v>540.53</v>
      </c>
    </row>
    <row r="207" spans="1:2" x14ac:dyDescent="0.3">
      <c r="A207" s="6" t="s">
        <v>1501</v>
      </c>
      <c r="B207">
        <v>539.94000000000005</v>
      </c>
    </row>
    <row r="208" spans="1:2" x14ac:dyDescent="0.3">
      <c r="A208" s="6" t="s">
        <v>2241</v>
      </c>
      <c r="B208">
        <v>539.71999999999991</v>
      </c>
    </row>
    <row r="209" spans="1:2" x14ac:dyDescent="0.3">
      <c r="A209" s="6" t="s">
        <v>1932</v>
      </c>
      <c r="B209">
        <v>536.4</v>
      </c>
    </row>
    <row r="210" spans="1:2" x14ac:dyDescent="0.3">
      <c r="A210" s="6" t="s">
        <v>1078</v>
      </c>
      <c r="B210">
        <v>535.49</v>
      </c>
    </row>
    <row r="211" spans="1:2" x14ac:dyDescent="0.3">
      <c r="A211" s="6" t="s">
        <v>595</v>
      </c>
      <c r="B211">
        <v>528.19999999999993</v>
      </c>
    </row>
    <row r="212" spans="1:2" x14ac:dyDescent="0.3">
      <c r="A212" s="6" t="s">
        <v>1356</v>
      </c>
      <c r="B212">
        <v>527.98</v>
      </c>
    </row>
    <row r="213" spans="1:2" x14ac:dyDescent="0.3">
      <c r="A213" s="6" t="s">
        <v>2404</v>
      </c>
      <c r="B213">
        <v>526.76</v>
      </c>
    </row>
    <row r="214" spans="1:2" x14ac:dyDescent="0.3">
      <c r="A214" s="6" t="s">
        <v>1137</v>
      </c>
      <c r="B214">
        <v>526.06999999999994</v>
      </c>
    </row>
    <row r="215" spans="1:2" x14ac:dyDescent="0.3">
      <c r="A215" s="6" t="s">
        <v>1583</v>
      </c>
      <c r="B215">
        <v>523.21999999999991</v>
      </c>
    </row>
    <row r="216" spans="1:2" x14ac:dyDescent="0.3">
      <c r="A216" s="6" t="s">
        <v>243</v>
      </c>
      <c r="B216">
        <v>521.14</v>
      </c>
    </row>
    <row r="217" spans="1:2" x14ac:dyDescent="0.3">
      <c r="A217" s="6" t="s">
        <v>1326</v>
      </c>
      <c r="B217">
        <v>520.53</v>
      </c>
    </row>
    <row r="218" spans="1:2" x14ac:dyDescent="0.3">
      <c r="A218" s="6" t="s">
        <v>1802</v>
      </c>
      <c r="B218">
        <v>514.66000000000008</v>
      </c>
    </row>
    <row r="219" spans="1:2" x14ac:dyDescent="0.3">
      <c r="A219" s="6" t="s">
        <v>1925</v>
      </c>
      <c r="B219">
        <v>514.6</v>
      </c>
    </row>
    <row r="220" spans="1:2" x14ac:dyDescent="0.3">
      <c r="A220" s="6" t="s">
        <v>267</v>
      </c>
      <c r="B220">
        <v>514.5</v>
      </c>
    </row>
    <row r="221" spans="1:2" x14ac:dyDescent="0.3">
      <c r="A221" s="6" t="s">
        <v>491</v>
      </c>
      <c r="B221">
        <v>513.54000000000008</v>
      </c>
    </row>
    <row r="222" spans="1:2" x14ac:dyDescent="0.3">
      <c r="A222" s="6" t="s">
        <v>2318</v>
      </c>
      <c r="B222">
        <v>509.02</v>
      </c>
    </row>
    <row r="223" spans="1:2" x14ac:dyDescent="0.3">
      <c r="A223" s="6" t="s">
        <v>2689</v>
      </c>
      <c r="B223">
        <v>502.93</v>
      </c>
    </row>
    <row r="224" spans="1:2" x14ac:dyDescent="0.3">
      <c r="A224" s="6" t="s">
        <v>1166</v>
      </c>
      <c r="B224">
        <v>502.63</v>
      </c>
    </row>
    <row r="225" spans="1:2" x14ac:dyDescent="0.3">
      <c r="A225" s="6" t="s">
        <v>1839</v>
      </c>
      <c r="B225">
        <v>497.69000000000005</v>
      </c>
    </row>
    <row r="226" spans="1:2" x14ac:dyDescent="0.3">
      <c r="A226" s="6" t="s">
        <v>2087</v>
      </c>
      <c r="B226">
        <v>496.10999999999996</v>
      </c>
    </row>
    <row r="227" spans="1:2" x14ac:dyDescent="0.3">
      <c r="A227" s="6" t="s">
        <v>890</v>
      </c>
      <c r="B227">
        <v>494.83000000000004</v>
      </c>
    </row>
    <row r="228" spans="1:2" x14ac:dyDescent="0.3">
      <c r="A228" s="6" t="s">
        <v>393</v>
      </c>
      <c r="B228">
        <v>493.09000000000003</v>
      </c>
    </row>
    <row r="229" spans="1:2" x14ac:dyDescent="0.3">
      <c r="A229" s="6" t="s">
        <v>852</v>
      </c>
      <c r="B229">
        <v>490.96999999999997</v>
      </c>
    </row>
    <row r="230" spans="1:2" x14ac:dyDescent="0.3">
      <c r="A230" s="6" t="s">
        <v>1750</v>
      </c>
      <c r="B230">
        <v>488.15</v>
      </c>
    </row>
    <row r="231" spans="1:2" x14ac:dyDescent="0.3">
      <c r="A231" s="6" t="s">
        <v>522</v>
      </c>
      <c r="B231">
        <v>485.03</v>
      </c>
    </row>
    <row r="232" spans="1:2" x14ac:dyDescent="0.3">
      <c r="A232" s="6" t="s">
        <v>934</v>
      </c>
      <c r="B232">
        <v>484.79</v>
      </c>
    </row>
    <row r="233" spans="1:2" x14ac:dyDescent="0.3">
      <c r="A233" s="6" t="s">
        <v>1765</v>
      </c>
      <c r="B233">
        <v>483.03</v>
      </c>
    </row>
    <row r="234" spans="1:2" x14ac:dyDescent="0.3">
      <c r="A234" s="6" t="s">
        <v>627</v>
      </c>
      <c r="B234">
        <v>481.74999999999994</v>
      </c>
    </row>
    <row r="235" spans="1:2" x14ac:dyDescent="0.3">
      <c r="A235" s="6" t="s">
        <v>793</v>
      </c>
      <c r="B235">
        <v>480.58999999999992</v>
      </c>
    </row>
    <row r="236" spans="1:2" x14ac:dyDescent="0.3">
      <c r="A236" s="6" t="s">
        <v>288</v>
      </c>
      <c r="B236">
        <v>477.23</v>
      </c>
    </row>
    <row r="237" spans="1:2" x14ac:dyDescent="0.3">
      <c r="A237" s="6" t="s">
        <v>920</v>
      </c>
      <c r="B237">
        <v>476.9</v>
      </c>
    </row>
    <row r="238" spans="1:2" x14ac:dyDescent="0.3">
      <c r="A238" s="6" t="s">
        <v>226</v>
      </c>
      <c r="B238">
        <v>473.02000000000004</v>
      </c>
    </row>
    <row r="239" spans="1:2" x14ac:dyDescent="0.3">
      <c r="A239" s="6" t="s">
        <v>711</v>
      </c>
      <c r="B239">
        <v>465.25</v>
      </c>
    </row>
    <row r="240" spans="1:2" x14ac:dyDescent="0.3">
      <c r="A240" s="6" t="s">
        <v>1142</v>
      </c>
      <c r="B240">
        <v>464.47999999999996</v>
      </c>
    </row>
    <row r="241" spans="1:2" x14ac:dyDescent="0.3">
      <c r="A241" s="6" t="s">
        <v>127</v>
      </c>
      <c r="B241">
        <v>463.27</v>
      </c>
    </row>
    <row r="242" spans="1:2" x14ac:dyDescent="0.3">
      <c r="A242" s="6" t="s">
        <v>1250</v>
      </c>
      <c r="B242">
        <v>461.02000000000004</v>
      </c>
    </row>
    <row r="243" spans="1:2" x14ac:dyDescent="0.3">
      <c r="A243" s="6" t="s">
        <v>1309</v>
      </c>
      <c r="B243">
        <v>456.86000000000007</v>
      </c>
    </row>
    <row r="244" spans="1:2" x14ac:dyDescent="0.3">
      <c r="A244" s="6" t="s">
        <v>464</v>
      </c>
      <c r="B244">
        <v>455.53000000000003</v>
      </c>
    </row>
    <row r="245" spans="1:2" x14ac:dyDescent="0.3">
      <c r="A245" s="6" t="s">
        <v>432</v>
      </c>
      <c r="B245">
        <v>454.78999999999996</v>
      </c>
    </row>
    <row r="246" spans="1:2" x14ac:dyDescent="0.3">
      <c r="A246" s="6" t="s">
        <v>2251</v>
      </c>
      <c r="B246">
        <v>452.37</v>
      </c>
    </row>
    <row r="247" spans="1:2" x14ac:dyDescent="0.3">
      <c r="A247" s="6" t="s">
        <v>253</v>
      </c>
      <c r="B247">
        <v>451.88</v>
      </c>
    </row>
    <row r="248" spans="1:2" x14ac:dyDescent="0.3">
      <c r="A248" s="6" t="s">
        <v>1718</v>
      </c>
      <c r="B248">
        <v>447.77</v>
      </c>
    </row>
    <row r="249" spans="1:2" x14ac:dyDescent="0.3">
      <c r="A249" s="6" t="s">
        <v>170</v>
      </c>
      <c r="B249">
        <v>443.34</v>
      </c>
    </row>
    <row r="250" spans="1:2" x14ac:dyDescent="0.3">
      <c r="A250" s="6" t="s">
        <v>733</v>
      </c>
      <c r="B250">
        <v>442.14</v>
      </c>
    </row>
    <row r="251" spans="1:2" x14ac:dyDescent="0.3">
      <c r="A251" s="6" t="s">
        <v>1103</v>
      </c>
      <c r="B251">
        <v>441.32000000000005</v>
      </c>
    </row>
    <row r="252" spans="1:2" x14ac:dyDescent="0.3">
      <c r="A252" s="6" t="s">
        <v>2536</v>
      </c>
      <c r="B252">
        <v>440.14000000000004</v>
      </c>
    </row>
    <row r="253" spans="1:2" x14ac:dyDescent="0.3">
      <c r="A253" s="6" t="s">
        <v>2182</v>
      </c>
      <c r="B253">
        <v>438.91999999999996</v>
      </c>
    </row>
    <row r="254" spans="1:2" x14ac:dyDescent="0.3">
      <c r="A254" s="6" t="s">
        <v>1412</v>
      </c>
      <c r="B254">
        <v>438.8</v>
      </c>
    </row>
    <row r="255" spans="1:2" x14ac:dyDescent="0.3">
      <c r="A255" s="6" t="s">
        <v>372</v>
      </c>
      <c r="B255">
        <v>437.85</v>
      </c>
    </row>
    <row r="256" spans="1:2" x14ac:dyDescent="0.3">
      <c r="A256" s="6" t="s">
        <v>611</v>
      </c>
      <c r="B256">
        <v>435.82</v>
      </c>
    </row>
    <row r="257" spans="1:2" x14ac:dyDescent="0.3">
      <c r="A257" s="6" t="s">
        <v>946</v>
      </c>
      <c r="B257">
        <v>434.53999999999996</v>
      </c>
    </row>
    <row r="258" spans="1:2" x14ac:dyDescent="0.3">
      <c r="A258" s="6" t="s">
        <v>787</v>
      </c>
      <c r="B258">
        <v>433.97999999999996</v>
      </c>
    </row>
    <row r="259" spans="1:2" x14ac:dyDescent="0.3">
      <c r="A259" s="6" t="s">
        <v>1506</v>
      </c>
      <c r="B259">
        <v>431.38</v>
      </c>
    </row>
    <row r="260" spans="1:2" x14ac:dyDescent="0.3">
      <c r="A260" s="6" t="s">
        <v>1160</v>
      </c>
      <c r="B260">
        <v>429.74000000000007</v>
      </c>
    </row>
    <row r="261" spans="1:2" x14ac:dyDescent="0.3">
      <c r="A261" s="6" t="s">
        <v>1743</v>
      </c>
      <c r="B261">
        <v>427.03</v>
      </c>
    </row>
    <row r="262" spans="1:2" x14ac:dyDescent="0.3">
      <c r="A262" s="6" t="s">
        <v>377</v>
      </c>
      <c r="B262">
        <v>426.65</v>
      </c>
    </row>
    <row r="263" spans="1:2" x14ac:dyDescent="0.3">
      <c r="A263" s="6" t="s">
        <v>2224</v>
      </c>
      <c r="B263">
        <v>424.63</v>
      </c>
    </row>
    <row r="264" spans="1:2" x14ac:dyDescent="0.3">
      <c r="A264" s="6" t="s">
        <v>568</v>
      </c>
      <c r="B264">
        <v>417.57999999999993</v>
      </c>
    </row>
    <row r="265" spans="1:2" x14ac:dyDescent="0.3">
      <c r="A265" s="6" t="s">
        <v>2579</v>
      </c>
      <c r="B265">
        <v>409.51</v>
      </c>
    </row>
    <row r="266" spans="1:2" x14ac:dyDescent="0.3">
      <c r="A266" s="6" t="s">
        <v>694</v>
      </c>
      <c r="B266">
        <v>409.49</v>
      </c>
    </row>
    <row r="267" spans="1:2" x14ac:dyDescent="0.3">
      <c r="A267" s="6" t="s">
        <v>1985</v>
      </c>
      <c r="B267">
        <v>409.07</v>
      </c>
    </row>
    <row r="268" spans="1:2" x14ac:dyDescent="0.3">
      <c r="A268" s="6" t="s">
        <v>1757</v>
      </c>
      <c r="B268">
        <v>406.45999999999992</v>
      </c>
    </row>
    <row r="269" spans="1:2" x14ac:dyDescent="0.3">
      <c r="A269" s="6" t="s">
        <v>158</v>
      </c>
      <c r="B269">
        <v>403.85</v>
      </c>
    </row>
    <row r="270" spans="1:2" x14ac:dyDescent="0.3">
      <c r="A270" s="6" t="s">
        <v>1045</v>
      </c>
      <c r="B270">
        <v>402.42000000000007</v>
      </c>
    </row>
    <row r="271" spans="1:2" x14ac:dyDescent="0.3">
      <c r="A271" s="6" t="s">
        <v>444</v>
      </c>
      <c r="B271">
        <v>397.89</v>
      </c>
    </row>
    <row r="272" spans="1:2" x14ac:dyDescent="0.3">
      <c r="A272" s="6" t="s">
        <v>695</v>
      </c>
      <c r="B272">
        <v>394.74</v>
      </c>
    </row>
    <row r="273" spans="1:2" x14ac:dyDescent="0.3">
      <c r="A273" s="6" t="s">
        <v>1270</v>
      </c>
      <c r="B273">
        <v>393.97</v>
      </c>
    </row>
    <row r="274" spans="1:2" x14ac:dyDescent="0.3">
      <c r="A274" s="6" t="s">
        <v>977</v>
      </c>
      <c r="B274">
        <v>392.28999999999996</v>
      </c>
    </row>
    <row r="275" spans="1:2" x14ac:dyDescent="0.3">
      <c r="A275" s="6" t="s">
        <v>654</v>
      </c>
      <c r="B275">
        <v>392.16</v>
      </c>
    </row>
    <row r="276" spans="1:2" x14ac:dyDescent="0.3">
      <c r="A276" s="6" t="s">
        <v>2549</v>
      </c>
      <c r="B276">
        <v>390.21999999999991</v>
      </c>
    </row>
    <row r="277" spans="1:2" x14ac:dyDescent="0.3">
      <c r="A277" s="6" t="s">
        <v>544</v>
      </c>
      <c r="B277">
        <v>388.20000000000005</v>
      </c>
    </row>
    <row r="278" spans="1:2" x14ac:dyDescent="0.3">
      <c r="A278" s="6" t="s">
        <v>142</v>
      </c>
      <c r="B278">
        <v>387.02</v>
      </c>
    </row>
    <row r="279" spans="1:2" x14ac:dyDescent="0.3">
      <c r="A279" s="6" t="s">
        <v>80</v>
      </c>
      <c r="B279">
        <v>381.78</v>
      </c>
    </row>
    <row r="280" spans="1:2" x14ac:dyDescent="0.3">
      <c r="A280" s="6" t="s">
        <v>1076</v>
      </c>
      <c r="B280">
        <v>379.87999999999994</v>
      </c>
    </row>
    <row r="281" spans="1:2" x14ac:dyDescent="0.3">
      <c r="A281" s="6" t="s">
        <v>2198</v>
      </c>
      <c r="B281">
        <v>379.56</v>
      </c>
    </row>
    <row r="282" spans="1:2" x14ac:dyDescent="0.3">
      <c r="A282" s="6" t="s">
        <v>1220</v>
      </c>
      <c r="B282">
        <v>377.04999999999995</v>
      </c>
    </row>
    <row r="283" spans="1:2" x14ac:dyDescent="0.3">
      <c r="A283" s="6" t="s">
        <v>625</v>
      </c>
      <c r="B283">
        <v>373.86999999999995</v>
      </c>
    </row>
    <row r="284" spans="1:2" x14ac:dyDescent="0.3">
      <c r="A284" s="6" t="s">
        <v>2161</v>
      </c>
      <c r="B284">
        <v>371.25</v>
      </c>
    </row>
    <row r="285" spans="1:2" x14ac:dyDescent="0.3">
      <c r="A285" s="6" t="s">
        <v>802</v>
      </c>
      <c r="B285">
        <v>370.84</v>
      </c>
    </row>
    <row r="286" spans="1:2" x14ac:dyDescent="0.3">
      <c r="A286" s="6" t="s">
        <v>1671</v>
      </c>
      <c r="B286">
        <v>370.16999999999996</v>
      </c>
    </row>
    <row r="287" spans="1:2" x14ac:dyDescent="0.3">
      <c r="A287" s="6" t="s">
        <v>1222</v>
      </c>
      <c r="B287">
        <v>366.43000000000006</v>
      </c>
    </row>
    <row r="288" spans="1:2" x14ac:dyDescent="0.3">
      <c r="A288" s="6" t="s">
        <v>428</v>
      </c>
      <c r="B288">
        <v>365.70000000000005</v>
      </c>
    </row>
    <row r="289" spans="1:2" x14ac:dyDescent="0.3">
      <c r="A289" s="6" t="s">
        <v>557</v>
      </c>
      <c r="B289">
        <v>365.22</v>
      </c>
    </row>
    <row r="290" spans="1:2" x14ac:dyDescent="0.3">
      <c r="A290" s="6" t="s">
        <v>2503</v>
      </c>
      <c r="B290">
        <v>365.03</v>
      </c>
    </row>
    <row r="291" spans="1:2" x14ac:dyDescent="0.3">
      <c r="A291" s="6" t="s">
        <v>1973</v>
      </c>
      <c r="B291">
        <v>363.59000000000003</v>
      </c>
    </row>
    <row r="292" spans="1:2" x14ac:dyDescent="0.3">
      <c r="A292" s="6" t="s">
        <v>1661</v>
      </c>
      <c r="B292">
        <v>359.83000000000004</v>
      </c>
    </row>
    <row r="293" spans="1:2" x14ac:dyDescent="0.3">
      <c r="A293" s="6" t="s">
        <v>1287</v>
      </c>
      <c r="B293">
        <v>356.53000000000003</v>
      </c>
    </row>
    <row r="294" spans="1:2" x14ac:dyDescent="0.3">
      <c r="A294" s="6" t="s">
        <v>2525</v>
      </c>
      <c r="B294">
        <v>354.63</v>
      </c>
    </row>
    <row r="295" spans="1:2" x14ac:dyDescent="0.3">
      <c r="A295" s="6" t="s">
        <v>68</v>
      </c>
      <c r="B295">
        <v>353.63999999999987</v>
      </c>
    </row>
    <row r="296" spans="1:2" x14ac:dyDescent="0.3">
      <c r="A296" s="6" t="s">
        <v>858</v>
      </c>
      <c r="B296">
        <v>353.21000000000004</v>
      </c>
    </row>
    <row r="297" spans="1:2" x14ac:dyDescent="0.3">
      <c r="A297" s="6" t="s">
        <v>1474</v>
      </c>
      <c r="B297">
        <v>348.36000000000007</v>
      </c>
    </row>
    <row r="298" spans="1:2" x14ac:dyDescent="0.3">
      <c r="A298" s="6" t="s">
        <v>362</v>
      </c>
      <c r="B298">
        <v>347.2700000000001</v>
      </c>
    </row>
    <row r="299" spans="1:2" x14ac:dyDescent="0.3">
      <c r="A299" s="6" t="s">
        <v>1130</v>
      </c>
      <c r="B299">
        <v>345.25999999999993</v>
      </c>
    </row>
    <row r="300" spans="1:2" x14ac:dyDescent="0.3">
      <c r="A300" s="6" t="s">
        <v>1004</v>
      </c>
      <c r="B300">
        <v>343.66999999999996</v>
      </c>
    </row>
    <row r="301" spans="1:2" x14ac:dyDescent="0.3">
      <c r="A301" s="6" t="s">
        <v>1534</v>
      </c>
      <c r="B301">
        <v>343.64000000000004</v>
      </c>
    </row>
    <row r="302" spans="1:2" x14ac:dyDescent="0.3">
      <c r="A302" s="6" t="s">
        <v>1098</v>
      </c>
      <c r="B302">
        <v>341.90999999999997</v>
      </c>
    </row>
    <row r="303" spans="1:2" x14ac:dyDescent="0.3">
      <c r="A303" s="6" t="s">
        <v>313</v>
      </c>
      <c r="B303">
        <v>340.71999999999997</v>
      </c>
    </row>
    <row r="304" spans="1:2" x14ac:dyDescent="0.3">
      <c r="A304" s="6" t="s">
        <v>2539</v>
      </c>
      <c r="B304">
        <v>338.45</v>
      </c>
    </row>
    <row r="305" spans="1:2" x14ac:dyDescent="0.3">
      <c r="A305" s="6" t="s">
        <v>650</v>
      </c>
      <c r="B305">
        <v>334.51</v>
      </c>
    </row>
    <row r="306" spans="1:2" x14ac:dyDescent="0.3">
      <c r="A306" s="6" t="s">
        <v>2137</v>
      </c>
      <c r="B306">
        <v>333.99000000000007</v>
      </c>
    </row>
    <row r="307" spans="1:2" x14ac:dyDescent="0.3">
      <c r="A307" s="6" t="s">
        <v>723</v>
      </c>
      <c r="B307">
        <v>333.36999999999955</v>
      </c>
    </row>
    <row r="308" spans="1:2" x14ac:dyDescent="0.3">
      <c r="A308" s="6" t="s">
        <v>274</v>
      </c>
      <c r="B308">
        <v>332.86999999999995</v>
      </c>
    </row>
    <row r="309" spans="1:2" x14ac:dyDescent="0.3">
      <c r="A309" s="6" t="s">
        <v>1679</v>
      </c>
      <c r="B309">
        <v>332.33000000000004</v>
      </c>
    </row>
    <row r="310" spans="1:2" x14ac:dyDescent="0.3">
      <c r="A310" s="6" t="s">
        <v>1185</v>
      </c>
      <c r="B310">
        <v>331.45000000000005</v>
      </c>
    </row>
    <row r="311" spans="1:2" x14ac:dyDescent="0.3">
      <c r="A311" s="6" t="s">
        <v>504</v>
      </c>
      <c r="B311">
        <v>330.29</v>
      </c>
    </row>
    <row r="312" spans="1:2" x14ac:dyDescent="0.3">
      <c r="A312" s="6" t="s">
        <v>2293</v>
      </c>
      <c r="B312">
        <v>330.20000000000005</v>
      </c>
    </row>
    <row r="313" spans="1:2" x14ac:dyDescent="0.3">
      <c r="A313" s="6" t="s">
        <v>238</v>
      </c>
      <c r="B313">
        <v>329.77</v>
      </c>
    </row>
    <row r="314" spans="1:2" x14ac:dyDescent="0.3">
      <c r="A314" s="6" t="s">
        <v>1206</v>
      </c>
      <c r="B314">
        <v>328.59</v>
      </c>
    </row>
    <row r="315" spans="1:2" x14ac:dyDescent="0.3">
      <c r="A315" s="6" t="s">
        <v>1015</v>
      </c>
      <c r="B315">
        <v>328.08</v>
      </c>
    </row>
    <row r="316" spans="1:2" x14ac:dyDescent="0.3">
      <c r="A316" s="6" t="s">
        <v>883</v>
      </c>
      <c r="B316">
        <v>322.24000000000007</v>
      </c>
    </row>
    <row r="317" spans="1:2" x14ac:dyDescent="0.3">
      <c r="A317" s="6" t="s">
        <v>759</v>
      </c>
      <c r="B317">
        <v>320.98</v>
      </c>
    </row>
    <row r="318" spans="1:2" x14ac:dyDescent="0.3">
      <c r="A318" s="6" t="s">
        <v>1484</v>
      </c>
      <c r="B318">
        <v>320.49</v>
      </c>
    </row>
    <row r="319" spans="1:2" x14ac:dyDescent="0.3">
      <c r="A319" s="6" t="s">
        <v>2297</v>
      </c>
      <c r="B319">
        <v>319.14</v>
      </c>
    </row>
    <row r="320" spans="1:2" x14ac:dyDescent="0.3">
      <c r="A320" s="6" t="s">
        <v>1512</v>
      </c>
      <c r="B320">
        <v>318.45</v>
      </c>
    </row>
    <row r="321" spans="1:2" x14ac:dyDescent="0.3">
      <c r="A321" s="6" t="s">
        <v>2382</v>
      </c>
      <c r="B321">
        <v>317.96999999999997</v>
      </c>
    </row>
    <row r="322" spans="1:2" x14ac:dyDescent="0.3">
      <c r="A322" s="6" t="s">
        <v>1777</v>
      </c>
      <c r="B322">
        <v>316.54000000000002</v>
      </c>
    </row>
    <row r="323" spans="1:2" x14ac:dyDescent="0.3">
      <c r="A323" s="6" t="s">
        <v>1976</v>
      </c>
      <c r="B323">
        <v>315.23</v>
      </c>
    </row>
    <row r="324" spans="1:2" x14ac:dyDescent="0.3">
      <c r="A324" s="6" t="s">
        <v>258</v>
      </c>
      <c r="B324">
        <v>313.65999999999997</v>
      </c>
    </row>
    <row r="325" spans="1:2" x14ac:dyDescent="0.3">
      <c r="A325" s="6" t="s">
        <v>1695</v>
      </c>
      <c r="B325">
        <v>313.63000000000005</v>
      </c>
    </row>
    <row r="326" spans="1:2" x14ac:dyDescent="0.3">
      <c r="A326" s="6" t="s">
        <v>1368</v>
      </c>
      <c r="B326">
        <v>309.70999999999998</v>
      </c>
    </row>
    <row r="327" spans="1:2" x14ac:dyDescent="0.3">
      <c r="A327" s="6" t="s">
        <v>1139</v>
      </c>
      <c r="B327">
        <v>306.92</v>
      </c>
    </row>
    <row r="328" spans="1:2" x14ac:dyDescent="0.3">
      <c r="A328" s="6" t="s">
        <v>888</v>
      </c>
      <c r="B328">
        <v>304.88</v>
      </c>
    </row>
    <row r="329" spans="1:2" x14ac:dyDescent="0.3">
      <c r="A329" s="6" t="s">
        <v>201</v>
      </c>
      <c r="B329">
        <v>302.01000000000005</v>
      </c>
    </row>
    <row r="330" spans="1:2" x14ac:dyDescent="0.3">
      <c r="A330" s="6" t="s">
        <v>1921</v>
      </c>
      <c r="B330">
        <v>299.46999999999997</v>
      </c>
    </row>
    <row r="331" spans="1:2" x14ac:dyDescent="0.3">
      <c r="A331" s="6" t="s">
        <v>2245</v>
      </c>
      <c r="B331">
        <v>298.82</v>
      </c>
    </row>
    <row r="332" spans="1:2" x14ac:dyDescent="0.3">
      <c r="A332" s="6" t="s">
        <v>1885</v>
      </c>
      <c r="B332">
        <v>295.68000000000006</v>
      </c>
    </row>
    <row r="333" spans="1:2" x14ac:dyDescent="0.3">
      <c r="A333" s="6" t="s">
        <v>2322</v>
      </c>
      <c r="B333">
        <v>294.07</v>
      </c>
    </row>
    <row r="334" spans="1:2" x14ac:dyDescent="0.3">
      <c r="A334" s="6" t="s">
        <v>1865</v>
      </c>
      <c r="B334">
        <v>293.56</v>
      </c>
    </row>
    <row r="335" spans="1:2" x14ac:dyDescent="0.3">
      <c r="A335" s="6" t="s">
        <v>2664</v>
      </c>
      <c r="B335">
        <v>292.52999999999997</v>
      </c>
    </row>
    <row r="336" spans="1:2" x14ac:dyDescent="0.3">
      <c r="A336" s="6" t="s">
        <v>1662</v>
      </c>
      <c r="B336">
        <v>291.01</v>
      </c>
    </row>
    <row r="337" spans="1:2" x14ac:dyDescent="0.3">
      <c r="A337" s="6" t="s">
        <v>203</v>
      </c>
      <c r="B337">
        <v>290.82</v>
      </c>
    </row>
    <row r="338" spans="1:2" x14ac:dyDescent="0.3">
      <c r="A338" s="6" t="s">
        <v>688</v>
      </c>
      <c r="B338">
        <v>288.98999999999995</v>
      </c>
    </row>
    <row r="339" spans="1:2" x14ac:dyDescent="0.3">
      <c r="A339" s="6" t="s">
        <v>84</v>
      </c>
      <c r="B339">
        <v>288.87</v>
      </c>
    </row>
    <row r="340" spans="1:2" x14ac:dyDescent="0.3">
      <c r="A340" s="6" t="s">
        <v>211</v>
      </c>
      <c r="B340">
        <v>288.28000000000003</v>
      </c>
    </row>
    <row r="341" spans="1:2" x14ac:dyDescent="0.3">
      <c r="A341" s="6" t="s">
        <v>1827</v>
      </c>
      <c r="B341">
        <v>286.90999999999997</v>
      </c>
    </row>
    <row r="342" spans="1:2" x14ac:dyDescent="0.3">
      <c r="A342" s="6" t="s">
        <v>245</v>
      </c>
      <c r="B342">
        <v>285.8</v>
      </c>
    </row>
    <row r="343" spans="1:2" x14ac:dyDescent="0.3">
      <c r="A343" s="6" t="s">
        <v>1407</v>
      </c>
      <c r="B343">
        <v>282.16999999999996</v>
      </c>
    </row>
    <row r="344" spans="1:2" x14ac:dyDescent="0.3">
      <c r="A344" s="6" t="s">
        <v>1630</v>
      </c>
      <c r="B344">
        <v>281.2000000000001</v>
      </c>
    </row>
    <row r="345" spans="1:2" x14ac:dyDescent="0.3">
      <c r="A345" s="6" t="s">
        <v>901</v>
      </c>
      <c r="B345">
        <v>280.86</v>
      </c>
    </row>
    <row r="346" spans="1:2" x14ac:dyDescent="0.3">
      <c r="A346" s="6" t="s">
        <v>1337</v>
      </c>
      <c r="B346">
        <v>280.77999999999997</v>
      </c>
    </row>
    <row r="347" spans="1:2" x14ac:dyDescent="0.3">
      <c r="A347" s="6" t="s">
        <v>952</v>
      </c>
      <c r="B347">
        <v>280.65999999999997</v>
      </c>
    </row>
    <row r="348" spans="1:2" x14ac:dyDescent="0.3">
      <c r="A348" s="6" t="s">
        <v>1609</v>
      </c>
      <c r="B348">
        <v>280.02</v>
      </c>
    </row>
    <row r="349" spans="1:2" x14ac:dyDescent="0.3">
      <c r="A349" s="6" t="s">
        <v>382</v>
      </c>
      <c r="B349">
        <v>279.62000000000006</v>
      </c>
    </row>
    <row r="350" spans="1:2" x14ac:dyDescent="0.3">
      <c r="A350" s="6" t="s">
        <v>1300</v>
      </c>
      <c r="B350">
        <v>279.58</v>
      </c>
    </row>
    <row r="351" spans="1:2" x14ac:dyDescent="0.3">
      <c r="A351" s="6" t="s">
        <v>2422</v>
      </c>
      <c r="B351">
        <v>278.78000000000009</v>
      </c>
    </row>
    <row r="352" spans="1:2" x14ac:dyDescent="0.3">
      <c r="A352" s="6" t="s">
        <v>1370</v>
      </c>
      <c r="B352">
        <v>278.75</v>
      </c>
    </row>
    <row r="353" spans="1:2" x14ac:dyDescent="0.3">
      <c r="A353" s="6" t="s">
        <v>553</v>
      </c>
      <c r="B353">
        <v>277.39999999999998</v>
      </c>
    </row>
    <row r="354" spans="1:2" x14ac:dyDescent="0.3">
      <c r="A354" s="6" t="s">
        <v>1950</v>
      </c>
      <c r="B354">
        <v>276.24</v>
      </c>
    </row>
    <row r="355" spans="1:2" x14ac:dyDescent="0.3">
      <c r="A355" s="6" t="s">
        <v>2438</v>
      </c>
      <c r="B355">
        <v>274.39999999999998</v>
      </c>
    </row>
    <row r="356" spans="1:2" x14ac:dyDescent="0.3">
      <c r="A356" s="6" t="s">
        <v>2346</v>
      </c>
      <c r="B356">
        <v>274.28000000000003</v>
      </c>
    </row>
    <row r="357" spans="1:2" x14ac:dyDescent="0.3">
      <c r="A357" s="6" t="s">
        <v>150</v>
      </c>
      <c r="B357">
        <v>273.83999999999997</v>
      </c>
    </row>
    <row r="358" spans="1:2" x14ac:dyDescent="0.3">
      <c r="A358" s="6" t="s">
        <v>1870</v>
      </c>
      <c r="B358">
        <v>272.68</v>
      </c>
    </row>
    <row r="359" spans="1:2" x14ac:dyDescent="0.3">
      <c r="A359" s="6" t="s">
        <v>2317</v>
      </c>
      <c r="B359">
        <v>272.39999999999998</v>
      </c>
    </row>
    <row r="360" spans="1:2" x14ac:dyDescent="0.3">
      <c r="A360" s="6" t="s">
        <v>886</v>
      </c>
      <c r="B360">
        <v>270.86000000000007</v>
      </c>
    </row>
    <row r="361" spans="1:2" x14ac:dyDescent="0.3">
      <c r="A361" s="6" t="s">
        <v>2165</v>
      </c>
      <c r="B361">
        <v>269.68999999999994</v>
      </c>
    </row>
    <row r="362" spans="1:2" x14ac:dyDescent="0.3">
      <c r="A362" s="6" t="s">
        <v>2434</v>
      </c>
      <c r="B362">
        <v>268.95999999999998</v>
      </c>
    </row>
    <row r="363" spans="1:2" x14ac:dyDescent="0.3">
      <c r="A363" s="6" t="s">
        <v>535</v>
      </c>
      <c r="B363">
        <v>268.46999999999997</v>
      </c>
    </row>
    <row r="364" spans="1:2" x14ac:dyDescent="0.3">
      <c r="A364" s="6" t="s">
        <v>2699</v>
      </c>
      <c r="B364">
        <v>265.52999999999997</v>
      </c>
    </row>
    <row r="365" spans="1:2" x14ac:dyDescent="0.3">
      <c r="A365" s="6" t="s">
        <v>1002</v>
      </c>
      <c r="B365">
        <v>264.57</v>
      </c>
    </row>
    <row r="366" spans="1:2" x14ac:dyDescent="0.3">
      <c r="A366" s="6" t="s">
        <v>1496</v>
      </c>
      <c r="B366">
        <v>262.62</v>
      </c>
    </row>
    <row r="367" spans="1:2" x14ac:dyDescent="0.3">
      <c r="A367" s="6" t="s">
        <v>621</v>
      </c>
      <c r="B367">
        <v>261.52000000000004</v>
      </c>
    </row>
    <row r="368" spans="1:2" x14ac:dyDescent="0.3">
      <c r="A368" s="6" t="s">
        <v>292</v>
      </c>
      <c r="B368">
        <v>261.23</v>
      </c>
    </row>
    <row r="369" spans="1:2" x14ac:dyDescent="0.3">
      <c r="A369" s="6" t="s">
        <v>559</v>
      </c>
      <c r="B369">
        <v>260.88000000000005</v>
      </c>
    </row>
    <row r="370" spans="1:2" x14ac:dyDescent="0.3">
      <c r="A370" s="6" t="s">
        <v>1797</v>
      </c>
      <c r="B370">
        <v>260.63</v>
      </c>
    </row>
    <row r="371" spans="1:2" x14ac:dyDescent="0.3">
      <c r="A371" s="6" t="s">
        <v>1761</v>
      </c>
      <c r="B371">
        <v>260.60000000000002</v>
      </c>
    </row>
    <row r="372" spans="1:2" x14ac:dyDescent="0.3">
      <c r="A372" s="6" t="s">
        <v>1516</v>
      </c>
      <c r="B372">
        <v>257.90000000000003</v>
      </c>
    </row>
    <row r="373" spans="1:2" x14ac:dyDescent="0.3">
      <c r="A373" s="6" t="s">
        <v>1253</v>
      </c>
      <c r="B373">
        <v>254.02000000000004</v>
      </c>
    </row>
    <row r="374" spans="1:2" x14ac:dyDescent="0.3">
      <c r="A374" s="6" t="s">
        <v>916</v>
      </c>
      <c r="B374">
        <v>251.61000000000007</v>
      </c>
    </row>
    <row r="375" spans="1:2" x14ac:dyDescent="0.3">
      <c r="A375" s="6" t="s">
        <v>1745</v>
      </c>
      <c r="B375">
        <v>249.94</v>
      </c>
    </row>
    <row r="376" spans="1:2" x14ac:dyDescent="0.3">
      <c r="A376" s="6" t="s">
        <v>284</v>
      </c>
      <c r="B376">
        <v>249.67999999999998</v>
      </c>
    </row>
    <row r="377" spans="1:2" x14ac:dyDescent="0.3">
      <c r="A377" s="6" t="s">
        <v>1182</v>
      </c>
      <c r="B377">
        <v>249.13</v>
      </c>
    </row>
    <row r="378" spans="1:2" x14ac:dyDescent="0.3">
      <c r="A378" s="6" t="s">
        <v>1211</v>
      </c>
      <c r="B378">
        <v>247.60999999999999</v>
      </c>
    </row>
    <row r="379" spans="1:2" x14ac:dyDescent="0.3">
      <c r="A379" s="6" t="s">
        <v>379</v>
      </c>
      <c r="B379">
        <v>247.43000000000006</v>
      </c>
    </row>
    <row r="380" spans="1:2" x14ac:dyDescent="0.3">
      <c r="A380" s="6" t="s">
        <v>1112</v>
      </c>
      <c r="B380">
        <v>246.99999999999994</v>
      </c>
    </row>
    <row r="381" spans="1:2" x14ac:dyDescent="0.3">
      <c r="A381" s="6" t="s">
        <v>1416</v>
      </c>
      <c r="B381">
        <v>246.68</v>
      </c>
    </row>
    <row r="382" spans="1:2" x14ac:dyDescent="0.3">
      <c r="A382" s="6" t="s">
        <v>966</v>
      </c>
      <c r="B382">
        <v>246.01</v>
      </c>
    </row>
    <row r="383" spans="1:2" x14ac:dyDescent="0.3">
      <c r="A383" s="6" t="s">
        <v>1482</v>
      </c>
      <c r="B383">
        <v>244.19000000000003</v>
      </c>
    </row>
    <row r="384" spans="1:2" x14ac:dyDescent="0.3">
      <c r="A384" s="6" t="s">
        <v>2205</v>
      </c>
      <c r="B384">
        <v>243.07999999999998</v>
      </c>
    </row>
    <row r="385" spans="1:2" x14ac:dyDescent="0.3">
      <c r="A385" s="6" t="s">
        <v>701</v>
      </c>
      <c r="B385">
        <v>242.13</v>
      </c>
    </row>
    <row r="386" spans="1:2" x14ac:dyDescent="0.3">
      <c r="A386" s="6" t="s">
        <v>8</v>
      </c>
      <c r="B386">
        <v>241.45000000000002</v>
      </c>
    </row>
    <row r="387" spans="1:2" x14ac:dyDescent="0.3">
      <c r="A387" s="6" t="s">
        <v>2178</v>
      </c>
      <c r="B387">
        <v>240.23000000000002</v>
      </c>
    </row>
    <row r="388" spans="1:2" x14ac:dyDescent="0.3">
      <c r="A388" s="6" t="s">
        <v>865</v>
      </c>
      <c r="B388">
        <v>238.73000000000002</v>
      </c>
    </row>
    <row r="389" spans="1:2" x14ac:dyDescent="0.3">
      <c r="A389" s="6" t="s">
        <v>726</v>
      </c>
      <c r="B389">
        <v>238.56</v>
      </c>
    </row>
    <row r="390" spans="1:2" x14ac:dyDescent="0.3">
      <c r="A390" s="6" t="s">
        <v>232</v>
      </c>
      <c r="B390">
        <v>236.67000000000007</v>
      </c>
    </row>
    <row r="391" spans="1:2" x14ac:dyDescent="0.3">
      <c r="A391" s="6" t="s">
        <v>282</v>
      </c>
      <c r="B391">
        <v>234.91</v>
      </c>
    </row>
    <row r="392" spans="1:2" x14ac:dyDescent="0.3">
      <c r="A392" s="6" t="s">
        <v>2713</v>
      </c>
      <c r="B392">
        <v>233.01000000000002</v>
      </c>
    </row>
    <row r="393" spans="1:2" x14ac:dyDescent="0.3">
      <c r="A393" s="6" t="s">
        <v>1262</v>
      </c>
      <c r="B393">
        <v>231.12</v>
      </c>
    </row>
    <row r="394" spans="1:2" x14ac:dyDescent="0.3">
      <c r="A394" s="6" t="s">
        <v>623</v>
      </c>
      <c r="B394">
        <v>230.95</v>
      </c>
    </row>
    <row r="395" spans="1:2" x14ac:dyDescent="0.3">
      <c r="A395" s="6" t="s">
        <v>2345</v>
      </c>
      <c r="B395">
        <v>229.23000000000002</v>
      </c>
    </row>
    <row r="396" spans="1:2" x14ac:dyDescent="0.3">
      <c r="A396" s="6" t="s">
        <v>1798</v>
      </c>
      <c r="B396">
        <v>229.14999999999992</v>
      </c>
    </row>
    <row r="397" spans="1:2" x14ac:dyDescent="0.3">
      <c r="A397" s="6" t="s">
        <v>2500</v>
      </c>
      <c r="B397">
        <v>229</v>
      </c>
    </row>
    <row r="398" spans="1:2" x14ac:dyDescent="0.3">
      <c r="A398" s="6" t="s">
        <v>536</v>
      </c>
      <c r="B398">
        <v>228.92000000000007</v>
      </c>
    </row>
    <row r="399" spans="1:2" x14ac:dyDescent="0.3">
      <c r="A399" s="6" t="s">
        <v>1272</v>
      </c>
      <c r="B399">
        <v>228.17000000000002</v>
      </c>
    </row>
    <row r="400" spans="1:2" x14ac:dyDescent="0.3">
      <c r="A400" s="6" t="s">
        <v>1800</v>
      </c>
      <c r="B400">
        <v>227.84</v>
      </c>
    </row>
    <row r="401" spans="1:2" x14ac:dyDescent="0.3">
      <c r="A401" s="6" t="s">
        <v>958</v>
      </c>
      <c r="B401">
        <v>227.44</v>
      </c>
    </row>
    <row r="402" spans="1:2" x14ac:dyDescent="0.3">
      <c r="A402" s="6" t="s">
        <v>400</v>
      </c>
      <c r="B402">
        <v>226.48000000000005</v>
      </c>
    </row>
    <row r="403" spans="1:2" x14ac:dyDescent="0.3">
      <c r="A403" s="6" t="s">
        <v>673</v>
      </c>
      <c r="B403">
        <v>225.86</v>
      </c>
    </row>
    <row r="404" spans="1:2" x14ac:dyDescent="0.3">
      <c r="A404" s="6" t="s">
        <v>1594</v>
      </c>
      <c r="B404">
        <v>224.9</v>
      </c>
    </row>
    <row r="405" spans="1:2" x14ac:dyDescent="0.3">
      <c r="A405" s="6" t="s">
        <v>867</v>
      </c>
      <c r="B405">
        <v>222.68999999999997</v>
      </c>
    </row>
    <row r="406" spans="1:2" x14ac:dyDescent="0.3">
      <c r="A406" s="6" t="s">
        <v>856</v>
      </c>
      <c r="B406">
        <v>221.77000000000004</v>
      </c>
    </row>
    <row r="407" spans="1:2" x14ac:dyDescent="0.3">
      <c r="A407" s="6" t="s">
        <v>1909</v>
      </c>
      <c r="B407">
        <v>220.90000000000009</v>
      </c>
    </row>
    <row r="408" spans="1:2" x14ac:dyDescent="0.3">
      <c r="A408" s="6" t="s">
        <v>1632</v>
      </c>
      <c r="B408">
        <v>220.82</v>
      </c>
    </row>
    <row r="409" spans="1:2" x14ac:dyDescent="0.3">
      <c r="A409" s="6" t="s">
        <v>1726</v>
      </c>
      <c r="B409">
        <v>220.35999999999996</v>
      </c>
    </row>
    <row r="410" spans="1:2" x14ac:dyDescent="0.3">
      <c r="A410" s="6" t="s">
        <v>1624</v>
      </c>
      <c r="B410">
        <v>218.16</v>
      </c>
    </row>
    <row r="411" spans="1:2" x14ac:dyDescent="0.3">
      <c r="A411" s="6" t="s">
        <v>1556</v>
      </c>
      <c r="B411">
        <v>217.95000000000002</v>
      </c>
    </row>
    <row r="412" spans="1:2" x14ac:dyDescent="0.3">
      <c r="A412" s="6" t="s">
        <v>1686</v>
      </c>
      <c r="B412">
        <v>217.09999999999997</v>
      </c>
    </row>
    <row r="413" spans="1:2" x14ac:dyDescent="0.3">
      <c r="A413" s="6" t="s">
        <v>808</v>
      </c>
      <c r="B413">
        <v>215.58999999999997</v>
      </c>
    </row>
    <row r="414" spans="1:2" x14ac:dyDescent="0.3">
      <c r="A414" s="6" t="s">
        <v>1617</v>
      </c>
      <c r="B414">
        <v>214.45</v>
      </c>
    </row>
    <row r="415" spans="1:2" x14ac:dyDescent="0.3">
      <c r="A415" s="6" t="s">
        <v>1613</v>
      </c>
      <c r="B415">
        <v>213.01000000000002</v>
      </c>
    </row>
    <row r="416" spans="1:2" x14ac:dyDescent="0.3">
      <c r="A416" s="6" t="s">
        <v>1083</v>
      </c>
      <c r="B416">
        <v>212.43</v>
      </c>
    </row>
    <row r="417" spans="1:2" x14ac:dyDescent="0.3">
      <c r="A417" s="6" t="s">
        <v>2221</v>
      </c>
      <c r="B417">
        <v>211.26000000000002</v>
      </c>
    </row>
    <row r="418" spans="1:2" x14ac:dyDescent="0.3">
      <c r="A418" s="6" t="s">
        <v>1737</v>
      </c>
      <c r="B418">
        <v>210.74</v>
      </c>
    </row>
    <row r="419" spans="1:2" x14ac:dyDescent="0.3">
      <c r="A419" s="6" t="s">
        <v>290</v>
      </c>
      <c r="B419">
        <v>209.90000000000003</v>
      </c>
    </row>
    <row r="420" spans="1:2" x14ac:dyDescent="0.3">
      <c r="A420" s="6" t="s">
        <v>1456</v>
      </c>
      <c r="B420">
        <v>209.78000000000003</v>
      </c>
    </row>
    <row r="421" spans="1:2" x14ac:dyDescent="0.3">
      <c r="A421" s="6" t="s">
        <v>1876</v>
      </c>
      <c r="B421">
        <v>209.28</v>
      </c>
    </row>
    <row r="422" spans="1:2" x14ac:dyDescent="0.3">
      <c r="A422" s="6" t="s">
        <v>770</v>
      </c>
      <c r="B422">
        <v>209.22</v>
      </c>
    </row>
    <row r="423" spans="1:2" x14ac:dyDescent="0.3">
      <c r="A423" s="6" t="s">
        <v>1792</v>
      </c>
      <c r="B423">
        <v>208.6</v>
      </c>
    </row>
    <row r="424" spans="1:2" x14ac:dyDescent="0.3">
      <c r="A424" s="6" t="s">
        <v>982</v>
      </c>
      <c r="B424">
        <v>207.34</v>
      </c>
    </row>
    <row r="425" spans="1:2" x14ac:dyDescent="0.3">
      <c r="A425" s="6" t="s">
        <v>894</v>
      </c>
      <c r="B425">
        <v>206.77</v>
      </c>
    </row>
    <row r="426" spans="1:2" x14ac:dyDescent="0.3">
      <c r="A426" s="6" t="s">
        <v>461</v>
      </c>
      <c r="B426">
        <v>206.10000000000002</v>
      </c>
    </row>
    <row r="427" spans="1:2" x14ac:dyDescent="0.3">
      <c r="A427" s="6" t="s">
        <v>838</v>
      </c>
      <c r="B427">
        <v>205.62999999999997</v>
      </c>
    </row>
    <row r="428" spans="1:2" x14ac:dyDescent="0.3">
      <c r="A428" s="6" t="s">
        <v>2144</v>
      </c>
      <c r="B428">
        <v>205.39</v>
      </c>
    </row>
    <row r="429" spans="1:2" x14ac:dyDescent="0.3">
      <c r="A429" s="6" t="s">
        <v>878</v>
      </c>
      <c r="B429">
        <v>204.49</v>
      </c>
    </row>
    <row r="430" spans="1:2" x14ac:dyDescent="0.3">
      <c r="A430" s="6" t="s">
        <v>421</v>
      </c>
      <c r="B430">
        <v>202.14</v>
      </c>
    </row>
    <row r="431" spans="1:2" x14ac:dyDescent="0.3">
      <c r="A431" s="6" t="s">
        <v>1654</v>
      </c>
      <c r="B431">
        <v>201.6</v>
      </c>
    </row>
    <row r="432" spans="1:2" x14ac:dyDescent="0.3">
      <c r="A432" s="6" t="s">
        <v>2056</v>
      </c>
      <c r="B432">
        <v>201.52000000000004</v>
      </c>
    </row>
    <row r="433" spans="1:2" x14ac:dyDescent="0.3">
      <c r="A433" s="6" t="s">
        <v>1936</v>
      </c>
      <c r="B433">
        <v>200.55999999999997</v>
      </c>
    </row>
    <row r="434" spans="1:2" x14ac:dyDescent="0.3">
      <c r="A434" s="6" t="s">
        <v>956</v>
      </c>
      <c r="B434">
        <v>199.93</v>
      </c>
    </row>
    <row r="435" spans="1:2" x14ac:dyDescent="0.3">
      <c r="A435" s="6" t="s">
        <v>911</v>
      </c>
      <c r="B435">
        <v>199.78</v>
      </c>
    </row>
    <row r="436" spans="1:2" x14ac:dyDescent="0.3">
      <c r="A436" s="6" t="s">
        <v>2063</v>
      </c>
      <c r="B436">
        <v>199.64000000000001</v>
      </c>
    </row>
    <row r="437" spans="1:2" x14ac:dyDescent="0.3">
      <c r="A437" s="6" t="s">
        <v>532</v>
      </c>
      <c r="B437">
        <v>198.52999999999997</v>
      </c>
    </row>
    <row r="438" spans="1:2" x14ac:dyDescent="0.3">
      <c r="A438" s="6" t="s">
        <v>1176</v>
      </c>
      <c r="B438">
        <v>198.11</v>
      </c>
    </row>
    <row r="439" spans="1:2" x14ac:dyDescent="0.3">
      <c r="A439" s="6" t="s">
        <v>1333</v>
      </c>
      <c r="B439">
        <v>196.88000000000005</v>
      </c>
    </row>
    <row r="440" spans="1:2" x14ac:dyDescent="0.3">
      <c r="A440" s="6" t="s">
        <v>345</v>
      </c>
      <c r="B440">
        <v>195.45000000000002</v>
      </c>
    </row>
    <row r="441" spans="1:2" x14ac:dyDescent="0.3">
      <c r="A441" s="6" t="s">
        <v>2130</v>
      </c>
      <c r="B441">
        <v>195.16000000000003</v>
      </c>
    </row>
    <row r="442" spans="1:2" x14ac:dyDescent="0.3">
      <c r="A442" s="6" t="s">
        <v>1437</v>
      </c>
      <c r="B442">
        <v>194.98999999999995</v>
      </c>
    </row>
    <row r="443" spans="1:2" x14ac:dyDescent="0.3">
      <c r="A443" s="6" t="s">
        <v>276</v>
      </c>
      <c r="B443">
        <v>194.07</v>
      </c>
    </row>
    <row r="444" spans="1:2" x14ac:dyDescent="0.3">
      <c r="A444" s="6" t="s">
        <v>2269</v>
      </c>
      <c r="B444">
        <v>194.04999999999998</v>
      </c>
    </row>
    <row r="445" spans="1:2" x14ac:dyDescent="0.3">
      <c r="A445" s="6" t="s">
        <v>927</v>
      </c>
      <c r="B445">
        <v>193.34</v>
      </c>
    </row>
    <row r="446" spans="1:2" x14ac:dyDescent="0.3">
      <c r="A446" s="6" t="s">
        <v>1274</v>
      </c>
      <c r="B446">
        <v>192.63000000000002</v>
      </c>
    </row>
    <row r="447" spans="1:2" x14ac:dyDescent="0.3">
      <c r="A447" s="6" t="s">
        <v>2175</v>
      </c>
      <c r="B447">
        <v>192.03999999999996</v>
      </c>
    </row>
    <row r="448" spans="1:2" x14ac:dyDescent="0.3">
      <c r="A448" s="6" t="s">
        <v>2155</v>
      </c>
      <c r="B448">
        <v>191.49999999999997</v>
      </c>
    </row>
    <row r="449" spans="1:2" x14ac:dyDescent="0.3">
      <c r="A449" s="6" t="s">
        <v>106</v>
      </c>
      <c r="B449">
        <v>189.01</v>
      </c>
    </row>
    <row r="450" spans="1:2" x14ac:dyDescent="0.3">
      <c r="A450" s="6" t="s">
        <v>457</v>
      </c>
      <c r="B450">
        <v>188.72000000000003</v>
      </c>
    </row>
    <row r="451" spans="1:2" x14ac:dyDescent="0.3">
      <c r="A451" s="6" t="s">
        <v>1830</v>
      </c>
      <c r="B451">
        <v>187.83</v>
      </c>
    </row>
    <row r="452" spans="1:2" x14ac:dyDescent="0.3">
      <c r="A452" s="6" t="s">
        <v>227</v>
      </c>
      <c r="B452">
        <v>185.58</v>
      </c>
    </row>
    <row r="453" spans="1:2" x14ac:dyDescent="0.3">
      <c r="A453" s="6" t="s">
        <v>1787</v>
      </c>
      <c r="B453">
        <v>185.37</v>
      </c>
    </row>
    <row r="454" spans="1:2" x14ac:dyDescent="0.3">
      <c r="A454" s="6" t="s">
        <v>2016</v>
      </c>
      <c r="B454">
        <v>184.76</v>
      </c>
    </row>
    <row r="455" spans="1:2" x14ac:dyDescent="0.3">
      <c r="A455" s="6" t="s">
        <v>1845</v>
      </c>
      <c r="B455">
        <v>179.01000000000002</v>
      </c>
    </row>
    <row r="456" spans="1:2" x14ac:dyDescent="0.3">
      <c r="A456" s="6" t="s">
        <v>735</v>
      </c>
      <c r="B456">
        <v>178.41</v>
      </c>
    </row>
    <row r="457" spans="1:2" x14ac:dyDescent="0.3">
      <c r="A457" s="6" t="s">
        <v>823</v>
      </c>
      <c r="B457">
        <v>177.66</v>
      </c>
    </row>
    <row r="458" spans="1:2" x14ac:dyDescent="0.3">
      <c r="A458" s="6" t="s">
        <v>269</v>
      </c>
      <c r="B458">
        <v>176.32000000000002</v>
      </c>
    </row>
    <row r="459" spans="1:2" x14ac:dyDescent="0.3">
      <c r="A459" s="6" t="s">
        <v>406</v>
      </c>
      <c r="B459">
        <v>175.22999999999996</v>
      </c>
    </row>
    <row r="460" spans="1:2" x14ac:dyDescent="0.3">
      <c r="A460" s="6" t="s">
        <v>2136</v>
      </c>
      <c r="B460">
        <v>172.63000000000002</v>
      </c>
    </row>
    <row r="461" spans="1:2" x14ac:dyDescent="0.3">
      <c r="A461" s="6" t="s">
        <v>1862</v>
      </c>
      <c r="B461">
        <v>171.73999999999998</v>
      </c>
    </row>
    <row r="462" spans="1:2" x14ac:dyDescent="0.3">
      <c r="A462" s="6" t="s">
        <v>2584</v>
      </c>
      <c r="B462">
        <v>170.98000000000008</v>
      </c>
    </row>
    <row r="463" spans="1:2" x14ac:dyDescent="0.3">
      <c r="A463" s="6" t="s">
        <v>1967</v>
      </c>
      <c r="B463">
        <v>169.95</v>
      </c>
    </row>
    <row r="464" spans="1:2" x14ac:dyDescent="0.3">
      <c r="A464" s="6" t="s">
        <v>2285</v>
      </c>
      <c r="B464">
        <v>169.93</v>
      </c>
    </row>
    <row r="465" spans="1:2" x14ac:dyDescent="0.3">
      <c r="A465" s="6" t="s">
        <v>2247</v>
      </c>
      <c r="B465">
        <v>169.33999999999997</v>
      </c>
    </row>
    <row r="466" spans="1:2" x14ac:dyDescent="0.3">
      <c r="A466" s="6" t="s">
        <v>2638</v>
      </c>
      <c r="B466">
        <v>168.79</v>
      </c>
    </row>
    <row r="467" spans="1:2" x14ac:dyDescent="0.3">
      <c r="A467" s="6" t="s">
        <v>1956</v>
      </c>
      <c r="B467">
        <v>167.68</v>
      </c>
    </row>
    <row r="468" spans="1:2" x14ac:dyDescent="0.3">
      <c r="A468" s="6" t="s">
        <v>588</v>
      </c>
      <c r="B468">
        <v>163.68</v>
      </c>
    </row>
    <row r="469" spans="1:2" x14ac:dyDescent="0.3">
      <c r="A469" s="6" t="s">
        <v>1208</v>
      </c>
      <c r="B469">
        <v>162.94</v>
      </c>
    </row>
    <row r="470" spans="1:2" x14ac:dyDescent="0.3">
      <c r="A470" s="6" t="s">
        <v>2423</v>
      </c>
      <c r="B470">
        <v>162.89000000000001</v>
      </c>
    </row>
    <row r="471" spans="1:2" x14ac:dyDescent="0.3">
      <c r="A471" s="6" t="s">
        <v>731</v>
      </c>
      <c r="B471">
        <v>161.75000000000003</v>
      </c>
    </row>
    <row r="472" spans="1:2" x14ac:dyDescent="0.3">
      <c r="A472" s="6" t="s">
        <v>629</v>
      </c>
      <c r="B472">
        <v>161.21999999999997</v>
      </c>
    </row>
    <row r="473" spans="1:2" x14ac:dyDescent="0.3">
      <c r="A473" s="6" t="s">
        <v>609</v>
      </c>
      <c r="B473">
        <v>157.88</v>
      </c>
    </row>
    <row r="474" spans="1:2" x14ac:dyDescent="0.3">
      <c r="A474" s="6" t="s">
        <v>783</v>
      </c>
      <c r="B474">
        <v>157.67999999999998</v>
      </c>
    </row>
    <row r="475" spans="1:2" x14ac:dyDescent="0.3">
      <c r="A475" s="6" t="s">
        <v>1782</v>
      </c>
      <c r="B475">
        <v>156.77000000000001</v>
      </c>
    </row>
    <row r="476" spans="1:2" x14ac:dyDescent="0.3">
      <c r="A476" s="6" t="s">
        <v>2687</v>
      </c>
      <c r="B476">
        <v>156.26</v>
      </c>
    </row>
    <row r="477" spans="1:2" x14ac:dyDescent="0.3">
      <c r="A477" s="6" t="s">
        <v>1294</v>
      </c>
      <c r="B477">
        <v>156.05000000000001</v>
      </c>
    </row>
    <row r="478" spans="1:2" x14ac:dyDescent="0.3">
      <c r="A478" s="6" t="s">
        <v>324</v>
      </c>
      <c r="B478">
        <v>154.95999999999998</v>
      </c>
    </row>
    <row r="479" spans="1:2" x14ac:dyDescent="0.3">
      <c r="A479" s="6" t="s">
        <v>671</v>
      </c>
      <c r="B479">
        <v>154.85</v>
      </c>
    </row>
    <row r="480" spans="1:2" x14ac:dyDescent="0.3">
      <c r="A480" s="6" t="s">
        <v>1965</v>
      </c>
      <c r="B480">
        <v>154.06</v>
      </c>
    </row>
    <row r="481" spans="1:2" x14ac:dyDescent="0.3">
      <c r="A481" s="6" t="s">
        <v>53</v>
      </c>
      <c r="B481">
        <v>150.71999999999997</v>
      </c>
    </row>
    <row r="482" spans="1:2" x14ac:dyDescent="0.3">
      <c r="A482" s="6" t="s">
        <v>82</v>
      </c>
      <c r="B482">
        <v>150.36999999999998</v>
      </c>
    </row>
    <row r="483" spans="1:2" x14ac:dyDescent="0.3">
      <c r="A483" s="6" t="s">
        <v>351</v>
      </c>
      <c r="B483">
        <v>150.21</v>
      </c>
    </row>
    <row r="484" spans="1:2" x14ac:dyDescent="0.3">
      <c r="A484" s="6" t="s">
        <v>1911</v>
      </c>
      <c r="B484">
        <v>150.16000000000003</v>
      </c>
    </row>
    <row r="485" spans="1:2" x14ac:dyDescent="0.3">
      <c r="A485" s="6" t="s">
        <v>591</v>
      </c>
      <c r="B485">
        <v>147.01</v>
      </c>
    </row>
    <row r="486" spans="1:2" x14ac:dyDescent="0.3">
      <c r="A486" s="6" t="s">
        <v>914</v>
      </c>
      <c r="B486">
        <v>144.93999999999997</v>
      </c>
    </row>
    <row r="487" spans="1:2" x14ac:dyDescent="0.3">
      <c r="A487" s="6" t="s">
        <v>756</v>
      </c>
      <c r="B487">
        <v>144.77000000000001</v>
      </c>
    </row>
    <row r="488" spans="1:2" x14ac:dyDescent="0.3">
      <c r="A488" s="6" t="s">
        <v>2258</v>
      </c>
      <c r="B488">
        <v>144.13000000000005</v>
      </c>
    </row>
    <row r="489" spans="1:2" x14ac:dyDescent="0.3">
      <c r="A489" s="6" t="s">
        <v>1063</v>
      </c>
      <c r="B489">
        <v>143.83000000000004</v>
      </c>
    </row>
    <row r="490" spans="1:2" x14ac:dyDescent="0.3">
      <c r="A490" s="6" t="s">
        <v>1092</v>
      </c>
      <c r="B490">
        <v>143.63</v>
      </c>
    </row>
    <row r="491" spans="1:2" x14ac:dyDescent="0.3">
      <c r="A491" s="6" t="s">
        <v>1435</v>
      </c>
      <c r="B491">
        <v>141.54</v>
      </c>
    </row>
    <row r="492" spans="1:2" x14ac:dyDescent="0.3">
      <c r="A492" s="6" t="s">
        <v>2455</v>
      </c>
      <c r="B492">
        <v>141.28</v>
      </c>
    </row>
    <row r="493" spans="1:2" x14ac:dyDescent="0.3">
      <c r="A493" s="6" t="s">
        <v>279</v>
      </c>
      <c r="B493">
        <v>141.25</v>
      </c>
    </row>
    <row r="494" spans="1:2" x14ac:dyDescent="0.3">
      <c r="A494" s="6" t="s">
        <v>1930</v>
      </c>
      <c r="B494">
        <v>139.22000000000003</v>
      </c>
    </row>
    <row r="495" spans="1:2" x14ac:dyDescent="0.3">
      <c r="A495" s="6" t="s">
        <v>2173</v>
      </c>
      <c r="B495">
        <v>139.20999999999998</v>
      </c>
    </row>
    <row r="496" spans="1:2" x14ac:dyDescent="0.3">
      <c r="A496" s="6" t="s">
        <v>2660</v>
      </c>
      <c r="B496">
        <v>138.71</v>
      </c>
    </row>
    <row r="497" spans="1:2" x14ac:dyDescent="0.3">
      <c r="A497" s="6" t="s">
        <v>777</v>
      </c>
      <c r="B497">
        <v>137.71999999999997</v>
      </c>
    </row>
    <row r="498" spans="1:2" x14ac:dyDescent="0.3">
      <c r="A498" s="6" t="s">
        <v>634</v>
      </c>
      <c r="B498">
        <v>137.48000000000002</v>
      </c>
    </row>
    <row r="499" spans="1:2" x14ac:dyDescent="0.3">
      <c r="A499" s="6" t="s">
        <v>184</v>
      </c>
      <c r="B499">
        <v>136.70000000000002</v>
      </c>
    </row>
    <row r="500" spans="1:2" x14ac:dyDescent="0.3">
      <c r="A500" s="6" t="s">
        <v>1043</v>
      </c>
      <c r="B500">
        <v>136.47999999999999</v>
      </c>
    </row>
    <row r="501" spans="1:2" x14ac:dyDescent="0.3">
      <c r="A501" s="6" t="s">
        <v>1066</v>
      </c>
      <c r="B501">
        <v>135.54</v>
      </c>
    </row>
    <row r="502" spans="1:2" x14ac:dyDescent="0.3">
      <c r="A502" s="6" t="s">
        <v>1855</v>
      </c>
      <c r="B502">
        <v>132.08000000000001</v>
      </c>
    </row>
    <row r="503" spans="1:2" x14ac:dyDescent="0.3">
      <c r="A503" s="6" t="s">
        <v>209</v>
      </c>
      <c r="B503">
        <v>129.34</v>
      </c>
    </row>
    <row r="504" spans="1:2" x14ac:dyDescent="0.3">
      <c r="A504" s="6" t="s">
        <v>2415</v>
      </c>
      <c r="B504">
        <v>126.87</v>
      </c>
    </row>
    <row r="505" spans="1:2" x14ac:dyDescent="0.3">
      <c r="A505" s="6" t="s">
        <v>2428</v>
      </c>
      <c r="B505">
        <v>126.75999999999999</v>
      </c>
    </row>
    <row r="506" spans="1:2" x14ac:dyDescent="0.3">
      <c r="A506" s="6" t="s">
        <v>1546</v>
      </c>
      <c r="B506">
        <v>122.65999999999997</v>
      </c>
    </row>
    <row r="507" spans="1:2" x14ac:dyDescent="0.3">
      <c r="A507" s="6" t="s">
        <v>2379</v>
      </c>
      <c r="B507">
        <v>122.35</v>
      </c>
    </row>
    <row r="508" spans="1:2" x14ac:dyDescent="0.3">
      <c r="A508" s="6" t="s">
        <v>1329</v>
      </c>
      <c r="B508">
        <v>121.74</v>
      </c>
    </row>
    <row r="509" spans="1:2" x14ac:dyDescent="0.3">
      <c r="A509" s="6" t="s">
        <v>2082</v>
      </c>
      <c r="B509">
        <v>121.23</v>
      </c>
    </row>
    <row r="510" spans="1:2" x14ac:dyDescent="0.3">
      <c r="A510" s="6" t="s">
        <v>375</v>
      </c>
      <c r="B510">
        <v>119.35</v>
      </c>
    </row>
    <row r="511" spans="1:2" x14ac:dyDescent="0.3">
      <c r="A511" s="6" t="s">
        <v>1675</v>
      </c>
      <c r="B511">
        <v>119.1</v>
      </c>
    </row>
    <row r="512" spans="1:2" x14ac:dyDescent="0.3">
      <c r="A512" s="6" t="s">
        <v>21</v>
      </c>
      <c r="B512">
        <v>117.8</v>
      </c>
    </row>
    <row r="513" spans="1:2" x14ac:dyDescent="0.3">
      <c r="A513" s="6" t="s">
        <v>1747</v>
      </c>
      <c r="B513">
        <v>117.63999999999997</v>
      </c>
    </row>
    <row r="514" spans="1:2" x14ac:dyDescent="0.3">
      <c r="A514" s="6" t="s">
        <v>2276</v>
      </c>
      <c r="B514">
        <v>117.27000000000001</v>
      </c>
    </row>
    <row r="515" spans="1:2" x14ac:dyDescent="0.3">
      <c r="A515" s="6" t="s">
        <v>494</v>
      </c>
      <c r="B515">
        <v>117.20000000000002</v>
      </c>
    </row>
    <row r="516" spans="1:2" x14ac:dyDescent="0.3">
      <c r="A516" s="6" t="s">
        <v>2090</v>
      </c>
      <c r="B516">
        <v>116.71000000000001</v>
      </c>
    </row>
    <row r="517" spans="1:2" x14ac:dyDescent="0.3">
      <c r="A517" s="6" t="s">
        <v>1114</v>
      </c>
      <c r="B517">
        <v>116.68</v>
      </c>
    </row>
    <row r="518" spans="1:2" x14ac:dyDescent="0.3">
      <c r="A518" s="6" t="s">
        <v>371</v>
      </c>
      <c r="B518">
        <v>116.63999999999999</v>
      </c>
    </row>
    <row r="519" spans="1:2" x14ac:dyDescent="0.3">
      <c r="A519" s="6" t="s">
        <v>518</v>
      </c>
      <c r="B519">
        <v>114.30000000000001</v>
      </c>
    </row>
    <row r="520" spans="1:2" x14ac:dyDescent="0.3">
      <c r="A520" s="6" t="s">
        <v>1110</v>
      </c>
      <c r="B520">
        <v>113.14999999999998</v>
      </c>
    </row>
    <row r="521" spans="1:2" x14ac:dyDescent="0.3">
      <c r="A521" s="6" t="s">
        <v>2485</v>
      </c>
      <c r="B521">
        <v>113.12</v>
      </c>
    </row>
    <row r="522" spans="1:2" x14ac:dyDescent="0.3">
      <c r="A522" s="6" t="s">
        <v>1372</v>
      </c>
      <c r="B522">
        <v>111.12</v>
      </c>
    </row>
    <row r="523" spans="1:2" x14ac:dyDescent="0.3">
      <c r="A523" s="6" t="s">
        <v>1711</v>
      </c>
      <c r="B523">
        <v>110.93</v>
      </c>
    </row>
    <row r="524" spans="1:2" x14ac:dyDescent="0.3">
      <c r="A524" s="6" t="s">
        <v>870</v>
      </c>
      <c r="B524">
        <v>110.78999999999999</v>
      </c>
    </row>
    <row r="525" spans="1:2" x14ac:dyDescent="0.3">
      <c r="A525" s="6" t="s">
        <v>555</v>
      </c>
      <c r="B525">
        <v>109.34999999999998</v>
      </c>
    </row>
    <row r="526" spans="1:2" x14ac:dyDescent="0.3">
      <c r="A526" s="6" t="s">
        <v>1413</v>
      </c>
      <c r="B526">
        <v>108.76</v>
      </c>
    </row>
    <row r="527" spans="1:2" x14ac:dyDescent="0.3">
      <c r="A527" s="6" t="s">
        <v>2710</v>
      </c>
      <c r="B527">
        <v>107.99</v>
      </c>
    </row>
    <row r="528" spans="1:2" x14ac:dyDescent="0.3">
      <c r="A528" s="6" t="s">
        <v>1411</v>
      </c>
      <c r="B528">
        <v>107.92999999999999</v>
      </c>
    </row>
    <row r="529" spans="1:2" x14ac:dyDescent="0.3">
      <c r="A529" s="6" t="s">
        <v>656</v>
      </c>
      <c r="B529">
        <v>107.58999999999999</v>
      </c>
    </row>
    <row r="530" spans="1:2" x14ac:dyDescent="0.3">
      <c r="A530" s="6" t="s">
        <v>988</v>
      </c>
      <c r="B530">
        <v>107.35</v>
      </c>
    </row>
    <row r="531" spans="1:2" x14ac:dyDescent="0.3">
      <c r="A531" s="6" t="s">
        <v>2465</v>
      </c>
      <c r="B531">
        <v>106.9</v>
      </c>
    </row>
    <row r="532" spans="1:2" x14ac:dyDescent="0.3">
      <c r="A532" s="6" t="s">
        <v>601</v>
      </c>
      <c r="B532">
        <v>105.82000000000001</v>
      </c>
    </row>
    <row r="533" spans="1:2" x14ac:dyDescent="0.3">
      <c r="A533" s="6" t="s">
        <v>2312</v>
      </c>
      <c r="B533">
        <v>104.25999999999999</v>
      </c>
    </row>
    <row r="534" spans="1:2" x14ac:dyDescent="0.3">
      <c r="A534" s="6" t="s">
        <v>477</v>
      </c>
      <c r="B534">
        <v>103.33999999999999</v>
      </c>
    </row>
    <row r="535" spans="1:2" x14ac:dyDescent="0.3">
      <c r="A535" s="6" t="s">
        <v>2275</v>
      </c>
      <c r="B535">
        <v>102.29999999999998</v>
      </c>
    </row>
    <row r="536" spans="1:2" x14ac:dyDescent="0.3">
      <c r="A536" s="6" t="s">
        <v>1698</v>
      </c>
      <c r="B536">
        <v>100.87</v>
      </c>
    </row>
    <row r="537" spans="1:2" x14ac:dyDescent="0.3">
      <c r="A537" s="6" t="s">
        <v>821</v>
      </c>
      <c r="B537">
        <v>100.22999999999999</v>
      </c>
    </row>
    <row r="538" spans="1:2" x14ac:dyDescent="0.3">
      <c r="A538" s="6" t="s">
        <v>1451</v>
      </c>
      <c r="B538">
        <v>99.139999999999986</v>
      </c>
    </row>
    <row r="539" spans="1:2" x14ac:dyDescent="0.3">
      <c r="A539" s="6" t="s">
        <v>2517</v>
      </c>
      <c r="B539">
        <v>98.98</v>
      </c>
    </row>
    <row r="540" spans="1:2" x14ac:dyDescent="0.3">
      <c r="A540" s="6" t="s">
        <v>2012</v>
      </c>
      <c r="B540">
        <v>98.670000000000016</v>
      </c>
    </row>
    <row r="541" spans="1:2" x14ac:dyDescent="0.3">
      <c r="A541" s="6" t="s">
        <v>294</v>
      </c>
      <c r="B541">
        <v>97.289999999999992</v>
      </c>
    </row>
    <row r="542" spans="1:2" x14ac:dyDescent="0.3">
      <c r="A542" s="6" t="s">
        <v>340</v>
      </c>
      <c r="B542">
        <v>97.1</v>
      </c>
    </row>
    <row r="543" spans="1:2" x14ac:dyDescent="0.3">
      <c r="A543" s="6" t="s">
        <v>1799</v>
      </c>
      <c r="B543">
        <v>96.440000000000012</v>
      </c>
    </row>
    <row r="544" spans="1:2" x14ac:dyDescent="0.3">
      <c r="A544" s="6" t="s">
        <v>1493</v>
      </c>
      <c r="B544">
        <v>96.27000000000001</v>
      </c>
    </row>
    <row r="545" spans="1:2" x14ac:dyDescent="0.3">
      <c r="A545" s="6" t="s">
        <v>2481</v>
      </c>
      <c r="B545">
        <v>95.839999999999989</v>
      </c>
    </row>
    <row r="546" spans="1:2" x14ac:dyDescent="0.3">
      <c r="A546" s="6" t="s">
        <v>2243</v>
      </c>
      <c r="B546">
        <v>95.580000000000013</v>
      </c>
    </row>
    <row r="547" spans="1:2" x14ac:dyDescent="0.3">
      <c r="A547" s="6" t="s">
        <v>2189</v>
      </c>
      <c r="B547">
        <v>93.92</v>
      </c>
    </row>
    <row r="548" spans="1:2" x14ac:dyDescent="0.3">
      <c r="A548" s="6" t="s">
        <v>1567</v>
      </c>
      <c r="B548">
        <v>92.720000000000013</v>
      </c>
    </row>
    <row r="549" spans="1:2" x14ac:dyDescent="0.3">
      <c r="A549" s="6" t="s">
        <v>2253</v>
      </c>
      <c r="B549">
        <v>91.210000000000008</v>
      </c>
    </row>
    <row r="550" spans="1:2" x14ac:dyDescent="0.3">
      <c r="A550" s="6" t="s">
        <v>1821</v>
      </c>
      <c r="B550">
        <v>91.15</v>
      </c>
    </row>
    <row r="551" spans="1:2" x14ac:dyDescent="0.3">
      <c r="A551" s="6" t="s">
        <v>682</v>
      </c>
      <c r="B551">
        <v>88.179999999999993</v>
      </c>
    </row>
    <row r="552" spans="1:2" x14ac:dyDescent="0.3">
      <c r="A552" s="6" t="s">
        <v>153</v>
      </c>
      <c r="B552">
        <v>86.77</v>
      </c>
    </row>
    <row r="553" spans="1:2" x14ac:dyDescent="0.3">
      <c r="A553" s="6" t="s">
        <v>1189</v>
      </c>
      <c r="B553">
        <v>86.73</v>
      </c>
    </row>
    <row r="554" spans="1:2" x14ac:dyDescent="0.3">
      <c r="A554" s="6" t="s">
        <v>2099</v>
      </c>
      <c r="B554">
        <v>86.519999999999982</v>
      </c>
    </row>
    <row r="555" spans="1:2" x14ac:dyDescent="0.3">
      <c r="A555" s="6" t="s">
        <v>304</v>
      </c>
      <c r="B555">
        <v>85.92</v>
      </c>
    </row>
    <row r="556" spans="1:2" x14ac:dyDescent="0.3">
      <c r="A556" s="6" t="s">
        <v>2325</v>
      </c>
      <c r="B556">
        <v>85.02000000000001</v>
      </c>
    </row>
    <row r="557" spans="1:2" x14ac:dyDescent="0.3">
      <c r="A557" s="6" t="s">
        <v>194</v>
      </c>
      <c r="B557">
        <v>84.460000000000022</v>
      </c>
    </row>
    <row r="558" spans="1:2" x14ac:dyDescent="0.3">
      <c r="A558" s="6" t="s">
        <v>1561</v>
      </c>
      <c r="B558">
        <v>84.02</v>
      </c>
    </row>
    <row r="559" spans="1:2" x14ac:dyDescent="0.3">
      <c r="A559" s="6" t="s">
        <v>1510</v>
      </c>
      <c r="B559">
        <v>83.97</v>
      </c>
    </row>
    <row r="560" spans="1:2" x14ac:dyDescent="0.3">
      <c r="A560" s="6" t="s">
        <v>1899</v>
      </c>
      <c r="B560">
        <v>83.27</v>
      </c>
    </row>
    <row r="561" spans="1:2" x14ac:dyDescent="0.3">
      <c r="A561" s="6" t="s">
        <v>76</v>
      </c>
      <c r="B561">
        <v>82.12</v>
      </c>
    </row>
    <row r="562" spans="1:2" x14ac:dyDescent="0.3">
      <c r="A562" s="6" t="s">
        <v>944</v>
      </c>
      <c r="B562">
        <v>77.81</v>
      </c>
    </row>
    <row r="563" spans="1:2" x14ac:dyDescent="0.3">
      <c r="A563" s="6" t="s">
        <v>2502</v>
      </c>
      <c r="B563">
        <v>76.900000000000006</v>
      </c>
    </row>
    <row r="564" spans="1:2" x14ac:dyDescent="0.3">
      <c r="A564" s="6" t="s">
        <v>2495</v>
      </c>
      <c r="B564">
        <v>74.399999999999991</v>
      </c>
    </row>
    <row r="565" spans="1:2" x14ac:dyDescent="0.3">
      <c r="A565" s="6" t="s">
        <v>1150</v>
      </c>
      <c r="B565">
        <v>72.680000000000007</v>
      </c>
    </row>
    <row r="566" spans="1:2" x14ac:dyDescent="0.3">
      <c r="A566" s="6" t="s">
        <v>2446</v>
      </c>
      <c r="B566">
        <v>69.66</v>
      </c>
    </row>
    <row r="567" spans="1:2" x14ac:dyDescent="0.3">
      <c r="A567" s="6" t="s">
        <v>546</v>
      </c>
      <c r="B567">
        <v>69.269999999999982</v>
      </c>
    </row>
    <row r="568" spans="1:2" x14ac:dyDescent="0.3">
      <c r="A568" s="6" t="s">
        <v>1549</v>
      </c>
      <c r="B568">
        <v>68.239999999999995</v>
      </c>
    </row>
    <row r="569" spans="1:2" x14ac:dyDescent="0.3">
      <c r="A569" s="6" t="s">
        <v>1197</v>
      </c>
      <c r="B569">
        <v>68.09</v>
      </c>
    </row>
    <row r="570" spans="1:2" x14ac:dyDescent="0.3">
      <c r="A570" s="6" t="s">
        <v>2011</v>
      </c>
      <c r="B570">
        <v>65.78</v>
      </c>
    </row>
    <row r="571" spans="1:2" x14ac:dyDescent="0.3">
      <c r="A571" s="6" t="s">
        <v>1360</v>
      </c>
      <c r="B571">
        <v>64.530000000000015</v>
      </c>
    </row>
    <row r="572" spans="1:2" x14ac:dyDescent="0.3">
      <c r="A572" s="6" t="s">
        <v>805</v>
      </c>
      <c r="B572">
        <v>64.430000000000007</v>
      </c>
    </row>
    <row r="573" spans="1:2" x14ac:dyDescent="0.3">
      <c r="A573" s="6" t="s">
        <v>1746</v>
      </c>
      <c r="B573">
        <v>63.99</v>
      </c>
    </row>
    <row r="574" spans="1:2" x14ac:dyDescent="0.3">
      <c r="A574" s="6" t="s">
        <v>169</v>
      </c>
      <c r="B574">
        <v>61.430000000000007</v>
      </c>
    </row>
    <row r="575" spans="1:2" x14ac:dyDescent="0.3">
      <c r="A575" s="6" t="s">
        <v>1775</v>
      </c>
      <c r="B575">
        <v>60.639999999999972</v>
      </c>
    </row>
    <row r="576" spans="1:2" x14ac:dyDescent="0.3">
      <c r="A576" s="6" t="s">
        <v>1297</v>
      </c>
      <c r="B576">
        <v>60.430000000000007</v>
      </c>
    </row>
    <row r="577" spans="1:2" x14ac:dyDescent="0.3">
      <c r="A577" s="6" t="s">
        <v>1488</v>
      </c>
      <c r="B577">
        <v>59.52000000000001</v>
      </c>
    </row>
    <row r="578" spans="1:2" x14ac:dyDescent="0.3">
      <c r="A578" s="6" t="s">
        <v>2231</v>
      </c>
      <c r="B578">
        <v>59.46</v>
      </c>
    </row>
    <row r="579" spans="1:2" x14ac:dyDescent="0.3">
      <c r="A579" s="6" t="s">
        <v>1713</v>
      </c>
      <c r="B579">
        <v>59.36</v>
      </c>
    </row>
    <row r="580" spans="1:2" x14ac:dyDescent="0.3">
      <c r="A580" s="6" t="s">
        <v>572</v>
      </c>
      <c r="B580">
        <v>59.3</v>
      </c>
    </row>
    <row r="581" spans="1:2" x14ac:dyDescent="0.3">
      <c r="A581" s="6" t="s">
        <v>1199</v>
      </c>
      <c r="B581">
        <v>59.039999999999992</v>
      </c>
    </row>
    <row r="582" spans="1:2" x14ac:dyDescent="0.3">
      <c r="A582" s="6" t="s">
        <v>118</v>
      </c>
      <c r="B582">
        <v>58.89</v>
      </c>
    </row>
    <row r="583" spans="1:2" x14ac:dyDescent="0.3">
      <c r="A583" s="6" t="s">
        <v>563</v>
      </c>
      <c r="B583">
        <v>56.789999999999992</v>
      </c>
    </row>
    <row r="584" spans="1:2" x14ac:dyDescent="0.3">
      <c r="A584" s="6" t="s">
        <v>1670</v>
      </c>
      <c r="B584">
        <v>55.33</v>
      </c>
    </row>
    <row r="585" spans="1:2" x14ac:dyDescent="0.3">
      <c r="A585" s="6" t="s">
        <v>891</v>
      </c>
      <c r="B585">
        <v>55.230000000000004</v>
      </c>
    </row>
    <row r="586" spans="1:2" x14ac:dyDescent="0.3">
      <c r="A586" s="6" t="s">
        <v>1651</v>
      </c>
      <c r="B586">
        <v>55.050000000000033</v>
      </c>
    </row>
    <row r="587" spans="1:2" x14ac:dyDescent="0.3">
      <c r="A587" s="6" t="s">
        <v>713</v>
      </c>
      <c r="B587">
        <v>54.51</v>
      </c>
    </row>
    <row r="588" spans="1:2" x14ac:dyDescent="0.3">
      <c r="A588" s="6" t="s">
        <v>899</v>
      </c>
      <c r="B588">
        <v>53.539999999999978</v>
      </c>
    </row>
    <row r="589" spans="1:2" x14ac:dyDescent="0.3">
      <c r="A589" s="6" t="s">
        <v>2387</v>
      </c>
      <c r="B589">
        <v>51.83</v>
      </c>
    </row>
    <row r="590" spans="1:2" x14ac:dyDescent="0.3">
      <c r="A590" s="6" t="s">
        <v>1177</v>
      </c>
      <c r="B590">
        <v>49.72</v>
      </c>
    </row>
    <row r="591" spans="1:2" x14ac:dyDescent="0.3">
      <c r="A591" s="6" t="s">
        <v>1037</v>
      </c>
      <c r="B591">
        <v>48.700000000000017</v>
      </c>
    </row>
    <row r="592" spans="1:2" x14ac:dyDescent="0.3">
      <c r="A592" s="6" t="s">
        <v>2709</v>
      </c>
      <c r="B592">
        <v>47.89</v>
      </c>
    </row>
    <row r="593" spans="1:2" x14ac:dyDescent="0.3">
      <c r="A593" s="6" t="s">
        <v>600</v>
      </c>
      <c r="B593">
        <v>43.65</v>
      </c>
    </row>
    <row r="594" spans="1:2" x14ac:dyDescent="0.3">
      <c r="A594" s="6" t="s">
        <v>2094</v>
      </c>
      <c r="B594">
        <v>42.67</v>
      </c>
    </row>
    <row r="595" spans="1:2" x14ac:dyDescent="0.3">
      <c r="A595" s="6" t="s">
        <v>996</v>
      </c>
      <c r="B595">
        <v>40.150000000000006</v>
      </c>
    </row>
    <row r="596" spans="1:2" x14ac:dyDescent="0.3">
      <c r="A596" s="6" t="s">
        <v>25</v>
      </c>
      <c r="B596">
        <v>39.19</v>
      </c>
    </row>
    <row r="597" spans="1:2" x14ac:dyDescent="0.3">
      <c r="A597" s="6" t="s">
        <v>1545</v>
      </c>
      <c r="B597">
        <v>38.469999999999942</v>
      </c>
    </row>
    <row r="598" spans="1:2" x14ac:dyDescent="0.3">
      <c r="A598" s="6" t="s">
        <v>1276</v>
      </c>
      <c r="B598">
        <v>36.61</v>
      </c>
    </row>
    <row r="599" spans="1:2" x14ac:dyDescent="0.3">
      <c r="A599" s="6" t="s">
        <v>423</v>
      </c>
      <c r="B599">
        <v>36.44</v>
      </c>
    </row>
    <row r="600" spans="1:2" x14ac:dyDescent="0.3">
      <c r="A600" s="6" t="s">
        <v>645</v>
      </c>
      <c r="B600">
        <v>35.47000000000002</v>
      </c>
    </row>
    <row r="601" spans="1:2" x14ac:dyDescent="0.3">
      <c r="A601" s="6" t="s">
        <v>1428</v>
      </c>
      <c r="B601">
        <v>35.039999999999992</v>
      </c>
    </row>
    <row r="602" spans="1:2" x14ac:dyDescent="0.3">
      <c r="A602" s="6" t="s">
        <v>2279</v>
      </c>
      <c r="B602">
        <v>34.46</v>
      </c>
    </row>
    <row r="603" spans="1:2" x14ac:dyDescent="0.3">
      <c r="A603" s="6" t="s">
        <v>2682</v>
      </c>
      <c r="B603">
        <v>33.870000000000005</v>
      </c>
    </row>
    <row r="604" spans="1:2" x14ac:dyDescent="0.3">
      <c r="A604" s="6" t="s">
        <v>306</v>
      </c>
      <c r="B604">
        <v>33.720000000000006</v>
      </c>
    </row>
    <row r="605" spans="1:2" x14ac:dyDescent="0.3">
      <c r="A605" s="6" t="s">
        <v>2563</v>
      </c>
      <c r="B605">
        <v>32.64</v>
      </c>
    </row>
    <row r="606" spans="1:2" x14ac:dyDescent="0.3">
      <c r="A606" s="6" t="s">
        <v>742</v>
      </c>
      <c r="B606">
        <v>32.569999999999972</v>
      </c>
    </row>
    <row r="607" spans="1:2" x14ac:dyDescent="0.3">
      <c r="A607" s="6" t="s">
        <v>469</v>
      </c>
      <c r="B607">
        <v>31.840000000000003</v>
      </c>
    </row>
    <row r="608" spans="1:2" x14ac:dyDescent="0.3">
      <c r="A608" s="6" t="s">
        <v>2623</v>
      </c>
      <c r="B608">
        <v>31.18</v>
      </c>
    </row>
    <row r="609" spans="1:2" x14ac:dyDescent="0.3">
      <c r="A609" s="6" t="s">
        <v>575</v>
      </c>
      <c r="B609">
        <v>28.770000000000017</v>
      </c>
    </row>
    <row r="610" spans="1:2" x14ac:dyDescent="0.3">
      <c r="A610" s="6" t="s">
        <v>2656</v>
      </c>
      <c r="B610">
        <v>28.68</v>
      </c>
    </row>
    <row r="611" spans="1:2" x14ac:dyDescent="0.3">
      <c r="A611" s="6" t="s">
        <v>2497</v>
      </c>
      <c r="B611">
        <v>27.11</v>
      </c>
    </row>
    <row r="612" spans="1:2" x14ac:dyDescent="0.3">
      <c r="A612" s="6" t="s">
        <v>1432</v>
      </c>
      <c r="B612">
        <v>26.760000000000009</v>
      </c>
    </row>
    <row r="613" spans="1:2" x14ac:dyDescent="0.3">
      <c r="A613" s="6" t="s">
        <v>680</v>
      </c>
      <c r="B613">
        <v>26.070000000000007</v>
      </c>
    </row>
    <row r="614" spans="1:2" x14ac:dyDescent="0.3">
      <c r="A614" s="6" t="s">
        <v>1504</v>
      </c>
      <c r="B614">
        <v>25.890000000000008</v>
      </c>
    </row>
    <row r="615" spans="1:2" x14ac:dyDescent="0.3">
      <c r="A615" s="6" t="s">
        <v>368</v>
      </c>
      <c r="B615">
        <v>25.880000000000003</v>
      </c>
    </row>
    <row r="616" spans="1:2" x14ac:dyDescent="0.3">
      <c r="A616" s="6" t="s">
        <v>1380</v>
      </c>
      <c r="B616">
        <v>24.79</v>
      </c>
    </row>
    <row r="617" spans="1:2" x14ac:dyDescent="0.3">
      <c r="A617" s="6" t="s">
        <v>1970</v>
      </c>
      <c r="B617">
        <v>23.5</v>
      </c>
    </row>
    <row r="618" spans="1:2" x14ac:dyDescent="0.3">
      <c r="A618" s="6" t="s">
        <v>1681</v>
      </c>
      <c r="B618">
        <v>21.9</v>
      </c>
    </row>
    <row r="619" spans="1:2" x14ac:dyDescent="0.3">
      <c r="A619" s="6" t="s">
        <v>2624</v>
      </c>
      <c r="B619">
        <v>21.84</v>
      </c>
    </row>
    <row r="620" spans="1:2" x14ac:dyDescent="0.3">
      <c r="A620" s="6" t="s">
        <v>2405</v>
      </c>
      <c r="B620">
        <v>21.78</v>
      </c>
    </row>
    <row r="621" spans="1:2" x14ac:dyDescent="0.3">
      <c r="A621" s="6" t="s">
        <v>2471</v>
      </c>
      <c r="B621">
        <v>19.809999999999992</v>
      </c>
    </row>
    <row r="622" spans="1:2" x14ac:dyDescent="0.3">
      <c r="A622" s="6" t="s">
        <v>49</v>
      </c>
      <c r="B622">
        <v>19.429999999999996</v>
      </c>
    </row>
    <row r="623" spans="1:2" x14ac:dyDescent="0.3">
      <c r="A623" s="6" t="s">
        <v>2572</v>
      </c>
      <c r="B623">
        <v>18.649999999999999</v>
      </c>
    </row>
    <row r="624" spans="1:2" x14ac:dyDescent="0.3">
      <c r="A624" s="6" t="s">
        <v>1676</v>
      </c>
      <c r="B624">
        <v>14.689999999999991</v>
      </c>
    </row>
    <row r="625" spans="1:2" x14ac:dyDescent="0.3">
      <c r="A625" s="6" t="s">
        <v>921</v>
      </c>
      <c r="B625">
        <v>13.620000000000001</v>
      </c>
    </row>
    <row r="626" spans="1:2" x14ac:dyDescent="0.3">
      <c r="A626" s="6" t="s">
        <v>1520</v>
      </c>
      <c r="B626">
        <v>12.689999999999994</v>
      </c>
    </row>
    <row r="627" spans="1:2" x14ac:dyDescent="0.3">
      <c r="A627" s="6" t="s">
        <v>1355</v>
      </c>
      <c r="B627">
        <v>12.629999999999999</v>
      </c>
    </row>
    <row r="628" spans="1:2" x14ac:dyDescent="0.3">
      <c r="A628" s="6" t="s">
        <v>2583</v>
      </c>
      <c r="B628">
        <v>12.1</v>
      </c>
    </row>
    <row r="629" spans="1:2" x14ac:dyDescent="0.3">
      <c r="A629" s="6" t="s">
        <v>1034</v>
      </c>
      <c r="B629">
        <v>11.57</v>
      </c>
    </row>
    <row r="630" spans="1:2" x14ac:dyDescent="0.3">
      <c r="A630" s="6" t="s">
        <v>1812</v>
      </c>
      <c r="B630">
        <v>11.389999999999986</v>
      </c>
    </row>
    <row r="631" spans="1:2" x14ac:dyDescent="0.3">
      <c r="A631" s="6" t="s">
        <v>1163</v>
      </c>
      <c r="B631">
        <v>10.539999999999988</v>
      </c>
    </row>
    <row r="632" spans="1:2" x14ac:dyDescent="0.3">
      <c r="A632" s="6" t="s">
        <v>2540</v>
      </c>
      <c r="B632">
        <v>9.58</v>
      </c>
    </row>
    <row r="633" spans="1:2" x14ac:dyDescent="0.3">
      <c r="A633" s="6" t="s">
        <v>582</v>
      </c>
      <c r="B633">
        <v>7.8500000000000014</v>
      </c>
    </row>
    <row r="634" spans="1:2" x14ac:dyDescent="0.3">
      <c r="A634" s="6" t="s">
        <v>1864</v>
      </c>
      <c r="B634">
        <v>6.05</v>
      </c>
    </row>
    <row r="635" spans="1:2" x14ac:dyDescent="0.3">
      <c r="A635" s="6" t="s">
        <v>1266</v>
      </c>
      <c r="B635">
        <v>4.2100000000000479</v>
      </c>
    </row>
    <row r="636" spans="1:2" x14ac:dyDescent="0.3">
      <c r="A636" s="6" t="s">
        <v>2449</v>
      </c>
      <c r="B636">
        <v>3.8199999999999932</v>
      </c>
    </row>
    <row r="637" spans="1:2" x14ac:dyDescent="0.3">
      <c r="A637" s="6" t="s">
        <v>2650</v>
      </c>
      <c r="B637">
        <v>1.65</v>
      </c>
    </row>
    <row r="638" spans="1:2" x14ac:dyDescent="0.3">
      <c r="A638" s="6" t="s">
        <v>160</v>
      </c>
      <c r="B638">
        <v>0.61000000000001364</v>
      </c>
    </row>
    <row r="639" spans="1:2" x14ac:dyDescent="0.3">
      <c r="A639" s="6" t="s">
        <v>2555</v>
      </c>
      <c r="B639">
        <v>0.46</v>
      </c>
    </row>
    <row r="640" spans="1:2" x14ac:dyDescent="0.3">
      <c r="A640" s="6" t="s">
        <v>2377</v>
      </c>
      <c r="B640">
        <v>0.30999999999999872</v>
      </c>
    </row>
    <row r="641" spans="1:2" x14ac:dyDescent="0.3">
      <c r="A641" s="6" t="s">
        <v>1897</v>
      </c>
      <c r="B641">
        <v>0.10999999999999943</v>
      </c>
    </row>
    <row r="642" spans="1:2" x14ac:dyDescent="0.3">
      <c r="A642" s="6" t="s">
        <v>147</v>
      </c>
      <c r="B642">
        <v>-0.35000000000000009</v>
      </c>
    </row>
    <row r="643" spans="1:2" x14ac:dyDescent="0.3">
      <c r="A643" s="6" t="s">
        <v>1540</v>
      </c>
      <c r="B643">
        <v>-0.76000000000000156</v>
      </c>
    </row>
    <row r="644" spans="1:2" x14ac:dyDescent="0.3">
      <c r="A644" s="6" t="s">
        <v>2668</v>
      </c>
      <c r="B644">
        <v>-1.2399999999999998</v>
      </c>
    </row>
    <row r="645" spans="1:2" x14ac:dyDescent="0.3">
      <c r="A645" s="6" t="s">
        <v>962</v>
      </c>
      <c r="B645">
        <v>-2.3000000000000149</v>
      </c>
    </row>
    <row r="646" spans="1:2" x14ac:dyDescent="0.3">
      <c r="A646" s="6" t="s">
        <v>2163</v>
      </c>
      <c r="B646">
        <v>-3.3200000000000003</v>
      </c>
    </row>
    <row r="647" spans="1:2" x14ac:dyDescent="0.3">
      <c r="A647" s="6" t="s">
        <v>409</v>
      </c>
      <c r="B647">
        <v>-3.7</v>
      </c>
    </row>
    <row r="648" spans="1:2" x14ac:dyDescent="0.3">
      <c r="A648" s="6" t="s">
        <v>1733</v>
      </c>
      <c r="B648">
        <v>-4.0300000000000029</v>
      </c>
    </row>
    <row r="649" spans="1:2" x14ac:dyDescent="0.3">
      <c r="A649" s="6" t="s">
        <v>2577</v>
      </c>
      <c r="B649">
        <v>-5.1399999999999864</v>
      </c>
    </row>
    <row r="650" spans="1:2" x14ac:dyDescent="0.3">
      <c r="A650" s="6" t="s">
        <v>2342</v>
      </c>
      <c r="B650">
        <v>-5.81</v>
      </c>
    </row>
    <row r="651" spans="1:2" x14ac:dyDescent="0.3">
      <c r="A651" s="6" t="s">
        <v>1288</v>
      </c>
      <c r="B651">
        <v>-5.8799999999999955</v>
      </c>
    </row>
    <row r="652" spans="1:2" x14ac:dyDescent="0.3">
      <c r="A652" s="6" t="s">
        <v>1919</v>
      </c>
      <c r="B652">
        <v>-6.1400000000000006</v>
      </c>
    </row>
    <row r="653" spans="1:2" x14ac:dyDescent="0.3">
      <c r="A653" s="6" t="s">
        <v>1311</v>
      </c>
      <c r="B653">
        <v>-8.4199999999999982</v>
      </c>
    </row>
    <row r="654" spans="1:2" x14ac:dyDescent="0.3">
      <c r="A654" s="6" t="s">
        <v>2630</v>
      </c>
      <c r="B654">
        <v>-12.310000000000002</v>
      </c>
    </row>
    <row r="655" spans="1:2" x14ac:dyDescent="0.3">
      <c r="A655" s="6" t="s">
        <v>2111</v>
      </c>
      <c r="B655">
        <v>-13.550000000000011</v>
      </c>
    </row>
    <row r="656" spans="1:2" x14ac:dyDescent="0.3">
      <c r="A656" s="6" t="s">
        <v>721</v>
      </c>
      <c r="B656">
        <v>-13.87</v>
      </c>
    </row>
    <row r="657" spans="1:2" x14ac:dyDescent="0.3">
      <c r="A657" s="6" t="s">
        <v>1721</v>
      </c>
      <c r="B657">
        <v>-17.530000000000044</v>
      </c>
    </row>
    <row r="658" spans="1:2" x14ac:dyDescent="0.3">
      <c r="A658" s="6" t="s">
        <v>1486</v>
      </c>
      <c r="B658">
        <v>-18.049999999999997</v>
      </c>
    </row>
    <row r="659" spans="1:2" x14ac:dyDescent="0.3">
      <c r="A659" s="6" t="s">
        <v>976</v>
      </c>
      <c r="B659">
        <v>-19.609999999999989</v>
      </c>
    </row>
    <row r="660" spans="1:2" x14ac:dyDescent="0.3">
      <c r="A660" s="6" t="s">
        <v>1278</v>
      </c>
      <c r="B660">
        <v>-20.049999999999997</v>
      </c>
    </row>
    <row r="661" spans="1:2" x14ac:dyDescent="0.3">
      <c r="A661" s="6" t="s">
        <v>1915</v>
      </c>
      <c r="B661">
        <v>-23.52</v>
      </c>
    </row>
    <row r="662" spans="1:2" x14ac:dyDescent="0.3">
      <c r="A662" s="6" t="s">
        <v>1374</v>
      </c>
      <c r="B662">
        <v>-23.680000000000007</v>
      </c>
    </row>
    <row r="663" spans="1:2" x14ac:dyDescent="0.3">
      <c r="A663" s="6" t="s">
        <v>222</v>
      </c>
      <c r="B663">
        <v>-24.06</v>
      </c>
    </row>
    <row r="664" spans="1:2" x14ac:dyDescent="0.3">
      <c r="A664" s="6" t="s">
        <v>788</v>
      </c>
      <c r="B664">
        <v>-25.130000000000006</v>
      </c>
    </row>
    <row r="665" spans="1:2" x14ac:dyDescent="0.3">
      <c r="A665" s="6" t="s">
        <v>1683</v>
      </c>
      <c r="B665">
        <v>-26.590000000000003</v>
      </c>
    </row>
    <row r="666" spans="1:2" x14ac:dyDescent="0.3">
      <c r="A666" s="6" t="s">
        <v>1473</v>
      </c>
      <c r="B666">
        <v>-28.700000000000003</v>
      </c>
    </row>
    <row r="667" spans="1:2" x14ac:dyDescent="0.3">
      <c r="A667" s="6" t="s">
        <v>2196</v>
      </c>
      <c r="B667">
        <v>-29.579999999999984</v>
      </c>
    </row>
    <row r="668" spans="1:2" x14ac:dyDescent="0.3">
      <c r="A668" s="6" t="s">
        <v>1425</v>
      </c>
      <c r="B668">
        <v>-38.889999999999993</v>
      </c>
    </row>
    <row r="669" spans="1:2" x14ac:dyDescent="0.3">
      <c r="A669" s="6" t="s">
        <v>561</v>
      </c>
      <c r="B669">
        <v>-40.109999999999715</v>
      </c>
    </row>
    <row r="670" spans="1:2" x14ac:dyDescent="0.3">
      <c r="A670" s="6" t="s">
        <v>1732</v>
      </c>
      <c r="B670">
        <v>-40.94</v>
      </c>
    </row>
    <row r="671" spans="1:2" x14ac:dyDescent="0.3">
      <c r="A671" s="6" t="s">
        <v>2261</v>
      </c>
      <c r="B671">
        <v>-43.73</v>
      </c>
    </row>
    <row r="672" spans="1:2" x14ac:dyDescent="0.3">
      <c r="A672" s="6" t="s">
        <v>877</v>
      </c>
      <c r="B672">
        <v>-44.880000000000017</v>
      </c>
    </row>
    <row r="673" spans="1:2" x14ac:dyDescent="0.3">
      <c r="A673" s="6" t="s">
        <v>13</v>
      </c>
      <c r="B673">
        <v>-49.689999999999984</v>
      </c>
    </row>
    <row r="674" spans="1:2" x14ac:dyDescent="0.3">
      <c r="A674" s="6" t="s">
        <v>1358</v>
      </c>
      <c r="B674">
        <v>-52.33</v>
      </c>
    </row>
    <row r="675" spans="1:2" x14ac:dyDescent="0.3">
      <c r="A675" s="6" t="s">
        <v>1286</v>
      </c>
      <c r="B675">
        <v>-52.729999999999968</v>
      </c>
    </row>
    <row r="676" spans="1:2" x14ac:dyDescent="0.3">
      <c r="A676" s="6" t="s">
        <v>2411</v>
      </c>
      <c r="B676">
        <v>-52.789999999999985</v>
      </c>
    </row>
    <row r="677" spans="1:2" x14ac:dyDescent="0.3">
      <c r="A677" s="6" t="s">
        <v>2547</v>
      </c>
      <c r="B677">
        <v>-54.860000000000014</v>
      </c>
    </row>
    <row r="678" spans="1:2" x14ac:dyDescent="0.3">
      <c r="A678" s="6" t="s">
        <v>716</v>
      </c>
      <c r="B678">
        <v>-58.289999999999992</v>
      </c>
    </row>
    <row r="679" spans="1:2" x14ac:dyDescent="0.3">
      <c r="A679" s="6" t="s">
        <v>939</v>
      </c>
      <c r="B679">
        <v>-62.13</v>
      </c>
    </row>
    <row r="680" spans="1:2" x14ac:dyDescent="0.3">
      <c r="A680" s="6" t="s">
        <v>1050</v>
      </c>
      <c r="B680">
        <v>-63.759999999999962</v>
      </c>
    </row>
    <row r="681" spans="1:2" x14ac:dyDescent="0.3">
      <c r="A681" s="6" t="s">
        <v>830</v>
      </c>
      <c r="B681">
        <v>-64.169999999999973</v>
      </c>
    </row>
    <row r="682" spans="1:2" x14ac:dyDescent="0.3">
      <c r="A682" s="6" t="s">
        <v>2626</v>
      </c>
      <c r="B682">
        <v>-73.83</v>
      </c>
    </row>
    <row r="683" spans="1:2" x14ac:dyDescent="0.3">
      <c r="A683" s="6" t="s">
        <v>1784</v>
      </c>
      <c r="B683">
        <v>-75.570000000000007</v>
      </c>
    </row>
    <row r="684" spans="1:2" x14ac:dyDescent="0.3">
      <c r="A684" s="6" t="s">
        <v>1615</v>
      </c>
      <c r="B684">
        <v>-76.17999999999995</v>
      </c>
    </row>
    <row r="685" spans="1:2" x14ac:dyDescent="0.3">
      <c r="A685" s="6" t="s">
        <v>773</v>
      </c>
      <c r="B685">
        <v>-77.52000000000001</v>
      </c>
    </row>
    <row r="686" spans="1:2" x14ac:dyDescent="0.3">
      <c r="A686" s="6" t="s">
        <v>1945</v>
      </c>
      <c r="B686">
        <v>-80.289999999999992</v>
      </c>
    </row>
    <row r="687" spans="1:2" x14ac:dyDescent="0.3">
      <c r="A687" s="6" t="s">
        <v>2283</v>
      </c>
      <c r="B687">
        <v>-81.070000000000007</v>
      </c>
    </row>
    <row r="688" spans="1:2" x14ac:dyDescent="0.3">
      <c r="A688" s="6" t="s">
        <v>1990</v>
      </c>
      <c r="B688">
        <v>-82.01</v>
      </c>
    </row>
    <row r="689" spans="1:2" x14ac:dyDescent="0.3">
      <c r="A689" s="6" t="s">
        <v>89</v>
      </c>
      <c r="B689">
        <v>-86.87</v>
      </c>
    </row>
    <row r="690" spans="1:2" x14ac:dyDescent="0.3">
      <c r="A690" s="6" t="s">
        <v>402</v>
      </c>
      <c r="B690">
        <v>-93.629999999999939</v>
      </c>
    </row>
    <row r="691" spans="1:2" x14ac:dyDescent="0.3">
      <c r="A691" s="6" t="s">
        <v>664</v>
      </c>
      <c r="B691">
        <v>-94.140000000000015</v>
      </c>
    </row>
    <row r="692" spans="1:2" x14ac:dyDescent="0.3">
      <c r="A692" s="6" t="s">
        <v>2281</v>
      </c>
      <c r="B692">
        <v>-95.45</v>
      </c>
    </row>
    <row r="693" spans="1:2" x14ac:dyDescent="0.3">
      <c r="A693" s="6" t="s">
        <v>229</v>
      </c>
      <c r="B693">
        <v>-96.28</v>
      </c>
    </row>
    <row r="694" spans="1:2" x14ac:dyDescent="0.3">
      <c r="A694" s="6" t="s">
        <v>2078</v>
      </c>
      <c r="B694">
        <v>-96.96</v>
      </c>
    </row>
    <row r="695" spans="1:2" x14ac:dyDescent="0.3">
      <c r="A695" s="6" t="s">
        <v>1423</v>
      </c>
      <c r="B695">
        <v>-98.760000000000019</v>
      </c>
    </row>
    <row r="696" spans="1:2" x14ac:dyDescent="0.3">
      <c r="A696" s="6" t="s">
        <v>950</v>
      </c>
      <c r="B696">
        <v>-104.54000000000003</v>
      </c>
    </row>
    <row r="697" spans="1:2" x14ac:dyDescent="0.3">
      <c r="A697" s="6" t="s">
        <v>1692</v>
      </c>
      <c r="B697">
        <v>-107.37</v>
      </c>
    </row>
    <row r="698" spans="1:2" x14ac:dyDescent="0.3">
      <c r="A698" s="6" t="s">
        <v>674</v>
      </c>
      <c r="B698">
        <v>-113.31000000000012</v>
      </c>
    </row>
    <row r="699" spans="1:2" x14ac:dyDescent="0.3">
      <c r="A699" s="6" t="s">
        <v>1462</v>
      </c>
      <c r="B699">
        <v>-118.77000000000005</v>
      </c>
    </row>
    <row r="700" spans="1:2" x14ac:dyDescent="0.3">
      <c r="A700" s="6" t="s">
        <v>1022</v>
      </c>
      <c r="B700">
        <v>-119.00999999999999</v>
      </c>
    </row>
    <row r="701" spans="1:2" x14ac:dyDescent="0.3">
      <c r="A701" s="6" t="s">
        <v>790</v>
      </c>
      <c r="B701">
        <v>-126.42</v>
      </c>
    </row>
    <row r="702" spans="1:2" x14ac:dyDescent="0.3">
      <c r="A702" s="6" t="s">
        <v>2462</v>
      </c>
      <c r="B702">
        <v>-130.38999999999999</v>
      </c>
    </row>
    <row r="703" spans="1:2" x14ac:dyDescent="0.3">
      <c r="A703" s="6" t="s">
        <v>2103</v>
      </c>
      <c r="B703">
        <v>-133.82</v>
      </c>
    </row>
    <row r="704" spans="1:2" x14ac:dyDescent="0.3">
      <c r="A704" s="6" t="s">
        <v>819</v>
      </c>
      <c r="B704">
        <v>-134.44000000000003</v>
      </c>
    </row>
    <row r="705" spans="1:2" x14ac:dyDescent="0.3">
      <c r="A705" s="6" t="s">
        <v>1391</v>
      </c>
      <c r="B705">
        <v>-135.21999999999997</v>
      </c>
    </row>
    <row r="706" spans="1:2" x14ac:dyDescent="0.3">
      <c r="A706" s="6" t="s">
        <v>660</v>
      </c>
      <c r="B706">
        <v>-135.88999999999999</v>
      </c>
    </row>
    <row r="707" spans="1:2" x14ac:dyDescent="0.3">
      <c r="A707" s="6" t="s">
        <v>207</v>
      </c>
      <c r="B707">
        <v>-136.39999999999998</v>
      </c>
    </row>
    <row r="708" spans="1:2" x14ac:dyDescent="0.3">
      <c r="A708" s="6" t="s">
        <v>1547</v>
      </c>
      <c r="B708">
        <v>-144.52000000000001</v>
      </c>
    </row>
    <row r="709" spans="1:2" x14ac:dyDescent="0.3">
      <c r="A709" s="6" t="s">
        <v>1735</v>
      </c>
      <c r="B709">
        <v>-151.15000000000006</v>
      </c>
    </row>
    <row r="710" spans="1:2" x14ac:dyDescent="0.3">
      <c r="A710" s="6" t="s">
        <v>1094</v>
      </c>
      <c r="B710">
        <v>-152.75</v>
      </c>
    </row>
    <row r="711" spans="1:2" x14ac:dyDescent="0.3">
      <c r="A711" s="6" t="s">
        <v>642</v>
      </c>
      <c r="B711">
        <v>-163.13</v>
      </c>
    </row>
    <row r="712" spans="1:2" x14ac:dyDescent="0.3">
      <c r="A712" s="6" t="s">
        <v>1640</v>
      </c>
      <c r="B712">
        <v>-164.40999999999997</v>
      </c>
    </row>
    <row r="713" spans="1:2" x14ac:dyDescent="0.3">
      <c r="A713" s="6" t="s">
        <v>248</v>
      </c>
      <c r="B713">
        <v>-175.56000000000003</v>
      </c>
    </row>
    <row r="714" spans="1:2" x14ac:dyDescent="0.3">
      <c r="A714" s="6" t="s">
        <v>816</v>
      </c>
      <c r="B714">
        <v>-182.79000000000002</v>
      </c>
    </row>
    <row r="715" spans="1:2" x14ac:dyDescent="0.3">
      <c r="A715" s="6" t="s">
        <v>499</v>
      </c>
      <c r="B715">
        <v>-184.34</v>
      </c>
    </row>
    <row r="716" spans="1:2" x14ac:dyDescent="0.3">
      <c r="A716" s="6" t="s">
        <v>93</v>
      </c>
      <c r="B716">
        <v>-185.00000000000003</v>
      </c>
    </row>
    <row r="717" spans="1:2" x14ac:dyDescent="0.3">
      <c r="A717" s="6" t="s">
        <v>2059</v>
      </c>
      <c r="B717">
        <v>-188.26</v>
      </c>
    </row>
    <row r="718" spans="1:2" x14ac:dyDescent="0.3">
      <c r="A718" s="6" t="s">
        <v>1884</v>
      </c>
      <c r="B718">
        <v>-196.13</v>
      </c>
    </row>
    <row r="719" spans="1:2" x14ac:dyDescent="0.3">
      <c r="A719" s="6" t="s">
        <v>551</v>
      </c>
      <c r="B719">
        <v>-197.27999999999997</v>
      </c>
    </row>
    <row r="720" spans="1:2" x14ac:dyDescent="0.3">
      <c r="A720" s="6" t="s">
        <v>2631</v>
      </c>
      <c r="B720">
        <v>-206.71</v>
      </c>
    </row>
    <row r="721" spans="1:2" x14ac:dyDescent="0.3">
      <c r="A721" s="6" t="s">
        <v>964</v>
      </c>
      <c r="B721">
        <v>-207.79</v>
      </c>
    </row>
    <row r="722" spans="1:2" x14ac:dyDescent="0.3">
      <c r="A722" s="6" t="s">
        <v>1867</v>
      </c>
      <c r="B722">
        <v>-221.04999999999998</v>
      </c>
    </row>
    <row r="723" spans="1:2" x14ac:dyDescent="0.3">
      <c r="A723" s="6" t="s">
        <v>785</v>
      </c>
      <c r="B723">
        <v>-224.09</v>
      </c>
    </row>
    <row r="724" spans="1:2" x14ac:dyDescent="0.3">
      <c r="A724" s="6" t="s">
        <v>872</v>
      </c>
      <c r="B724">
        <v>-234.76000000000002</v>
      </c>
    </row>
    <row r="725" spans="1:2" x14ac:dyDescent="0.3">
      <c r="A725" s="6" t="s">
        <v>2506</v>
      </c>
      <c r="B725">
        <v>-237.29</v>
      </c>
    </row>
    <row r="726" spans="1:2" x14ac:dyDescent="0.3">
      <c r="A726" s="6" t="s">
        <v>1570</v>
      </c>
      <c r="B726">
        <v>-241.97999999999996</v>
      </c>
    </row>
    <row r="727" spans="1:2" x14ac:dyDescent="0.3">
      <c r="A727" s="6" t="s">
        <v>1240</v>
      </c>
      <c r="B727">
        <v>-242.74999999999997</v>
      </c>
    </row>
    <row r="728" spans="1:2" x14ac:dyDescent="0.3">
      <c r="A728" s="6" t="s">
        <v>2064</v>
      </c>
      <c r="B728">
        <v>-246.40000000000003</v>
      </c>
    </row>
    <row r="729" spans="1:2" x14ac:dyDescent="0.3">
      <c r="A729" s="6" t="s">
        <v>1719</v>
      </c>
      <c r="B729">
        <v>-247.94</v>
      </c>
    </row>
    <row r="730" spans="1:2" x14ac:dyDescent="0.3">
      <c r="A730" s="6" t="s">
        <v>1367</v>
      </c>
      <c r="B730">
        <v>-252.55</v>
      </c>
    </row>
    <row r="731" spans="1:2" x14ac:dyDescent="0.3">
      <c r="A731" s="6" t="s">
        <v>1032</v>
      </c>
      <c r="B731">
        <v>-253.58999999999997</v>
      </c>
    </row>
    <row r="732" spans="1:2" x14ac:dyDescent="0.3">
      <c r="A732" s="6" t="s">
        <v>1430</v>
      </c>
      <c r="B732">
        <v>-259.31000000000006</v>
      </c>
    </row>
    <row r="733" spans="1:2" x14ac:dyDescent="0.3">
      <c r="A733" s="6" t="s">
        <v>45</v>
      </c>
      <c r="B733">
        <v>-262.81000000000006</v>
      </c>
    </row>
    <row r="734" spans="1:2" x14ac:dyDescent="0.3">
      <c r="A734" s="6" t="s">
        <v>1993</v>
      </c>
      <c r="B734">
        <v>-266.55999999999995</v>
      </c>
    </row>
    <row r="735" spans="1:2" x14ac:dyDescent="0.3">
      <c r="A735" s="6" t="s">
        <v>1162</v>
      </c>
      <c r="B735">
        <v>-266.89999999999998</v>
      </c>
    </row>
    <row r="736" spans="1:2" x14ac:dyDescent="0.3">
      <c r="A736" s="6" t="s">
        <v>236</v>
      </c>
      <c r="B736">
        <v>-268.54999999999995</v>
      </c>
    </row>
    <row r="737" spans="1:2" x14ac:dyDescent="0.3">
      <c r="A737" s="6" t="s">
        <v>1248</v>
      </c>
      <c r="B737">
        <v>-270.42999999999995</v>
      </c>
    </row>
    <row r="738" spans="1:2" x14ac:dyDescent="0.3">
      <c r="A738" s="6" t="s">
        <v>1647</v>
      </c>
      <c r="B738">
        <v>-274.95000000000005</v>
      </c>
    </row>
    <row r="739" spans="1:2" x14ac:dyDescent="0.3">
      <c r="A739" s="6" t="s">
        <v>1751</v>
      </c>
      <c r="B739">
        <v>-286.98</v>
      </c>
    </row>
    <row r="740" spans="1:2" x14ac:dyDescent="0.3">
      <c r="A740" s="6" t="s">
        <v>1377</v>
      </c>
      <c r="B740">
        <v>-291.37</v>
      </c>
    </row>
    <row r="741" spans="1:2" x14ac:dyDescent="0.3">
      <c r="A741" s="6" t="s">
        <v>1128</v>
      </c>
      <c r="B741">
        <v>-294.70000000000005</v>
      </c>
    </row>
    <row r="742" spans="1:2" x14ac:dyDescent="0.3">
      <c r="A742" s="6" t="s">
        <v>2406</v>
      </c>
      <c r="B742">
        <v>-295.74</v>
      </c>
    </row>
    <row r="743" spans="1:2" x14ac:dyDescent="0.3">
      <c r="A743" s="6" t="s">
        <v>1891</v>
      </c>
      <c r="B743">
        <v>-302.85999999999996</v>
      </c>
    </row>
    <row r="744" spans="1:2" x14ac:dyDescent="0.3">
      <c r="A744" s="6" t="s">
        <v>224</v>
      </c>
      <c r="B744">
        <v>-311.25000000000006</v>
      </c>
    </row>
    <row r="745" spans="1:2" x14ac:dyDescent="0.3">
      <c r="A745" s="6" t="s">
        <v>251</v>
      </c>
      <c r="B745">
        <v>-317.04000000000002</v>
      </c>
    </row>
    <row r="746" spans="1:2" x14ac:dyDescent="0.3">
      <c r="A746" s="6" t="s">
        <v>2041</v>
      </c>
      <c r="B746">
        <v>-318.7600000000001</v>
      </c>
    </row>
    <row r="747" spans="1:2" x14ac:dyDescent="0.3">
      <c r="A747" s="6" t="s">
        <v>1422</v>
      </c>
      <c r="B747">
        <v>-319.06999999999994</v>
      </c>
    </row>
    <row r="748" spans="1:2" x14ac:dyDescent="0.3">
      <c r="A748" s="6" t="s">
        <v>604</v>
      </c>
      <c r="B748">
        <v>-327.93000000000006</v>
      </c>
    </row>
    <row r="749" spans="1:2" x14ac:dyDescent="0.3">
      <c r="A749" s="6" t="s">
        <v>175</v>
      </c>
      <c r="B749">
        <v>-338.44</v>
      </c>
    </row>
    <row r="750" spans="1:2" x14ac:dyDescent="0.3">
      <c r="A750" s="6" t="s">
        <v>1866</v>
      </c>
      <c r="B750">
        <v>-341.53000000000003</v>
      </c>
    </row>
    <row r="751" spans="1:2" x14ac:dyDescent="0.3">
      <c r="A751" s="6" t="s">
        <v>1382</v>
      </c>
      <c r="B751">
        <v>-342.8</v>
      </c>
    </row>
    <row r="752" spans="1:2" x14ac:dyDescent="0.3">
      <c r="A752" s="6" t="s">
        <v>1518</v>
      </c>
      <c r="B752">
        <v>-359.02000000000004</v>
      </c>
    </row>
    <row r="753" spans="1:2" x14ac:dyDescent="0.3">
      <c r="A753" s="6" t="s">
        <v>418</v>
      </c>
      <c r="B753">
        <v>-362.87000000000006</v>
      </c>
    </row>
    <row r="754" spans="1:2" x14ac:dyDescent="0.3">
      <c r="A754" s="6" t="s">
        <v>577</v>
      </c>
      <c r="B754">
        <v>-371.71000000000009</v>
      </c>
    </row>
    <row r="755" spans="1:2" x14ac:dyDescent="0.3">
      <c r="A755" s="6" t="s">
        <v>1934</v>
      </c>
      <c r="B755">
        <v>-378.54</v>
      </c>
    </row>
    <row r="756" spans="1:2" x14ac:dyDescent="0.3">
      <c r="A756" s="6" t="s">
        <v>1229</v>
      </c>
      <c r="B756">
        <v>-382.8</v>
      </c>
    </row>
    <row r="757" spans="1:2" x14ac:dyDescent="0.3">
      <c r="A757" s="6" t="s">
        <v>2613</v>
      </c>
      <c r="B757">
        <v>-394.37</v>
      </c>
    </row>
    <row r="758" spans="1:2" x14ac:dyDescent="0.3">
      <c r="A758" s="6" t="s">
        <v>1841</v>
      </c>
      <c r="B758">
        <v>-398.8</v>
      </c>
    </row>
    <row r="759" spans="1:2" x14ac:dyDescent="0.3">
      <c r="A759" s="6" t="s">
        <v>1656</v>
      </c>
      <c r="B759">
        <v>-405.33999999999986</v>
      </c>
    </row>
    <row r="760" spans="1:2" x14ac:dyDescent="0.3">
      <c r="A760" s="6" t="s">
        <v>2543</v>
      </c>
      <c r="B760">
        <v>-427.18</v>
      </c>
    </row>
    <row r="761" spans="1:2" x14ac:dyDescent="0.3">
      <c r="A761" s="6" t="s">
        <v>1192</v>
      </c>
      <c r="B761">
        <v>-445.69</v>
      </c>
    </row>
    <row r="762" spans="1:2" x14ac:dyDescent="0.3">
      <c r="A762" s="6" t="s">
        <v>768</v>
      </c>
      <c r="B762">
        <v>-461.74</v>
      </c>
    </row>
    <row r="763" spans="1:2" x14ac:dyDescent="0.3">
      <c r="A763" s="6" t="s">
        <v>219</v>
      </c>
      <c r="B763">
        <v>-470.77</v>
      </c>
    </row>
    <row r="764" spans="1:2" x14ac:dyDescent="0.3">
      <c r="A764" s="6" t="s">
        <v>513</v>
      </c>
      <c r="B764">
        <v>-520.3599999999999</v>
      </c>
    </row>
    <row r="765" spans="1:2" x14ac:dyDescent="0.3">
      <c r="A765" s="6" t="s">
        <v>455</v>
      </c>
      <c r="B765">
        <v>-571.98</v>
      </c>
    </row>
    <row r="766" spans="1:2" x14ac:dyDescent="0.3">
      <c r="A766" s="6" t="s">
        <v>924</v>
      </c>
      <c r="B766">
        <v>-576.82999999999993</v>
      </c>
    </row>
    <row r="767" spans="1:2" x14ac:dyDescent="0.3">
      <c r="A767" s="6" t="s">
        <v>617</v>
      </c>
      <c r="B767">
        <v>-614.29999999999973</v>
      </c>
    </row>
    <row r="768" spans="1:2" x14ac:dyDescent="0.3">
      <c r="A768" s="6" t="s">
        <v>1101</v>
      </c>
      <c r="B768">
        <v>-644.70999999999992</v>
      </c>
    </row>
    <row r="769" spans="1:2" x14ac:dyDescent="0.3">
      <c r="A769" s="6" t="s">
        <v>2123</v>
      </c>
      <c r="B769">
        <v>-671.19</v>
      </c>
    </row>
    <row r="770" spans="1:2" x14ac:dyDescent="0.3">
      <c r="A770" s="6" t="s">
        <v>1442</v>
      </c>
      <c r="B770">
        <v>-692.05000000000007</v>
      </c>
    </row>
    <row r="771" spans="1:2" x14ac:dyDescent="0.3">
      <c r="A771" s="6" t="s">
        <v>1573</v>
      </c>
      <c r="B771">
        <v>-711.41</v>
      </c>
    </row>
    <row r="772" spans="1:2" x14ac:dyDescent="0.3">
      <c r="A772" s="6" t="s">
        <v>2116</v>
      </c>
      <c r="B772">
        <v>-716.86000000000013</v>
      </c>
    </row>
    <row r="773" spans="1:2" x14ac:dyDescent="0.3">
      <c r="A773" s="6" t="s">
        <v>2410</v>
      </c>
      <c r="B773">
        <v>-785.16</v>
      </c>
    </row>
    <row r="774" spans="1:2" x14ac:dyDescent="0.3">
      <c r="A774" s="6" t="s">
        <v>445</v>
      </c>
      <c r="B774">
        <v>-798.70999999999992</v>
      </c>
    </row>
    <row r="775" spans="1:2" x14ac:dyDescent="0.3">
      <c r="A775" s="6" t="s">
        <v>1319</v>
      </c>
      <c r="B775">
        <v>-819.41999999999985</v>
      </c>
    </row>
    <row r="776" spans="1:2" x14ac:dyDescent="0.3">
      <c r="A776" s="6" t="s">
        <v>658</v>
      </c>
      <c r="B776">
        <v>-874.6600000000002</v>
      </c>
    </row>
    <row r="777" spans="1:2" x14ac:dyDescent="0.3">
      <c r="A777" s="6" t="s">
        <v>2036</v>
      </c>
      <c r="B777">
        <v>-925.12999999999965</v>
      </c>
    </row>
    <row r="778" spans="1:2" x14ac:dyDescent="0.3">
      <c r="A778" s="6" t="s">
        <v>739</v>
      </c>
      <c r="B778">
        <v>-1010.97</v>
      </c>
    </row>
    <row r="779" spans="1:2" x14ac:dyDescent="0.3">
      <c r="A779" s="6" t="s">
        <v>1213</v>
      </c>
      <c r="B779">
        <v>-1018.76</v>
      </c>
    </row>
    <row r="780" spans="1:2" x14ac:dyDescent="0.3">
      <c r="A780" s="6" t="s">
        <v>1458</v>
      </c>
      <c r="B780">
        <v>-1032.1299999999999</v>
      </c>
    </row>
    <row r="781" spans="1:2" x14ac:dyDescent="0.3">
      <c r="A781" s="6" t="s">
        <v>2364</v>
      </c>
      <c r="B781">
        <v>-1087.3800000000001</v>
      </c>
    </row>
    <row r="782" spans="1:2" x14ac:dyDescent="0.3">
      <c r="A782" s="6" t="s">
        <v>2070</v>
      </c>
      <c r="B782">
        <v>-1262.5799999999997</v>
      </c>
    </row>
    <row r="783" spans="1:2" x14ac:dyDescent="0.3">
      <c r="A783" s="6" t="s">
        <v>2052</v>
      </c>
      <c r="B783">
        <v>-1421.78</v>
      </c>
    </row>
    <row r="784" spans="1:2" x14ac:dyDescent="0.3">
      <c r="A784" s="6" t="s">
        <v>906</v>
      </c>
      <c r="B784">
        <v>-1441.64</v>
      </c>
    </row>
    <row r="785" spans="1:2" x14ac:dyDescent="0.3">
      <c r="A785" s="6" t="s">
        <v>1476</v>
      </c>
      <c r="B785">
        <v>-1603.05</v>
      </c>
    </row>
    <row r="786" spans="1:2" x14ac:dyDescent="0.3">
      <c r="A786" s="6" t="s">
        <v>1233</v>
      </c>
      <c r="B786">
        <v>-1659.9699999999998</v>
      </c>
    </row>
    <row r="787" spans="1:2" x14ac:dyDescent="0.3">
      <c r="A787" s="6" t="s">
        <v>181</v>
      </c>
      <c r="B787">
        <v>-1695.9599999999998</v>
      </c>
    </row>
    <row r="788" spans="1:2" x14ac:dyDescent="0.3">
      <c r="A788" s="6" t="s">
        <v>318</v>
      </c>
      <c r="B788">
        <v>-1850.3100000000004</v>
      </c>
    </row>
    <row r="789" spans="1:2" x14ac:dyDescent="0.3">
      <c r="A789" s="6" t="s">
        <v>335</v>
      </c>
      <c r="B789">
        <v>-1980.75</v>
      </c>
    </row>
    <row r="790" spans="1:2" x14ac:dyDescent="0.3">
      <c r="A790" s="6" t="s">
        <v>636</v>
      </c>
      <c r="B790">
        <v>-2082.7499999999995</v>
      </c>
    </row>
    <row r="791" spans="1:2" x14ac:dyDescent="0.3">
      <c r="A791" s="6" t="s">
        <v>606</v>
      </c>
      <c r="B791">
        <v>-2204.8100000000004</v>
      </c>
    </row>
    <row r="792" spans="1:2" x14ac:dyDescent="0.3">
      <c r="A792" s="6" t="s">
        <v>1342</v>
      </c>
      <c r="B792">
        <v>-2797.95</v>
      </c>
    </row>
    <row r="793" spans="1:2" x14ac:dyDescent="0.3">
      <c r="A793" s="6" t="s">
        <v>814</v>
      </c>
      <c r="B793">
        <v>-3333.9100000000008</v>
      </c>
    </row>
    <row r="794" spans="1:2" x14ac:dyDescent="0.3">
      <c r="A794" s="6" t="s">
        <v>1026</v>
      </c>
      <c r="B794">
        <v>-3583.9700000000003</v>
      </c>
    </row>
    <row r="795" spans="1:2" x14ac:dyDescent="0.3">
      <c r="A795" s="6" t="s">
        <v>779</v>
      </c>
      <c r="B795">
        <v>-4108.66</v>
      </c>
    </row>
    <row r="796" spans="1:2" x14ac:dyDescent="0.3">
      <c r="A796" s="6" t="s">
        <v>391</v>
      </c>
      <c r="B796">
        <v>-6626.37</v>
      </c>
    </row>
  </sheetData>
  <pageMargins left="0.7" right="0.7" top="0.75" bottom="0.75" header="0.3" footer="0.3"/>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3:E52"/>
  <sheetViews>
    <sheetView topLeftCell="A3" workbookViewId="0">
      <selection activeCell="E8" sqref="E8"/>
    </sheetView>
  </sheetViews>
  <sheetFormatPr defaultRowHeight="14.4" x14ac:dyDescent="0.3"/>
  <cols>
    <col min="1" max="1" width="17.33203125" bestFit="1" customWidth="1"/>
    <col min="2" max="2" width="11.6640625" customWidth="1"/>
  </cols>
  <sheetData>
    <row r="3" spans="1:5" x14ac:dyDescent="0.3">
      <c r="A3" s="5" t="s">
        <v>2723</v>
      </c>
      <c r="B3" t="s">
        <v>2724</v>
      </c>
    </row>
    <row r="4" spans="1:5" x14ac:dyDescent="0.3">
      <c r="A4" s="6" t="s">
        <v>487</v>
      </c>
      <c r="B4">
        <v>19510.639999999996</v>
      </c>
      <c r="D4" t="str">
        <f>A4</f>
        <v>Alabama</v>
      </c>
      <c r="E4">
        <f>B4</f>
        <v>19510.639999999996</v>
      </c>
    </row>
    <row r="5" spans="1:5" x14ac:dyDescent="0.3">
      <c r="A5" s="6" t="s">
        <v>94</v>
      </c>
      <c r="B5">
        <v>35282.020000000011</v>
      </c>
      <c r="D5" t="str">
        <f t="shared" ref="D5:D25" si="0">A5</f>
        <v>Arizona</v>
      </c>
      <c r="E5">
        <f t="shared" ref="E5:E25" si="1">B5</f>
        <v>35282.020000000011</v>
      </c>
    </row>
    <row r="6" spans="1:5" x14ac:dyDescent="0.3">
      <c r="A6" s="6" t="s">
        <v>100</v>
      </c>
      <c r="B6">
        <v>11678.13</v>
      </c>
      <c r="D6" t="str">
        <f t="shared" si="0"/>
        <v>Arkansas</v>
      </c>
      <c r="E6">
        <f t="shared" si="1"/>
        <v>11678.13</v>
      </c>
    </row>
    <row r="7" spans="1:5" x14ac:dyDescent="0.3">
      <c r="A7" s="6" t="s">
        <v>26</v>
      </c>
      <c r="B7">
        <v>457687.68000000098</v>
      </c>
      <c r="D7" t="str">
        <f t="shared" si="0"/>
        <v>California</v>
      </c>
      <c r="E7">
        <f>B7</f>
        <v>457687.68000000098</v>
      </c>
    </row>
    <row r="8" spans="1:5" x14ac:dyDescent="0.3">
      <c r="A8" s="6" t="s">
        <v>277</v>
      </c>
      <c r="B8">
        <v>32108.12</v>
      </c>
      <c r="D8" t="str">
        <f t="shared" si="0"/>
        <v>Colorado</v>
      </c>
      <c r="E8">
        <f t="shared" si="1"/>
        <v>32108.12</v>
      </c>
    </row>
    <row r="9" spans="1:5" x14ac:dyDescent="0.3">
      <c r="A9" s="6" t="s">
        <v>612</v>
      </c>
      <c r="B9">
        <v>13384.359999999999</v>
      </c>
      <c r="D9" t="str">
        <f t="shared" si="0"/>
        <v>Connecticut</v>
      </c>
      <c r="E9">
        <f t="shared" si="1"/>
        <v>13384.359999999999</v>
      </c>
    </row>
    <row r="10" spans="1:5" x14ac:dyDescent="0.3">
      <c r="A10" s="6" t="s">
        <v>58</v>
      </c>
      <c r="B10">
        <v>27451.069999999996</v>
      </c>
      <c r="D10" t="str">
        <f t="shared" si="0"/>
        <v>Delaware</v>
      </c>
      <c r="E10">
        <f t="shared" si="1"/>
        <v>27451.069999999996</v>
      </c>
    </row>
    <row r="11" spans="1:5" x14ac:dyDescent="0.3">
      <c r="A11" s="6" t="s">
        <v>2043</v>
      </c>
      <c r="B11">
        <v>2865.0199999999995</v>
      </c>
      <c r="D11" t="str">
        <f t="shared" si="0"/>
        <v>District of Columbia</v>
      </c>
      <c r="E11">
        <f t="shared" si="1"/>
        <v>2865.0199999999995</v>
      </c>
    </row>
    <row r="12" spans="1:5" x14ac:dyDescent="0.3">
      <c r="A12" s="6" t="s">
        <v>122</v>
      </c>
      <c r="B12">
        <v>89473.73</v>
      </c>
      <c r="D12" t="str">
        <f t="shared" si="0"/>
        <v>Florida</v>
      </c>
      <c r="E12">
        <f t="shared" si="1"/>
        <v>89473.73</v>
      </c>
    </row>
    <row r="13" spans="1:5" x14ac:dyDescent="0.3">
      <c r="A13" s="6" t="s">
        <v>29</v>
      </c>
      <c r="B13">
        <v>49095.840000000011</v>
      </c>
      <c r="D13" t="str">
        <f t="shared" si="0"/>
        <v>Georgia</v>
      </c>
      <c r="E13">
        <f t="shared" si="1"/>
        <v>49095.840000000011</v>
      </c>
    </row>
    <row r="14" spans="1:5" x14ac:dyDescent="0.3">
      <c r="A14" s="6" t="s">
        <v>509</v>
      </c>
      <c r="B14">
        <v>4382.4900000000007</v>
      </c>
      <c r="D14" t="str">
        <f t="shared" si="0"/>
        <v>Idaho</v>
      </c>
      <c r="E14">
        <f t="shared" si="1"/>
        <v>4382.4900000000007</v>
      </c>
    </row>
    <row r="15" spans="1:5" x14ac:dyDescent="0.3">
      <c r="A15" s="6" t="s">
        <v>14</v>
      </c>
      <c r="B15">
        <v>80166.160000000033</v>
      </c>
      <c r="D15" t="str">
        <f t="shared" si="0"/>
        <v>Illinois</v>
      </c>
      <c r="E15">
        <f t="shared" si="1"/>
        <v>80166.160000000033</v>
      </c>
    </row>
    <row r="16" spans="1:5" x14ac:dyDescent="0.3">
      <c r="A16" s="6" t="s">
        <v>128</v>
      </c>
      <c r="B16">
        <v>53555.360000000015</v>
      </c>
      <c r="D16" t="str">
        <f t="shared" si="0"/>
        <v>Indiana</v>
      </c>
      <c r="E16">
        <f t="shared" si="1"/>
        <v>53555.360000000015</v>
      </c>
    </row>
    <row r="17" spans="1:5" x14ac:dyDescent="0.3">
      <c r="A17" s="6" t="s">
        <v>394</v>
      </c>
      <c r="B17">
        <v>4579.7599999999993</v>
      </c>
      <c r="D17" t="str">
        <f t="shared" si="0"/>
        <v>Iowa</v>
      </c>
      <c r="E17">
        <f t="shared" si="1"/>
        <v>4579.7599999999993</v>
      </c>
    </row>
    <row r="18" spans="1:5" x14ac:dyDescent="0.3">
      <c r="A18" s="6" t="s">
        <v>1282</v>
      </c>
      <c r="B18">
        <v>2914.3100000000004</v>
      </c>
      <c r="D18" t="str">
        <f t="shared" si="0"/>
        <v>Kansas</v>
      </c>
      <c r="E18">
        <f t="shared" si="1"/>
        <v>2914.3100000000004</v>
      </c>
    </row>
    <row r="19" spans="1:5" x14ac:dyDescent="0.3">
      <c r="A19" s="6" t="s">
        <v>32</v>
      </c>
      <c r="B19">
        <v>36591.749999999985</v>
      </c>
      <c r="D19" t="str">
        <f t="shared" si="0"/>
        <v>Kentucky</v>
      </c>
      <c r="E19">
        <f t="shared" si="1"/>
        <v>36591.749999999985</v>
      </c>
    </row>
    <row r="20" spans="1:5" x14ac:dyDescent="0.3">
      <c r="A20" s="6" t="s">
        <v>61</v>
      </c>
      <c r="B20">
        <v>9217.0299999999988</v>
      </c>
      <c r="D20" t="str">
        <f t="shared" si="0"/>
        <v>Louisiana</v>
      </c>
      <c r="E20">
        <f t="shared" si="1"/>
        <v>9217.0299999999988</v>
      </c>
    </row>
    <row r="21" spans="1:5" x14ac:dyDescent="0.3">
      <c r="A21" s="6" t="s">
        <v>1060</v>
      </c>
      <c r="B21">
        <v>1270.5300000000002</v>
      </c>
      <c r="D21" t="str">
        <f t="shared" si="0"/>
        <v>Maine</v>
      </c>
      <c r="E21">
        <f t="shared" si="1"/>
        <v>1270.5300000000002</v>
      </c>
    </row>
    <row r="22" spans="1:5" x14ac:dyDescent="0.3">
      <c r="A22" s="6" t="s">
        <v>530</v>
      </c>
      <c r="B22">
        <v>23705.52</v>
      </c>
      <c r="D22" t="str">
        <f t="shared" si="0"/>
        <v>Maryland</v>
      </c>
      <c r="E22">
        <f t="shared" si="1"/>
        <v>23705.52</v>
      </c>
    </row>
    <row r="23" spans="1:5" x14ac:dyDescent="0.3">
      <c r="A23" s="6" t="s">
        <v>433</v>
      </c>
      <c r="B23">
        <v>28634.439999999995</v>
      </c>
      <c r="D23" t="str">
        <f t="shared" si="0"/>
        <v>Massachusetts</v>
      </c>
      <c r="E23">
        <f t="shared" si="1"/>
        <v>28634.439999999995</v>
      </c>
    </row>
    <row r="24" spans="1:5" x14ac:dyDescent="0.3">
      <c r="A24" s="6" t="s">
        <v>109</v>
      </c>
      <c r="B24">
        <v>76269.610000000015</v>
      </c>
      <c r="D24" t="str">
        <f t="shared" si="0"/>
        <v>Michigan</v>
      </c>
      <c r="E24">
        <f t="shared" si="1"/>
        <v>76269.610000000015</v>
      </c>
    </row>
    <row r="25" spans="1:5" x14ac:dyDescent="0.3">
      <c r="A25" s="6" t="s">
        <v>314</v>
      </c>
      <c r="B25">
        <v>29863.149999999994</v>
      </c>
      <c r="D25" t="str">
        <f t="shared" si="0"/>
        <v>Minnesota</v>
      </c>
      <c r="E25">
        <f t="shared" si="1"/>
        <v>29863.149999999994</v>
      </c>
    </row>
    <row r="26" spans="1:5" x14ac:dyDescent="0.3">
      <c r="A26" s="6" t="s">
        <v>328</v>
      </c>
      <c r="B26">
        <v>10771.34</v>
      </c>
      <c r="D26" t="str">
        <f t="shared" ref="D26:D52" si="2">A26</f>
        <v>Mississippi</v>
      </c>
      <c r="E26">
        <f t="shared" ref="E26:E52" si="3">B26</f>
        <v>10771.34</v>
      </c>
    </row>
    <row r="27" spans="1:5" x14ac:dyDescent="0.3">
      <c r="A27" s="6" t="s">
        <v>185</v>
      </c>
      <c r="B27">
        <v>22205.149999999998</v>
      </c>
      <c r="D27" t="str">
        <f t="shared" si="2"/>
        <v>Missouri</v>
      </c>
      <c r="E27">
        <f t="shared" si="3"/>
        <v>22205.149999999998</v>
      </c>
    </row>
    <row r="28" spans="1:5" x14ac:dyDescent="0.3">
      <c r="A28" s="6" t="s">
        <v>514</v>
      </c>
      <c r="B28">
        <v>5589.35</v>
      </c>
      <c r="D28" t="str">
        <f t="shared" si="2"/>
        <v>Montana</v>
      </c>
      <c r="E28">
        <f t="shared" si="3"/>
        <v>5589.35</v>
      </c>
    </row>
    <row r="29" spans="1:5" x14ac:dyDescent="0.3">
      <c r="A29" s="6" t="s">
        <v>995</v>
      </c>
      <c r="B29">
        <v>7464.9300000000012</v>
      </c>
      <c r="D29" t="str">
        <f t="shared" si="2"/>
        <v>Nebraska</v>
      </c>
      <c r="E29">
        <f t="shared" si="3"/>
        <v>7464.9300000000012</v>
      </c>
    </row>
    <row r="30" spans="1:5" x14ac:dyDescent="0.3">
      <c r="A30" s="6" t="s">
        <v>125</v>
      </c>
      <c r="B30">
        <v>16729.100000000002</v>
      </c>
      <c r="D30" t="str">
        <f t="shared" si="2"/>
        <v>Nevada</v>
      </c>
      <c r="E30">
        <f t="shared" si="3"/>
        <v>16729.100000000002</v>
      </c>
    </row>
    <row r="31" spans="1:5" x14ac:dyDescent="0.3">
      <c r="A31" s="6" t="s">
        <v>684</v>
      </c>
      <c r="B31">
        <v>7292.5199999999995</v>
      </c>
      <c r="D31" t="str">
        <f t="shared" si="2"/>
        <v>New Hampshire</v>
      </c>
      <c r="E31">
        <f t="shared" si="3"/>
        <v>7292.5199999999995</v>
      </c>
    </row>
    <row r="32" spans="1:5" x14ac:dyDescent="0.3">
      <c r="A32" s="6" t="s">
        <v>176</v>
      </c>
      <c r="B32">
        <v>35764.320000000007</v>
      </c>
      <c r="D32" t="str">
        <f t="shared" si="2"/>
        <v>New Jersey</v>
      </c>
      <c r="E32">
        <f t="shared" si="3"/>
        <v>35764.320000000007</v>
      </c>
    </row>
    <row r="33" spans="1:5" x14ac:dyDescent="0.3">
      <c r="A33" s="6" t="s">
        <v>398</v>
      </c>
      <c r="B33">
        <v>4783.5399999999991</v>
      </c>
      <c r="D33" t="str">
        <f t="shared" si="2"/>
        <v>New Mexico</v>
      </c>
      <c r="E33">
        <f t="shared" si="3"/>
        <v>4783.5399999999991</v>
      </c>
    </row>
    <row r="34" spans="1:5" x14ac:dyDescent="0.3">
      <c r="A34" s="6" t="s">
        <v>148</v>
      </c>
      <c r="B34">
        <v>310876.20000000036</v>
      </c>
      <c r="D34" t="str">
        <f t="shared" si="2"/>
        <v>New York</v>
      </c>
      <c r="E34">
        <f t="shared" si="3"/>
        <v>310876.20000000036</v>
      </c>
    </row>
    <row r="35" spans="1:5" x14ac:dyDescent="0.3">
      <c r="A35" s="6" t="s">
        <v>244</v>
      </c>
      <c r="B35">
        <v>55603.089999999982</v>
      </c>
      <c r="D35" t="str">
        <f t="shared" si="2"/>
        <v>North Carolina</v>
      </c>
      <c r="E35">
        <f t="shared" si="3"/>
        <v>55603.089999999982</v>
      </c>
    </row>
    <row r="36" spans="1:5" x14ac:dyDescent="0.3">
      <c r="A36" s="6" t="s">
        <v>2674</v>
      </c>
      <c r="B36">
        <v>919.91</v>
      </c>
      <c r="D36" t="str">
        <f t="shared" si="2"/>
        <v>North Dakota</v>
      </c>
      <c r="E36">
        <f t="shared" si="3"/>
        <v>919.91</v>
      </c>
    </row>
    <row r="37" spans="1:5" x14ac:dyDescent="0.3">
      <c r="A37" s="6" t="s">
        <v>77</v>
      </c>
      <c r="B37">
        <v>77976.840000000098</v>
      </c>
      <c r="D37" t="str">
        <f t="shared" si="2"/>
        <v>Ohio</v>
      </c>
      <c r="E37">
        <f t="shared" si="3"/>
        <v>77976.840000000098</v>
      </c>
    </row>
    <row r="38" spans="1:5" x14ac:dyDescent="0.3">
      <c r="A38" s="6" t="s">
        <v>839</v>
      </c>
      <c r="B38">
        <v>19683.389999999996</v>
      </c>
      <c r="D38" t="str">
        <f t="shared" si="2"/>
        <v>Oklahoma</v>
      </c>
      <c r="E38">
        <f t="shared" si="3"/>
        <v>19683.389999999996</v>
      </c>
    </row>
    <row r="39" spans="1:5" x14ac:dyDescent="0.3">
      <c r="A39" s="6" t="s">
        <v>90</v>
      </c>
      <c r="B39">
        <v>17431.140000000007</v>
      </c>
      <c r="D39" t="str">
        <f t="shared" si="2"/>
        <v>Oregon</v>
      </c>
      <c r="E39">
        <f t="shared" si="3"/>
        <v>17431.140000000007</v>
      </c>
    </row>
    <row r="40" spans="1:5" x14ac:dyDescent="0.3">
      <c r="A40" s="6" t="s">
        <v>22</v>
      </c>
      <c r="B40">
        <v>116512.01999999995</v>
      </c>
      <c r="D40" t="str">
        <f t="shared" si="2"/>
        <v>Pennsylvania</v>
      </c>
      <c r="E40">
        <f t="shared" si="3"/>
        <v>116512.01999999995</v>
      </c>
    </row>
    <row r="41" spans="1:5" x14ac:dyDescent="0.3">
      <c r="A41" s="6" t="s">
        <v>1528</v>
      </c>
      <c r="B41">
        <v>22627.96</v>
      </c>
      <c r="D41" t="str">
        <f t="shared" si="2"/>
        <v>Rhode Island</v>
      </c>
      <c r="E41">
        <f t="shared" si="3"/>
        <v>22627.96</v>
      </c>
    </row>
    <row r="42" spans="1:5" x14ac:dyDescent="0.3">
      <c r="A42" s="6" t="s">
        <v>69</v>
      </c>
      <c r="B42">
        <v>8481.7099999999973</v>
      </c>
      <c r="D42" t="str">
        <f t="shared" si="2"/>
        <v>South Carolina</v>
      </c>
      <c r="E42">
        <f t="shared" si="3"/>
        <v>8481.7099999999973</v>
      </c>
    </row>
    <row r="43" spans="1:5" x14ac:dyDescent="0.3">
      <c r="A43" s="6" t="s">
        <v>139</v>
      </c>
      <c r="B43">
        <v>1315.56</v>
      </c>
      <c r="D43" t="str">
        <f t="shared" si="2"/>
        <v>South Dakota</v>
      </c>
      <c r="E43">
        <f t="shared" si="3"/>
        <v>1315.56</v>
      </c>
    </row>
    <row r="44" spans="1:5" x14ac:dyDescent="0.3">
      <c r="A44" s="6" t="s">
        <v>119</v>
      </c>
      <c r="B44">
        <v>30661.919999999991</v>
      </c>
      <c r="D44" t="str">
        <f t="shared" si="2"/>
        <v>Tennessee</v>
      </c>
      <c r="E44">
        <f t="shared" si="3"/>
        <v>30661.919999999991</v>
      </c>
    </row>
    <row r="45" spans="1:5" x14ac:dyDescent="0.3">
      <c r="A45" s="6" t="s">
        <v>9</v>
      </c>
      <c r="B45">
        <v>170187.98</v>
      </c>
      <c r="D45" t="str">
        <f t="shared" si="2"/>
        <v>Texas</v>
      </c>
      <c r="E45">
        <f t="shared" si="3"/>
        <v>170187.98</v>
      </c>
    </row>
    <row r="46" spans="1:5" x14ac:dyDescent="0.3">
      <c r="A46" s="6" t="s">
        <v>295</v>
      </c>
      <c r="B46">
        <v>11220.06</v>
      </c>
      <c r="D46" t="str">
        <f t="shared" si="2"/>
        <v>Utah</v>
      </c>
      <c r="E46">
        <f t="shared" si="3"/>
        <v>11220.06</v>
      </c>
    </row>
    <row r="47" spans="1:5" x14ac:dyDescent="0.3">
      <c r="A47" s="6" t="s">
        <v>2321</v>
      </c>
      <c r="B47">
        <v>8929.3700000000008</v>
      </c>
      <c r="D47" t="str">
        <f t="shared" si="2"/>
        <v>Vermont</v>
      </c>
      <c r="E47">
        <f t="shared" si="3"/>
        <v>8929.3700000000008</v>
      </c>
    </row>
    <row r="48" spans="1:5" x14ac:dyDescent="0.3">
      <c r="A48" s="6" t="s">
        <v>54</v>
      </c>
      <c r="B48">
        <v>70636.72000000003</v>
      </c>
      <c r="D48" t="str">
        <f t="shared" si="2"/>
        <v>Virginia</v>
      </c>
      <c r="E48">
        <f t="shared" si="3"/>
        <v>70636.72000000003</v>
      </c>
    </row>
    <row r="49" spans="1:5" x14ac:dyDescent="0.3">
      <c r="A49" s="6" t="s">
        <v>163</v>
      </c>
      <c r="B49">
        <v>138641.28999999998</v>
      </c>
      <c r="D49" t="str">
        <f t="shared" si="2"/>
        <v>Washington</v>
      </c>
      <c r="E49">
        <f t="shared" si="3"/>
        <v>138641.28999999998</v>
      </c>
    </row>
    <row r="50" spans="1:5" x14ac:dyDescent="0.3">
      <c r="A50" s="6" t="s">
        <v>2686</v>
      </c>
      <c r="B50">
        <v>1209.8200000000002</v>
      </c>
      <c r="D50" t="str">
        <f t="shared" si="2"/>
        <v>West Virginia</v>
      </c>
      <c r="E50">
        <f t="shared" si="3"/>
        <v>1209.8200000000002</v>
      </c>
    </row>
    <row r="51" spans="1:5" x14ac:dyDescent="0.3">
      <c r="A51" s="6" t="s">
        <v>156</v>
      </c>
      <c r="B51">
        <v>32114.610000000015</v>
      </c>
      <c r="D51" t="str">
        <f t="shared" si="2"/>
        <v>Wisconsin</v>
      </c>
      <c r="E51">
        <f t="shared" si="3"/>
        <v>32114.610000000015</v>
      </c>
    </row>
    <row r="52" spans="1:5" x14ac:dyDescent="0.3">
      <c r="A52" s="6" t="s">
        <v>2619</v>
      </c>
      <c r="B52">
        <v>1603.14</v>
      </c>
      <c r="D52" t="str">
        <f t="shared" si="2"/>
        <v>Wyoming</v>
      </c>
      <c r="E52">
        <f t="shared" si="3"/>
        <v>1603.14</v>
      </c>
    </row>
  </sheetData>
  <pageMargins left="0.7" right="0.7" top="0.75" bottom="0.75" header="0.3" footer="0.3"/>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K9995"/>
  <sheetViews>
    <sheetView topLeftCell="B16" workbookViewId="0">
      <selection activeCell="M31" sqref="M31"/>
    </sheetView>
  </sheetViews>
  <sheetFormatPr defaultRowHeight="14.4" x14ac:dyDescent="0.3"/>
  <cols>
    <col min="1" max="1" width="15.77734375" customWidth="1"/>
    <col min="2" max="3" width="15.77734375" style="3" customWidth="1"/>
    <col min="4" max="4" width="16.77734375" customWidth="1"/>
    <col min="6" max="6" width="10.44140625" customWidth="1"/>
    <col min="7" max="7" width="14.33203125" customWidth="1"/>
    <col min="8" max="8" width="15" customWidth="1"/>
    <col min="10" max="10" width="10.21875" customWidth="1"/>
    <col min="14" max="14" width="56" customWidth="1"/>
    <col min="15" max="15" width="8.88671875" customWidth="1"/>
  </cols>
  <sheetData>
    <row r="1" spans="1:11" x14ac:dyDescent="0.3">
      <c r="A1" s="1" t="s">
        <v>2720</v>
      </c>
      <c r="B1" s="3" t="s">
        <v>2721</v>
      </c>
      <c r="C1" s="3" t="s">
        <v>2722</v>
      </c>
      <c r="D1" t="s">
        <v>0</v>
      </c>
      <c r="E1" t="s">
        <v>1</v>
      </c>
      <c r="F1" t="s">
        <v>2</v>
      </c>
      <c r="G1" t="s">
        <v>3</v>
      </c>
      <c r="H1" t="s">
        <v>4</v>
      </c>
      <c r="I1" s="2" t="s">
        <v>5</v>
      </c>
      <c r="J1" s="2" t="s">
        <v>6</v>
      </c>
      <c r="K1" s="2" t="s">
        <v>7</v>
      </c>
    </row>
    <row r="2" spans="1:11" x14ac:dyDescent="0.3">
      <c r="A2" s="1">
        <v>41642</v>
      </c>
      <c r="B2" s="3">
        <f t="shared" ref="B2:B65" si="0">MONTH(A:A)</f>
        <v>1</v>
      </c>
      <c r="C2" s="3">
        <f t="shared" ref="C2:C65" si="1">YEAR(A:A)</f>
        <v>2014</v>
      </c>
      <c r="D2" t="s">
        <v>8</v>
      </c>
      <c r="E2" t="s">
        <v>9</v>
      </c>
      <c r="F2" t="s">
        <v>10</v>
      </c>
      <c r="G2" t="s">
        <v>11</v>
      </c>
      <c r="H2" t="s">
        <v>12</v>
      </c>
      <c r="I2">
        <v>16.45</v>
      </c>
      <c r="J2">
        <v>2</v>
      </c>
      <c r="K2">
        <v>5.55</v>
      </c>
    </row>
    <row r="3" spans="1:11" x14ac:dyDescent="0.3">
      <c r="A3" s="1">
        <v>41643</v>
      </c>
      <c r="B3" s="3">
        <f t="shared" si="0"/>
        <v>1</v>
      </c>
      <c r="C3" s="3">
        <f t="shared" si="1"/>
        <v>2014</v>
      </c>
      <c r="D3" t="s">
        <v>13</v>
      </c>
      <c r="E3" t="s">
        <v>14</v>
      </c>
      <c r="F3" t="s">
        <v>10</v>
      </c>
      <c r="G3" t="s">
        <v>15</v>
      </c>
      <c r="H3" t="s">
        <v>16</v>
      </c>
      <c r="I3">
        <v>11.78</v>
      </c>
      <c r="J3">
        <v>3</v>
      </c>
      <c r="K3">
        <v>4.2699999999999996</v>
      </c>
    </row>
    <row r="4" spans="1:11" x14ac:dyDescent="0.3">
      <c r="A4" s="1">
        <v>41643</v>
      </c>
      <c r="B4" s="3">
        <f t="shared" si="0"/>
        <v>1</v>
      </c>
      <c r="C4" s="3">
        <f t="shared" si="1"/>
        <v>2014</v>
      </c>
      <c r="D4" t="s">
        <v>13</v>
      </c>
      <c r="E4" t="s">
        <v>14</v>
      </c>
      <c r="F4" t="s">
        <v>10</v>
      </c>
      <c r="G4" t="s">
        <v>17</v>
      </c>
      <c r="H4" t="s">
        <v>18</v>
      </c>
      <c r="I4">
        <v>272.74</v>
      </c>
      <c r="J4">
        <v>3</v>
      </c>
      <c r="K4">
        <v>-64.77</v>
      </c>
    </row>
    <row r="5" spans="1:11" x14ac:dyDescent="0.3">
      <c r="A5" s="1">
        <v>41643</v>
      </c>
      <c r="B5" s="3">
        <f t="shared" si="0"/>
        <v>1</v>
      </c>
      <c r="C5" s="3">
        <f t="shared" si="1"/>
        <v>2014</v>
      </c>
      <c r="D5" t="s">
        <v>13</v>
      </c>
      <c r="E5" t="s">
        <v>14</v>
      </c>
      <c r="F5" t="s">
        <v>10</v>
      </c>
      <c r="G5" t="s">
        <v>19</v>
      </c>
      <c r="H5" t="s">
        <v>20</v>
      </c>
      <c r="I5">
        <v>3.54</v>
      </c>
      <c r="J5">
        <v>2</v>
      </c>
      <c r="K5">
        <v>-5.49</v>
      </c>
    </row>
    <row r="6" spans="1:11" x14ac:dyDescent="0.3">
      <c r="A6" s="1">
        <v>41644</v>
      </c>
      <c r="B6" s="3">
        <f t="shared" si="0"/>
        <v>1</v>
      </c>
      <c r="C6" s="3">
        <f t="shared" si="1"/>
        <v>2014</v>
      </c>
      <c r="D6" t="s">
        <v>21</v>
      </c>
      <c r="E6" t="s">
        <v>22</v>
      </c>
      <c r="F6" t="s">
        <v>10</v>
      </c>
      <c r="G6" t="s">
        <v>23</v>
      </c>
      <c r="H6" t="s">
        <v>24</v>
      </c>
      <c r="I6">
        <v>19.54</v>
      </c>
      <c r="J6">
        <v>3</v>
      </c>
      <c r="K6">
        <v>4.88</v>
      </c>
    </row>
    <row r="7" spans="1:11" x14ac:dyDescent="0.3">
      <c r="A7" s="1">
        <v>41645</v>
      </c>
      <c r="B7" s="3">
        <f t="shared" si="0"/>
        <v>1</v>
      </c>
      <c r="C7" s="3">
        <f t="shared" si="1"/>
        <v>2014</v>
      </c>
      <c r="D7" t="s">
        <v>25</v>
      </c>
      <c r="E7" t="s">
        <v>26</v>
      </c>
      <c r="F7" t="s">
        <v>10</v>
      </c>
      <c r="G7" t="s">
        <v>11</v>
      </c>
      <c r="H7" t="s">
        <v>27</v>
      </c>
      <c r="I7">
        <v>19.440000000000001</v>
      </c>
      <c r="J7">
        <v>3</v>
      </c>
      <c r="K7">
        <v>9.33</v>
      </c>
    </row>
    <row r="8" spans="1:11" x14ac:dyDescent="0.3">
      <c r="A8" s="1">
        <v>41645</v>
      </c>
      <c r="B8" s="3">
        <f t="shared" si="0"/>
        <v>1</v>
      </c>
      <c r="C8" s="3">
        <f t="shared" si="1"/>
        <v>2014</v>
      </c>
      <c r="D8" t="s">
        <v>28</v>
      </c>
      <c r="E8" t="s">
        <v>29</v>
      </c>
      <c r="F8" t="s">
        <v>10</v>
      </c>
      <c r="G8" t="s">
        <v>23</v>
      </c>
      <c r="H8" t="s">
        <v>30</v>
      </c>
      <c r="I8">
        <v>12.78</v>
      </c>
      <c r="J8">
        <v>3</v>
      </c>
      <c r="K8">
        <v>5.24</v>
      </c>
    </row>
    <row r="9" spans="1:11" x14ac:dyDescent="0.3">
      <c r="A9" s="1">
        <v>41645</v>
      </c>
      <c r="B9" s="3">
        <f t="shared" si="0"/>
        <v>1</v>
      </c>
      <c r="C9" s="3">
        <f t="shared" si="1"/>
        <v>2014</v>
      </c>
      <c r="D9" t="s">
        <v>31</v>
      </c>
      <c r="E9" t="s">
        <v>32</v>
      </c>
      <c r="F9" t="s">
        <v>33</v>
      </c>
      <c r="G9" t="s">
        <v>34</v>
      </c>
      <c r="H9" t="s">
        <v>35</v>
      </c>
      <c r="I9">
        <v>2573.8200000000002</v>
      </c>
      <c r="J9">
        <v>9</v>
      </c>
      <c r="K9">
        <v>746.41</v>
      </c>
    </row>
    <row r="10" spans="1:11" x14ac:dyDescent="0.3">
      <c r="A10" s="1">
        <v>41645</v>
      </c>
      <c r="B10" s="3">
        <f t="shared" si="0"/>
        <v>1</v>
      </c>
      <c r="C10" s="3">
        <f t="shared" si="1"/>
        <v>2014</v>
      </c>
      <c r="D10" t="s">
        <v>31</v>
      </c>
      <c r="E10" t="s">
        <v>32</v>
      </c>
      <c r="F10" t="s">
        <v>10</v>
      </c>
      <c r="G10" t="s">
        <v>19</v>
      </c>
      <c r="H10" t="s">
        <v>36</v>
      </c>
      <c r="I10">
        <v>609.98</v>
      </c>
      <c r="J10">
        <v>2</v>
      </c>
      <c r="K10">
        <v>274.49</v>
      </c>
    </row>
    <row r="11" spans="1:11" x14ac:dyDescent="0.3">
      <c r="A11" s="1">
        <v>41645</v>
      </c>
      <c r="B11" s="3">
        <f t="shared" si="0"/>
        <v>1</v>
      </c>
      <c r="C11" s="3">
        <f t="shared" si="1"/>
        <v>2014</v>
      </c>
      <c r="D11" t="s">
        <v>31</v>
      </c>
      <c r="E11" t="s">
        <v>32</v>
      </c>
      <c r="F11" t="s">
        <v>10</v>
      </c>
      <c r="G11" t="s">
        <v>23</v>
      </c>
      <c r="H11" t="s">
        <v>37</v>
      </c>
      <c r="I11">
        <v>5.48</v>
      </c>
      <c r="J11">
        <v>2</v>
      </c>
      <c r="K11">
        <v>1.48</v>
      </c>
    </row>
    <row r="12" spans="1:11" x14ac:dyDescent="0.3">
      <c r="A12" s="1">
        <v>41645</v>
      </c>
      <c r="B12" s="3">
        <f t="shared" si="0"/>
        <v>1</v>
      </c>
      <c r="C12" s="3">
        <f t="shared" si="1"/>
        <v>2014</v>
      </c>
      <c r="D12" t="s">
        <v>31</v>
      </c>
      <c r="E12" t="s">
        <v>32</v>
      </c>
      <c r="F12" t="s">
        <v>38</v>
      </c>
      <c r="G12" t="s">
        <v>39</v>
      </c>
      <c r="H12" t="s">
        <v>40</v>
      </c>
      <c r="I12">
        <v>391.98</v>
      </c>
      <c r="J12">
        <v>2</v>
      </c>
      <c r="K12">
        <v>113.67</v>
      </c>
    </row>
    <row r="13" spans="1:11" x14ac:dyDescent="0.3">
      <c r="A13" s="1">
        <v>41645</v>
      </c>
      <c r="B13" s="3">
        <f t="shared" si="0"/>
        <v>1</v>
      </c>
      <c r="C13" s="3">
        <f t="shared" si="1"/>
        <v>2014</v>
      </c>
      <c r="D13" t="s">
        <v>31</v>
      </c>
      <c r="E13" t="s">
        <v>32</v>
      </c>
      <c r="F13" t="s">
        <v>38</v>
      </c>
      <c r="G13" t="s">
        <v>39</v>
      </c>
      <c r="H13" t="s">
        <v>41</v>
      </c>
      <c r="I13">
        <v>755.96</v>
      </c>
      <c r="J13">
        <v>4</v>
      </c>
      <c r="K13">
        <v>204.11</v>
      </c>
    </row>
    <row r="14" spans="1:11" x14ac:dyDescent="0.3">
      <c r="A14" s="1">
        <v>41645</v>
      </c>
      <c r="B14" s="3">
        <f t="shared" si="0"/>
        <v>1</v>
      </c>
      <c r="C14" s="3">
        <f t="shared" si="1"/>
        <v>2014</v>
      </c>
      <c r="D14" t="s">
        <v>31</v>
      </c>
      <c r="E14" t="s">
        <v>32</v>
      </c>
      <c r="F14" t="s">
        <v>10</v>
      </c>
      <c r="G14" t="s">
        <v>42</v>
      </c>
      <c r="H14" t="s">
        <v>43</v>
      </c>
      <c r="I14">
        <v>31.12</v>
      </c>
      <c r="J14">
        <v>4</v>
      </c>
      <c r="K14">
        <v>0.31</v>
      </c>
    </row>
    <row r="15" spans="1:11" x14ac:dyDescent="0.3">
      <c r="A15" s="1">
        <v>41645</v>
      </c>
      <c r="B15" s="3">
        <f t="shared" si="0"/>
        <v>1</v>
      </c>
      <c r="C15" s="3">
        <f t="shared" si="1"/>
        <v>2014</v>
      </c>
      <c r="D15" t="s">
        <v>31</v>
      </c>
      <c r="E15" t="s">
        <v>32</v>
      </c>
      <c r="F15" t="s">
        <v>10</v>
      </c>
      <c r="G15" t="s">
        <v>11</v>
      </c>
      <c r="H15" t="s">
        <v>44</v>
      </c>
      <c r="I15">
        <v>6.54</v>
      </c>
      <c r="J15">
        <v>1</v>
      </c>
      <c r="K15">
        <v>3.01</v>
      </c>
    </row>
    <row r="16" spans="1:11" x14ac:dyDescent="0.3">
      <c r="A16" s="1">
        <v>41646</v>
      </c>
      <c r="B16" s="3">
        <f t="shared" si="0"/>
        <v>1</v>
      </c>
      <c r="C16" s="3">
        <f t="shared" si="1"/>
        <v>2014</v>
      </c>
      <c r="D16" t="s">
        <v>45</v>
      </c>
      <c r="E16" t="s">
        <v>9</v>
      </c>
      <c r="F16" t="s">
        <v>33</v>
      </c>
      <c r="G16" t="s">
        <v>46</v>
      </c>
      <c r="H16" t="s">
        <v>47</v>
      </c>
      <c r="I16">
        <v>76.73</v>
      </c>
      <c r="J16">
        <v>3</v>
      </c>
      <c r="K16">
        <v>-53.71</v>
      </c>
    </row>
    <row r="17" spans="1:11" x14ac:dyDescent="0.3">
      <c r="A17" s="1">
        <v>41646</v>
      </c>
      <c r="B17" s="3">
        <f t="shared" si="0"/>
        <v>1</v>
      </c>
      <c r="C17" s="3">
        <f t="shared" si="1"/>
        <v>2014</v>
      </c>
      <c r="D17" t="s">
        <v>45</v>
      </c>
      <c r="E17" t="s">
        <v>9</v>
      </c>
      <c r="F17" t="s">
        <v>10</v>
      </c>
      <c r="G17" t="s">
        <v>19</v>
      </c>
      <c r="H17" t="s">
        <v>48</v>
      </c>
      <c r="I17">
        <v>10.43</v>
      </c>
      <c r="J17">
        <v>7</v>
      </c>
      <c r="K17">
        <v>-18.25</v>
      </c>
    </row>
    <row r="18" spans="1:11" x14ac:dyDescent="0.3">
      <c r="A18" s="1">
        <v>41648</v>
      </c>
      <c r="B18" s="3">
        <f t="shared" si="0"/>
        <v>1</v>
      </c>
      <c r="C18" s="3">
        <f t="shared" si="1"/>
        <v>2014</v>
      </c>
      <c r="D18" t="s">
        <v>49</v>
      </c>
      <c r="E18" t="s">
        <v>9</v>
      </c>
      <c r="F18" t="s">
        <v>10</v>
      </c>
      <c r="G18" t="s">
        <v>23</v>
      </c>
      <c r="H18" t="s">
        <v>50</v>
      </c>
      <c r="I18">
        <v>9.34</v>
      </c>
      <c r="J18">
        <v>2</v>
      </c>
      <c r="K18">
        <v>1.17</v>
      </c>
    </row>
    <row r="19" spans="1:11" x14ac:dyDescent="0.3">
      <c r="A19" s="1">
        <v>41648</v>
      </c>
      <c r="B19" s="3">
        <f t="shared" si="0"/>
        <v>1</v>
      </c>
      <c r="C19" s="3">
        <f t="shared" si="1"/>
        <v>2014</v>
      </c>
      <c r="D19" t="s">
        <v>49</v>
      </c>
      <c r="E19" t="s">
        <v>9</v>
      </c>
      <c r="F19" t="s">
        <v>38</v>
      </c>
      <c r="G19" t="s">
        <v>51</v>
      </c>
      <c r="H19" t="s">
        <v>52</v>
      </c>
      <c r="I19">
        <v>31.2</v>
      </c>
      <c r="J19">
        <v>3</v>
      </c>
      <c r="K19">
        <v>9.75</v>
      </c>
    </row>
    <row r="20" spans="1:11" x14ac:dyDescent="0.3">
      <c r="A20" s="1">
        <v>41649</v>
      </c>
      <c r="B20" s="3">
        <f t="shared" si="0"/>
        <v>1</v>
      </c>
      <c r="C20" s="3">
        <f t="shared" si="1"/>
        <v>2014</v>
      </c>
      <c r="D20" t="s">
        <v>53</v>
      </c>
      <c r="E20" t="s">
        <v>54</v>
      </c>
      <c r="F20" t="s">
        <v>10</v>
      </c>
      <c r="G20" t="s">
        <v>15</v>
      </c>
      <c r="H20" t="s">
        <v>55</v>
      </c>
      <c r="I20">
        <v>2.89</v>
      </c>
      <c r="J20">
        <v>1</v>
      </c>
      <c r="K20">
        <v>1.36</v>
      </c>
    </row>
    <row r="21" spans="1:11" x14ac:dyDescent="0.3">
      <c r="A21" s="1">
        <v>41649</v>
      </c>
      <c r="B21" s="3">
        <f t="shared" si="0"/>
        <v>1</v>
      </c>
      <c r="C21" s="3">
        <f t="shared" si="1"/>
        <v>2014</v>
      </c>
      <c r="D21" t="s">
        <v>53</v>
      </c>
      <c r="E21" t="s">
        <v>54</v>
      </c>
      <c r="F21" t="s">
        <v>33</v>
      </c>
      <c r="G21" t="s">
        <v>46</v>
      </c>
      <c r="H21" t="s">
        <v>56</v>
      </c>
      <c r="I21">
        <v>51.94</v>
      </c>
      <c r="J21">
        <v>1</v>
      </c>
      <c r="K21">
        <v>21.3</v>
      </c>
    </row>
    <row r="22" spans="1:11" x14ac:dyDescent="0.3">
      <c r="A22" s="1">
        <v>41650</v>
      </c>
      <c r="B22" s="3">
        <f t="shared" si="0"/>
        <v>1</v>
      </c>
      <c r="C22" s="3">
        <f t="shared" si="1"/>
        <v>2014</v>
      </c>
      <c r="D22" t="s">
        <v>57</v>
      </c>
      <c r="E22" t="s">
        <v>58</v>
      </c>
      <c r="F22" t="s">
        <v>33</v>
      </c>
      <c r="G22" t="s">
        <v>46</v>
      </c>
      <c r="H22" t="s">
        <v>59</v>
      </c>
      <c r="I22">
        <v>9.94</v>
      </c>
      <c r="J22">
        <v>2</v>
      </c>
      <c r="K22">
        <v>3.08</v>
      </c>
    </row>
    <row r="23" spans="1:11" x14ac:dyDescent="0.3">
      <c r="A23" s="1">
        <v>41652</v>
      </c>
      <c r="B23" s="3">
        <f t="shared" si="0"/>
        <v>1</v>
      </c>
      <c r="C23" s="3">
        <f t="shared" si="1"/>
        <v>2014</v>
      </c>
      <c r="D23" t="s">
        <v>60</v>
      </c>
      <c r="E23" t="s">
        <v>61</v>
      </c>
      <c r="F23" t="s">
        <v>10</v>
      </c>
      <c r="G23" t="s">
        <v>62</v>
      </c>
      <c r="H23" t="s">
        <v>63</v>
      </c>
      <c r="I23">
        <v>11.36</v>
      </c>
      <c r="J23">
        <v>2</v>
      </c>
      <c r="K23">
        <v>5.34</v>
      </c>
    </row>
    <row r="24" spans="1:11" x14ac:dyDescent="0.3">
      <c r="A24" s="1">
        <v>41652</v>
      </c>
      <c r="B24" s="3">
        <f t="shared" si="0"/>
        <v>1</v>
      </c>
      <c r="C24" s="3">
        <f t="shared" si="1"/>
        <v>2014</v>
      </c>
      <c r="D24" t="s">
        <v>60</v>
      </c>
      <c r="E24" t="s">
        <v>61</v>
      </c>
      <c r="F24" t="s">
        <v>10</v>
      </c>
      <c r="G24" t="s">
        <v>62</v>
      </c>
      <c r="H24" t="s">
        <v>64</v>
      </c>
      <c r="I24">
        <v>50.94</v>
      </c>
      <c r="J24">
        <v>3</v>
      </c>
      <c r="K24">
        <v>25.47</v>
      </c>
    </row>
    <row r="25" spans="1:11" x14ac:dyDescent="0.3">
      <c r="A25" s="1">
        <v>41652</v>
      </c>
      <c r="B25" s="3">
        <f t="shared" si="0"/>
        <v>1</v>
      </c>
      <c r="C25" s="3">
        <f t="shared" si="1"/>
        <v>2014</v>
      </c>
      <c r="D25" t="s">
        <v>60</v>
      </c>
      <c r="E25" t="s">
        <v>61</v>
      </c>
      <c r="F25" t="s">
        <v>38</v>
      </c>
      <c r="G25" t="s">
        <v>51</v>
      </c>
      <c r="H25" t="s">
        <v>65</v>
      </c>
      <c r="I25">
        <v>646.74</v>
      </c>
      <c r="J25">
        <v>6</v>
      </c>
      <c r="K25">
        <v>258.7</v>
      </c>
    </row>
    <row r="26" spans="1:11" x14ac:dyDescent="0.3">
      <c r="A26" s="1">
        <v>41652</v>
      </c>
      <c r="B26" s="3">
        <f t="shared" si="0"/>
        <v>1</v>
      </c>
      <c r="C26" s="3">
        <f t="shared" si="1"/>
        <v>2014</v>
      </c>
      <c r="D26" t="s">
        <v>60</v>
      </c>
      <c r="E26" t="s">
        <v>61</v>
      </c>
      <c r="F26" t="s">
        <v>10</v>
      </c>
      <c r="G26" t="s">
        <v>19</v>
      </c>
      <c r="H26" t="s">
        <v>66</v>
      </c>
      <c r="I26">
        <v>5.64</v>
      </c>
      <c r="J26">
        <v>3</v>
      </c>
      <c r="K26">
        <v>2.71</v>
      </c>
    </row>
    <row r="27" spans="1:11" x14ac:dyDescent="0.3">
      <c r="A27" s="1">
        <v>41652</v>
      </c>
      <c r="B27" s="3">
        <f t="shared" si="0"/>
        <v>1</v>
      </c>
      <c r="C27" s="3">
        <f t="shared" si="1"/>
        <v>2014</v>
      </c>
      <c r="D27" t="s">
        <v>60</v>
      </c>
      <c r="E27" t="s">
        <v>61</v>
      </c>
      <c r="F27" t="s">
        <v>10</v>
      </c>
      <c r="G27" t="s">
        <v>17</v>
      </c>
      <c r="H27" t="s">
        <v>67</v>
      </c>
      <c r="I27">
        <v>572.58000000000004</v>
      </c>
      <c r="J27">
        <v>6</v>
      </c>
      <c r="K27">
        <v>34.35</v>
      </c>
    </row>
    <row r="28" spans="1:11" x14ac:dyDescent="0.3">
      <c r="A28" s="1">
        <v>41652</v>
      </c>
      <c r="B28" s="3">
        <f t="shared" si="0"/>
        <v>1</v>
      </c>
      <c r="C28" s="3">
        <f t="shared" si="1"/>
        <v>2014</v>
      </c>
      <c r="D28" t="s">
        <v>68</v>
      </c>
      <c r="E28" t="s">
        <v>69</v>
      </c>
      <c r="F28" t="s">
        <v>33</v>
      </c>
      <c r="G28" t="s">
        <v>34</v>
      </c>
      <c r="H28" t="s">
        <v>70</v>
      </c>
      <c r="I28">
        <v>545.94000000000005</v>
      </c>
      <c r="J28">
        <v>6</v>
      </c>
      <c r="K28">
        <v>87.35</v>
      </c>
    </row>
    <row r="29" spans="1:11" x14ac:dyDescent="0.3">
      <c r="A29" s="1">
        <v>41652</v>
      </c>
      <c r="B29" s="3">
        <f t="shared" si="0"/>
        <v>1</v>
      </c>
      <c r="C29" s="3">
        <f t="shared" si="1"/>
        <v>2014</v>
      </c>
      <c r="D29" t="s">
        <v>71</v>
      </c>
      <c r="E29" t="s">
        <v>26</v>
      </c>
      <c r="F29" t="s">
        <v>10</v>
      </c>
      <c r="G29" t="s">
        <v>17</v>
      </c>
      <c r="H29" t="s">
        <v>72</v>
      </c>
      <c r="I29">
        <v>1325.85</v>
      </c>
      <c r="J29">
        <v>5</v>
      </c>
      <c r="K29">
        <v>238.65</v>
      </c>
    </row>
    <row r="30" spans="1:11" x14ac:dyDescent="0.3">
      <c r="A30" s="1">
        <v>41652</v>
      </c>
      <c r="B30" s="3">
        <f t="shared" si="0"/>
        <v>1</v>
      </c>
      <c r="C30" s="3">
        <f t="shared" si="1"/>
        <v>2014</v>
      </c>
      <c r="D30" t="s">
        <v>71</v>
      </c>
      <c r="E30" t="s">
        <v>26</v>
      </c>
      <c r="F30" t="s">
        <v>33</v>
      </c>
      <c r="G30" t="s">
        <v>73</v>
      </c>
      <c r="H30" t="s">
        <v>74</v>
      </c>
      <c r="I30">
        <v>334</v>
      </c>
      <c r="J30">
        <v>3</v>
      </c>
      <c r="K30">
        <v>3.93</v>
      </c>
    </row>
    <row r="31" spans="1:11" x14ac:dyDescent="0.3">
      <c r="A31" s="1">
        <v>41652</v>
      </c>
      <c r="B31" s="3">
        <f t="shared" si="0"/>
        <v>1</v>
      </c>
      <c r="C31" s="3">
        <f t="shared" si="1"/>
        <v>2014</v>
      </c>
      <c r="D31" t="s">
        <v>71</v>
      </c>
      <c r="E31" t="s">
        <v>26</v>
      </c>
      <c r="F31" t="s">
        <v>10</v>
      </c>
      <c r="G31" t="s">
        <v>23</v>
      </c>
      <c r="H31" t="s">
        <v>75</v>
      </c>
      <c r="I31">
        <v>19.899999999999999</v>
      </c>
      <c r="J31">
        <v>5</v>
      </c>
      <c r="K31">
        <v>6.57</v>
      </c>
    </row>
    <row r="32" spans="1:11" x14ac:dyDescent="0.3">
      <c r="A32" s="1">
        <v>41652</v>
      </c>
      <c r="B32" s="3">
        <f t="shared" si="0"/>
        <v>1</v>
      </c>
      <c r="C32" s="3">
        <f t="shared" si="1"/>
        <v>2014</v>
      </c>
      <c r="D32" t="s">
        <v>76</v>
      </c>
      <c r="E32" t="s">
        <v>77</v>
      </c>
      <c r="F32" t="s">
        <v>10</v>
      </c>
      <c r="G32" t="s">
        <v>11</v>
      </c>
      <c r="H32" t="s">
        <v>78</v>
      </c>
      <c r="I32">
        <v>37.409999999999997</v>
      </c>
      <c r="J32">
        <v>7</v>
      </c>
      <c r="K32">
        <v>13.09</v>
      </c>
    </row>
    <row r="33" spans="1:11" x14ac:dyDescent="0.3">
      <c r="A33" s="1">
        <v>41652</v>
      </c>
      <c r="B33" s="3">
        <f t="shared" si="0"/>
        <v>1</v>
      </c>
      <c r="C33" s="3">
        <f t="shared" si="1"/>
        <v>2014</v>
      </c>
      <c r="D33" t="s">
        <v>76</v>
      </c>
      <c r="E33" t="s">
        <v>77</v>
      </c>
      <c r="F33" t="s">
        <v>10</v>
      </c>
      <c r="G33" t="s">
        <v>19</v>
      </c>
      <c r="H33" t="s">
        <v>79</v>
      </c>
      <c r="I33">
        <v>3.44</v>
      </c>
      <c r="J33">
        <v>2</v>
      </c>
      <c r="K33">
        <v>-2.52</v>
      </c>
    </row>
    <row r="34" spans="1:11" x14ac:dyDescent="0.3">
      <c r="A34" s="1">
        <v>41653</v>
      </c>
      <c r="B34" s="3">
        <f t="shared" si="0"/>
        <v>1</v>
      </c>
      <c r="C34" s="3">
        <f t="shared" si="1"/>
        <v>2014</v>
      </c>
      <c r="D34" t="s">
        <v>80</v>
      </c>
      <c r="E34" t="s">
        <v>22</v>
      </c>
      <c r="F34" t="s">
        <v>33</v>
      </c>
      <c r="G34" t="s">
        <v>73</v>
      </c>
      <c r="H34" t="s">
        <v>81</v>
      </c>
      <c r="I34">
        <v>61.96</v>
      </c>
      <c r="J34">
        <v>4</v>
      </c>
      <c r="K34">
        <v>-53.29</v>
      </c>
    </row>
    <row r="35" spans="1:11" x14ac:dyDescent="0.3">
      <c r="A35" s="1">
        <v>41654</v>
      </c>
      <c r="B35" s="3">
        <f t="shared" si="0"/>
        <v>1</v>
      </c>
      <c r="C35" s="3">
        <f t="shared" si="1"/>
        <v>2014</v>
      </c>
      <c r="D35" t="s">
        <v>82</v>
      </c>
      <c r="E35" t="s">
        <v>29</v>
      </c>
      <c r="F35" t="s">
        <v>38</v>
      </c>
      <c r="G35" t="s">
        <v>51</v>
      </c>
      <c r="H35" t="s">
        <v>83</v>
      </c>
      <c r="I35">
        <v>149.94999999999999</v>
      </c>
      <c r="J35">
        <v>5</v>
      </c>
      <c r="K35">
        <v>65.98</v>
      </c>
    </row>
    <row r="36" spans="1:11" x14ac:dyDescent="0.3">
      <c r="A36" s="1">
        <v>41655</v>
      </c>
      <c r="B36" s="3">
        <f t="shared" si="0"/>
        <v>1</v>
      </c>
      <c r="C36" s="3">
        <f t="shared" si="1"/>
        <v>2014</v>
      </c>
      <c r="D36" t="s">
        <v>84</v>
      </c>
      <c r="E36" t="s">
        <v>22</v>
      </c>
      <c r="F36" t="s">
        <v>33</v>
      </c>
      <c r="G36" t="s">
        <v>46</v>
      </c>
      <c r="H36" t="s">
        <v>85</v>
      </c>
      <c r="I36">
        <v>127.1</v>
      </c>
      <c r="J36">
        <v>6</v>
      </c>
      <c r="K36">
        <v>28.6</v>
      </c>
    </row>
    <row r="37" spans="1:11" x14ac:dyDescent="0.3">
      <c r="A37" s="1">
        <v>41655</v>
      </c>
      <c r="B37" s="3">
        <f t="shared" si="0"/>
        <v>1</v>
      </c>
      <c r="C37" s="3">
        <f t="shared" si="1"/>
        <v>2014</v>
      </c>
      <c r="D37" t="s">
        <v>84</v>
      </c>
      <c r="E37" t="s">
        <v>22</v>
      </c>
      <c r="F37" t="s">
        <v>38</v>
      </c>
      <c r="G37" t="s">
        <v>39</v>
      </c>
      <c r="H37" t="s">
        <v>86</v>
      </c>
      <c r="I37">
        <v>124.2</v>
      </c>
      <c r="J37">
        <v>3</v>
      </c>
      <c r="K37">
        <v>-31.05</v>
      </c>
    </row>
    <row r="38" spans="1:11" x14ac:dyDescent="0.3">
      <c r="A38" s="1">
        <v>41655</v>
      </c>
      <c r="B38" s="3">
        <f t="shared" si="0"/>
        <v>1</v>
      </c>
      <c r="C38" s="3">
        <f t="shared" si="1"/>
        <v>2014</v>
      </c>
      <c r="D38" t="s">
        <v>84</v>
      </c>
      <c r="E38" t="s">
        <v>22</v>
      </c>
      <c r="F38" t="s">
        <v>10</v>
      </c>
      <c r="G38" t="s">
        <v>19</v>
      </c>
      <c r="H38" t="s">
        <v>87</v>
      </c>
      <c r="I38">
        <v>18.59</v>
      </c>
      <c r="J38">
        <v>2</v>
      </c>
      <c r="K38">
        <v>-13.63</v>
      </c>
    </row>
    <row r="39" spans="1:11" x14ac:dyDescent="0.3">
      <c r="A39" s="1">
        <v>41655</v>
      </c>
      <c r="B39" s="3">
        <f t="shared" si="0"/>
        <v>1</v>
      </c>
      <c r="C39" s="3">
        <f t="shared" si="1"/>
        <v>2014</v>
      </c>
      <c r="D39" t="s">
        <v>84</v>
      </c>
      <c r="E39" t="s">
        <v>22</v>
      </c>
      <c r="F39" t="s">
        <v>10</v>
      </c>
      <c r="G39" t="s">
        <v>15</v>
      </c>
      <c r="H39" t="s">
        <v>88</v>
      </c>
      <c r="I39">
        <v>30.07</v>
      </c>
      <c r="J39">
        <v>3</v>
      </c>
      <c r="K39">
        <v>10.15</v>
      </c>
    </row>
    <row r="40" spans="1:11" x14ac:dyDescent="0.3">
      <c r="A40" s="1">
        <v>41657</v>
      </c>
      <c r="B40" s="3">
        <f t="shared" si="0"/>
        <v>1</v>
      </c>
      <c r="C40" s="3">
        <f t="shared" si="1"/>
        <v>2014</v>
      </c>
      <c r="D40" t="s">
        <v>89</v>
      </c>
      <c r="E40" t="s">
        <v>90</v>
      </c>
      <c r="F40" t="s">
        <v>10</v>
      </c>
      <c r="G40" t="s">
        <v>91</v>
      </c>
      <c r="H40" t="s">
        <v>92</v>
      </c>
      <c r="I40">
        <v>64.86</v>
      </c>
      <c r="J40">
        <v>4</v>
      </c>
      <c r="K40">
        <v>6.49</v>
      </c>
    </row>
    <row r="41" spans="1:11" x14ac:dyDescent="0.3">
      <c r="A41" s="1">
        <v>41658</v>
      </c>
      <c r="B41" s="3">
        <f t="shared" si="0"/>
        <v>1</v>
      </c>
      <c r="C41" s="3">
        <f t="shared" si="1"/>
        <v>2014</v>
      </c>
      <c r="D41" t="s">
        <v>93</v>
      </c>
      <c r="E41" t="s">
        <v>94</v>
      </c>
      <c r="F41" t="s">
        <v>10</v>
      </c>
      <c r="G41" t="s">
        <v>19</v>
      </c>
      <c r="H41" t="s">
        <v>95</v>
      </c>
      <c r="I41">
        <v>32.340000000000003</v>
      </c>
      <c r="J41">
        <v>10</v>
      </c>
      <c r="K41">
        <v>-23.72</v>
      </c>
    </row>
    <row r="42" spans="1:11" x14ac:dyDescent="0.3">
      <c r="A42" s="1">
        <v>41658</v>
      </c>
      <c r="B42" s="3">
        <f t="shared" si="0"/>
        <v>1</v>
      </c>
      <c r="C42" s="3">
        <f t="shared" si="1"/>
        <v>2014</v>
      </c>
      <c r="D42" t="s">
        <v>93</v>
      </c>
      <c r="E42" t="s">
        <v>94</v>
      </c>
      <c r="F42" t="s">
        <v>10</v>
      </c>
      <c r="G42" t="s">
        <v>11</v>
      </c>
      <c r="H42" t="s">
        <v>96</v>
      </c>
      <c r="I42">
        <v>56.06</v>
      </c>
      <c r="J42">
        <v>4</v>
      </c>
      <c r="K42">
        <v>19.62</v>
      </c>
    </row>
    <row r="43" spans="1:11" x14ac:dyDescent="0.3">
      <c r="A43" s="1">
        <v>41658</v>
      </c>
      <c r="B43" s="3">
        <f t="shared" si="0"/>
        <v>1</v>
      </c>
      <c r="C43" s="3">
        <f t="shared" si="1"/>
        <v>2014</v>
      </c>
      <c r="D43" t="s">
        <v>93</v>
      </c>
      <c r="E43" t="s">
        <v>94</v>
      </c>
      <c r="F43" t="s">
        <v>10</v>
      </c>
      <c r="G43" t="s">
        <v>62</v>
      </c>
      <c r="H43" t="s">
        <v>97</v>
      </c>
      <c r="I43">
        <v>108.72</v>
      </c>
      <c r="J43">
        <v>5</v>
      </c>
      <c r="K43">
        <v>36.69</v>
      </c>
    </row>
    <row r="44" spans="1:11" x14ac:dyDescent="0.3">
      <c r="A44" s="1">
        <v>41658</v>
      </c>
      <c r="B44" s="3">
        <f t="shared" si="0"/>
        <v>1</v>
      </c>
      <c r="C44" s="3">
        <f t="shared" si="1"/>
        <v>2014</v>
      </c>
      <c r="D44" t="s">
        <v>93</v>
      </c>
      <c r="E44" t="s">
        <v>94</v>
      </c>
      <c r="F44" t="s">
        <v>33</v>
      </c>
      <c r="G44" t="s">
        <v>73</v>
      </c>
      <c r="H44" t="s">
        <v>98</v>
      </c>
      <c r="I44">
        <v>181.47</v>
      </c>
      <c r="J44">
        <v>5</v>
      </c>
      <c r="K44">
        <v>-320.60000000000002</v>
      </c>
    </row>
    <row r="45" spans="1:11" x14ac:dyDescent="0.3">
      <c r="A45" s="1">
        <v>41659</v>
      </c>
      <c r="B45" s="3">
        <f t="shared" si="0"/>
        <v>1</v>
      </c>
      <c r="C45" s="3">
        <f t="shared" si="1"/>
        <v>2014</v>
      </c>
      <c r="D45" t="s">
        <v>99</v>
      </c>
      <c r="E45" t="s">
        <v>100</v>
      </c>
      <c r="F45" t="s">
        <v>38</v>
      </c>
      <c r="G45" t="s">
        <v>39</v>
      </c>
      <c r="H45" t="s">
        <v>101</v>
      </c>
      <c r="I45">
        <v>699.93</v>
      </c>
      <c r="J45">
        <v>7</v>
      </c>
      <c r="K45">
        <v>181.98</v>
      </c>
    </row>
    <row r="46" spans="1:11" x14ac:dyDescent="0.3">
      <c r="A46" s="1">
        <v>41659</v>
      </c>
      <c r="B46" s="3">
        <f t="shared" si="0"/>
        <v>1</v>
      </c>
      <c r="C46" s="3">
        <f t="shared" si="1"/>
        <v>2014</v>
      </c>
      <c r="D46" t="s">
        <v>99</v>
      </c>
      <c r="E46" t="s">
        <v>100</v>
      </c>
      <c r="F46" t="s">
        <v>10</v>
      </c>
      <c r="G46" t="s">
        <v>23</v>
      </c>
      <c r="H46" t="s">
        <v>102</v>
      </c>
      <c r="I46">
        <v>22.96</v>
      </c>
      <c r="J46">
        <v>7</v>
      </c>
      <c r="K46">
        <v>6.66</v>
      </c>
    </row>
    <row r="47" spans="1:11" x14ac:dyDescent="0.3">
      <c r="A47" s="1">
        <v>41659</v>
      </c>
      <c r="B47" s="3">
        <f t="shared" si="0"/>
        <v>1</v>
      </c>
      <c r="C47" s="3">
        <f t="shared" si="1"/>
        <v>2014</v>
      </c>
      <c r="D47" t="s">
        <v>99</v>
      </c>
      <c r="E47" t="s">
        <v>100</v>
      </c>
      <c r="F47" t="s">
        <v>33</v>
      </c>
      <c r="G47" t="s">
        <v>46</v>
      </c>
      <c r="H47" t="s">
        <v>103</v>
      </c>
      <c r="I47">
        <v>38.6</v>
      </c>
      <c r="J47">
        <v>4</v>
      </c>
      <c r="K47">
        <v>11.58</v>
      </c>
    </row>
    <row r="48" spans="1:11" x14ac:dyDescent="0.3">
      <c r="A48" s="1">
        <v>41659</v>
      </c>
      <c r="B48" s="3">
        <f t="shared" si="0"/>
        <v>1</v>
      </c>
      <c r="C48" s="3">
        <f t="shared" si="1"/>
        <v>2014</v>
      </c>
      <c r="D48" t="s">
        <v>99</v>
      </c>
      <c r="E48" t="s">
        <v>100</v>
      </c>
      <c r="F48" t="s">
        <v>10</v>
      </c>
      <c r="G48" t="s">
        <v>23</v>
      </c>
      <c r="H48" t="s">
        <v>104</v>
      </c>
      <c r="I48">
        <v>6.63</v>
      </c>
      <c r="J48">
        <v>3</v>
      </c>
      <c r="K48">
        <v>1.79</v>
      </c>
    </row>
    <row r="49" spans="1:11" x14ac:dyDescent="0.3">
      <c r="A49" s="1">
        <v>41659</v>
      </c>
      <c r="B49" s="3">
        <f t="shared" si="0"/>
        <v>1</v>
      </c>
      <c r="C49" s="3">
        <f t="shared" si="1"/>
        <v>2014</v>
      </c>
      <c r="D49" t="s">
        <v>99</v>
      </c>
      <c r="E49" t="s">
        <v>100</v>
      </c>
      <c r="F49" t="s">
        <v>10</v>
      </c>
      <c r="G49" t="s">
        <v>62</v>
      </c>
      <c r="H49" t="s">
        <v>63</v>
      </c>
      <c r="I49">
        <v>23.34</v>
      </c>
      <c r="J49">
        <v>3</v>
      </c>
      <c r="K49">
        <v>10.97</v>
      </c>
    </row>
    <row r="50" spans="1:11" x14ac:dyDescent="0.3">
      <c r="A50" s="1">
        <v>41659</v>
      </c>
      <c r="B50" s="3">
        <f t="shared" si="0"/>
        <v>1</v>
      </c>
      <c r="C50" s="3">
        <f t="shared" si="1"/>
        <v>2014</v>
      </c>
      <c r="D50" t="s">
        <v>99</v>
      </c>
      <c r="E50" t="s">
        <v>100</v>
      </c>
      <c r="F50" t="s">
        <v>33</v>
      </c>
      <c r="G50" t="s">
        <v>34</v>
      </c>
      <c r="H50" t="s">
        <v>105</v>
      </c>
      <c r="I50">
        <v>1067.94</v>
      </c>
      <c r="J50">
        <v>3</v>
      </c>
      <c r="K50">
        <v>224.27</v>
      </c>
    </row>
    <row r="51" spans="1:11" x14ac:dyDescent="0.3">
      <c r="A51" s="1">
        <v>41659</v>
      </c>
      <c r="B51" s="3">
        <f t="shared" si="0"/>
        <v>1</v>
      </c>
      <c r="C51" s="3">
        <f t="shared" si="1"/>
        <v>2014</v>
      </c>
      <c r="D51" t="s">
        <v>106</v>
      </c>
      <c r="E51" t="s">
        <v>26</v>
      </c>
      <c r="F51" t="s">
        <v>10</v>
      </c>
      <c r="G51" t="s">
        <v>11</v>
      </c>
      <c r="H51" t="s">
        <v>107</v>
      </c>
      <c r="I51">
        <v>19.36</v>
      </c>
      <c r="J51">
        <v>2</v>
      </c>
      <c r="K51">
        <v>9.2899999999999991</v>
      </c>
    </row>
    <row r="52" spans="1:11" x14ac:dyDescent="0.3">
      <c r="A52" s="1">
        <v>41659</v>
      </c>
      <c r="B52" s="3">
        <f t="shared" si="0"/>
        <v>1</v>
      </c>
      <c r="C52" s="3">
        <f t="shared" si="1"/>
        <v>2014</v>
      </c>
      <c r="D52" t="s">
        <v>106</v>
      </c>
      <c r="E52" t="s">
        <v>26</v>
      </c>
      <c r="F52" t="s">
        <v>33</v>
      </c>
      <c r="G52" t="s">
        <v>46</v>
      </c>
      <c r="H52" t="s">
        <v>103</v>
      </c>
      <c r="I52">
        <v>19.3</v>
      </c>
      <c r="J52">
        <v>2</v>
      </c>
      <c r="K52">
        <v>5.79</v>
      </c>
    </row>
    <row r="53" spans="1:11" x14ac:dyDescent="0.3">
      <c r="A53" s="1">
        <v>41659</v>
      </c>
      <c r="B53" s="3">
        <f t="shared" si="0"/>
        <v>1</v>
      </c>
      <c r="C53" s="3">
        <f t="shared" si="1"/>
        <v>2014</v>
      </c>
      <c r="D53" t="s">
        <v>108</v>
      </c>
      <c r="E53" t="s">
        <v>109</v>
      </c>
      <c r="F53" t="s">
        <v>10</v>
      </c>
      <c r="G53" t="s">
        <v>17</v>
      </c>
      <c r="H53" t="s">
        <v>110</v>
      </c>
      <c r="I53">
        <v>13.98</v>
      </c>
      <c r="J53">
        <v>1</v>
      </c>
      <c r="K53">
        <v>4.05</v>
      </c>
    </row>
    <row r="54" spans="1:11" x14ac:dyDescent="0.3">
      <c r="A54" s="1">
        <v>41659</v>
      </c>
      <c r="B54" s="3">
        <f t="shared" si="0"/>
        <v>1</v>
      </c>
      <c r="C54" s="3">
        <f t="shared" si="1"/>
        <v>2014</v>
      </c>
      <c r="D54" t="s">
        <v>108</v>
      </c>
      <c r="E54" t="s">
        <v>109</v>
      </c>
      <c r="F54" t="s">
        <v>33</v>
      </c>
      <c r="G54" t="s">
        <v>46</v>
      </c>
      <c r="H54" t="s">
        <v>111</v>
      </c>
      <c r="I54">
        <v>272.94</v>
      </c>
      <c r="J54">
        <v>3</v>
      </c>
      <c r="K54">
        <v>30.02</v>
      </c>
    </row>
    <row r="55" spans="1:11" x14ac:dyDescent="0.3">
      <c r="A55" s="1">
        <v>41659</v>
      </c>
      <c r="B55" s="3">
        <f t="shared" si="0"/>
        <v>1</v>
      </c>
      <c r="C55" s="3">
        <f t="shared" si="1"/>
        <v>2014</v>
      </c>
      <c r="D55" t="s">
        <v>108</v>
      </c>
      <c r="E55" t="s">
        <v>109</v>
      </c>
      <c r="F55" t="s">
        <v>10</v>
      </c>
      <c r="G55" t="s">
        <v>19</v>
      </c>
      <c r="H55" t="s">
        <v>112</v>
      </c>
      <c r="I55">
        <v>19.05</v>
      </c>
      <c r="J55">
        <v>5</v>
      </c>
      <c r="K55">
        <v>8.9499999999999993</v>
      </c>
    </row>
    <row r="56" spans="1:11" x14ac:dyDescent="0.3">
      <c r="A56" s="1">
        <v>41659</v>
      </c>
      <c r="B56" s="3">
        <f t="shared" si="0"/>
        <v>1</v>
      </c>
      <c r="C56" s="3">
        <f t="shared" si="1"/>
        <v>2014</v>
      </c>
      <c r="D56" t="s">
        <v>108</v>
      </c>
      <c r="E56" t="s">
        <v>109</v>
      </c>
      <c r="F56" t="s">
        <v>10</v>
      </c>
      <c r="G56" t="s">
        <v>91</v>
      </c>
      <c r="H56" t="s">
        <v>113</v>
      </c>
      <c r="I56">
        <v>247.72</v>
      </c>
      <c r="J56">
        <v>4</v>
      </c>
      <c r="K56">
        <v>93.58</v>
      </c>
    </row>
    <row r="57" spans="1:11" x14ac:dyDescent="0.3">
      <c r="A57" s="1">
        <v>41659</v>
      </c>
      <c r="B57" s="3">
        <f t="shared" si="0"/>
        <v>1</v>
      </c>
      <c r="C57" s="3">
        <f t="shared" si="1"/>
        <v>2014</v>
      </c>
      <c r="D57" t="s">
        <v>108</v>
      </c>
      <c r="E57" t="s">
        <v>109</v>
      </c>
      <c r="F57" t="s">
        <v>10</v>
      </c>
      <c r="G57" t="s">
        <v>17</v>
      </c>
      <c r="H57" t="s">
        <v>114</v>
      </c>
      <c r="I57">
        <v>66.58</v>
      </c>
      <c r="J57">
        <v>2</v>
      </c>
      <c r="K57">
        <v>15.98</v>
      </c>
    </row>
    <row r="58" spans="1:11" x14ac:dyDescent="0.3">
      <c r="A58" s="1">
        <v>41659</v>
      </c>
      <c r="B58" s="3">
        <f t="shared" si="0"/>
        <v>1</v>
      </c>
      <c r="C58" s="3">
        <f t="shared" si="1"/>
        <v>2014</v>
      </c>
      <c r="D58" t="s">
        <v>108</v>
      </c>
      <c r="E58" t="s">
        <v>109</v>
      </c>
      <c r="F58" t="s">
        <v>10</v>
      </c>
      <c r="G58" t="s">
        <v>23</v>
      </c>
      <c r="H58" t="s">
        <v>115</v>
      </c>
      <c r="I58">
        <v>43.92</v>
      </c>
      <c r="J58">
        <v>3</v>
      </c>
      <c r="K58">
        <v>12.74</v>
      </c>
    </row>
    <row r="59" spans="1:11" x14ac:dyDescent="0.3">
      <c r="A59" s="1">
        <v>41659</v>
      </c>
      <c r="B59" s="3">
        <f t="shared" si="0"/>
        <v>1</v>
      </c>
      <c r="C59" s="3">
        <f t="shared" si="1"/>
        <v>2014</v>
      </c>
      <c r="D59" t="s">
        <v>108</v>
      </c>
      <c r="E59" t="s">
        <v>109</v>
      </c>
      <c r="F59" t="s">
        <v>33</v>
      </c>
      <c r="G59" t="s">
        <v>46</v>
      </c>
      <c r="H59" t="s">
        <v>116</v>
      </c>
      <c r="I59">
        <v>14.73</v>
      </c>
      <c r="J59">
        <v>3</v>
      </c>
      <c r="K59">
        <v>4.8600000000000003</v>
      </c>
    </row>
    <row r="60" spans="1:11" x14ac:dyDescent="0.3">
      <c r="A60" s="1">
        <v>41659</v>
      </c>
      <c r="B60" s="3">
        <f t="shared" si="0"/>
        <v>1</v>
      </c>
      <c r="C60" s="3">
        <f t="shared" si="1"/>
        <v>2014</v>
      </c>
      <c r="D60" t="s">
        <v>108</v>
      </c>
      <c r="E60" t="s">
        <v>109</v>
      </c>
      <c r="F60" t="s">
        <v>10</v>
      </c>
      <c r="G60" t="s">
        <v>19</v>
      </c>
      <c r="H60" t="s">
        <v>117</v>
      </c>
      <c r="I60">
        <v>29.7</v>
      </c>
      <c r="J60">
        <v>5</v>
      </c>
      <c r="K60">
        <v>13.37</v>
      </c>
    </row>
    <row r="61" spans="1:11" x14ac:dyDescent="0.3">
      <c r="A61" s="1">
        <v>41659</v>
      </c>
      <c r="B61" s="3">
        <f t="shared" si="0"/>
        <v>1</v>
      </c>
      <c r="C61" s="3">
        <f t="shared" si="1"/>
        <v>2014</v>
      </c>
      <c r="D61" t="s">
        <v>118</v>
      </c>
      <c r="E61" t="s">
        <v>119</v>
      </c>
      <c r="F61" t="s">
        <v>10</v>
      </c>
      <c r="G61" t="s">
        <v>19</v>
      </c>
      <c r="H61" t="s">
        <v>120</v>
      </c>
      <c r="I61">
        <v>67.19</v>
      </c>
      <c r="J61">
        <v>1</v>
      </c>
      <c r="K61">
        <v>-51.52</v>
      </c>
    </row>
    <row r="62" spans="1:11" x14ac:dyDescent="0.3">
      <c r="A62" s="1">
        <v>41660</v>
      </c>
      <c r="B62" s="3">
        <f t="shared" si="0"/>
        <v>1</v>
      </c>
      <c r="C62" s="3">
        <f t="shared" si="1"/>
        <v>2014</v>
      </c>
      <c r="D62" t="s">
        <v>121</v>
      </c>
      <c r="E62" t="s">
        <v>122</v>
      </c>
      <c r="F62" t="s">
        <v>33</v>
      </c>
      <c r="G62" t="s">
        <v>46</v>
      </c>
      <c r="H62" t="s">
        <v>123</v>
      </c>
      <c r="I62">
        <v>25.25</v>
      </c>
      <c r="J62">
        <v>3</v>
      </c>
      <c r="K62">
        <v>4.0999999999999996</v>
      </c>
    </row>
    <row r="63" spans="1:11" x14ac:dyDescent="0.3">
      <c r="A63" s="1">
        <v>41662</v>
      </c>
      <c r="B63" s="3">
        <f t="shared" si="0"/>
        <v>1</v>
      </c>
      <c r="C63" s="3">
        <f t="shared" si="1"/>
        <v>2014</v>
      </c>
      <c r="D63" t="s">
        <v>124</v>
      </c>
      <c r="E63" t="s">
        <v>125</v>
      </c>
      <c r="F63" t="s">
        <v>10</v>
      </c>
      <c r="G63" t="s">
        <v>11</v>
      </c>
      <c r="H63" t="s">
        <v>126</v>
      </c>
      <c r="I63">
        <v>40.08</v>
      </c>
      <c r="J63">
        <v>6</v>
      </c>
      <c r="K63">
        <v>19.239999999999998</v>
      </c>
    </row>
    <row r="64" spans="1:11" x14ac:dyDescent="0.3">
      <c r="A64" s="1">
        <v>41662</v>
      </c>
      <c r="B64" s="3">
        <f t="shared" si="0"/>
        <v>1</v>
      </c>
      <c r="C64" s="3">
        <f t="shared" si="1"/>
        <v>2014</v>
      </c>
      <c r="D64" t="s">
        <v>127</v>
      </c>
      <c r="E64" t="s">
        <v>128</v>
      </c>
      <c r="F64" t="s">
        <v>10</v>
      </c>
      <c r="G64" t="s">
        <v>42</v>
      </c>
      <c r="H64" t="s">
        <v>129</v>
      </c>
      <c r="I64">
        <v>5.94</v>
      </c>
      <c r="J64">
        <v>3</v>
      </c>
      <c r="K64">
        <v>0</v>
      </c>
    </row>
    <row r="65" spans="1:11" x14ac:dyDescent="0.3">
      <c r="A65" s="1">
        <v>41665</v>
      </c>
      <c r="B65" s="3">
        <f t="shared" si="0"/>
        <v>1</v>
      </c>
      <c r="C65" s="3">
        <f t="shared" si="1"/>
        <v>2014</v>
      </c>
      <c r="D65" t="s">
        <v>130</v>
      </c>
      <c r="E65" t="s">
        <v>54</v>
      </c>
      <c r="F65" t="s">
        <v>33</v>
      </c>
      <c r="G65" t="s">
        <v>46</v>
      </c>
      <c r="H65" t="s">
        <v>131</v>
      </c>
      <c r="I65">
        <v>62.82</v>
      </c>
      <c r="J65">
        <v>3</v>
      </c>
      <c r="K65">
        <v>30.78</v>
      </c>
    </row>
    <row r="66" spans="1:11" x14ac:dyDescent="0.3">
      <c r="A66" s="1">
        <v>41665</v>
      </c>
      <c r="B66" s="3">
        <f t="shared" ref="B66:B129" si="2">MONTH(A:A)</f>
        <v>1</v>
      </c>
      <c r="C66" s="3">
        <f t="shared" ref="C66:C129" si="3">YEAR(A:A)</f>
        <v>2014</v>
      </c>
      <c r="D66" t="s">
        <v>130</v>
      </c>
      <c r="E66" t="s">
        <v>54</v>
      </c>
      <c r="F66" t="s">
        <v>10</v>
      </c>
      <c r="G66" t="s">
        <v>17</v>
      </c>
      <c r="H66" t="s">
        <v>132</v>
      </c>
      <c r="I66">
        <v>489.92</v>
      </c>
      <c r="J66">
        <v>8</v>
      </c>
      <c r="K66">
        <v>0</v>
      </c>
    </row>
    <row r="67" spans="1:11" x14ac:dyDescent="0.3">
      <c r="A67" s="1">
        <v>41665</v>
      </c>
      <c r="B67" s="3">
        <f t="shared" si="2"/>
        <v>1</v>
      </c>
      <c r="C67" s="3">
        <f t="shared" si="3"/>
        <v>2014</v>
      </c>
      <c r="D67" t="s">
        <v>130</v>
      </c>
      <c r="E67" t="s">
        <v>54</v>
      </c>
      <c r="F67" t="s">
        <v>10</v>
      </c>
      <c r="G67" t="s">
        <v>11</v>
      </c>
      <c r="H67" t="s">
        <v>133</v>
      </c>
      <c r="I67">
        <v>19.440000000000001</v>
      </c>
      <c r="J67">
        <v>3</v>
      </c>
      <c r="K67">
        <v>9.33</v>
      </c>
    </row>
    <row r="68" spans="1:11" x14ac:dyDescent="0.3">
      <c r="A68" s="1">
        <v>41665</v>
      </c>
      <c r="B68" s="3">
        <f t="shared" si="2"/>
        <v>1</v>
      </c>
      <c r="C68" s="3">
        <f t="shared" si="3"/>
        <v>2014</v>
      </c>
      <c r="D68" t="s">
        <v>130</v>
      </c>
      <c r="E68" t="s">
        <v>54</v>
      </c>
      <c r="F68" t="s">
        <v>10</v>
      </c>
      <c r="G68" t="s">
        <v>11</v>
      </c>
      <c r="H68" t="s">
        <v>134</v>
      </c>
      <c r="I68">
        <v>16.68</v>
      </c>
      <c r="J68">
        <v>2</v>
      </c>
      <c r="K68">
        <v>8.34</v>
      </c>
    </row>
    <row r="69" spans="1:11" x14ac:dyDescent="0.3">
      <c r="A69" s="1">
        <v>41665</v>
      </c>
      <c r="B69" s="3">
        <f t="shared" si="2"/>
        <v>1</v>
      </c>
      <c r="C69" s="3">
        <f t="shared" si="3"/>
        <v>2014</v>
      </c>
      <c r="D69" t="s">
        <v>130</v>
      </c>
      <c r="E69" t="s">
        <v>54</v>
      </c>
      <c r="F69" t="s">
        <v>38</v>
      </c>
      <c r="G69" t="s">
        <v>39</v>
      </c>
      <c r="H69" t="s">
        <v>135</v>
      </c>
      <c r="I69">
        <v>155.35</v>
      </c>
      <c r="J69">
        <v>13</v>
      </c>
      <c r="K69">
        <v>0</v>
      </c>
    </row>
    <row r="70" spans="1:11" x14ac:dyDescent="0.3">
      <c r="A70" s="1">
        <v>41665</v>
      </c>
      <c r="B70" s="3">
        <f t="shared" si="2"/>
        <v>1</v>
      </c>
      <c r="C70" s="3">
        <f t="shared" si="3"/>
        <v>2014</v>
      </c>
      <c r="D70" t="s">
        <v>130</v>
      </c>
      <c r="E70" t="s">
        <v>54</v>
      </c>
      <c r="F70" t="s">
        <v>33</v>
      </c>
      <c r="G70" t="s">
        <v>46</v>
      </c>
      <c r="H70" t="s">
        <v>136</v>
      </c>
      <c r="I70">
        <v>12.42</v>
      </c>
      <c r="J70">
        <v>3</v>
      </c>
      <c r="K70">
        <v>4.47</v>
      </c>
    </row>
    <row r="71" spans="1:11" x14ac:dyDescent="0.3">
      <c r="A71" s="1">
        <v>41665</v>
      </c>
      <c r="B71" s="3">
        <f t="shared" si="2"/>
        <v>1</v>
      </c>
      <c r="C71" s="3">
        <f t="shared" si="3"/>
        <v>2014</v>
      </c>
      <c r="D71" t="s">
        <v>130</v>
      </c>
      <c r="E71" t="s">
        <v>54</v>
      </c>
      <c r="F71" t="s">
        <v>38</v>
      </c>
      <c r="G71" t="s">
        <v>39</v>
      </c>
      <c r="H71" t="s">
        <v>137</v>
      </c>
      <c r="I71">
        <v>187.98</v>
      </c>
      <c r="J71">
        <v>2</v>
      </c>
      <c r="K71">
        <v>52.63</v>
      </c>
    </row>
    <row r="72" spans="1:11" x14ac:dyDescent="0.3">
      <c r="A72" s="1">
        <v>41665</v>
      </c>
      <c r="B72" s="3">
        <f t="shared" si="2"/>
        <v>1</v>
      </c>
      <c r="C72" s="3">
        <f t="shared" si="3"/>
        <v>2014</v>
      </c>
      <c r="D72" t="s">
        <v>138</v>
      </c>
      <c r="E72" t="s">
        <v>139</v>
      </c>
      <c r="F72" t="s">
        <v>10</v>
      </c>
      <c r="G72" t="s">
        <v>19</v>
      </c>
      <c r="H72" t="s">
        <v>140</v>
      </c>
      <c r="I72">
        <v>10.68</v>
      </c>
      <c r="J72">
        <v>2</v>
      </c>
      <c r="K72">
        <v>5.0199999999999996</v>
      </c>
    </row>
    <row r="73" spans="1:11" x14ac:dyDescent="0.3">
      <c r="A73" s="1">
        <v>41665</v>
      </c>
      <c r="B73" s="3">
        <f t="shared" si="2"/>
        <v>1</v>
      </c>
      <c r="C73" s="3">
        <f t="shared" si="3"/>
        <v>2014</v>
      </c>
      <c r="D73" t="s">
        <v>138</v>
      </c>
      <c r="E73" t="s">
        <v>139</v>
      </c>
      <c r="F73" t="s">
        <v>33</v>
      </c>
      <c r="G73" t="s">
        <v>73</v>
      </c>
      <c r="H73" t="s">
        <v>141</v>
      </c>
      <c r="I73">
        <v>141.96</v>
      </c>
      <c r="J73">
        <v>2</v>
      </c>
      <c r="K73">
        <v>39.75</v>
      </c>
    </row>
    <row r="74" spans="1:11" x14ac:dyDescent="0.3">
      <c r="A74" s="1">
        <v>41666</v>
      </c>
      <c r="B74" s="3">
        <f t="shared" si="2"/>
        <v>1</v>
      </c>
      <c r="C74" s="3">
        <f t="shared" si="3"/>
        <v>2014</v>
      </c>
      <c r="D74" t="s">
        <v>142</v>
      </c>
      <c r="E74" t="s">
        <v>26</v>
      </c>
      <c r="F74" t="s">
        <v>10</v>
      </c>
      <c r="G74" t="s">
        <v>17</v>
      </c>
      <c r="H74" t="s">
        <v>143</v>
      </c>
      <c r="I74">
        <v>57.23</v>
      </c>
      <c r="J74">
        <v>1</v>
      </c>
      <c r="K74">
        <v>14.31</v>
      </c>
    </row>
    <row r="75" spans="1:11" x14ac:dyDescent="0.3">
      <c r="A75" s="1">
        <v>41666</v>
      </c>
      <c r="B75" s="3">
        <f t="shared" si="2"/>
        <v>1</v>
      </c>
      <c r="C75" s="3">
        <f t="shared" si="3"/>
        <v>2014</v>
      </c>
      <c r="D75" t="s">
        <v>142</v>
      </c>
      <c r="E75" t="s">
        <v>26</v>
      </c>
      <c r="F75" t="s">
        <v>33</v>
      </c>
      <c r="G75" t="s">
        <v>144</v>
      </c>
      <c r="H75" t="s">
        <v>145</v>
      </c>
      <c r="I75">
        <v>333</v>
      </c>
      <c r="J75">
        <v>3</v>
      </c>
      <c r="K75">
        <v>-16.649999999999999</v>
      </c>
    </row>
    <row r="76" spans="1:11" x14ac:dyDescent="0.3">
      <c r="A76" s="1">
        <v>41666</v>
      </c>
      <c r="B76" s="3">
        <f t="shared" si="2"/>
        <v>1</v>
      </c>
      <c r="C76" s="3">
        <f t="shared" si="3"/>
        <v>2014</v>
      </c>
      <c r="D76" t="s">
        <v>142</v>
      </c>
      <c r="E76" t="s">
        <v>26</v>
      </c>
      <c r="F76" t="s">
        <v>10</v>
      </c>
      <c r="G76" t="s">
        <v>23</v>
      </c>
      <c r="H76" t="s">
        <v>146</v>
      </c>
      <c r="I76">
        <v>36.44</v>
      </c>
      <c r="J76">
        <v>4</v>
      </c>
      <c r="K76">
        <v>12.03</v>
      </c>
    </row>
    <row r="77" spans="1:11" x14ac:dyDescent="0.3">
      <c r="A77" s="1">
        <v>41667</v>
      </c>
      <c r="B77" s="3">
        <f t="shared" si="2"/>
        <v>1</v>
      </c>
      <c r="C77" s="3">
        <f t="shared" si="3"/>
        <v>2014</v>
      </c>
      <c r="D77" t="s">
        <v>147</v>
      </c>
      <c r="E77" t="s">
        <v>148</v>
      </c>
      <c r="F77" t="s">
        <v>10</v>
      </c>
      <c r="G77" t="s">
        <v>19</v>
      </c>
      <c r="H77" t="s">
        <v>149</v>
      </c>
      <c r="I77">
        <v>3.93</v>
      </c>
      <c r="J77">
        <v>1</v>
      </c>
      <c r="K77">
        <v>1.33</v>
      </c>
    </row>
    <row r="78" spans="1:11" x14ac:dyDescent="0.3">
      <c r="A78" s="1">
        <v>41669</v>
      </c>
      <c r="B78" s="3">
        <f t="shared" si="2"/>
        <v>1</v>
      </c>
      <c r="C78" s="3">
        <f t="shared" si="3"/>
        <v>2014</v>
      </c>
      <c r="D78" t="s">
        <v>150</v>
      </c>
      <c r="E78" t="s">
        <v>109</v>
      </c>
      <c r="F78" t="s">
        <v>10</v>
      </c>
      <c r="G78" t="s">
        <v>11</v>
      </c>
      <c r="H78" t="s">
        <v>151</v>
      </c>
      <c r="I78">
        <v>10.56</v>
      </c>
      <c r="J78">
        <v>2</v>
      </c>
      <c r="K78">
        <v>4.75</v>
      </c>
    </row>
    <row r="79" spans="1:11" x14ac:dyDescent="0.3">
      <c r="A79" s="1">
        <v>41669</v>
      </c>
      <c r="B79" s="3">
        <f t="shared" si="2"/>
        <v>1</v>
      </c>
      <c r="C79" s="3">
        <f t="shared" si="3"/>
        <v>2014</v>
      </c>
      <c r="D79" t="s">
        <v>150</v>
      </c>
      <c r="E79" t="s">
        <v>109</v>
      </c>
      <c r="F79" t="s">
        <v>10</v>
      </c>
      <c r="G79" t="s">
        <v>17</v>
      </c>
      <c r="H79" t="s">
        <v>152</v>
      </c>
      <c r="I79">
        <v>229.94</v>
      </c>
      <c r="J79">
        <v>2</v>
      </c>
      <c r="K79">
        <v>6.9</v>
      </c>
    </row>
    <row r="80" spans="1:11" x14ac:dyDescent="0.3">
      <c r="A80" s="1">
        <v>41670</v>
      </c>
      <c r="B80" s="3">
        <f t="shared" si="2"/>
        <v>1</v>
      </c>
      <c r="C80" s="3">
        <f t="shared" si="3"/>
        <v>2014</v>
      </c>
      <c r="D80" t="s">
        <v>153</v>
      </c>
      <c r="E80" t="s">
        <v>26</v>
      </c>
      <c r="F80" t="s">
        <v>33</v>
      </c>
      <c r="G80" t="s">
        <v>73</v>
      </c>
      <c r="H80" t="s">
        <v>154</v>
      </c>
      <c r="I80">
        <v>290.67</v>
      </c>
      <c r="J80">
        <v>2</v>
      </c>
      <c r="K80">
        <v>3.42</v>
      </c>
    </row>
    <row r="81" spans="1:11" x14ac:dyDescent="0.3">
      <c r="A81" s="1">
        <v>41671</v>
      </c>
      <c r="B81" s="3">
        <f t="shared" si="2"/>
        <v>2</v>
      </c>
      <c r="C81" s="3">
        <f t="shared" si="3"/>
        <v>2014</v>
      </c>
      <c r="D81" t="s">
        <v>155</v>
      </c>
      <c r="E81" t="s">
        <v>156</v>
      </c>
      <c r="F81" t="s">
        <v>38</v>
      </c>
      <c r="G81" t="s">
        <v>51</v>
      </c>
      <c r="H81" t="s">
        <v>157</v>
      </c>
      <c r="I81">
        <v>468.9</v>
      </c>
      <c r="J81">
        <v>6</v>
      </c>
      <c r="K81">
        <v>206.32</v>
      </c>
    </row>
    <row r="82" spans="1:11" x14ac:dyDescent="0.3">
      <c r="A82" s="1">
        <v>41672</v>
      </c>
      <c r="B82" s="3">
        <f t="shared" si="2"/>
        <v>2</v>
      </c>
      <c r="C82" s="3">
        <f t="shared" si="3"/>
        <v>2014</v>
      </c>
      <c r="D82" t="s">
        <v>158</v>
      </c>
      <c r="E82" t="s">
        <v>26</v>
      </c>
      <c r="F82" t="s">
        <v>10</v>
      </c>
      <c r="G82" t="s">
        <v>42</v>
      </c>
      <c r="H82" t="s">
        <v>159</v>
      </c>
      <c r="I82">
        <v>12.35</v>
      </c>
      <c r="J82">
        <v>5</v>
      </c>
      <c r="K82">
        <v>5.8</v>
      </c>
    </row>
    <row r="83" spans="1:11" x14ac:dyDescent="0.3">
      <c r="A83" s="1">
        <v>41672</v>
      </c>
      <c r="B83" s="3">
        <f t="shared" si="2"/>
        <v>2</v>
      </c>
      <c r="C83" s="3">
        <f t="shared" si="3"/>
        <v>2014</v>
      </c>
      <c r="D83" t="s">
        <v>160</v>
      </c>
      <c r="E83" t="s">
        <v>122</v>
      </c>
      <c r="F83" t="s">
        <v>10</v>
      </c>
      <c r="G83" t="s">
        <v>19</v>
      </c>
      <c r="H83" t="s">
        <v>161</v>
      </c>
      <c r="I83">
        <v>18.34</v>
      </c>
      <c r="J83">
        <v>2</v>
      </c>
      <c r="K83">
        <v>-12.22</v>
      </c>
    </row>
    <row r="84" spans="1:11" x14ac:dyDescent="0.3">
      <c r="A84" s="1">
        <v>41672</v>
      </c>
      <c r="B84" s="3">
        <f t="shared" si="2"/>
        <v>2</v>
      </c>
      <c r="C84" s="3">
        <f t="shared" si="3"/>
        <v>2014</v>
      </c>
      <c r="D84" t="s">
        <v>160</v>
      </c>
      <c r="E84" t="s">
        <v>122</v>
      </c>
      <c r="F84" t="s">
        <v>38</v>
      </c>
      <c r="G84" t="s">
        <v>39</v>
      </c>
      <c r="H84" t="s">
        <v>162</v>
      </c>
      <c r="I84">
        <v>180.96</v>
      </c>
      <c r="J84">
        <v>5</v>
      </c>
      <c r="K84">
        <v>13.57</v>
      </c>
    </row>
    <row r="85" spans="1:11" x14ac:dyDescent="0.3">
      <c r="A85" s="1">
        <v>41673</v>
      </c>
      <c r="B85" s="3">
        <f t="shared" si="2"/>
        <v>2</v>
      </c>
      <c r="C85" s="3">
        <f t="shared" si="3"/>
        <v>2014</v>
      </c>
      <c r="D85" t="s">
        <v>121</v>
      </c>
      <c r="E85" t="s">
        <v>163</v>
      </c>
      <c r="F85" t="s">
        <v>10</v>
      </c>
      <c r="G85" t="s">
        <v>19</v>
      </c>
      <c r="H85" t="s">
        <v>164</v>
      </c>
      <c r="I85">
        <v>83.84</v>
      </c>
      <c r="J85">
        <v>2</v>
      </c>
      <c r="K85">
        <v>27.25</v>
      </c>
    </row>
    <row r="86" spans="1:11" x14ac:dyDescent="0.3">
      <c r="A86" s="1">
        <v>41673</v>
      </c>
      <c r="B86" s="3">
        <f t="shared" si="2"/>
        <v>2</v>
      </c>
      <c r="C86" s="3">
        <f t="shared" si="3"/>
        <v>2014</v>
      </c>
      <c r="D86" t="s">
        <v>121</v>
      </c>
      <c r="E86" t="s">
        <v>163</v>
      </c>
      <c r="F86" t="s">
        <v>10</v>
      </c>
      <c r="G86" t="s">
        <v>19</v>
      </c>
      <c r="H86" t="s">
        <v>165</v>
      </c>
      <c r="I86">
        <v>13.27</v>
      </c>
      <c r="J86">
        <v>3</v>
      </c>
      <c r="K86">
        <v>4.3099999999999996</v>
      </c>
    </row>
    <row r="87" spans="1:11" x14ac:dyDescent="0.3">
      <c r="A87" s="1">
        <v>41674</v>
      </c>
      <c r="B87" s="3">
        <f t="shared" si="2"/>
        <v>2</v>
      </c>
      <c r="C87" s="3">
        <f t="shared" si="3"/>
        <v>2014</v>
      </c>
      <c r="D87" t="s">
        <v>166</v>
      </c>
      <c r="E87" t="s">
        <v>26</v>
      </c>
      <c r="F87" t="s">
        <v>10</v>
      </c>
      <c r="G87" t="s">
        <v>19</v>
      </c>
      <c r="H87" t="s">
        <v>167</v>
      </c>
      <c r="I87">
        <v>82.9</v>
      </c>
      <c r="J87">
        <v>3</v>
      </c>
      <c r="K87">
        <v>29.01</v>
      </c>
    </row>
    <row r="88" spans="1:11" x14ac:dyDescent="0.3">
      <c r="A88" s="1">
        <v>41674</v>
      </c>
      <c r="B88" s="3">
        <f t="shared" si="2"/>
        <v>2</v>
      </c>
      <c r="C88" s="3">
        <f t="shared" si="3"/>
        <v>2014</v>
      </c>
      <c r="D88" t="s">
        <v>166</v>
      </c>
      <c r="E88" t="s">
        <v>26</v>
      </c>
      <c r="F88" t="s">
        <v>10</v>
      </c>
      <c r="G88" t="s">
        <v>11</v>
      </c>
      <c r="H88" t="s">
        <v>168</v>
      </c>
      <c r="I88">
        <v>34.24</v>
      </c>
      <c r="J88">
        <v>4</v>
      </c>
      <c r="K88">
        <v>16.09</v>
      </c>
    </row>
    <row r="89" spans="1:11" x14ac:dyDescent="0.3">
      <c r="A89" s="1">
        <v>41674</v>
      </c>
      <c r="B89" s="3">
        <f t="shared" si="2"/>
        <v>2</v>
      </c>
      <c r="C89" s="3">
        <f t="shared" si="3"/>
        <v>2014</v>
      </c>
      <c r="D89" t="s">
        <v>169</v>
      </c>
      <c r="E89" t="s">
        <v>26</v>
      </c>
      <c r="F89" t="s">
        <v>10</v>
      </c>
      <c r="G89" t="s">
        <v>19</v>
      </c>
      <c r="H89" t="s">
        <v>95</v>
      </c>
      <c r="I89">
        <v>17.25</v>
      </c>
      <c r="J89">
        <v>2</v>
      </c>
      <c r="K89">
        <v>6.04</v>
      </c>
    </row>
    <row r="90" spans="1:11" x14ac:dyDescent="0.3">
      <c r="A90" s="1">
        <v>41676</v>
      </c>
      <c r="B90" s="3">
        <f t="shared" si="2"/>
        <v>2</v>
      </c>
      <c r="C90" s="3">
        <f t="shared" si="3"/>
        <v>2014</v>
      </c>
      <c r="D90" t="s">
        <v>170</v>
      </c>
      <c r="E90" t="s">
        <v>54</v>
      </c>
      <c r="F90" t="s">
        <v>10</v>
      </c>
      <c r="G90" t="s">
        <v>15</v>
      </c>
      <c r="H90" t="s">
        <v>171</v>
      </c>
      <c r="I90">
        <v>15</v>
      </c>
      <c r="J90">
        <v>4</v>
      </c>
      <c r="K90">
        <v>7.2</v>
      </c>
    </row>
    <row r="91" spans="1:11" x14ac:dyDescent="0.3">
      <c r="A91" s="1">
        <v>41676</v>
      </c>
      <c r="B91" s="3">
        <f t="shared" si="2"/>
        <v>2</v>
      </c>
      <c r="C91" s="3">
        <f t="shared" si="3"/>
        <v>2014</v>
      </c>
      <c r="D91" t="s">
        <v>170</v>
      </c>
      <c r="E91" t="s">
        <v>54</v>
      </c>
      <c r="F91" t="s">
        <v>38</v>
      </c>
      <c r="G91" t="s">
        <v>39</v>
      </c>
      <c r="H91" t="s">
        <v>172</v>
      </c>
      <c r="I91">
        <v>161.61000000000001</v>
      </c>
      <c r="J91">
        <v>1</v>
      </c>
      <c r="K91">
        <v>42.02</v>
      </c>
    </row>
    <row r="92" spans="1:11" x14ac:dyDescent="0.3">
      <c r="A92" s="1">
        <v>41676</v>
      </c>
      <c r="B92" s="3">
        <f t="shared" si="2"/>
        <v>2</v>
      </c>
      <c r="C92" s="3">
        <f t="shared" si="3"/>
        <v>2014</v>
      </c>
      <c r="D92" t="s">
        <v>170</v>
      </c>
      <c r="E92" t="s">
        <v>54</v>
      </c>
      <c r="F92" t="s">
        <v>38</v>
      </c>
      <c r="G92" t="s">
        <v>39</v>
      </c>
      <c r="H92" t="s">
        <v>173</v>
      </c>
      <c r="I92">
        <v>144.94999999999999</v>
      </c>
      <c r="J92">
        <v>5</v>
      </c>
      <c r="K92">
        <v>42.04</v>
      </c>
    </row>
    <row r="93" spans="1:11" x14ac:dyDescent="0.3">
      <c r="A93" s="1">
        <v>41676</v>
      </c>
      <c r="B93" s="3">
        <f t="shared" si="2"/>
        <v>2</v>
      </c>
      <c r="C93" s="3">
        <f t="shared" si="3"/>
        <v>2014</v>
      </c>
      <c r="D93" t="s">
        <v>84</v>
      </c>
      <c r="E93" t="s">
        <v>14</v>
      </c>
      <c r="F93" t="s">
        <v>10</v>
      </c>
      <c r="G93" t="s">
        <v>19</v>
      </c>
      <c r="H93" t="s">
        <v>174</v>
      </c>
      <c r="I93">
        <v>8.9499999999999993</v>
      </c>
      <c r="J93">
        <v>2</v>
      </c>
      <c r="K93">
        <v>-14.77</v>
      </c>
    </row>
    <row r="94" spans="1:11" x14ac:dyDescent="0.3">
      <c r="A94" s="1">
        <v>41677</v>
      </c>
      <c r="B94" s="3">
        <f t="shared" si="2"/>
        <v>2</v>
      </c>
      <c r="C94" s="3">
        <f t="shared" si="3"/>
        <v>2014</v>
      </c>
      <c r="D94" t="s">
        <v>175</v>
      </c>
      <c r="E94" t="s">
        <v>176</v>
      </c>
      <c r="F94" t="s">
        <v>38</v>
      </c>
      <c r="G94" t="s">
        <v>51</v>
      </c>
      <c r="H94" t="s">
        <v>177</v>
      </c>
      <c r="I94">
        <v>115.36</v>
      </c>
      <c r="J94">
        <v>7</v>
      </c>
      <c r="K94">
        <v>49.6</v>
      </c>
    </row>
    <row r="95" spans="1:11" x14ac:dyDescent="0.3">
      <c r="A95" s="1">
        <v>41677</v>
      </c>
      <c r="B95" s="3">
        <f t="shared" si="2"/>
        <v>2</v>
      </c>
      <c r="C95" s="3">
        <f t="shared" si="3"/>
        <v>2014</v>
      </c>
      <c r="D95" t="s">
        <v>60</v>
      </c>
      <c r="E95" t="s">
        <v>148</v>
      </c>
      <c r="F95" t="s">
        <v>10</v>
      </c>
      <c r="G95" t="s">
        <v>17</v>
      </c>
      <c r="H95" t="s">
        <v>178</v>
      </c>
      <c r="I95">
        <v>64.959999999999994</v>
      </c>
      <c r="J95">
        <v>4</v>
      </c>
      <c r="K95">
        <v>9.74</v>
      </c>
    </row>
    <row r="96" spans="1:11" x14ac:dyDescent="0.3">
      <c r="A96" s="1">
        <v>41678</v>
      </c>
      <c r="B96" s="3">
        <f t="shared" si="2"/>
        <v>2</v>
      </c>
      <c r="C96" s="3">
        <f t="shared" si="3"/>
        <v>2014</v>
      </c>
      <c r="D96" t="s">
        <v>179</v>
      </c>
      <c r="E96" t="s">
        <v>125</v>
      </c>
      <c r="F96" t="s">
        <v>33</v>
      </c>
      <c r="G96" t="s">
        <v>46</v>
      </c>
      <c r="H96" t="s">
        <v>180</v>
      </c>
      <c r="I96">
        <v>14.56</v>
      </c>
      <c r="J96">
        <v>2</v>
      </c>
      <c r="K96">
        <v>5.53</v>
      </c>
    </row>
    <row r="97" spans="1:11" x14ac:dyDescent="0.3">
      <c r="A97" s="1">
        <v>41681</v>
      </c>
      <c r="B97" s="3">
        <f t="shared" si="2"/>
        <v>2</v>
      </c>
      <c r="C97" s="3">
        <f t="shared" si="3"/>
        <v>2014</v>
      </c>
      <c r="D97" t="s">
        <v>181</v>
      </c>
      <c r="E97" t="s">
        <v>54</v>
      </c>
      <c r="F97" t="s">
        <v>38</v>
      </c>
      <c r="G97" t="s">
        <v>51</v>
      </c>
      <c r="H97" t="s">
        <v>157</v>
      </c>
      <c r="I97">
        <v>234.45</v>
      </c>
      <c r="J97">
        <v>3</v>
      </c>
      <c r="K97">
        <v>103.16</v>
      </c>
    </row>
    <row r="98" spans="1:11" x14ac:dyDescent="0.3">
      <c r="A98" s="1">
        <v>41681</v>
      </c>
      <c r="B98" s="3">
        <f t="shared" si="2"/>
        <v>2</v>
      </c>
      <c r="C98" s="3">
        <f t="shared" si="3"/>
        <v>2014</v>
      </c>
      <c r="D98" t="s">
        <v>181</v>
      </c>
      <c r="E98" t="s">
        <v>54</v>
      </c>
      <c r="F98" t="s">
        <v>33</v>
      </c>
      <c r="G98" t="s">
        <v>144</v>
      </c>
      <c r="H98" t="s">
        <v>182</v>
      </c>
      <c r="I98">
        <v>1256.22</v>
      </c>
      <c r="J98">
        <v>6</v>
      </c>
      <c r="K98">
        <v>75.37</v>
      </c>
    </row>
    <row r="99" spans="1:11" x14ac:dyDescent="0.3">
      <c r="A99" s="1">
        <v>41681</v>
      </c>
      <c r="B99" s="3">
        <f t="shared" si="2"/>
        <v>2</v>
      </c>
      <c r="C99" s="3">
        <f t="shared" si="3"/>
        <v>2014</v>
      </c>
      <c r="D99" t="s">
        <v>181</v>
      </c>
      <c r="E99" t="s">
        <v>54</v>
      </c>
      <c r="F99" t="s">
        <v>10</v>
      </c>
      <c r="G99" t="s">
        <v>19</v>
      </c>
      <c r="H99" t="s">
        <v>183</v>
      </c>
      <c r="I99">
        <v>17.46</v>
      </c>
      <c r="J99">
        <v>2</v>
      </c>
      <c r="K99">
        <v>8.2100000000000009</v>
      </c>
    </row>
    <row r="100" spans="1:11" x14ac:dyDescent="0.3">
      <c r="A100" s="1">
        <v>41681</v>
      </c>
      <c r="B100" s="3">
        <f t="shared" si="2"/>
        <v>2</v>
      </c>
      <c r="C100" s="3">
        <f t="shared" si="3"/>
        <v>2014</v>
      </c>
      <c r="D100" t="s">
        <v>184</v>
      </c>
      <c r="E100" t="s">
        <v>185</v>
      </c>
      <c r="F100" t="s">
        <v>33</v>
      </c>
      <c r="G100" t="s">
        <v>34</v>
      </c>
      <c r="H100" t="s">
        <v>186</v>
      </c>
      <c r="I100">
        <v>60.89</v>
      </c>
      <c r="J100">
        <v>1</v>
      </c>
      <c r="K100">
        <v>15.22</v>
      </c>
    </row>
    <row r="101" spans="1:11" x14ac:dyDescent="0.3">
      <c r="A101" s="1">
        <v>41681</v>
      </c>
      <c r="B101" s="3">
        <f t="shared" si="2"/>
        <v>2</v>
      </c>
      <c r="C101" s="3">
        <f t="shared" si="3"/>
        <v>2014</v>
      </c>
      <c r="D101" t="s">
        <v>184</v>
      </c>
      <c r="E101" t="s">
        <v>185</v>
      </c>
      <c r="F101" t="s">
        <v>10</v>
      </c>
      <c r="G101" t="s">
        <v>15</v>
      </c>
      <c r="H101" t="s">
        <v>187</v>
      </c>
      <c r="I101">
        <v>14.94</v>
      </c>
      <c r="J101">
        <v>3</v>
      </c>
      <c r="K101">
        <v>6.87</v>
      </c>
    </row>
    <row r="102" spans="1:11" x14ac:dyDescent="0.3">
      <c r="A102" s="1">
        <v>41681</v>
      </c>
      <c r="B102" s="3">
        <f t="shared" si="2"/>
        <v>2</v>
      </c>
      <c r="C102" s="3">
        <f t="shared" si="3"/>
        <v>2014</v>
      </c>
      <c r="D102" t="s">
        <v>184</v>
      </c>
      <c r="E102" t="s">
        <v>185</v>
      </c>
      <c r="F102" t="s">
        <v>10</v>
      </c>
      <c r="G102" t="s">
        <v>19</v>
      </c>
      <c r="H102" t="s">
        <v>188</v>
      </c>
      <c r="I102">
        <v>9.64</v>
      </c>
      <c r="J102">
        <v>2</v>
      </c>
      <c r="K102">
        <v>4.43</v>
      </c>
    </row>
    <row r="103" spans="1:11" x14ac:dyDescent="0.3">
      <c r="A103" s="1">
        <v>41681</v>
      </c>
      <c r="B103" s="3">
        <f t="shared" si="2"/>
        <v>2</v>
      </c>
      <c r="C103" s="3">
        <f t="shared" si="3"/>
        <v>2014</v>
      </c>
      <c r="D103" t="s">
        <v>184</v>
      </c>
      <c r="E103" t="s">
        <v>185</v>
      </c>
      <c r="F103" t="s">
        <v>33</v>
      </c>
      <c r="G103" t="s">
        <v>46</v>
      </c>
      <c r="H103" t="s">
        <v>189</v>
      </c>
      <c r="I103">
        <v>332.94</v>
      </c>
      <c r="J103">
        <v>3</v>
      </c>
      <c r="K103">
        <v>53.27</v>
      </c>
    </row>
    <row r="104" spans="1:11" x14ac:dyDescent="0.3">
      <c r="A104" s="1">
        <v>41681</v>
      </c>
      <c r="B104" s="3">
        <f t="shared" si="2"/>
        <v>2</v>
      </c>
      <c r="C104" s="3">
        <f t="shared" si="3"/>
        <v>2014</v>
      </c>
      <c r="D104" t="s">
        <v>184</v>
      </c>
      <c r="E104" t="s">
        <v>185</v>
      </c>
      <c r="F104" t="s">
        <v>10</v>
      </c>
      <c r="G104" t="s">
        <v>19</v>
      </c>
      <c r="H104" t="s">
        <v>190</v>
      </c>
      <c r="I104">
        <v>51.9</v>
      </c>
      <c r="J104">
        <v>3</v>
      </c>
      <c r="K104">
        <v>24.39</v>
      </c>
    </row>
    <row r="105" spans="1:11" x14ac:dyDescent="0.3">
      <c r="A105" s="1">
        <v>41681</v>
      </c>
      <c r="B105" s="3">
        <f t="shared" si="2"/>
        <v>2</v>
      </c>
      <c r="C105" s="3">
        <f t="shared" si="3"/>
        <v>2014</v>
      </c>
      <c r="D105" t="s">
        <v>184</v>
      </c>
      <c r="E105" t="s">
        <v>185</v>
      </c>
      <c r="F105" t="s">
        <v>10</v>
      </c>
      <c r="G105" t="s">
        <v>17</v>
      </c>
      <c r="H105" t="s">
        <v>191</v>
      </c>
      <c r="I105">
        <v>64.959999999999994</v>
      </c>
      <c r="J105">
        <v>2</v>
      </c>
      <c r="K105">
        <v>2.6</v>
      </c>
    </row>
    <row r="106" spans="1:11" x14ac:dyDescent="0.3">
      <c r="A106" s="1">
        <v>41682</v>
      </c>
      <c r="B106" s="3">
        <f t="shared" si="2"/>
        <v>2</v>
      </c>
      <c r="C106" s="3">
        <f t="shared" si="3"/>
        <v>2014</v>
      </c>
      <c r="D106" t="s">
        <v>192</v>
      </c>
      <c r="E106" t="s">
        <v>26</v>
      </c>
      <c r="F106" t="s">
        <v>33</v>
      </c>
      <c r="G106" t="s">
        <v>34</v>
      </c>
      <c r="H106" t="s">
        <v>193</v>
      </c>
      <c r="I106">
        <v>129.57</v>
      </c>
      <c r="J106">
        <v>2</v>
      </c>
      <c r="K106">
        <v>-24.29</v>
      </c>
    </row>
    <row r="107" spans="1:11" x14ac:dyDescent="0.3">
      <c r="A107" s="1">
        <v>41684</v>
      </c>
      <c r="B107" s="3">
        <f t="shared" si="2"/>
        <v>2</v>
      </c>
      <c r="C107" s="3">
        <f t="shared" si="3"/>
        <v>2014</v>
      </c>
      <c r="D107" t="s">
        <v>194</v>
      </c>
      <c r="E107" t="s">
        <v>9</v>
      </c>
      <c r="F107" t="s">
        <v>10</v>
      </c>
      <c r="G107" t="s">
        <v>11</v>
      </c>
      <c r="H107" t="s">
        <v>195</v>
      </c>
      <c r="I107">
        <v>16.18</v>
      </c>
      <c r="J107">
        <v>3</v>
      </c>
      <c r="K107">
        <v>6.07</v>
      </c>
    </row>
    <row r="108" spans="1:11" x14ac:dyDescent="0.3">
      <c r="A108" s="1">
        <v>41684</v>
      </c>
      <c r="B108" s="3">
        <f t="shared" si="2"/>
        <v>2</v>
      </c>
      <c r="C108" s="3">
        <f t="shared" si="3"/>
        <v>2014</v>
      </c>
      <c r="D108" t="s">
        <v>196</v>
      </c>
      <c r="E108" t="s">
        <v>163</v>
      </c>
      <c r="F108" t="s">
        <v>38</v>
      </c>
      <c r="G108" t="s">
        <v>51</v>
      </c>
      <c r="H108" t="s">
        <v>197</v>
      </c>
      <c r="I108">
        <v>239.97</v>
      </c>
      <c r="J108">
        <v>3</v>
      </c>
      <c r="K108">
        <v>86.39</v>
      </c>
    </row>
    <row r="109" spans="1:11" x14ac:dyDescent="0.3">
      <c r="A109" s="1">
        <v>41684</v>
      </c>
      <c r="B109" s="3">
        <f t="shared" si="2"/>
        <v>2</v>
      </c>
      <c r="C109" s="3">
        <f t="shared" si="3"/>
        <v>2014</v>
      </c>
      <c r="D109" t="s">
        <v>196</v>
      </c>
      <c r="E109" t="s">
        <v>163</v>
      </c>
      <c r="F109" t="s">
        <v>10</v>
      </c>
      <c r="G109" t="s">
        <v>91</v>
      </c>
      <c r="H109" t="s">
        <v>198</v>
      </c>
      <c r="I109">
        <v>81.96</v>
      </c>
      <c r="J109">
        <v>2</v>
      </c>
      <c r="K109">
        <v>22.95</v>
      </c>
    </row>
    <row r="110" spans="1:11" x14ac:dyDescent="0.3">
      <c r="A110" s="1">
        <v>41684</v>
      </c>
      <c r="B110" s="3">
        <f t="shared" si="2"/>
        <v>2</v>
      </c>
      <c r="C110" s="3">
        <f t="shared" si="3"/>
        <v>2014</v>
      </c>
      <c r="D110" t="s">
        <v>196</v>
      </c>
      <c r="E110" t="s">
        <v>163</v>
      </c>
      <c r="F110" t="s">
        <v>10</v>
      </c>
      <c r="G110" t="s">
        <v>199</v>
      </c>
      <c r="H110" t="s">
        <v>200</v>
      </c>
      <c r="I110">
        <v>238.62</v>
      </c>
      <c r="J110">
        <v>2</v>
      </c>
      <c r="K110">
        <v>4.7699999999999996</v>
      </c>
    </row>
    <row r="111" spans="1:11" x14ac:dyDescent="0.3">
      <c r="A111" s="1">
        <v>41685</v>
      </c>
      <c r="B111" s="3">
        <f t="shared" si="2"/>
        <v>2</v>
      </c>
      <c r="C111" s="3">
        <f t="shared" si="3"/>
        <v>2014</v>
      </c>
      <c r="D111" t="s">
        <v>201</v>
      </c>
      <c r="E111" t="s">
        <v>163</v>
      </c>
      <c r="F111" t="s">
        <v>10</v>
      </c>
      <c r="G111" t="s">
        <v>19</v>
      </c>
      <c r="H111" t="s">
        <v>202</v>
      </c>
      <c r="I111">
        <v>21.36</v>
      </c>
      <c r="J111">
        <v>5</v>
      </c>
      <c r="K111">
        <v>7.21</v>
      </c>
    </row>
    <row r="112" spans="1:11" x14ac:dyDescent="0.3">
      <c r="A112" s="1">
        <v>41686</v>
      </c>
      <c r="B112" s="3">
        <f t="shared" si="2"/>
        <v>2</v>
      </c>
      <c r="C112" s="3">
        <f t="shared" si="3"/>
        <v>2014</v>
      </c>
      <c r="D112" t="s">
        <v>203</v>
      </c>
      <c r="E112" t="s">
        <v>9</v>
      </c>
      <c r="F112" t="s">
        <v>10</v>
      </c>
      <c r="G112" t="s">
        <v>19</v>
      </c>
      <c r="H112" t="s">
        <v>204</v>
      </c>
      <c r="I112">
        <v>1.08</v>
      </c>
      <c r="J112">
        <v>3</v>
      </c>
      <c r="K112">
        <v>-1.73</v>
      </c>
    </row>
    <row r="113" spans="1:11" x14ac:dyDescent="0.3">
      <c r="A113" s="1">
        <v>41686</v>
      </c>
      <c r="B113" s="3">
        <f t="shared" si="2"/>
        <v>2</v>
      </c>
      <c r="C113" s="3">
        <f t="shared" si="3"/>
        <v>2014</v>
      </c>
      <c r="D113" t="s">
        <v>203</v>
      </c>
      <c r="E113" t="s">
        <v>9</v>
      </c>
      <c r="F113" t="s">
        <v>10</v>
      </c>
      <c r="G113" t="s">
        <v>91</v>
      </c>
      <c r="H113" t="s">
        <v>205</v>
      </c>
      <c r="I113">
        <v>7.96</v>
      </c>
      <c r="J113">
        <v>2</v>
      </c>
      <c r="K113">
        <v>-13.93</v>
      </c>
    </row>
    <row r="114" spans="1:11" x14ac:dyDescent="0.3">
      <c r="A114" s="1">
        <v>41687</v>
      </c>
      <c r="B114" s="3">
        <f t="shared" si="2"/>
        <v>2</v>
      </c>
      <c r="C114" s="3">
        <f t="shared" si="3"/>
        <v>2014</v>
      </c>
      <c r="D114" t="s">
        <v>84</v>
      </c>
      <c r="E114" t="s">
        <v>14</v>
      </c>
      <c r="F114" t="s">
        <v>10</v>
      </c>
      <c r="G114" t="s">
        <v>23</v>
      </c>
      <c r="H114" t="s">
        <v>206</v>
      </c>
      <c r="I114">
        <v>54.21</v>
      </c>
      <c r="J114">
        <v>14</v>
      </c>
      <c r="K114">
        <v>8.81</v>
      </c>
    </row>
    <row r="115" spans="1:11" x14ac:dyDescent="0.3">
      <c r="A115" s="1">
        <v>41688</v>
      </c>
      <c r="B115" s="3">
        <f t="shared" si="2"/>
        <v>2</v>
      </c>
      <c r="C115" s="3">
        <f t="shared" si="3"/>
        <v>2014</v>
      </c>
      <c r="D115" t="s">
        <v>207</v>
      </c>
      <c r="E115" t="s">
        <v>9</v>
      </c>
      <c r="F115" t="s">
        <v>33</v>
      </c>
      <c r="G115" t="s">
        <v>46</v>
      </c>
      <c r="H115" t="s">
        <v>208</v>
      </c>
      <c r="I115">
        <v>25.16</v>
      </c>
      <c r="J115">
        <v>5</v>
      </c>
      <c r="K115">
        <v>-11.32</v>
      </c>
    </row>
    <row r="116" spans="1:11" x14ac:dyDescent="0.3">
      <c r="A116" s="1">
        <v>41688</v>
      </c>
      <c r="B116" s="3">
        <f t="shared" si="2"/>
        <v>2</v>
      </c>
      <c r="C116" s="3">
        <f t="shared" si="3"/>
        <v>2014</v>
      </c>
      <c r="D116" t="s">
        <v>209</v>
      </c>
      <c r="E116" t="s">
        <v>9</v>
      </c>
      <c r="F116" t="s">
        <v>10</v>
      </c>
      <c r="G116" t="s">
        <v>17</v>
      </c>
      <c r="H116" t="s">
        <v>210</v>
      </c>
      <c r="I116">
        <v>12.62</v>
      </c>
      <c r="J116">
        <v>2</v>
      </c>
      <c r="K116">
        <v>-2.52</v>
      </c>
    </row>
    <row r="117" spans="1:11" x14ac:dyDescent="0.3">
      <c r="A117" s="1">
        <v>41690</v>
      </c>
      <c r="B117" s="3">
        <f t="shared" si="2"/>
        <v>2</v>
      </c>
      <c r="C117" s="3">
        <f t="shared" si="3"/>
        <v>2014</v>
      </c>
      <c r="D117" t="s">
        <v>211</v>
      </c>
      <c r="E117" t="s">
        <v>128</v>
      </c>
      <c r="F117" t="s">
        <v>38</v>
      </c>
      <c r="G117" t="s">
        <v>51</v>
      </c>
      <c r="H117" t="s">
        <v>212</v>
      </c>
      <c r="I117">
        <v>62.31</v>
      </c>
      <c r="J117">
        <v>3</v>
      </c>
      <c r="K117">
        <v>22.43</v>
      </c>
    </row>
    <row r="118" spans="1:11" x14ac:dyDescent="0.3">
      <c r="A118" s="1">
        <v>41690</v>
      </c>
      <c r="B118" s="3">
        <f t="shared" si="2"/>
        <v>2</v>
      </c>
      <c r="C118" s="3">
        <f t="shared" si="3"/>
        <v>2014</v>
      </c>
      <c r="D118" t="s">
        <v>211</v>
      </c>
      <c r="E118" t="s">
        <v>128</v>
      </c>
      <c r="F118" t="s">
        <v>33</v>
      </c>
      <c r="G118" t="s">
        <v>46</v>
      </c>
      <c r="H118" t="s">
        <v>213</v>
      </c>
      <c r="I118">
        <v>20.32</v>
      </c>
      <c r="J118">
        <v>4</v>
      </c>
      <c r="K118">
        <v>6.91</v>
      </c>
    </row>
    <row r="119" spans="1:11" x14ac:dyDescent="0.3">
      <c r="A119" s="1">
        <v>41690</v>
      </c>
      <c r="B119" s="3">
        <f t="shared" si="2"/>
        <v>2</v>
      </c>
      <c r="C119" s="3">
        <f t="shared" si="3"/>
        <v>2014</v>
      </c>
      <c r="D119" t="s">
        <v>214</v>
      </c>
      <c r="E119" t="s">
        <v>26</v>
      </c>
      <c r="F119" t="s">
        <v>10</v>
      </c>
      <c r="G119" t="s">
        <v>11</v>
      </c>
      <c r="H119" t="s">
        <v>215</v>
      </c>
      <c r="I119">
        <v>12.96</v>
      </c>
      <c r="J119">
        <v>2</v>
      </c>
      <c r="K119">
        <v>6.22</v>
      </c>
    </row>
    <row r="120" spans="1:11" x14ac:dyDescent="0.3">
      <c r="A120" s="1">
        <v>41691</v>
      </c>
      <c r="B120" s="3">
        <f t="shared" si="2"/>
        <v>2</v>
      </c>
      <c r="C120" s="3">
        <f t="shared" si="3"/>
        <v>2014</v>
      </c>
      <c r="D120" t="s">
        <v>216</v>
      </c>
      <c r="E120" t="s">
        <v>14</v>
      </c>
      <c r="F120" t="s">
        <v>10</v>
      </c>
      <c r="G120" t="s">
        <v>19</v>
      </c>
      <c r="H120" t="s">
        <v>20</v>
      </c>
      <c r="I120">
        <v>8.85</v>
      </c>
      <c r="J120">
        <v>5</v>
      </c>
      <c r="K120">
        <v>-13.72</v>
      </c>
    </row>
    <row r="121" spans="1:11" x14ac:dyDescent="0.3">
      <c r="A121" s="1">
        <v>41692</v>
      </c>
      <c r="B121" s="3">
        <f t="shared" si="2"/>
        <v>2</v>
      </c>
      <c r="C121" s="3">
        <f t="shared" si="3"/>
        <v>2014</v>
      </c>
      <c r="D121" t="s">
        <v>217</v>
      </c>
      <c r="E121" t="s">
        <v>26</v>
      </c>
      <c r="F121" t="s">
        <v>10</v>
      </c>
      <c r="G121" t="s">
        <v>11</v>
      </c>
      <c r="H121" t="s">
        <v>218</v>
      </c>
      <c r="I121">
        <v>19.440000000000001</v>
      </c>
      <c r="J121">
        <v>3</v>
      </c>
      <c r="K121">
        <v>9.33</v>
      </c>
    </row>
    <row r="122" spans="1:11" x14ac:dyDescent="0.3">
      <c r="A122" s="1">
        <v>41693</v>
      </c>
      <c r="B122" s="3">
        <f t="shared" si="2"/>
        <v>2</v>
      </c>
      <c r="C122" s="3">
        <f t="shared" si="3"/>
        <v>2014</v>
      </c>
      <c r="D122" t="s">
        <v>219</v>
      </c>
      <c r="E122" t="s">
        <v>9</v>
      </c>
      <c r="F122" t="s">
        <v>10</v>
      </c>
      <c r="G122" t="s">
        <v>15</v>
      </c>
      <c r="H122" t="s">
        <v>220</v>
      </c>
      <c r="I122">
        <v>6.94</v>
      </c>
      <c r="J122">
        <v>3</v>
      </c>
      <c r="K122">
        <v>2.34</v>
      </c>
    </row>
    <row r="123" spans="1:11" x14ac:dyDescent="0.3">
      <c r="A123" s="1">
        <v>41693</v>
      </c>
      <c r="B123" s="3">
        <f t="shared" si="2"/>
        <v>2</v>
      </c>
      <c r="C123" s="3">
        <f t="shared" si="3"/>
        <v>2014</v>
      </c>
      <c r="D123" t="s">
        <v>219</v>
      </c>
      <c r="E123" t="s">
        <v>9</v>
      </c>
      <c r="F123" t="s">
        <v>10</v>
      </c>
      <c r="G123" t="s">
        <v>19</v>
      </c>
      <c r="H123" t="s">
        <v>221</v>
      </c>
      <c r="I123">
        <v>4.43</v>
      </c>
      <c r="J123">
        <v>3</v>
      </c>
      <c r="K123">
        <v>-6.86</v>
      </c>
    </row>
    <row r="124" spans="1:11" x14ac:dyDescent="0.3">
      <c r="A124" s="1">
        <v>41694</v>
      </c>
      <c r="B124" s="3">
        <f t="shared" si="2"/>
        <v>2</v>
      </c>
      <c r="C124" s="3">
        <f t="shared" si="3"/>
        <v>2014</v>
      </c>
      <c r="D124" t="s">
        <v>222</v>
      </c>
      <c r="E124" t="s">
        <v>90</v>
      </c>
      <c r="F124" t="s">
        <v>10</v>
      </c>
      <c r="G124" t="s">
        <v>11</v>
      </c>
      <c r="H124" t="s">
        <v>12</v>
      </c>
      <c r="I124">
        <v>32.9</v>
      </c>
      <c r="J124">
        <v>4</v>
      </c>
      <c r="K124">
        <v>11.1</v>
      </c>
    </row>
    <row r="125" spans="1:11" x14ac:dyDescent="0.3">
      <c r="A125" s="1">
        <v>41694</v>
      </c>
      <c r="B125" s="3">
        <f t="shared" si="2"/>
        <v>2</v>
      </c>
      <c r="C125" s="3">
        <f t="shared" si="3"/>
        <v>2014</v>
      </c>
      <c r="D125" t="s">
        <v>222</v>
      </c>
      <c r="E125" t="s">
        <v>90</v>
      </c>
      <c r="F125" t="s">
        <v>10</v>
      </c>
      <c r="G125" t="s">
        <v>11</v>
      </c>
      <c r="H125" t="s">
        <v>223</v>
      </c>
      <c r="I125">
        <v>22.78</v>
      </c>
      <c r="J125">
        <v>3</v>
      </c>
      <c r="K125">
        <v>7.69</v>
      </c>
    </row>
    <row r="126" spans="1:11" x14ac:dyDescent="0.3">
      <c r="A126" s="1">
        <v>41697</v>
      </c>
      <c r="B126" s="3">
        <f t="shared" si="2"/>
        <v>2</v>
      </c>
      <c r="C126" s="3">
        <f t="shared" si="3"/>
        <v>2014</v>
      </c>
      <c r="D126" t="s">
        <v>224</v>
      </c>
      <c r="E126" t="s">
        <v>77</v>
      </c>
      <c r="F126" t="s">
        <v>10</v>
      </c>
      <c r="G126" t="s">
        <v>23</v>
      </c>
      <c r="H126" t="s">
        <v>225</v>
      </c>
      <c r="I126">
        <v>19.46</v>
      </c>
      <c r="J126">
        <v>4</v>
      </c>
      <c r="K126">
        <v>3.4</v>
      </c>
    </row>
    <row r="127" spans="1:11" x14ac:dyDescent="0.3">
      <c r="A127" s="1">
        <v>41699</v>
      </c>
      <c r="B127" s="3">
        <f t="shared" si="2"/>
        <v>3</v>
      </c>
      <c r="C127" s="3">
        <f t="shared" si="3"/>
        <v>2014</v>
      </c>
      <c r="D127" t="s">
        <v>226</v>
      </c>
      <c r="E127" t="s">
        <v>163</v>
      </c>
      <c r="F127" t="s">
        <v>33</v>
      </c>
      <c r="G127" t="s">
        <v>34</v>
      </c>
      <c r="H127" t="s">
        <v>35</v>
      </c>
      <c r="I127">
        <v>457.57</v>
      </c>
      <c r="J127">
        <v>2</v>
      </c>
      <c r="K127">
        <v>51.48</v>
      </c>
    </row>
    <row r="128" spans="1:11" x14ac:dyDescent="0.3">
      <c r="A128" s="1">
        <v>41699</v>
      </c>
      <c r="B128" s="3">
        <f t="shared" si="2"/>
        <v>3</v>
      </c>
      <c r="C128" s="3">
        <f t="shared" si="3"/>
        <v>2014</v>
      </c>
      <c r="D128" t="s">
        <v>227</v>
      </c>
      <c r="E128" t="s">
        <v>148</v>
      </c>
      <c r="F128" t="s">
        <v>38</v>
      </c>
      <c r="G128" t="s">
        <v>39</v>
      </c>
      <c r="H128" t="s">
        <v>228</v>
      </c>
      <c r="I128">
        <v>5.94</v>
      </c>
      <c r="J128">
        <v>3</v>
      </c>
      <c r="K128">
        <v>1.6</v>
      </c>
    </row>
    <row r="129" spans="1:11" x14ac:dyDescent="0.3">
      <c r="A129" s="1">
        <v>41699</v>
      </c>
      <c r="B129" s="3">
        <f t="shared" si="2"/>
        <v>3</v>
      </c>
      <c r="C129" s="3">
        <f t="shared" si="3"/>
        <v>2014</v>
      </c>
      <c r="D129" t="s">
        <v>229</v>
      </c>
      <c r="E129" t="s">
        <v>14</v>
      </c>
      <c r="F129" t="s">
        <v>33</v>
      </c>
      <c r="G129" t="s">
        <v>34</v>
      </c>
      <c r="H129" t="s">
        <v>230</v>
      </c>
      <c r="I129">
        <v>634.12</v>
      </c>
      <c r="J129">
        <v>6</v>
      </c>
      <c r="K129">
        <v>-172.12</v>
      </c>
    </row>
    <row r="130" spans="1:11" x14ac:dyDescent="0.3">
      <c r="A130" s="1">
        <v>41699</v>
      </c>
      <c r="B130" s="3">
        <f t="shared" ref="B130:B193" si="4">MONTH(A:A)</f>
        <v>3</v>
      </c>
      <c r="C130" s="3">
        <f t="shared" ref="C130:C193" si="5">YEAR(A:A)</f>
        <v>2014</v>
      </c>
      <c r="D130" t="s">
        <v>229</v>
      </c>
      <c r="E130" t="s">
        <v>14</v>
      </c>
      <c r="F130" t="s">
        <v>10</v>
      </c>
      <c r="G130" t="s">
        <v>11</v>
      </c>
      <c r="H130" t="s">
        <v>231</v>
      </c>
      <c r="I130">
        <v>17.47</v>
      </c>
      <c r="J130">
        <v>3</v>
      </c>
      <c r="K130">
        <v>5.68</v>
      </c>
    </row>
    <row r="131" spans="1:11" x14ac:dyDescent="0.3">
      <c r="A131" s="1">
        <v>41699</v>
      </c>
      <c r="B131" s="3">
        <f t="shared" si="4"/>
        <v>3</v>
      </c>
      <c r="C131" s="3">
        <f t="shared" si="5"/>
        <v>2014</v>
      </c>
      <c r="D131" t="s">
        <v>232</v>
      </c>
      <c r="E131" t="s">
        <v>9</v>
      </c>
      <c r="F131" t="s">
        <v>10</v>
      </c>
      <c r="G131" t="s">
        <v>42</v>
      </c>
      <c r="H131" t="s">
        <v>233</v>
      </c>
      <c r="I131">
        <v>18.84</v>
      </c>
      <c r="J131">
        <v>5</v>
      </c>
      <c r="K131">
        <v>-3.53</v>
      </c>
    </row>
    <row r="132" spans="1:11" x14ac:dyDescent="0.3">
      <c r="A132" s="1">
        <v>41699</v>
      </c>
      <c r="B132" s="3">
        <f t="shared" si="4"/>
        <v>3</v>
      </c>
      <c r="C132" s="3">
        <f t="shared" si="5"/>
        <v>2014</v>
      </c>
      <c r="D132" t="s">
        <v>232</v>
      </c>
      <c r="E132" t="s">
        <v>9</v>
      </c>
      <c r="F132" t="s">
        <v>33</v>
      </c>
      <c r="G132" t="s">
        <v>34</v>
      </c>
      <c r="H132" t="s">
        <v>234</v>
      </c>
      <c r="I132">
        <v>362.25</v>
      </c>
      <c r="J132">
        <v>6</v>
      </c>
      <c r="K132">
        <v>0</v>
      </c>
    </row>
    <row r="133" spans="1:11" x14ac:dyDescent="0.3">
      <c r="A133" s="1">
        <v>41699</v>
      </c>
      <c r="B133" s="3">
        <f t="shared" si="4"/>
        <v>3</v>
      </c>
      <c r="C133" s="3">
        <f t="shared" si="5"/>
        <v>2014</v>
      </c>
      <c r="D133" t="s">
        <v>232</v>
      </c>
      <c r="E133" t="s">
        <v>9</v>
      </c>
      <c r="F133" t="s">
        <v>33</v>
      </c>
      <c r="G133" t="s">
        <v>46</v>
      </c>
      <c r="H133" t="s">
        <v>85</v>
      </c>
      <c r="I133">
        <v>63.55</v>
      </c>
      <c r="J133">
        <v>6</v>
      </c>
      <c r="K133">
        <v>-34.950000000000003</v>
      </c>
    </row>
    <row r="134" spans="1:11" x14ac:dyDescent="0.3">
      <c r="A134" s="1">
        <v>41699</v>
      </c>
      <c r="B134" s="3">
        <f t="shared" si="4"/>
        <v>3</v>
      </c>
      <c r="C134" s="3">
        <f t="shared" si="5"/>
        <v>2014</v>
      </c>
      <c r="D134" t="s">
        <v>232</v>
      </c>
      <c r="E134" t="s">
        <v>9</v>
      </c>
      <c r="F134" t="s">
        <v>10</v>
      </c>
      <c r="G134" t="s">
        <v>17</v>
      </c>
      <c r="H134" t="s">
        <v>235</v>
      </c>
      <c r="I134">
        <v>129.55000000000001</v>
      </c>
      <c r="J134">
        <v>3</v>
      </c>
      <c r="K134">
        <v>-22.67</v>
      </c>
    </row>
    <row r="135" spans="1:11" x14ac:dyDescent="0.3">
      <c r="A135" s="1">
        <v>41699</v>
      </c>
      <c r="B135" s="3">
        <f t="shared" si="4"/>
        <v>3</v>
      </c>
      <c r="C135" s="3">
        <f t="shared" si="5"/>
        <v>2014</v>
      </c>
      <c r="D135" t="s">
        <v>236</v>
      </c>
      <c r="E135" t="s">
        <v>9</v>
      </c>
      <c r="F135" t="s">
        <v>10</v>
      </c>
      <c r="G135" t="s">
        <v>17</v>
      </c>
      <c r="H135" t="s">
        <v>143</v>
      </c>
      <c r="I135">
        <v>137.35</v>
      </c>
      <c r="J135">
        <v>3</v>
      </c>
      <c r="K135">
        <v>8.58</v>
      </c>
    </row>
    <row r="136" spans="1:11" x14ac:dyDescent="0.3">
      <c r="A136" s="1">
        <v>41699</v>
      </c>
      <c r="B136" s="3">
        <f t="shared" si="4"/>
        <v>3</v>
      </c>
      <c r="C136" s="3">
        <f t="shared" si="5"/>
        <v>2014</v>
      </c>
      <c r="D136" t="s">
        <v>236</v>
      </c>
      <c r="E136" t="s">
        <v>9</v>
      </c>
      <c r="F136" t="s">
        <v>33</v>
      </c>
      <c r="G136" t="s">
        <v>144</v>
      </c>
      <c r="H136" t="s">
        <v>237</v>
      </c>
      <c r="I136">
        <v>376.51</v>
      </c>
      <c r="J136">
        <v>3</v>
      </c>
      <c r="K136">
        <v>-43.03</v>
      </c>
    </row>
    <row r="137" spans="1:11" x14ac:dyDescent="0.3">
      <c r="A137" s="1">
        <v>41700</v>
      </c>
      <c r="B137" s="3">
        <f t="shared" si="4"/>
        <v>3</v>
      </c>
      <c r="C137" s="3">
        <f t="shared" si="5"/>
        <v>2014</v>
      </c>
      <c r="D137" t="s">
        <v>238</v>
      </c>
      <c r="E137" t="s">
        <v>148</v>
      </c>
      <c r="F137" t="s">
        <v>10</v>
      </c>
      <c r="G137" t="s">
        <v>62</v>
      </c>
      <c r="H137" t="s">
        <v>63</v>
      </c>
      <c r="I137">
        <v>11.36</v>
      </c>
      <c r="J137">
        <v>2</v>
      </c>
      <c r="K137">
        <v>5.34</v>
      </c>
    </row>
    <row r="138" spans="1:11" x14ac:dyDescent="0.3">
      <c r="A138" s="1">
        <v>41700</v>
      </c>
      <c r="B138" s="3">
        <f t="shared" si="4"/>
        <v>3</v>
      </c>
      <c r="C138" s="3">
        <f t="shared" si="5"/>
        <v>2014</v>
      </c>
      <c r="D138" t="s">
        <v>238</v>
      </c>
      <c r="E138" t="s">
        <v>148</v>
      </c>
      <c r="F138" t="s">
        <v>10</v>
      </c>
      <c r="G138" t="s">
        <v>11</v>
      </c>
      <c r="H138" t="s">
        <v>239</v>
      </c>
      <c r="I138">
        <v>36.4</v>
      </c>
      <c r="J138">
        <v>5</v>
      </c>
      <c r="K138">
        <v>17.47</v>
      </c>
    </row>
    <row r="139" spans="1:11" x14ac:dyDescent="0.3">
      <c r="A139" s="1">
        <v>41700</v>
      </c>
      <c r="B139" s="3">
        <f t="shared" si="4"/>
        <v>3</v>
      </c>
      <c r="C139" s="3">
        <f t="shared" si="5"/>
        <v>2014</v>
      </c>
      <c r="D139" t="s">
        <v>240</v>
      </c>
      <c r="E139" t="s">
        <v>22</v>
      </c>
      <c r="F139" t="s">
        <v>10</v>
      </c>
      <c r="G139" t="s">
        <v>11</v>
      </c>
      <c r="H139" t="s">
        <v>241</v>
      </c>
      <c r="I139">
        <v>3.42</v>
      </c>
      <c r="J139">
        <v>1</v>
      </c>
      <c r="K139">
        <v>1.07</v>
      </c>
    </row>
    <row r="140" spans="1:11" x14ac:dyDescent="0.3">
      <c r="A140" s="1">
        <v>41700</v>
      </c>
      <c r="B140" s="3">
        <f t="shared" si="4"/>
        <v>3</v>
      </c>
      <c r="C140" s="3">
        <f t="shared" si="5"/>
        <v>2014</v>
      </c>
      <c r="D140" t="s">
        <v>240</v>
      </c>
      <c r="E140" t="s">
        <v>22</v>
      </c>
      <c r="F140" t="s">
        <v>38</v>
      </c>
      <c r="G140" t="s">
        <v>51</v>
      </c>
      <c r="H140" t="s">
        <v>242</v>
      </c>
      <c r="I140">
        <v>151.19999999999999</v>
      </c>
      <c r="J140">
        <v>3</v>
      </c>
      <c r="K140">
        <v>32.130000000000003</v>
      </c>
    </row>
    <row r="141" spans="1:11" x14ac:dyDescent="0.3">
      <c r="A141" s="1">
        <v>41701</v>
      </c>
      <c r="B141" s="3">
        <f t="shared" si="4"/>
        <v>3</v>
      </c>
      <c r="C141" s="3">
        <f t="shared" si="5"/>
        <v>2014</v>
      </c>
      <c r="D141" t="s">
        <v>243</v>
      </c>
      <c r="E141" t="s">
        <v>244</v>
      </c>
      <c r="F141" t="s">
        <v>10</v>
      </c>
      <c r="G141" t="s">
        <v>23</v>
      </c>
      <c r="H141" t="s">
        <v>225</v>
      </c>
      <c r="I141">
        <v>19.46</v>
      </c>
      <c r="J141">
        <v>4</v>
      </c>
      <c r="K141">
        <v>3.4</v>
      </c>
    </row>
    <row r="142" spans="1:11" x14ac:dyDescent="0.3">
      <c r="A142" s="1">
        <v>41701</v>
      </c>
      <c r="B142" s="3">
        <f t="shared" si="4"/>
        <v>3</v>
      </c>
      <c r="C142" s="3">
        <f t="shared" si="5"/>
        <v>2014</v>
      </c>
      <c r="D142" t="s">
        <v>245</v>
      </c>
      <c r="E142" t="s">
        <v>148</v>
      </c>
      <c r="F142" t="s">
        <v>38</v>
      </c>
      <c r="G142" t="s">
        <v>39</v>
      </c>
      <c r="H142" t="s">
        <v>246</v>
      </c>
      <c r="I142">
        <v>9.99</v>
      </c>
      <c r="J142">
        <v>1</v>
      </c>
      <c r="K142">
        <v>4.5999999999999996</v>
      </c>
    </row>
    <row r="143" spans="1:11" x14ac:dyDescent="0.3">
      <c r="A143" s="1">
        <v>41701</v>
      </c>
      <c r="B143" s="3">
        <f t="shared" si="4"/>
        <v>3</v>
      </c>
      <c r="C143" s="3">
        <f t="shared" si="5"/>
        <v>2014</v>
      </c>
      <c r="D143" t="s">
        <v>245</v>
      </c>
      <c r="E143" t="s">
        <v>148</v>
      </c>
      <c r="F143" t="s">
        <v>10</v>
      </c>
      <c r="G143" t="s">
        <v>19</v>
      </c>
      <c r="H143" t="s">
        <v>164</v>
      </c>
      <c r="I143">
        <v>125.76</v>
      </c>
      <c r="J143">
        <v>3</v>
      </c>
      <c r="K143">
        <v>40.869999999999997</v>
      </c>
    </row>
    <row r="144" spans="1:11" x14ac:dyDescent="0.3">
      <c r="A144" s="1">
        <v>41701</v>
      </c>
      <c r="B144" s="3">
        <f t="shared" si="4"/>
        <v>3</v>
      </c>
      <c r="C144" s="3">
        <f t="shared" si="5"/>
        <v>2014</v>
      </c>
      <c r="D144" t="s">
        <v>245</v>
      </c>
      <c r="E144" t="s">
        <v>148</v>
      </c>
      <c r="F144" t="s">
        <v>10</v>
      </c>
      <c r="G144" t="s">
        <v>19</v>
      </c>
      <c r="H144" t="s">
        <v>247</v>
      </c>
      <c r="I144">
        <v>25.32</v>
      </c>
      <c r="J144">
        <v>5</v>
      </c>
      <c r="K144">
        <v>9.18</v>
      </c>
    </row>
    <row r="145" spans="1:11" x14ac:dyDescent="0.3">
      <c r="A145" s="1">
        <v>41701</v>
      </c>
      <c r="B145" s="3">
        <f t="shared" si="4"/>
        <v>3</v>
      </c>
      <c r="C145" s="3">
        <f t="shared" si="5"/>
        <v>2014</v>
      </c>
      <c r="D145" t="s">
        <v>248</v>
      </c>
      <c r="E145" t="s">
        <v>77</v>
      </c>
      <c r="F145" t="s">
        <v>10</v>
      </c>
      <c r="G145" t="s">
        <v>15</v>
      </c>
      <c r="H145" t="s">
        <v>249</v>
      </c>
      <c r="I145">
        <v>15.12</v>
      </c>
      <c r="J145">
        <v>3</v>
      </c>
      <c r="K145">
        <v>4.91</v>
      </c>
    </row>
    <row r="146" spans="1:11" x14ac:dyDescent="0.3">
      <c r="A146" s="1">
        <v>41701</v>
      </c>
      <c r="B146" s="3">
        <f t="shared" si="4"/>
        <v>3</v>
      </c>
      <c r="C146" s="3">
        <f t="shared" si="5"/>
        <v>2014</v>
      </c>
      <c r="D146" t="s">
        <v>248</v>
      </c>
      <c r="E146" t="s">
        <v>77</v>
      </c>
      <c r="F146" t="s">
        <v>33</v>
      </c>
      <c r="G146" t="s">
        <v>73</v>
      </c>
      <c r="H146" t="s">
        <v>98</v>
      </c>
      <c r="I146">
        <v>302.45</v>
      </c>
      <c r="J146">
        <v>5</v>
      </c>
      <c r="K146">
        <v>-199.62</v>
      </c>
    </row>
    <row r="147" spans="1:11" x14ac:dyDescent="0.3">
      <c r="A147" s="1">
        <v>41701</v>
      </c>
      <c r="B147" s="3">
        <f t="shared" si="4"/>
        <v>3</v>
      </c>
      <c r="C147" s="3">
        <f t="shared" si="5"/>
        <v>2014</v>
      </c>
      <c r="D147" t="s">
        <v>248</v>
      </c>
      <c r="E147" t="s">
        <v>77</v>
      </c>
      <c r="F147" t="s">
        <v>10</v>
      </c>
      <c r="G147" t="s">
        <v>17</v>
      </c>
      <c r="H147" t="s">
        <v>250</v>
      </c>
      <c r="I147">
        <v>44.67</v>
      </c>
      <c r="J147">
        <v>8</v>
      </c>
      <c r="K147">
        <v>-10.050000000000001</v>
      </c>
    </row>
    <row r="148" spans="1:11" x14ac:dyDescent="0.3">
      <c r="A148" s="1">
        <v>41701</v>
      </c>
      <c r="B148" s="3">
        <f t="shared" si="4"/>
        <v>3</v>
      </c>
      <c r="C148" s="3">
        <f t="shared" si="5"/>
        <v>2014</v>
      </c>
      <c r="D148" t="s">
        <v>251</v>
      </c>
      <c r="E148" t="s">
        <v>9</v>
      </c>
      <c r="F148" t="s">
        <v>10</v>
      </c>
      <c r="G148" t="s">
        <v>91</v>
      </c>
      <c r="H148" t="s">
        <v>252</v>
      </c>
      <c r="I148">
        <v>176.77</v>
      </c>
      <c r="J148">
        <v>3</v>
      </c>
      <c r="K148">
        <v>-459.61</v>
      </c>
    </row>
    <row r="149" spans="1:11" x14ac:dyDescent="0.3">
      <c r="A149" s="1">
        <v>41701</v>
      </c>
      <c r="B149" s="3">
        <f t="shared" si="4"/>
        <v>3</v>
      </c>
      <c r="C149" s="3">
        <f t="shared" si="5"/>
        <v>2014</v>
      </c>
      <c r="D149" t="s">
        <v>253</v>
      </c>
      <c r="E149" t="s">
        <v>26</v>
      </c>
      <c r="F149" t="s">
        <v>33</v>
      </c>
      <c r="G149" t="s">
        <v>144</v>
      </c>
      <c r="H149" t="s">
        <v>254</v>
      </c>
      <c r="I149">
        <v>626.35</v>
      </c>
      <c r="J149">
        <v>3</v>
      </c>
      <c r="K149">
        <v>-23.49</v>
      </c>
    </row>
    <row r="150" spans="1:11" x14ac:dyDescent="0.3">
      <c r="A150" s="1">
        <v>41702</v>
      </c>
      <c r="B150" s="3">
        <f t="shared" si="4"/>
        <v>3</v>
      </c>
      <c r="C150" s="3">
        <f t="shared" si="5"/>
        <v>2014</v>
      </c>
      <c r="D150" t="s">
        <v>255</v>
      </c>
      <c r="E150" t="s">
        <v>69</v>
      </c>
      <c r="F150" t="s">
        <v>10</v>
      </c>
      <c r="G150" t="s">
        <v>17</v>
      </c>
      <c r="H150" t="s">
        <v>256</v>
      </c>
      <c r="I150">
        <v>354.9</v>
      </c>
      <c r="J150">
        <v>5</v>
      </c>
      <c r="K150">
        <v>17.75</v>
      </c>
    </row>
    <row r="151" spans="1:11" x14ac:dyDescent="0.3">
      <c r="A151" s="1">
        <v>41702</v>
      </c>
      <c r="B151" s="3">
        <f t="shared" si="4"/>
        <v>3</v>
      </c>
      <c r="C151" s="3">
        <f t="shared" si="5"/>
        <v>2014</v>
      </c>
      <c r="D151" t="s">
        <v>192</v>
      </c>
      <c r="E151" t="s">
        <v>122</v>
      </c>
      <c r="F151" t="s">
        <v>10</v>
      </c>
      <c r="G151" t="s">
        <v>23</v>
      </c>
      <c r="H151" t="s">
        <v>257</v>
      </c>
      <c r="I151">
        <v>15.55</v>
      </c>
      <c r="J151">
        <v>3</v>
      </c>
      <c r="K151">
        <v>2.33</v>
      </c>
    </row>
    <row r="152" spans="1:11" x14ac:dyDescent="0.3">
      <c r="A152" s="1">
        <v>41703</v>
      </c>
      <c r="B152" s="3">
        <f t="shared" si="4"/>
        <v>3</v>
      </c>
      <c r="C152" s="3">
        <f t="shared" si="5"/>
        <v>2014</v>
      </c>
      <c r="D152" t="s">
        <v>258</v>
      </c>
      <c r="E152" t="s">
        <v>148</v>
      </c>
      <c r="F152" t="s">
        <v>10</v>
      </c>
      <c r="G152" t="s">
        <v>23</v>
      </c>
      <c r="H152" t="s">
        <v>259</v>
      </c>
      <c r="I152">
        <v>59.52</v>
      </c>
      <c r="J152">
        <v>3</v>
      </c>
      <c r="K152">
        <v>15.48</v>
      </c>
    </row>
    <row r="153" spans="1:11" x14ac:dyDescent="0.3">
      <c r="A153" s="1">
        <v>41703</v>
      </c>
      <c r="B153" s="3">
        <f t="shared" si="4"/>
        <v>3</v>
      </c>
      <c r="C153" s="3">
        <f t="shared" si="5"/>
        <v>2014</v>
      </c>
      <c r="D153" t="s">
        <v>258</v>
      </c>
      <c r="E153" t="s">
        <v>148</v>
      </c>
      <c r="F153" t="s">
        <v>38</v>
      </c>
      <c r="G153" t="s">
        <v>51</v>
      </c>
      <c r="H153" t="s">
        <v>260</v>
      </c>
      <c r="I153">
        <v>479.97</v>
      </c>
      <c r="J153">
        <v>3</v>
      </c>
      <c r="K153">
        <v>177.59</v>
      </c>
    </row>
    <row r="154" spans="1:11" x14ac:dyDescent="0.3">
      <c r="A154" s="1">
        <v>41703</v>
      </c>
      <c r="B154" s="3">
        <f t="shared" si="4"/>
        <v>3</v>
      </c>
      <c r="C154" s="3">
        <f t="shared" si="5"/>
        <v>2014</v>
      </c>
      <c r="D154" t="s">
        <v>258</v>
      </c>
      <c r="E154" t="s">
        <v>148</v>
      </c>
      <c r="F154" t="s">
        <v>10</v>
      </c>
      <c r="G154" t="s">
        <v>199</v>
      </c>
      <c r="H154" t="s">
        <v>261</v>
      </c>
      <c r="I154">
        <v>18.62</v>
      </c>
      <c r="J154">
        <v>2</v>
      </c>
      <c r="K154">
        <v>5.4</v>
      </c>
    </row>
    <row r="155" spans="1:11" x14ac:dyDescent="0.3">
      <c r="A155" s="1">
        <v>41703</v>
      </c>
      <c r="B155" s="3">
        <f t="shared" si="4"/>
        <v>3</v>
      </c>
      <c r="C155" s="3">
        <f t="shared" si="5"/>
        <v>2014</v>
      </c>
      <c r="D155" t="s">
        <v>258</v>
      </c>
      <c r="E155" t="s">
        <v>148</v>
      </c>
      <c r="F155" t="s">
        <v>10</v>
      </c>
      <c r="G155" t="s">
        <v>19</v>
      </c>
      <c r="H155" t="s">
        <v>262</v>
      </c>
      <c r="I155">
        <v>49.63</v>
      </c>
      <c r="J155">
        <v>6</v>
      </c>
      <c r="K155">
        <v>16.75</v>
      </c>
    </row>
    <row r="156" spans="1:11" x14ac:dyDescent="0.3">
      <c r="A156" s="1">
        <v>41703</v>
      </c>
      <c r="B156" s="3">
        <f t="shared" si="4"/>
        <v>3</v>
      </c>
      <c r="C156" s="3">
        <f t="shared" si="5"/>
        <v>2014</v>
      </c>
      <c r="D156" t="s">
        <v>258</v>
      </c>
      <c r="E156" t="s">
        <v>148</v>
      </c>
      <c r="F156" t="s">
        <v>10</v>
      </c>
      <c r="G156" t="s">
        <v>11</v>
      </c>
      <c r="H156" t="s">
        <v>263</v>
      </c>
      <c r="I156">
        <v>97.82</v>
      </c>
      <c r="J156">
        <v>2</v>
      </c>
      <c r="K156">
        <v>45.98</v>
      </c>
    </row>
    <row r="157" spans="1:11" x14ac:dyDescent="0.3">
      <c r="A157" s="1">
        <v>41705</v>
      </c>
      <c r="B157" s="3">
        <f t="shared" si="4"/>
        <v>3</v>
      </c>
      <c r="C157" s="3">
        <f t="shared" si="5"/>
        <v>2014</v>
      </c>
      <c r="D157" t="s">
        <v>209</v>
      </c>
      <c r="E157" t="s">
        <v>163</v>
      </c>
      <c r="F157" t="s">
        <v>33</v>
      </c>
      <c r="G157" t="s">
        <v>34</v>
      </c>
      <c r="H157" t="s">
        <v>264</v>
      </c>
      <c r="I157">
        <v>48.71</v>
      </c>
      <c r="J157">
        <v>1</v>
      </c>
      <c r="K157">
        <v>5.48</v>
      </c>
    </row>
    <row r="158" spans="1:11" x14ac:dyDescent="0.3">
      <c r="A158" s="1">
        <v>41705</v>
      </c>
      <c r="B158" s="3">
        <f t="shared" si="4"/>
        <v>3</v>
      </c>
      <c r="C158" s="3">
        <f t="shared" si="5"/>
        <v>2014</v>
      </c>
      <c r="D158" t="s">
        <v>209</v>
      </c>
      <c r="E158" t="s">
        <v>163</v>
      </c>
      <c r="F158" t="s">
        <v>10</v>
      </c>
      <c r="G158" t="s">
        <v>23</v>
      </c>
      <c r="H158" t="s">
        <v>265</v>
      </c>
      <c r="I158">
        <v>17.940000000000001</v>
      </c>
      <c r="J158">
        <v>3</v>
      </c>
      <c r="K158">
        <v>4.66</v>
      </c>
    </row>
    <row r="159" spans="1:11" x14ac:dyDescent="0.3">
      <c r="A159" s="1">
        <v>41705</v>
      </c>
      <c r="B159" s="3">
        <f t="shared" si="4"/>
        <v>3</v>
      </c>
      <c r="C159" s="3">
        <f t="shared" si="5"/>
        <v>2014</v>
      </c>
      <c r="D159" t="s">
        <v>209</v>
      </c>
      <c r="E159" t="s">
        <v>163</v>
      </c>
      <c r="F159" t="s">
        <v>10</v>
      </c>
      <c r="G159" t="s">
        <v>17</v>
      </c>
      <c r="H159" t="s">
        <v>266</v>
      </c>
      <c r="I159">
        <v>242.94</v>
      </c>
      <c r="J159">
        <v>3</v>
      </c>
      <c r="K159">
        <v>4.8600000000000003</v>
      </c>
    </row>
    <row r="160" spans="1:11" x14ac:dyDescent="0.3">
      <c r="A160" s="1">
        <v>41705</v>
      </c>
      <c r="B160" s="3">
        <f t="shared" si="4"/>
        <v>3</v>
      </c>
      <c r="C160" s="3">
        <f t="shared" si="5"/>
        <v>2014</v>
      </c>
      <c r="D160" t="s">
        <v>267</v>
      </c>
      <c r="E160" t="s">
        <v>163</v>
      </c>
      <c r="F160" t="s">
        <v>10</v>
      </c>
      <c r="G160" t="s">
        <v>19</v>
      </c>
      <c r="H160" t="s">
        <v>268</v>
      </c>
      <c r="I160">
        <v>107.65</v>
      </c>
      <c r="J160">
        <v>2</v>
      </c>
      <c r="K160">
        <v>33.64</v>
      </c>
    </row>
    <row r="161" spans="1:11" x14ac:dyDescent="0.3">
      <c r="A161" s="1">
        <v>41705</v>
      </c>
      <c r="B161" s="3">
        <f t="shared" si="4"/>
        <v>3</v>
      </c>
      <c r="C161" s="3">
        <f t="shared" si="5"/>
        <v>2014</v>
      </c>
      <c r="D161" t="s">
        <v>269</v>
      </c>
      <c r="E161" t="s">
        <v>163</v>
      </c>
      <c r="F161" t="s">
        <v>10</v>
      </c>
      <c r="G161" t="s">
        <v>23</v>
      </c>
      <c r="H161" t="s">
        <v>270</v>
      </c>
      <c r="I161">
        <v>20.65</v>
      </c>
      <c r="J161">
        <v>5</v>
      </c>
      <c r="K161">
        <v>9.5</v>
      </c>
    </row>
    <row r="162" spans="1:11" x14ac:dyDescent="0.3">
      <c r="A162" s="1">
        <v>41705</v>
      </c>
      <c r="B162" s="3">
        <f t="shared" si="4"/>
        <v>3</v>
      </c>
      <c r="C162" s="3">
        <f t="shared" si="5"/>
        <v>2014</v>
      </c>
      <c r="D162" t="s">
        <v>269</v>
      </c>
      <c r="E162" t="s">
        <v>163</v>
      </c>
      <c r="F162" t="s">
        <v>10</v>
      </c>
      <c r="G162" t="s">
        <v>17</v>
      </c>
      <c r="H162" t="s">
        <v>271</v>
      </c>
      <c r="I162">
        <v>204.9</v>
      </c>
      <c r="J162">
        <v>5</v>
      </c>
      <c r="K162">
        <v>0</v>
      </c>
    </row>
    <row r="163" spans="1:11" x14ac:dyDescent="0.3">
      <c r="A163" s="1">
        <v>41705</v>
      </c>
      <c r="B163" s="3">
        <f t="shared" si="4"/>
        <v>3</v>
      </c>
      <c r="C163" s="3">
        <f t="shared" si="5"/>
        <v>2014</v>
      </c>
      <c r="D163" t="s">
        <v>269</v>
      </c>
      <c r="E163" t="s">
        <v>163</v>
      </c>
      <c r="F163" t="s">
        <v>33</v>
      </c>
      <c r="G163" t="s">
        <v>34</v>
      </c>
      <c r="H163" t="s">
        <v>272</v>
      </c>
      <c r="I163">
        <v>436.7</v>
      </c>
      <c r="J163">
        <v>6</v>
      </c>
      <c r="K163">
        <v>21.84</v>
      </c>
    </row>
    <row r="164" spans="1:11" x14ac:dyDescent="0.3">
      <c r="A164" s="1">
        <v>41705</v>
      </c>
      <c r="B164" s="3">
        <f t="shared" si="4"/>
        <v>3</v>
      </c>
      <c r="C164" s="3">
        <f t="shared" si="5"/>
        <v>2014</v>
      </c>
      <c r="D164" t="s">
        <v>269</v>
      </c>
      <c r="E164" t="s">
        <v>163</v>
      </c>
      <c r="F164" t="s">
        <v>33</v>
      </c>
      <c r="G164" t="s">
        <v>34</v>
      </c>
      <c r="H164" t="s">
        <v>273</v>
      </c>
      <c r="I164">
        <v>481.57</v>
      </c>
      <c r="J164">
        <v>2</v>
      </c>
      <c r="K164">
        <v>54.18</v>
      </c>
    </row>
    <row r="165" spans="1:11" x14ac:dyDescent="0.3">
      <c r="A165" s="1">
        <v>41708</v>
      </c>
      <c r="B165" s="3">
        <f t="shared" si="4"/>
        <v>3</v>
      </c>
      <c r="C165" s="3">
        <f t="shared" si="5"/>
        <v>2014</v>
      </c>
      <c r="D165" t="s">
        <v>274</v>
      </c>
      <c r="E165" t="s">
        <v>109</v>
      </c>
      <c r="F165" t="s">
        <v>10</v>
      </c>
      <c r="G165" t="s">
        <v>11</v>
      </c>
      <c r="H165" t="s">
        <v>275</v>
      </c>
      <c r="I165">
        <v>22.38</v>
      </c>
      <c r="J165">
        <v>2</v>
      </c>
      <c r="K165">
        <v>10.74</v>
      </c>
    </row>
    <row r="166" spans="1:11" x14ac:dyDescent="0.3">
      <c r="A166" s="1">
        <v>41708</v>
      </c>
      <c r="B166" s="3">
        <f t="shared" si="4"/>
        <v>3</v>
      </c>
      <c r="C166" s="3">
        <f t="shared" si="5"/>
        <v>2014</v>
      </c>
      <c r="D166" t="s">
        <v>276</v>
      </c>
      <c r="E166" t="s">
        <v>277</v>
      </c>
      <c r="F166" t="s">
        <v>10</v>
      </c>
      <c r="G166" t="s">
        <v>17</v>
      </c>
      <c r="H166" t="s">
        <v>72</v>
      </c>
      <c r="I166">
        <v>636.41</v>
      </c>
      <c r="J166">
        <v>3</v>
      </c>
      <c r="K166">
        <v>-15.91</v>
      </c>
    </row>
    <row r="167" spans="1:11" x14ac:dyDescent="0.3">
      <c r="A167" s="1">
        <v>41708</v>
      </c>
      <c r="B167" s="3">
        <f t="shared" si="4"/>
        <v>3</v>
      </c>
      <c r="C167" s="3">
        <f t="shared" si="5"/>
        <v>2014</v>
      </c>
      <c r="D167" t="s">
        <v>276</v>
      </c>
      <c r="E167" t="s">
        <v>277</v>
      </c>
      <c r="F167" t="s">
        <v>10</v>
      </c>
      <c r="G167" t="s">
        <v>23</v>
      </c>
      <c r="H167" t="s">
        <v>278</v>
      </c>
      <c r="I167">
        <v>83.17</v>
      </c>
      <c r="J167">
        <v>4</v>
      </c>
      <c r="K167">
        <v>9.36</v>
      </c>
    </row>
    <row r="168" spans="1:11" x14ac:dyDescent="0.3">
      <c r="A168" s="1">
        <v>41709</v>
      </c>
      <c r="B168" s="3">
        <f t="shared" si="4"/>
        <v>3</v>
      </c>
      <c r="C168" s="3">
        <f t="shared" si="5"/>
        <v>2014</v>
      </c>
      <c r="D168" t="s">
        <v>279</v>
      </c>
      <c r="E168" t="s">
        <v>77</v>
      </c>
      <c r="F168" t="s">
        <v>33</v>
      </c>
      <c r="G168" t="s">
        <v>46</v>
      </c>
      <c r="H168" t="s">
        <v>280</v>
      </c>
      <c r="I168">
        <v>8.32</v>
      </c>
      <c r="J168">
        <v>5</v>
      </c>
      <c r="K168">
        <v>2.29</v>
      </c>
    </row>
    <row r="169" spans="1:11" x14ac:dyDescent="0.3">
      <c r="A169" s="1">
        <v>41709</v>
      </c>
      <c r="B169" s="3">
        <f t="shared" si="4"/>
        <v>3</v>
      </c>
      <c r="C169" s="3">
        <f t="shared" si="5"/>
        <v>2014</v>
      </c>
      <c r="D169" t="s">
        <v>279</v>
      </c>
      <c r="E169" t="s">
        <v>77</v>
      </c>
      <c r="F169" t="s">
        <v>10</v>
      </c>
      <c r="G169" t="s">
        <v>42</v>
      </c>
      <c r="H169" t="s">
        <v>281</v>
      </c>
      <c r="I169">
        <v>10.46</v>
      </c>
      <c r="J169">
        <v>6</v>
      </c>
      <c r="K169">
        <v>1.7</v>
      </c>
    </row>
    <row r="170" spans="1:11" x14ac:dyDescent="0.3">
      <c r="A170" s="1">
        <v>41709</v>
      </c>
      <c r="B170" s="3">
        <f t="shared" si="4"/>
        <v>3</v>
      </c>
      <c r="C170" s="3">
        <f t="shared" si="5"/>
        <v>2014</v>
      </c>
      <c r="D170" t="s">
        <v>282</v>
      </c>
      <c r="E170" t="s">
        <v>148</v>
      </c>
      <c r="F170" t="s">
        <v>10</v>
      </c>
      <c r="G170" t="s">
        <v>11</v>
      </c>
      <c r="H170" t="s">
        <v>283</v>
      </c>
      <c r="I170">
        <v>108.92</v>
      </c>
      <c r="J170">
        <v>14</v>
      </c>
      <c r="K170">
        <v>49.01</v>
      </c>
    </row>
    <row r="171" spans="1:11" x14ac:dyDescent="0.3">
      <c r="A171" s="1">
        <v>41709</v>
      </c>
      <c r="B171" s="3">
        <f t="shared" si="4"/>
        <v>3</v>
      </c>
      <c r="C171" s="3">
        <f t="shared" si="5"/>
        <v>2014</v>
      </c>
      <c r="D171" t="s">
        <v>284</v>
      </c>
      <c r="E171" t="s">
        <v>32</v>
      </c>
      <c r="F171" t="s">
        <v>10</v>
      </c>
      <c r="G171" t="s">
        <v>91</v>
      </c>
      <c r="H171" t="s">
        <v>285</v>
      </c>
      <c r="I171">
        <v>146.76</v>
      </c>
      <c r="J171">
        <v>3</v>
      </c>
      <c r="K171">
        <v>38.159999999999997</v>
      </c>
    </row>
    <row r="172" spans="1:11" x14ac:dyDescent="0.3">
      <c r="A172" s="1">
        <v>41709</v>
      </c>
      <c r="B172" s="3">
        <f t="shared" si="4"/>
        <v>3</v>
      </c>
      <c r="C172" s="3">
        <f t="shared" si="5"/>
        <v>2014</v>
      </c>
      <c r="D172" t="s">
        <v>284</v>
      </c>
      <c r="E172" t="s">
        <v>32</v>
      </c>
      <c r="F172" t="s">
        <v>38</v>
      </c>
      <c r="G172" t="s">
        <v>51</v>
      </c>
      <c r="H172" t="s">
        <v>177</v>
      </c>
      <c r="I172">
        <v>32.96</v>
      </c>
      <c r="J172">
        <v>2</v>
      </c>
      <c r="K172">
        <v>14.17</v>
      </c>
    </row>
    <row r="173" spans="1:11" x14ac:dyDescent="0.3">
      <c r="A173" s="1">
        <v>41709</v>
      </c>
      <c r="B173" s="3">
        <f t="shared" si="4"/>
        <v>3</v>
      </c>
      <c r="C173" s="3">
        <f t="shared" si="5"/>
        <v>2014</v>
      </c>
      <c r="D173" t="s">
        <v>284</v>
      </c>
      <c r="E173" t="s">
        <v>32</v>
      </c>
      <c r="F173" t="s">
        <v>38</v>
      </c>
      <c r="G173" t="s">
        <v>39</v>
      </c>
      <c r="H173" t="s">
        <v>286</v>
      </c>
      <c r="I173">
        <v>587.97</v>
      </c>
      <c r="J173">
        <v>3</v>
      </c>
      <c r="K173">
        <v>164.63</v>
      </c>
    </row>
    <row r="174" spans="1:11" x14ac:dyDescent="0.3">
      <c r="A174" s="1">
        <v>41709</v>
      </c>
      <c r="B174" s="3">
        <f t="shared" si="4"/>
        <v>3</v>
      </c>
      <c r="C174" s="3">
        <f t="shared" si="5"/>
        <v>2014</v>
      </c>
      <c r="D174" t="s">
        <v>284</v>
      </c>
      <c r="E174" t="s">
        <v>32</v>
      </c>
      <c r="F174" t="s">
        <v>10</v>
      </c>
      <c r="G174" t="s">
        <v>11</v>
      </c>
      <c r="H174" t="s">
        <v>287</v>
      </c>
      <c r="I174">
        <v>14.94</v>
      </c>
      <c r="J174">
        <v>3</v>
      </c>
      <c r="K174">
        <v>7.02</v>
      </c>
    </row>
    <row r="175" spans="1:11" x14ac:dyDescent="0.3">
      <c r="A175" s="1">
        <v>41709</v>
      </c>
      <c r="B175" s="3">
        <f t="shared" si="4"/>
        <v>3</v>
      </c>
      <c r="C175" s="3">
        <f t="shared" si="5"/>
        <v>2014</v>
      </c>
      <c r="D175" t="s">
        <v>288</v>
      </c>
      <c r="E175" t="s">
        <v>26</v>
      </c>
      <c r="F175" t="s">
        <v>10</v>
      </c>
      <c r="G175" t="s">
        <v>23</v>
      </c>
      <c r="H175" t="s">
        <v>289</v>
      </c>
      <c r="I175">
        <v>7.98</v>
      </c>
      <c r="J175">
        <v>3</v>
      </c>
      <c r="K175">
        <v>2.0699999999999998</v>
      </c>
    </row>
    <row r="176" spans="1:11" x14ac:dyDescent="0.3">
      <c r="A176" s="1">
        <v>41712</v>
      </c>
      <c r="B176" s="3">
        <f t="shared" si="4"/>
        <v>3</v>
      </c>
      <c r="C176" s="3">
        <f t="shared" si="5"/>
        <v>2014</v>
      </c>
      <c r="D176" t="s">
        <v>290</v>
      </c>
      <c r="E176" t="s">
        <v>26</v>
      </c>
      <c r="F176" t="s">
        <v>10</v>
      </c>
      <c r="G176" t="s">
        <v>11</v>
      </c>
      <c r="H176" t="s">
        <v>151</v>
      </c>
      <c r="I176">
        <v>10.56</v>
      </c>
      <c r="J176">
        <v>2</v>
      </c>
      <c r="K176">
        <v>4.75</v>
      </c>
    </row>
    <row r="177" spans="1:11" x14ac:dyDescent="0.3">
      <c r="A177" s="1">
        <v>41712</v>
      </c>
      <c r="B177" s="3">
        <f t="shared" si="4"/>
        <v>3</v>
      </c>
      <c r="C177" s="3">
        <f t="shared" si="5"/>
        <v>2014</v>
      </c>
      <c r="D177" t="s">
        <v>290</v>
      </c>
      <c r="E177" t="s">
        <v>26</v>
      </c>
      <c r="F177" t="s">
        <v>10</v>
      </c>
      <c r="G177" t="s">
        <v>23</v>
      </c>
      <c r="H177" t="s">
        <v>291</v>
      </c>
      <c r="I177">
        <v>3.38</v>
      </c>
      <c r="J177">
        <v>1</v>
      </c>
      <c r="K177">
        <v>1.25</v>
      </c>
    </row>
    <row r="178" spans="1:11" x14ac:dyDescent="0.3">
      <c r="A178" s="1">
        <v>41712</v>
      </c>
      <c r="B178" s="3">
        <f t="shared" si="4"/>
        <v>3</v>
      </c>
      <c r="C178" s="3">
        <f t="shared" si="5"/>
        <v>2014</v>
      </c>
      <c r="D178" t="s">
        <v>292</v>
      </c>
      <c r="E178" t="s">
        <v>54</v>
      </c>
      <c r="F178" t="s">
        <v>33</v>
      </c>
      <c r="G178" t="s">
        <v>34</v>
      </c>
      <c r="H178" t="s">
        <v>293</v>
      </c>
      <c r="I178">
        <v>1139.92</v>
      </c>
      <c r="J178">
        <v>4</v>
      </c>
      <c r="K178">
        <v>284.98</v>
      </c>
    </row>
    <row r="179" spans="1:11" x14ac:dyDescent="0.3">
      <c r="A179" s="1">
        <v>41712</v>
      </c>
      <c r="B179" s="3">
        <f t="shared" si="4"/>
        <v>3</v>
      </c>
      <c r="C179" s="3">
        <f t="shared" si="5"/>
        <v>2014</v>
      </c>
      <c r="D179" t="s">
        <v>294</v>
      </c>
      <c r="E179" t="s">
        <v>295</v>
      </c>
      <c r="F179" t="s">
        <v>10</v>
      </c>
      <c r="G179" t="s">
        <v>19</v>
      </c>
      <c r="H179" t="s">
        <v>262</v>
      </c>
      <c r="I179">
        <v>33.090000000000003</v>
      </c>
      <c r="J179">
        <v>4</v>
      </c>
      <c r="K179">
        <v>11.17</v>
      </c>
    </row>
    <row r="180" spans="1:11" x14ac:dyDescent="0.3">
      <c r="A180" s="1">
        <v>41712</v>
      </c>
      <c r="B180" s="3">
        <f t="shared" si="4"/>
        <v>3</v>
      </c>
      <c r="C180" s="3">
        <f t="shared" si="5"/>
        <v>2014</v>
      </c>
      <c r="D180" t="s">
        <v>294</v>
      </c>
      <c r="E180" t="s">
        <v>295</v>
      </c>
      <c r="F180" t="s">
        <v>10</v>
      </c>
      <c r="G180" t="s">
        <v>17</v>
      </c>
      <c r="H180" t="s">
        <v>296</v>
      </c>
      <c r="I180">
        <v>80.98</v>
      </c>
      <c r="J180">
        <v>1</v>
      </c>
      <c r="K180">
        <v>3.24</v>
      </c>
    </row>
    <row r="181" spans="1:11" x14ac:dyDescent="0.3">
      <c r="A181" s="1">
        <v>41712</v>
      </c>
      <c r="B181" s="3">
        <f t="shared" si="4"/>
        <v>3</v>
      </c>
      <c r="C181" s="3">
        <f t="shared" si="5"/>
        <v>2014</v>
      </c>
      <c r="D181" t="s">
        <v>294</v>
      </c>
      <c r="E181" t="s">
        <v>295</v>
      </c>
      <c r="F181" t="s">
        <v>38</v>
      </c>
      <c r="G181" t="s">
        <v>51</v>
      </c>
      <c r="H181" t="s">
        <v>297</v>
      </c>
      <c r="I181">
        <v>82.8</v>
      </c>
      <c r="J181">
        <v>12</v>
      </c>
      <c r="K181">
        <v>6.62</v>
      </c>
    </row>
    <row r="182" spans="1:11" x14ac:dyDescent="0.3">
      <c r="A182" s="1">
        <v>41712</v>
      </c>
      <c r="B182" s="3">
        <f t="shared" si="4"/>
        <v>3</v>
      </c>
      <c r="C182" s="3">
        <f t="shared" si="5"/>
        <v>2014</v>
      </c>
      <c r="D182" t="s">
        <v>294</v>
      </c>
      <c r="E182" t="s">
        <v>295</v>
      </c>
      <c r="F182" t="s">
        <v>10</v>
      </c>
      <c r="G182" t="s">
        <v>17</v>
      </c>
      <c r="H182" t="s">
        <v>298</v>
      </c>
      <c r="I182">
        <v>21.36</v>
      </c>
      <c r="J182">
        <v>2</v>
      </c>
      <c r="K182">
        <v>5.77</v>
      </c>
    </row>
    <row r="183" spans="1:11" x14ac:dyDescent="0.3">
      <c r="A183" s="1">
        <v>41712</v>
      </c>
      <c r="B183" s="3">
        <f t="shared" si="4"/>
        <v>3</v>
      </c>
      <c r="C183" s="3">
        <f t="shared" si="5"/>
        <v>2014</v>
      </c>
      <c r="D183" t="s">
        <v>294</v>
      </c>
      <c r="E183" t="s">
        <v>295</v>
      </c>
      <c r="F183" t="s">
        <v>10</v>
      </c>
      <c r="G183" t="s">
        <v>19</v>
      </c>
      <c r="H183" t="s">
        <v>299</v>
      </c>
      <c r="I183">
        <v>62.05</v>
      </c>
      <c r="J183">
        <v>2</v>
      </c>
      <c r="K183">
        <v>20.170000000000002</v>
      </c>
    </row>
    <row r="184" spans="1:11" x14ac:dyDescent="0.3">
      <c r="A184" s="1">
        <v>41712</v>
      </c>
      <c r="B184" s="3">
        <f t="shared" si="4"/>
        <v>3</v>
      </c>
      <c r="C184" s="3">
        <f t="shared" si="5"/>
        <v>2014</v>
      </c>
      <c r="D184" t="s">
        <v>300</v>
      </c>
      <c r="E184" t="s">
        <v>14</v>
      </c>
      <c r="F184" t="s">
        <v>38</v>
      </c>
      <c r="G184" t="s">
        <v>301</v>
      </c>
      <c r="H184" t="s">
        <v>302</v>
      </c>
      <c r="I184">
        <v>574.91</v>
      </c>
      <c r="J184">
        <v>2</v>
      </c>
      <c r="K184">
        <v>156.05000000000001</v>
      </c>
    </row>
    <row r="185" spans="1:11" x14ac:dyDescent="0.3">
      <c r="A185" s="1">
        <v>41712</v>
      </c>
      <c r="B185" s="3">
        <f t="shared" si="4"/>
        <v>3</v>
      </c>
      <c r="C185" s="3">
        <f t="shared" si="5"/>
        <v>2014</v>
      </c>
      <c r="D185" t="s">
        <v>300</v>
      </c>
      <c r="E185" t="s">
        <v>14</v>
      </c>
      <c r="F185" t="s">
        <v>10</v>
      </c>
      <c r="G185" t="s">
        <v>11</v>
      </c>
      <c r="H185" t="s">
        <v>303</v>
      </c>
      <c r="I185">
        <v>8.4499999999999993</v>
      </c>
      <c r="J185">
        <v>2</v>
      </c>
      <c r="K185">
        <v>2.64</v>
      </c>
    </row>
    <row r="186" spans="1:11" x14ac:dyDescent="0.3">
      <c r="A186" s="1">
        <v>41712</v>
      </c>
      <c r="B186" s="3">
        <f t="shared" si="4"/>
        <v>3</v>
      </c>
      <c r="C186" s="3">
        <f t="shared" si="5"/>
        <v>2014</v>
      </c>
      <c r="D186" t="s">
        <v>304</v>
      </c>
      <c r="E186" t="s">
        <v>122</v>
      </c>
      <c r="F186" t="s">
        <v>10</v>
      </c>
      <c r="G186" t="s">
        <v>11</v>
      </c>
      <c r="H186" t="s">
        <v>305</v>
      </c>
      <c r="I186">
        <v>91.06</v>
      </c>
      <c r="J186">
        <v>6</v>
      </c>
      <c r="K186">
        <v>31.87</v>
      </c>
    </row>
    <row r="187" spans="1:11" x14ac:dyDescent="0.3">
      <c r="A187" s="1">
        <v>41713</v>
      </c>
      <c r="B187" s="3">
        <f t="shared" si="4"/>
        <v>3</v>
      </c>
      <c r="C187" s="3">
        <f t="shared" si="5"/>
        <v>2014</v>
      </c>
      <c r="D187" t="s">
        <v>306</v>
      </c>
      <c r="E187" t="s">
        <v>122</v>
      </c>
      <c r="F187" t="s">
        <v>10</v>
      </c>
      <c r="G187" t="s">
        <v>17</v>
      </c>
      <c r="H187" t="s">
        <v>307</v>
      </c>
      <c r="I187">
        <v>142.78</v>
      </c>
      <c r="J187">
        <v>1</v>
      </c>
      <c r="K187">
        <v>17.850000000000001</v>
      </c>
    </row>
    <row r="188" spans="1:11" x14ac:dyDescent="0.3">
      <c r="A188" s="1">
        <v>41713</v>
      </c>
      <c r="B188" s="3">
        <f t="shared" si="4"/>
        <v>3</v>
      </c>
      <c r="C188" s="3">
        <f t="shared" si="5"/>
        <v>2014</v>
      </c>
      <c r="D188" t="s">
        <v>306</v>
      </c>
      <c r="E188" t="s">
        <v>122</v>
      </c>
      <c r="F188" t="s">
        <v>33</v>
      </c>
      <c r="G188" t="s">
        <v>46</v>
      </c>
      <c r="H188" t="s">
        <v>308</v>
      </c>
      <c r="I188">
        <v>45.7</v>
      </c>
      <c r="J188">
        <v>3</v>
      </c>
      <c r="K188">
        <v>5.14</v>
      </c>
    </row>
    <row r="189" spans="1:11" x14ac:dyDescent="0.3">
      <c r="A189" s="1">
        <v>41713</v>
      </c>
      <c r="B189" s="3">
        <f t="shared" si="4"/>
        <v>3</v>
      </c>
      <c r="C189" s="3">
        <f t="shared" si="5"/>
        <v>2014</v>
      </c>
      <c r="D189" t="s">
        <v>306</v>
      </c>
      <c r="E189" t="s">
        <v>122</v>
      </c>
      <c r="F189" t="s">
        <v>10</v>
      </c>
      <c r="G189" t="s">
        <v>19</v>
      </c>
      <c r="H189" t="s">
        <v>309</v>
      </c>
      <c r="I189">
        <v>7.22</v>
      </c>
      <c r="J189">
        <v>3</v>
      </c>
      <c r="K189">
        <v>-5.53</v>
      </c>
    </row>
    <row r="190" spans="1:11" x14ac:dyDescent="0.3">
      <c r="A190" s="1">
        <v>41713</v>
      </c>
      <c r="B190" s="3">
        <f t="shared" si="4"/>
        <v>3</v>
      </c>
      <c r="C190" s="3">
        <f t="shared" si="5"/>
        <v>2014</v>
      </c>
      <c r="D190" t="s">
        <v>306</v>
      </c>
      <c r="E190" t="s">
        <v>122</v>
      </c>
      <c r="F190" t="s">
        <v>10</v>
      </c>
      <c r="G190" t="s">
        <v>19</v>
      </c>
      <c r="H190" t="s">
        <v>310</v>
      </c>
      <c r="I190">
        <v>43.19</v>
      </c>
      <c r="J190">
        <v>4</v>
      </c>
      <c r="K190">
        <v>-31.67</v>
      </c>
    </row>
    <row r="191" spans="1:11" x14ac:dyDescent="0.3">
      <c r="A191" s="1">
        <v>41713</v>
      </c>
      <c r="B191" s="3">
        <f t="shared" si="4"/>
        <v>3</v>
      </c>
      <c r="C191" s="3">
        <f t="shared" si="5"/>
        <v>2014</v>
      </c>
      <c r="D191" t="s">
        <v>306</v>
      </c>
      <c r="E191" t="s">
        <v>122</v>
      </c>
      <c r="F191" t="s">
        <v>10</v>
      </c>
      <c r="G191" t="s">
        <v>11</v>
      </c>
      <c r="H191" t="s">
        <v>311</v>
      </c>
      <c r="I191">
        <v>131.9</v>
      </c>
      <c r="J191">
        <v>3</v>
      </c>
      <c r="K191">
        <v>47.82</v>
      </c>
    </row>
    <row r="192" spans="1:11" x14ac:dyDescent="0.3">
      <c r="A192" s="1">
        <v>41714</v>
      </c>
      <c r="B192" s="3">
        <f t="shared" si="4"/>
        <v>3</v>
      </c>
      <c r="C192" s="3">
        <f t="shared" si="5"/>
        <v>2014</v>
      </c>
      <c r="D192" t="s">
        <v>238</v>
      </c>
      <c r="E192" t="s">
        <v>244</v>
      </c>
      <c r="F192" t="s">
        <v>38</v>
      </c>
      <c r="G192" t="s">
        <v>39</v>
      </c>
      <c r="H192" t="s">
        <v>312</v>
      </c>
      <c r="I192">
        <v>471.92</v>
      </c>
      <c r="J192">
        <v>2</v>
      </c>
      <c r="K192">
        <v>29.5</v>
      </c>
    </row>
    <row r="193" spans="1:11" x14ac:dyDescent="0.3">
      <c r="A193" s="1">
        <v>41715</v>
      </c>
      <c r="B193" s="3">
        <f t="shared" si="4"/>
        <v>3</v>
      </c>
      <c r="C193" s="3">
        <f t="shared" si="5"/>
        <v>2014</v>
      </c>
      <c r="D193" t="s">
        <v>313</v>
      </c>
      <c r="E193" t="s">
        <v>314</v>
      </c>
      <c r="F193" t="s">
        <v>10</v>
      </c>
      <c r="G193" t="s">
        <v>91</v>
      </c>
      <c r="H193" t="s">
        <v>315</v>
      </c>
      <c r="I193">
        <v>93.78</v>
      </c>
      <c r="J193">
        <v>2</v>
      </c>
      <c r="K193">
        <v>36.57</v>
      </c>
    </row>
    <row r="194" spans="1:11" x14ac:dyDescent="0.3">
      <c r="A194" s="1">
        <v>41715</v>
      </c>
      <c r="B194" s="3">
        <f t="shared" ref="B194:B257" si="6">MONTH(A:A)</f>
        <v>3</v>
      </c>
      <c r="C194" s="3">
        <f t="shared" ref="C194:C257" si="7">YEAR(A:A)</f>
        <v>2014</v>
      </c>
      <c r="D194" t="s">
        <v>313</v>
      </c>
      <c r="E194" t="s">
        <v>314</v>
      </c>
      <c r="F194" t="s">
        <v>10</v>
      </c>
      <c r="G194" t="s">
        <v>11</v>
      </c>
      <c r="H194" t="s">
        <v>195</v>
      </c>
      <c r="I194">
        <v>47.18</v>
      </c>
      <c r="J194">
        <v>7</v>
      </c>
      <c r="K194">
        <v>23.59</v>
      </c>
    </row>
    <row r="195" spans="1:11" x14ac:dyDescent="0.3">
      <c r="A195" s="1">
        <v>41715</v>
      </c>
      <c r="B195" s="3">
        <f t="shared" si="6"/>
        <v>3</v>
      </c>
      <c r="C195" s="3">
        <f t="shared" si="7"/>
        <v>2014</v>
      </c>
      <c r="D195" t="s">
        <v>313</v>
      </c>
      <c r="E195" t="s">
        <v>314</v>
      </c>
      <c r="F195" t="s">
        <v>10</v>
      </c>
      <c r="G195" t="s">
        <v>23</v>
      </c>
      <c r="H195" t="s">
        <v>316</v>
      </c>
      <c r="I195">
        <v>19.68</v>
      </c>
      <c r="J195">
        <v>6</v>
      </c>
      <c r="K195">
        <v>5.71</v>
      </c>
    </row>
    <row r="196" spans="1:11" x14ac:dyDescent="0.3">
      <c r="A196" s="1">
        <v>41715</v>
      </c>
      <c r="B196" s="3">
        <f t="shared" si="6"/>
        <v>3</v>
      </c>
      <c r="C196" s="3">
        <f t="shared" si="7"/>
        <v>2014</v>
      </c>
      <c r="D196" t="s">
        <v>313</v>
      </c>
      <c r="E196" t="s">
        <v>314</v>
      </c>
      <c r="F196" t="s">
        <v>10</v>
      </c>
      <c r="G196" t="s">
        <v>19</v>
      </c>
      <c r="H196" t="s">
        <v>140</v>
      </c>
      <c r="I196">
        <v>53.4</v>
      </c>
      <c r="J196">
        <v>10</v>
      </c>
      <c r="K196">
        <v>25.1</v>
      </c>
    </row>
    <row r="197" spans="1:11" x14ac:dyDescent="0.3">
      <c r="A197" s="1">
        <v>41715</v>
      </c>
      <c r="B197" s="3">
        <f t="shared" si="6"/>
        <v>3</v>
      </c>
      <c r="C197" s="3">
        <f t="shared" si="7"/>
        <v>2014</v>
      </c>
      <c r="D197" t="s">
        <v>313</v>
      </c>
      <c r="E197" t="s">
        <v>314</v>
      </c>
      <c r="F197" t="s">
        <v>10</v>
      </c>
      <c r="G197" t="s">
        <v>19</v>
      </c>
      <c r="H197" t="s">
        <v>317</v>
      </c>
      <c r="I197">
        <v>35.880000000000003</v>
      </c>
      <c r="J197">
        <v>6</v>
      </c>
      <c r="K197">
        <v>17.22</v>
      </c>
    </row>
    <row r="198" spans="1:11" x14ac:dyDescent="0.3">
      <c r="A198" s="1">
        <v>41715</v>
      </c>
      <c r="B198" s="3">
        <f t="shared" si="6"/>
        <v>3</v>
      </c>
      <c r="C198" s="3">
        <f t="shared" si="7"/>
        <v>2014</v>
      </c>
      <c r="D198" t="s">
        <v>318</v>
      </c>
      <c r="E198" t="s">
        <v>148</v>
      </c>
      <c r="F198" t="s">
        <v>33</v>
      </c>
      <c r="G198" t="s">
        <v>144</v>
      </c>
      <c r="H198" t="s">
        <v>319</v>
      </c>
      <c r="I198">
        <v>1579.75</v>
      </c>
      <c r="J198">
        <v>7</v>
      </c>
      <c r="K198">
        <v>-447.59</v>
      </c>
    </row>
    <row r="199" spans="1:11" x14ac:dyDescent="0.3">
      <c r="A199" s="1">
        <v>41715</v>
      </c>
      <c r="B199" s="3">
        <f t="shared" si="6"/>
        <v>3</v>
      </c>
      <c r="C199" s="3">
        <f t="shared" si="7"/>
        <v>2014</v>
      </c>
      <c r="D199" t="s">
        <v>318</v>
      </c>
      <c r="E199" t="s">
        <v>148</v>
      </c>
      <c r="F199" t="s">
        <v>33</v>
      </c>
      <c r="G199" t="s">
        <v>144</v>
      </c>
      <c r="H199" t="s">
        <v>320</v>
      </c>
      <c r="I199">
        <v>1071.58</v>
      </c>
      <c r="J199">
        <v>4</v>
      </c>
      <c r="K199">
        <v>-553.65</v>
      </c>
    </row>
    <row r="200" spans="1:11" x14ac:dyDescent="0.3">
      <c r="A200" s="1">
        <v>41715</v>
      </c>
      <c r="B200" s="3">
        <f t="shared" si="6"/>
        <v>3</v>
      </c>
      <c r="C200" s="3">
        <f t="shared" si="7"/>
        <v>2014</v>
      </c>
      <c r="D200" t="s">
        <v>318</v>
      </c>
      <c r="E200" t="s">
        <v>148</v>
      </c>
      <c r="F200" t="s">
        <v>33</v>
      </c>
      <c r="G200" t="s">
        <v>144</v>
      </c>
      <c r="H200" t="s">
        <v>321</v>
      </c>
      <c r="I200">
        <v>613.91</v>
      </c>
      <c r="J200">
        <v>3</v>
      </c>
      <c r="K200">
        <v>-122.78</v>
      </c>
    </row>
    <row r="201" spans="1:11" x14ac:dyDescent="0.3">
      <c r="A201" s="1">
        <v>41715</v>
      </c>
      <c r="B201" s="3">
        <f t="shared" si="6"/>
        <v>3</v>
      </c>
      <c r="C201" s="3">
        <f t="shared" si="7"/>
        <v>2014</v>
      </c>
      <c r="D201" t="s">
        <v>318</v>
      </c>
      <c r="E201" t="s">
        <v>148</v>
      </c>
      <c r="F201" t="s">
        <v>10</v>
      </c>
      <c r="G201" t="s">
        <v>11</v>
      </c>
      <c r="H201" t="s">
        <v>322</v>
      </c>
      <c r="I201">
        <v>34.86</v>
      </c>
      <c r="J201">
        <v>7</v>
      </c>
      <c r="K201">
        <v>16.38</v>
      </c>
    </row>
    <row r="202" spans="1:11" x14ac:dyDescent="0.3">
      <c r="A202" s="1">
        <v>41715</v>
      </c>
      <c r="B202" s="3">
        <f t="shared" si="6"/>
        <v>3</v>
      </c>
      <c r="C202" s="3">
        <f t="shared" si="7"/>
        <v>2014</v>
      </c>
      <c r="D202" t="s">
        <v>318</v>
      </c>
      <c r="E202" t="s">
        <v>148</v>
      </c>
      <c r="F202" t="s">
        <v>10</v>
      </c>
      <c r="G202" t="s">
        <v>11</v>
      </c>
      <c r="H202" t="s">
        <v>323</v>
      </c>
      <c r="I202">
        <v>155.04</v>
      </c>
      <c r="J202">
        <v>4</v>
      </c>
      <c r="K202">
        <v>75.97</v>
      </c>
    </row>
    <row r="203" spans="1:11" x14ac:dyDescent="0.3">
      <c r="A203" s="1">
        <v>41715</v>
      </c>
      <c r="B203" s="3">
        <f t="shared" si="6"/>
        <v>3</v>
      </c>
      <c r="C203" s="3">
        <f t="shared" si="7"/>
        <v>2014</v>
      </c>
      <c r="D203" t="s">
        <v>324</v>
      </c>
      <c r="E203" t="s">
        <v>9</v>
      </c>
      <c r="F203" t="s">
        <v>10</v>
      </c>
      <c r="G203" t="s">
        <v>23</v>
      </c>
      <c r="H203" t="s">
        <v>325</v>
      </c>
      <c r="I203">
        <v>4.45</v>
      </c>
      <c r="J203">
        <v>2</v>
      </c>
      <c r="K203">
        <v>0.33</v>
      </c>
    </row>
    <row r="204" spans="1:11" x14ac:dyDescent="0.3">
      <c r="A204" s="1">
        <v>41715</v>
      </c>
      <c r="B204" s="3">
        <f t="shared" si="6"/>
        <v>3</v>
      </c>
      <c r="C204" s="3">
        <f t="shared" si="7"/>
        <v>2014</v>
      </c>
      <c r="D204" t="s">
        <v>324</v>
      </c>
      <c r="E204" t="s">
        <v>9</v>
      </c>
      <c r="F204" t="s">
        <v>10</v>
      </c>
      <c r="G204" t="s">
        <v>11</v>
      </c>
      <c r="H204" t="s">
        <v>326</v>
      </c>
      <c r="I204">
        <v>5.18</v>
      </c>
      <c r="J204">
        <v>1</v>
      </c>
      <c r="K204">
        <v>1.88</v>
      </c>
    </row>
    <row r="205" spans="1:11" x14ac:dyDescent="0.3">
      <c r="A205" s="1">
        <v>41715</v>
      </c>
      <c r="B205" s="3">
        <f t="shared" si="6"/>
        <v>3</v>
      </c>
      <c r="C205" s="3">
        <f t="shared" si="7"/>
        <v>2014</v>
      </c>
      <c r="D205" t="s">
        <v>324</v>
      </c>
      <c r="E205" t="s">
        <v>9</v>
      </c>
      <c r="F205" t="s">
        <v>10</v>
      </c>
      <c r="G205" t="s">
        <v>11</v>
      </c>
      <c r="H205" t="s">
        <v>327</v>
      </c>
      <c r="I205">
        <v>15.55</v>
      </c>
      <c r="J205">
        <v>3</v>
      </c>
      <c r="K205">
        <v>5.44</v>
      </c>
    </row>
    <row r="206" spans="1:11" x14ac:dyDescent="0.3">
      <c r="A206" s="1">
        <v>41715</v>
      </c>
      <c r="B206" s="3">
        <f t="shared" si="6"/>
        <v>3</v>
      </c>
      <c r="C206" s="3">
        <f t="shared" si="7"/>
        <v>2014</v>
      </c>
      <c r="D206" t="s">
        <v>169</v>
      </c>
      <c r="E206" t="s">
        <v>328</v>
      </c>
      <c r="F206" t="s">
        <v>10</v>
      </c>
      <c r="G206" t="s">
        <v>19</v>
      </c>
      <c r="H206" t="s">
        <v>112</v>
      </c>
      <c r="I206">
        <v>11.43</v>
      </c>
      <c r="J206">
        <v>3</v>
      </c>
      <c r="K206">
        <v>5.37</v>
      </c>
    </row>
    <row r="207" spans="1:11" x14ac:dyDescent="0.3">
      <c r="A207" s="1">
        <v>41715</v>
      </c>
      <c r="B207" s="3">
        <f t="shared" si="6"/>
        <v>3</v>
      </c>
      <c r="C207" s="3">
        <f t="shared" si="7"/>
        <v>2014</v>
      </c>
      <c r="D207" t="s">
        <v>169</v>
      </c>
      <c r="E207" t="s">
        <v>328</v>
      </c>
      <c r="F207" t="s">
        <v>10</v>
      </c>
      <c r="G207" t="s">
        <v>19</v>
      </c>
      <c r="H207" t="s">
        <v>329</v>
      </c>
      <c r="I207">
        <v>30.44</v>
      </c>
      <c r="J207">
        <v>2</v>
      </c>
      <c r="K207">
        <v>14.92</v>
      </c>
    </row>
    <row r="208" spans="1:11" x14ac:dyDescent="0.3">
      <c r="A208" s="1">
        <v>41715</v>
      </c>
      <c r="B208" s="3">
        <f t="shared" si="6"/>
        <v>3</v>
      </c>
      <c r="C208" s="3">
        <f t="shared" si="7"/>
        <v>2014</v>
      </c>
      <c r="D208" t="s">
        <v>169</v>
      </c>
      <c r="E208" t="s">
        <v>328</v>
      </c>
      <c r="F208" t="s">
        <v>10</v>
      </c>
      <c r="G208" t="s">
        <v>11</v>
      </c>
      <c r="H208" t="s">
        <v>330</v>
      </c>
      <c r="I208">
        <v>12.96</v>
      </c>
      <c r="J208">
        <v>2</v>
      </c>
      <c r="K208">
        <v>6.35</v>
      </c>
    </row>
    <row r="209" spans="1:11" x14ac:dyDescent="0.3">
      <c r="A209" s="1">
        <v>41715</v>
      </c>
      <c r="B209" s="3">
        <f t="shared" si="6"/>
        <v>3</v>
      </c>
      <c r="C209" s="3">
        <f t="shared" si="7"/>
        <v>2014</v>
      </c>
      <c r="D209" t="s">
        <v>169</v>
      </c>
      <c r="E209" t="s">
        <v>328</v>
      </c>
      <c r="F209" t="s">
        <v>10</v>
      </c>
      <c r="G209" t="s">
        <v>11</v>
      </c>
      <c r="H209" t="s">
        <v>331</v>
      </c>
      <c r="I209">
        <v>16</v>
      </c>
      <c r="J209">
        <v>4</v>
      </c>
      <c r="K209">
        <v>7.68</v>
      </c>
    </row>
    <row r="210" spans="1:11" x14ac:dyDescent="0.3">
      <c r="A210" s="1">
        <v>41715</v>
      </c>
      <c r="B210" s="3">
        <f t="shared" si="6"/>
        <v>3</v>
      </c>
      <c r="C210" s="3">
        <f t="shared" si="7"/>
        <v>2014</v>
      </c>
      <c r="D210" t="s">
        <v>169</v>
      </c>
      <c r="E210" t="s">
        <v>328</v>
      </c>
      <c r="F210" t="s">
        <v>10</v>
      </c>
      <c r="G210" t="s">
        <v>91</v>
      </c>
      <c r="H210" t="s">
        <v>332</v>
      </c>
      <c r="I210">
        <v>32.67</v>
      </c>
      <c r="J210">
        <v>3</v>
      </c>
      <c r="K210">
        <v>8.49</v>
      </c>
    </row>
    <row r="211" spans="1:11" x14ac:dyDescent="0.3">
      <c r="A211" s="1">
        <v>41715</v>
      </c>
      <c r="B211" s="3">
        <f t="shared" si="6"/>
        <v>3</v>
      </c>
      <c r="C211" s="3">
        <f t="shared" si="7"/>
        <v>2014</v>
      </c>
      <c r="D211" t="s">
        <v>333</v>
      </c>
      <c r="E211" t="s">
        <v>22</v>
      </c>
      <c r="F211" t="s">
        <v>10</v>
      </c>
      <c r="G211" t="s">
        <v>11</v>
      </c>
      <c r="H211" t="s">
        <v>334</v>
      </c>
      <c r="I211">
        <v>126.62</v>
      </c>
      <c r="J211">
        <v>6</v>
      </c>
      <c r="K211">
        <v>41.15</v>
      </c>
    </row>
    <row r="212" spans="1:11" x14ac:dyDescent="0.3">
      <c r="A212" s="1">
        <v>41716</v>
      </c>
      <c r="B212" s="3">
        <f t="shared" si="6"/>
        <v>3</v>
      </c>
      <c r="C212" s="3">
        <f t="shared" si="7"/>
        <v>2014</v>
      </c>
      <c r="D212" t="s">
        <v>335</v>
      </c>
      <c r="E212" t="s">
        <v>122</v>
      </c>
      <c r="F212" t="s">
        <v>38</v>
      </c>
      <c r="G212" t="s">
        <v>301</v>
      </c>
      <c r="H212" t="s">
        <v>302</v>
      </c>
      <c r="I212">
        <v>821.3</v>
      </c>
      <c r="J212">
        <v>4</v>
      </c>
      <c r="K212">
        <v>-16.43</v>
      </c>
    </row>
    <row r="213" spans="1:11" x14ac:dyDescent="0.3">
      <c r="A213" s="1">
        <v>41716</v>
      </c>
      <c r="B213" s="3">
        <f t="shared" si="6"/>
        <v>3</v>
      </c>
      <c r="C213" s="3">
        <f t="shared" si="7"/>
        <v>2014</v>
      </c>
      <c r="D213" t="s">
        <v>335</v>
      </c>
      <c r="E213" t="s">
        <v>122</v>
      </c>
      <c r="F213" t="s">
        <v>38</v>
      </c>
      <c r="G213" t="s">
        <v>301</v>
      </c>
      <c r="H213" t="s">
        <v>336</v>
      </c>
      <c r="I213">
        <v>22638.48</v>
      </c>
      <c r="J213">
        <v>6</v>
      </c>
      <c r="K213">
        <v>-1811.08</v>
      </c>
    </row>
    <row r="214" spans="1:11" x14ac:dyDescent="0.3">
      <c r="A214" s="1">
        <v>41716</v>
      </c>
      <c r="B214" s="3">
        <f t="shared" si="6"/>
        <v>3</v>
      </c>
      <c r="C214" s="3">
        <f t="shared" si="7"/>
        <v>2014</v>
      </c>
      <c r="D214" t="s">
        <v>335</v>
      </c>
      <c r="E214" t="s">
        <v>122</v>
      </c>
      <c r="F214" t="s">
        <v>10</v>
      </c>
      <c r="G214" t="s">
        <v>11</v>
      </c>
      <c r="H214" t="s">
        <v>126</v>
      </c>
      <c r="I214">
        <v>21.38</v>
      </c>
      <c r="J214">
        <v>4</v>
      </c>
      <c r="K214">
        <v>7.48</v>
      </c>
    </row>
    <row r="215" spans="1:11" x14ac:dyDescent="0.3">
      <c r="A215" s="1">
        <v>41716</v>
      </c>
      <c r="B215" s="3">
        <f t="shared" si="6"/>
        <v>3</v>
      </c>
      <c r="C215" s="3">
        <f t="shared" si="7"/>
        <v>2014</v>
      </c>
      <c r="D215" t="s">
        <v>335</v>
      </c>
      <c r="E215" t="s">
        <v>122</v>
      </c>
      <c r="F215" t="s">
        <v>10</v>
      </c>
      <c r="G215" t="s">
        <v>23</v>
      </c>
      <c r="H215" t="s">
        <v>337</v>
      </c>
      <c r="I215">
        <v>8.02</v>
      </c>
      <c r="J215">
        <v>3</v>
      </c>
      <c r="K215">
        <v>1</v>
      </c>
    </row>
    <row r="216" spans="1:11" x14ac:dyDescent="0.3">
      <c r="A216" s="1">
        <v>41716</v>
      </c>
      <c r="B216" s="3">
        <f t="shared" si="6"/>
        <v>3</v>
      </c>
      <c r="C216" s="3">
        <f t="shared" si="7"/>
        <v>2014</v>
      </c>
      <c r="D216" t="s">
        <v>335</v>
      </c>
      <c r="E216" t="s">
        <v>122</v>
      </c>
      <c r="F216" t="s">
        <v>33</v>
      </c>
      <c r="G216" t="s">
        <v>46</v>
      </c>
      <c r="H216" t="s">
        <v>338</v>
      </c>
      <c r="I216">
        <v>30.77</v>
      </c>
      <c r="J216">
        <v>2</v>
      </c>
      <c r="K216">
        <v>8.08</v>
      </c>
    </row>
    <row r="217" spans="1:11" x14ac:dyDescent="0.3">
      <c r="A217" s="1">
        <v>41716</v>
      </c>
      <c r="B217" s="3">
        <f t="shared" si="6"/>
        <v>3</v>
      </c>
      <c r="C217" s="3">
        <f t="shared" si="7"/>
        <v>2014</v>
      </c>
      <c r="D217" t="s">
        <v>335</v>
      </c>
      <c r="E217" t="s">
        <v>122</v>
      </c>
      <c r="F217" t="s">
        <v>10</v>
      </c>
      <c r="G217" t="s">
        <v>42</v>
      </c>
      <c r="H217" t="s">
        <v>159</v>
      </c>
      <c r="I217">
        <v>18.940000000000001</v>
      </c>
      <c r="J217">
        <v>3</v>
      </c>
      <c r="K217">
        <v>5.92</v>
      </c>
    </row>
    <row r="218" spans="1:11" x14ac:dyDescent="0.3">
      <c r="A218" s="1">
        <v>41716</v>
      </c>
      <c r="B218" s="3">
        <f t="shared" si="6"/>
        <v>3</v>
      </c>
      <c r="C218" s="3">
        <f t="shared" si="7"/>
        <v>2014</v>
      </c>
      <c r="D218" t="s">
        <v>335</v>
      </c>
      <c r="E218" t="s">
        <v>122</v>
      </c>
      <c r="F218" t="s">
        <v>33</v>
      </c>
      <c r="G218" t="s">
        <v>46</v>
      </c>
      <c r="H218" t="s">
        <v>339</v>
      </c>
      <c r="I218">
        <v>122.35</v>
      </c>
      <c r="J218">
        <v>3</v>
      </c>
      <c r="K218">
        <v>15.29</v>
      </c>
    </row>
    <row r="219" spans="1:11" x14ac:dyDescent="0.3">
      <c r="A219" s="1">
        <v>41716</v>
      </c>
      <c r="B219" s="3">
        <f t="shared" si="6"/>
        <v>3</v>
      </c>
      <c r="C219" s="3">
        <f t="shared" si="7"/>
        <v>2014</v>
      </c>
      <c r="D219" t="s">
        <v>340</v>
      </c>
      <c r="E219" t="s">
        <v>26</v>
      </c>
      <c r="F219" t="s">
        <v>33</v>
      </c>
      <c r="G219" t="s">
        <v>73</v>
      </c>
      <c r="H219" t="s">
        <v>341</v>
      </c>
      <c r="I219">
        <v>1198.33</v>
      </c>
      <c r="J219">
        <v>10</v>
      </c>
      <c r="K219">
        <v>70.489999999999995</v>
      </c>
    </row>
    <row r="220" spans="1:11" x14ac:dyDescent="0.3">
      <c r="A220" s="1">
        <v>41716</v>
      </c>
      <c r="B220" s="3">
        <f t="shared" si="6"/>
        <v>3</v>
      </c>
      <c r="C220" s="3">
        <f t="shared" si="7"/>
        <v>2014</v>
      </c>
      <c r="D220" t="s">
        <v>342</v>
      </c>
      <c r="E220" t="s">
        <v>26</v>
      </c>
      <c r="F220" t="s">
        <v>33</v>
      </c>
      <c r="G220" t="s">
        <v>46</v>
      </c>
      <c r="H220" t="s">
        <v>343</v>
      </c>
      <c r="I220">
        <v>111</v>
      </c>
      <c r="J220">
        <v>2</v>
      </c>
      <c r="K220">
        <v>14.43</v>
      </c>
    </row>
    <row r="221" spans="1:11" x14ac:dyDescent="0.3">
      <c r="A221" s="1">
        <v>41716</v>
      </c>
      <c r="B221" s="3">
        <f t="shared" si="6"/>
        <v>3</v>
      </c>
      <c r="C221" s="3">
        <f t="shared" si="7"/>
        <v>2014</v>
      </c>
      <c r="D221" t="s">
        <v>342</v>
      </c>
      <c r="E221" t="s">
        <v>26</v>
      </c>
      <c r="F221" t="s">
        <v>38</v>
      </c>
      <c r="G221" t="s">
        <v>301</v>
      </c>
      <c r="H221" t="s">
        <v>344</v>
      </c>
      <c r="I221">
        <v>1279.97</v>
      </c>
      <c r="J221">
        <v>4</v>
      </c>
      <c r="K221">
        <v>415.99</v>
      </c>
    </row>
    <row r="222" spans="1:11" x14ac:dyDescent="0.3">
      <c r="A222" s="1">
        <v>41716</v>
      </c>
      <c r="B222" s="3">
        <f t="shared" si="6"/>
        <v>3</v>
      </c>
      <c r="C222" s="3">
        <f t="shared" si="7"/>
        <v>2014</v>
      </c>
      <c r="D222" t="s">
        <v>342</v>
      </c>
      <c r="E222" t="s">
        <v>26</v>
      </c>
      <c r="F222" t="s">
        <v>10</v>
      </c>
      <c r="G222" t="s">
        <v>17</v>
      </c>
      <c r="H222" t="s">
        <v>72</v>
      </c>
      <c r="I222">
        <v>1856.19</v>
      </c>
      <c r="J222">
        <v>7</v>
      </c>
      <c r="K222">
        <v>334.11</v>
      </c>
    </row>
    <row r="223" spans="1:11" x14ac:dyDescent="0.3">
      <c r="A223" s="1">
        <v>41717</v>
      </c>
      <c r="B223" s="3">
        <f t="shared" si="6"/>
        <v>3</v>
      </c>
      <c r="C223" s="3">
        <f t="shared" si="7"/>
        <v>2014</v>
      </c>
      <c r="D223" t="s">
        <v>345</v>
      </c>
      <c r="E223" t="s">
        <v>122</v>
      </c>
      <c r="F223" t="s">
        <v>38</v>
      </c>
      <c r="G223" t="s">
        <v>39</v>
      </c>
      <c r="H223" t="s">
        <v>346</v>
      </c>
      <c r="I223">
        <v>323.98</v>
      </c>
      <c r="J223">
        <v>3</v>
      </c>
      <c r="K223">
        <v>28.35</v>
      </c>
    </row>
    <row r="224" spans="1:11" x14ac:dyDescent="0.3">
      <c r="A224" s="1">
        <v>41717</v>
      </c>
      <c r="B224" s="3">
        <f t="shared" si="6"/>
        <v>3</v>
      </c>
      <c r="C224" s="3">
        <f t="shared" si="7"/>
        <v>2014</v>
      </c>
      <c r="D224" t="s">
        <v>345</v>
      </c>
      <c r="E224" t="s">
        <v>122</v>
      </c>
      <c r="F224" t="s">
        <v>10</v>
      </c>
      <c r="G224" t="s">
        <v>15</v>
      </c>
      <c r="H224" t="s">
        <v>347</v>
      </c>
      <c r="I224">
        <v>11.81</v>
      </c>
      <c r="J224">
        <v>4</v>
      </c>
      <c r="K224">
        <v>3.99</v>
      </c>
    </row>
    <row r="225" spans="1:11" x14ac:dyDescent="0.3">
      <c r="A225" s="1">
        <v>41717</v>
      </c>
      <c r="B225" s="3">
        <f t="shared" si="6"/>
        <v>3</v>
      </c>
      <c r="C225" s="3">
        <f t="shared" si="7"/>
        <v>2014</v>
      </c>
      <c r="D225" t="s">
        <v>345</v>
      </c>
      <c r="E225" t="s">
        <v>122</v>
      </c>
      <c r="F225" t="s">
        <v>10</v>
      </c>
      <c r="G225" t="s">
        <v>17</v>
      </c>
      <c r="H225" t="s">
        <v>348</v>
      </c>
      <c r="I225">
        <v>26.16</v>
      </c>
      <c r="J225">
        <v>3</v>
      </c>
      <c r="K225">
        <v>1.96</v>
      </c>
    </row>
    <row r="226" spans="1:11" x14ac:dyDescent="0.3">
      <c r="A226" s="1">
        <v>41717</v>
      </c>
      <c r="B226" s="3">
        <f t="shared" si="6"/>
        <v>3</v>
      </c>
      <c r="C226" s="3">
        <f t="shared" si="7"/>
        <v>2014</v>
      </c>
      <c r="D226" t="s">
        <v>345</v>
      </c>
      <c r="E226" t="s">
        <v>122</v>
      </c>
      <c r="F226" t="s">
        <v>10</v>
      </c>
      <c r="G226" t="s">
        <v>19</v>
      </c>
      <c r="H226" t="s">
        <v>174</v>
      </c>
      <c r="I226">
        <v>33.57</v>
      </c>
      <c r="J226">
        <v>5</v>
      </c>
      <c r="K226">
        <v>-25.74</v>
      </c>
    </row>
    <row r="227" spans="1:11" x14ac:dyDescent="0.3">
      <c r="A227" s="1">
        <v>41717</v>
      </c>
      <c r="B227" s="3">
        <f t="shared" si="6"/>
        <v>3</v>
      </c>
      <c r="C227" s="3">
        <f t="shared" si="7"/>
        <v>2014</v>
      </c>
      <c r="D227" t="s">
        <v>345</v>
      </c>
      <c r="E227" t="s">
        <v>122</v>
      </c>
      <c r="F227" t="s">
        <v>33</v>
      </c>
      <c r="G227" t="s">
        <v>46</v>
      </c>
      <c r="H227" t="s">
        <v>280</v>
      </c>
      <c r="I227">
        <v>4.99</v>
      </c>
      <c r="J227">
        <v>3</v>
      </c>
      <c r="K227">
        <v>1.37</v>
      </c>
    </row>
    <row r="228" spans="1:11" x14ac:dyDescent="0.3">
      <c r="A228" s="1">
        <v>41717</v>
      </c>
      <c r="B228" s="3">
        <f t="shared" si="6"/>
        <v>3</v>
      </c>
      <c r="C228" s="3">
        <f t="shared" si="7"/>
        <v>2014</v>
      </c>
      <c r="D228" t="s">
        <v>345</v>
      </c>
      <c r="E228" t="s">
        <v>122</v>
      </c>
      <c r="F228" t="s">
        <v>33</v>
      </c>
      <c r="G228" t="s">
        <v>46</v>
      </c>
      <c r="H228" t="s">
        <v>349</v>
      </c>
      <c r="I228">
        <v>20.02</v>
      </c>
      <c r="J228">
        <v>3</v>
      </c>
      <c r="K228">
        <v>5.5</v>
      </c>
    </row>
    <row r="229" spans="1:11" x14ac:dyDescent="0.3">
      <c r="A229" s="1">
        <v>41717</v>
      </c>
      <c r="B229" s="3">
        <f t="shared" si="6"/>
        <v>3</v>
      </c>
      <c r="C229" s="3">
        <f t="shared" si="7"/>
        <v>2014</v>
      </c>
      <c r="D229" t="s">
        <v>345</v>
      </c>
      <c r="E229" t="s">
        <v>122</v>
      </c>
      <c r="F229" t="s">
        <v>38</v>
      </c>
      <c r="G229" t="s">
        <v>51</v>
      </c>
      <c r="H229" t="s">
        <v>350</v>
      </c>
      <c r="I229">
        <v>170.24</v>
      </c>
      <c r="J229">
        <v>2</v>
      </c>
      <c r="K229">
        <v>53.2</v>
      </c>
    </row>
    <row r="230" spans="1:11" x14ac:dyDescent="0.3">
      <c r="A230" s="1">
        <v>41719</v>
      </c>
      <c r="B230" s="3">
        <f t="shared" si="6"/>
        <v>3</v>
      </c>
      <c r="C230" s="3">
        <f t="shared" si="7"/>
        <v>2014</v>
      </c>
      <c r="D230" t="s">
        <v>351</v>
      </c>
      <c r="E230" t="s">
        <v>77</v>
      </c>
      <c r="F230" t="s">
        <v>10</v>
      </c>
      <c r="G230" t="s">
        <v>23</v>
      </c>
      <c r="H230" t="s">
        <v>352</v>
      </c>
      <c r="I230">
        <v>7.41</v>
      </c>
      <c r="J230">
        <v>2</v>
      </c>
      <c r="K230">
        <v>1.2</v>
      </c>
    </row>
    <row r="231" spans="1:11" x14ac:dyDescent="0.3">
      <c r="A231" s="1">
        <v>41719</v>
      </c>
      <c r="B231" s="3">
        <f t="shared" si="6"/>
        <v>3</v>
      </c>
      <c r="C231" s="3">
        <f t="shared" si="7"/>
        <v>2014</v>
      </c>
      <c r="D231" t="s">
        <v>351</v>
      </c>
      <c r="E231" t="s">
        <v>77</v>
      </c>
      <c r="F231" t="s">
        <v>10</v>
      </c>
      <c r="G231" t="s">
        <v>23</v>
      </c>
      <c r="H231" t="s">
        <v>353</v>
      </c>
      <c r="I231">
        <v>6.05</v>
      </c>
      <c r="J231">
        <v>3</v>
      </c>
      <c r="K231">
        <v>1.59</v>
      </c>
    </row>
    <row r="232" spans="1:11" x14ac:dyDescent="0.3">
      <c r="A232" s="1">
        <v>41719</v>
      </c>
      <c r="B232" s="3">
        <f t="shared" si="6"/>
        <v>3</v>
      </c>
      <c r="C232" s="3">
        <f t="shared" si="7"/>
        <v>2014</v>
      </c>
      <c r="D232" t="s">
        <v>354</v>
      </c>
      <c r="E232" t="s">
        <v>244</v>
      </c>
      <c r="F232" t="s">
        <v>10</v>
      </c>
      <c r="G232" t="s">
        <v>17</v>
      </c>
      <c r="H232" t="s">
        <v>355</v>
      </c>
      <c r="I232">
        <v>16.27</v>
      </c>
      <c r="J232">
        <v>1</v>
      </c>
      <c r="K232">
        <v>-3.86</v>
      </c>
    </row>
    <row r="233" spans="1:11" x14ac:dyDescent="0.3">
      <c r="A233" s="1">
        <v>41719</v>
      </c>
      <c r="B233" s="3">
        <f t="shared" si="6"/>
        <v>3</v>
      </c>
      <c r="C233" s="3">
        <f t="shared" si="7"/>
        <v>2014</v>
      </c>
      <c r="D233" t="s">
        <v>356</v>
      </c>
      <c r="E233" t="s">
        <v>54</v>
      </c>
      <c r="F233" t="s">
        <v>38</v>
      </c>
      <c r="G233" t="s">
        <v>39</v>
      </c>
      <c r="H233" t="s">
        <v>357</v>
      </c>
      <c r="I233">
        <v>3499.93</v>
      </c>
      <c r="J233">
        <v>7</v>
      </c>
      <c r="K233">
        <v>909.98</v>
      </c>
    </row>
    <row r="234" spans="1:11" x14ac:dyDescent="0.3">
      <c r="A234" s="1">
        <v>41719</v>
      </c>
      <c r="B234" s="3">
        <f t="shared" si="6"/>
        <v>3</v>
      </c>
      <c r="C234" s="3">
        <f t="shared" si="7"/>
        <v>2014</v>
      </c>
      <c r="D234" t="s">
        <v>356</v>
      </c>
      <c r="E234" t="s">
        <v>54</v>
      </c>
      <c r="F234" t="s">
        <v>10</v>
      </c>
      <c r="G234" t="s">
        <v>15</v>
      </c>
      <c r="H234" t="s">
        <v>358</v>
      </c>
      <c r="I234">
        <v>14.4</v>
      </c>
      <c r="J234">
        <v>5</v>
      </c>
      <c r="K234">
        <v>6.62</v>
      </c>
    </row>
    <row r="235" spans="1:11" x14ac:dyDescent="0.3">
      <c r="A235" s="1">
        <v>41719</v>
      </c>
      <c r="B235" s="3">
        <f t="shared" si="6"/>
        <v>3</v>
      </c>
      <c r="C235" s="3">
        <f t="shared" si="7"/>
        <v>2014</v>
      </c>
      <c r="D235" t="s">
        <v>356</v>
      </c>
      <c r="E235" t="s">
        <v>54</v>
      </c>
      <c r="F235" t="s">
        <v>10</v>
      </c>
      <c r="G235" t="s">
        <v>11</v>
      </c>
      <c r="H235" t="s">
        <v>359</v>
      </c>
      <c r="I235">
        <v>122.97</v>
      </c>
      <c r="J235">
        <v>3</v>
      </c>
      <c r="K235">
        <v>60.26</v>
      </c>
    </row>
    <row r="236" spans="1:11" x14ac:dyDescent="0.3">
      <c r="A236" s="1">
        <v>41719</v>
      </c>
      <c r="B236" s="3">
        <f t="shared" si="6"/>
        <v>3</v>
      </c>
      <c r="C236" s="3">
        <f t="shared" si="7"/>
        <v>2014</v>
      </c>
      <c r="D236" t="s">
        <v>356</v>
      </c>
      <c r="E236" t="s">
        <v>54</v>
      </c>
      <c r="F236" t="s">
        <v>10</v>
      </c>
      <c r="G236" t="s">
        <v>23</v>
      </c>
      <c r="H236" t="s">
        <v>360</v>
      </c>
      <c r="I236">
        <v>9.32</v>
      </c>
      <c r="J236">
        <v>4</v>
      </c>
      <c r="K236">
        <v>2.7</v>
      </c>
    </row>
    <row r="237" spans="1:11" x14ac:dyDescent="0.3">
      <c r="A237" s="1">
        <v>41719</v>
      </c>
      <c r="B237" s="3">
        <f t="shared" si="6"/>
        <v>3</v>
      </c>
      <c r="C237" s="3">
        <f t="shared" si="7"/>
        <v>2014</v>
      </c>
      <c r="D237" t="s">
        <v>356</v>
      </c>
      <c r="E237" t="s">
        <v>54</v>
      </c>
      <c r="F237" t="s">
        <v>10</v>
      </c>
      <c r="G237" t="s">
        <v>19</v>
      </c>
      <c r="H237" t="s">
        <v>361</v>
      </c>
      <c r="I237">
        <v>122.94</v>
      </c>
      <c r="J237">
        <v>3</v>
      </c>
      <c r="K237">
        <v>59.01</v>
      </c>
    </row>
    <row r="238" spans="1:11" x14ac:dyDescent="0.3">
      <c r="A238" s="1">
        <v>41719</v>
      </c>
      <c r="B238" s="3">
        <f t="shared" si="6"/>
        <v>3</v>
      </c>
      <c r="C238" s="3">
        <f t="shared" si="7"/>
        <v>2014</v>
      </c>
      <c r="D238" t="s">
        <v>362</v>
      </c>
      <c r="E238" t="s">
        <v>119</v>
      </c>
      <c r="F238" t="s">
        <v>10</v>
      </c>
      <c r="G238" t="s">
        <v>15</v>
      </c>
      <c r="H238" t="s">
        <v>363</v>
      </c>
      <c r="I238">
        <v>59.2</v>
      </c>
      <c r="J238">
        <v>5</v>
      </c>
      <c r="K238">
        <v>22.2</v>
      </c>
    </row>
    <row r="239" spans="1:11" x14ac:dyDescent="0.3">
      <c r="A239" s="1">
        <v>41719</v>
      </c>
      <c r="B239" s="3">
        <f t="shared" si="6"/>
        <v>3</v>
      </c>
      <c r="C239" s="3">
        <f t="shared" si="7"/>
        <v>2014</v>
      </c>
      <c r="D239" t="s">
        <v>362</v>
      </c>
      <c r="E239" t="s">
        <v>119</v>
      </c>
      <c r="F239" t="s">
        <v>33</v>
      </c>
      <c r="G239" t="s">
        <v>46</v>
      </c>
      <c r="H239" t="s">
        <v>364</v>
      </c>
      <c r="I239">
        <v>32.950000000000003</v>
      </c>
      <c r="J239">
        <v>3</v>
      </c>
      <c r="K239">
        <v>6.59</v>
      </c>
    </row>
    <row r="240" spans="1:11" x14ac:dyDescent="0.3">
      <c r="A240" s="1">
        <v>41719</v>
      </c>
      <c r="B240" s="3">
        <f t="shared" si="6"/>
        <v>3</v>
      </c>
      <c r="C240" s="3">
        <f t="shared" si="7"/>
        <v>2014</v>
      </c>
      <c r="D240" t="s">
        <v>362</v>
      </c>
      <c r="E240" t="s">
        <v>119</v>
      </c>
      <c r="F240" t="s">
        <v>33</v>
      </c>
      <c r="G240" t="s">
        <v>34</v>
      </c>
      <c r="H240" t="s">
        <v>70</v>
      </c>
      <c r="I240">
        <v>218.38</v>
      </c>
      <c r="J240">
        <v>3</v>
      </c>
      <c r="K240">
        <v>-10.92</v>
      </c>
    </row>
    <row r="241" spans="1:11" x14ac:dyDescent="0.3">
      <c r="A241" s="1">
        <v>41720</v>
      </c>
      <c r="B241" s="3">
        <f t="shared" si="6"/>
        <v>3</v>
      </c>
      <c r="C241" s="3">
        <f t="shared" si="7"/>
        <v>2014</v>
      </c>
      <c r="D241" t="s">
        <v>365</v>
      </c>
      <c r="E241" t="s">
        <v>244</v>
      </c>
      <c r="F241" t="s">
        <v>10</v>
      </c>
      <c r="G241" t="s">
        <v>19</v>
      </c>
      <c r="H241" t="s">
        <v>366</v>
      </c>
      <c r="I241">
        <v>7.64</v>
      </c>
      <c r="J241">
        <v>4</v>
      </c>
      <c r="K241">
        <v>-5.86</v>
      </c>
    </row>
    <row r="242" spans="1:11" x14ac:dyDescent="0.3">
      <c r="A242" s="1">
        <v>41720</v>
      </c>
      <c r="B242" s="3">
        <f t="shared" si="6"/>
        <v>3</v>
      </c>
      <c r="C242" s="3">
        <f t="shared" si="7"/>
        <v>2014</v>
      </c>
      <c r="D242" t="s">
        <v>365</v>
      </c>
      <c r="E242" t="s">
        <v>244</v>
      </c>
      <c r="F242" t="s">
        <v>10</v>
      </c>
      <c r="G242" t="s">
        <v>19</v>
      </c>
      <c r="H242" t="s">
        <v>367</v>
      </c>
      <c r="I242">
        <v>51.47</v>
      </c>
      <c r="J242">
        <v>5</v>
      </c>
      <c r="K242">
        <v>-39.46</v>
      </c>
    </row>
    <row r="243" spans="1:11" x14ac:dyDescent="0.3">
      <c r="A243" s="1">
        <v>41720</v>
      </c>
      <c r="B243" s="3">
        <f t="shared" si="6"/>
        <v>3</v>
      </c>
      <c r="C243" s="3">
        <f t="shared" si="7"/>
        <v>2014</v>
      </c>
      <c r="D243" t="s">
        <v>368</v>
      </c>
      <c r="E243" t="s">
        <v>94</v>
      </c>
      <c r="F243" t="s">
        <v>10</v>
      </c>
      <c r="G243" t="s">
        <v>11</v>
      </c>
      <c r="H243" t="s">
        <v>369</v>
      </c>
      <c r="I243">
        <v>74.349999999999994</v>
      </c>
      <c r="J243">
        <v>3</v>
      </c>
      <c r="K243">
        <v>23.24</v>
      </c>
    </row>
    <row r="244" spans="1:11" x14ac:dyDescent="0.3">
      <c r="A244" s="1">
        <v>41720</v>
      </c>
      <c r="B244" s="3">
        <f t="shared" si="6"/>
        <v>3</v>
      </c>
      <c r="C244" s="3">
        <f t="shared" si="7"/>
        <v>2014</v>
      </c>
      <c r="D244" t="s">
        <v>368</v>
      </c>
      <c r="E244" t="s">
        <v>94</v>
      </c>
      <c r="F244" t="s">
        <v>33</v>
      </c>
      <c r="G244" t="s">
        <v>34</v>
      </c>
      <c r="H244" t="s">
        <v>370</v>
      </c>
      <c r="I244">
        <v>314.35000000000002</v>
      </c>
      <c r="J244">
        <v>3</v>
      </c>
      <c r="K244">
        <v>-35.36</v>
      </c>
    </row>
    <row r="245" spans="1:11" x14ac:dyDescent="0.3">
      <c r="A245" s="1">
        <v>41720</v>
      </c>
      <c r="B245" s="3">
        <f t="shared" si="6"/>
        <v>3</v>
      </c>
      <c r="C245" s="3">
        <f t="shared" si="7"/>
        <v>2014</v>
      </c>
      <c r="D245" t="s">
        <v>371</v>
      </c>
      <c r="E245" t="s">
        <v>128</v>
      </c>
      <c r="F245" t="s">
        <v>10</v>
      </c>
      <c r="G245" t="s">
        <v>23</v>
      </c>
      <c r="H245" t="s">
        <v>24</v>
      </c>
      <c r="I245">
        <v>16.28</v>
      </c>
      <c r="J245">
        <v>2</v>
      </c>
      <c r="K245">
        <v>6.51</v>
      </c>
    </row>
    <row r="246" spans="1:11" x14ac:dyDescent="0.3">
      <c r="A246" s="1">
        <v>41721</v>
      </c>
      <c r="B246" s="3">
        <f t="shared" si="6"/>
        <v>3</v>
      </c>
      <c r="C246" s="3">
        <f t="shared" si="7"/>
        <v>2014</v>
      </c>
      <c r="D246" t="s">
        <v>372</v>
      </c>
      <c r="E246" t="s">
        <v>26</v>
      </c>
      <c r="F246" t="s">
        <v>10</v>
      </c>
      <c r="G246" t="s">
        <v>17</v>
      </c>
      <c r="H246" t="s">
        <v>373</v>
      </c>
      <c r="I246">
        <v>330.4</v>
      </c>
      <c r="J246">
        <v>2</v>
      </c>
      <c r="K246">
        <v>85.9</v>
      </c>
    </row>
    <row r="247" spans="1:11" x14ac:dyDescent="0.3">
      <c r="A247" s="1">
        <v>41721</v>
      </c>
      <c r="B247" s="3">
        <f t="shared" si="6"/>
        <v>3</v>
      </c>
      <c r="C247" s="3">
        <f t="shared" si="7"/>
        <v>2014</v>
      </c>
      <c r="D247" t="s">
        <v>372</v>
      </c>
      <c r="E247" t="s">
        <v>26</v>
      </c>
      <c r="F247" t="s">
        <v>38</v>
      </c>
      <c r="G247" t="s">
        <v>39</v>
      </c>
      <c r="H247" t="s">
        <v>374</v>
      </c>
      <c r="I247">
        <v>604.75</v>
      </c>
      <c r="J247">
        <v>6</v>
      </c>
      <c r="K247">
        <v>37.799999999999997</v>
      </c>
    </row>
    <row r="248" spans="1:11" x14ac:dyDescent="0.3">
      <c r="A248" s="1">
        <v>41721</v>
      </c>
      <c r="B248" s="3">
        <f t="shared" si="6"/>
        <v>3</v>
      </c>
      <c r="C248" s="3">
        <f t="shared" si="7"/>
        <v>2014</v>
      </c>
      <c r="D248" t="s">
        <v>375</v>
      </c>
      <c r="E248" t="s">
        <v>122</v>
      </c>
      <c r="F248" t="s">
        <v>10</v>
      </c>
      <c r="G248" t="s">
        <v>15</v>
      </c>
      <c r="H248" t="s">
        <v>376</v>
      </c>
      <c r="I248">
        <v>9.91</v>
      </c>
      <c r="J248">
        <v>3</v>
      </c>
      <c r="K248">
        <v>3.22</v>
      </c>
    </row>
    <row r="249" spans="1:11" x14ac:dyDescent="0.3">
      <c r="A249" s="1">
        <v>41722</v>
      </c>
      <c r="B249" s="3">
        <f t="shared" si="6"/>
        <v>3</v>
      </c>
      <c r="C249" s="3">
        <f t="shared" si="7"/>
        <v>2014</v>
      </c>
      <c r="D249" t="s">
        <v>377</v>
      </c>
      <c r="E249" t="s">
        <v>148</v>
      </c>
      <c r="F249" t="s">
        <v>10</v>
      </c>
      <c r="G249" t="s">
        <v>11</v>
      </c>
      <c r="H249" t="s">
        <v>378</v>
      </c>
      <c r="I249">
        <v>24.9</v>
      </c>
      <c r="J249">
        <v>5</v>
      </c>
      <c r="K249">
        <v>11.7</v>
      </c>
    </row>
    <row r="250" spans="1:11" x14ac:dyDescent="0.3">
      <c r="A250" s="1">
        <v>41722</v>
      </c>
      <c r="B250" s="3">
        <f t="shared" si="6"/>
        <v>3</v>
      </c>
      <c r="C250" s="3">
        <f t="shared" si="7"/>
        <v>2014</v>
      </c>
      <c r="D250" t="s">
        <v>379</v>
      </c>
      <c r="E250" t="s">
        <v>26</v>
      </c>
      <c r="F250" t="s">
        <v>33</v>
      </c>
      <c r="G250" t="s">
        <v>46</v>
      </c>
      <c r="H250" t="s">
        <v>380</v>
      </c>
      <c r="I250">
        <v>40.479999999999997</v>
      </c>
      <c r="J250">
        <v>2</v>
      </c>
      <c r="K250">
        <v>14.57</v>
      </c>
    </row>
    <row r="251" spans="1:11" x14ac:dyDescent="0.3">
      <c r="A251" s="1">
        <v>41723</v>
      </c>
      <c r="B251" s="3">
        <f t="shared" si="6"/>
        <v>3</v>
      </c>
      <c r="C251" s="3">
        <f t="shared" si="7"/>
        <v>2014</v>
      </c>
      <c r="D251" t="s">
        <v>324</v>
      </c>
      <c r="E251" t="s">
        <v>148</v>
      </c>
      <c r="F251" t="s">
        <v>33</v>
      </c>
      <c r="G251" t="s">
        <v>34</v>
      </c>
      <c r="H251" t="s">
        <v>381</v>
      </c>
      <c r="I251">
        <v>366.79</v>
      </c>
      <c r="J251">
        <v>7</v>
      </c>
      <c r="K251">
        <v>65.209999999999994</v>
      </c>
    </row>
    <row r="252" spans="1:11" x14ac:dyDescent="0.3">
      <c r="A252" s="1">
        <v>41723</v>
      </c>
      <c r="B252" s="3">
        <f t="shared" si="6"/>
        <v>3</v>
      </c>
      <c r="C252" s="3">
        <f t="shared" si="7"/>
        <v>2014</v>
      </c>
      <c r="D252" t="s">
        <v>382</v>
      </c>
      <c r="E252" t="s">
        <v>26</v>
      </c>
      <c r="F252" t="s">
        <v>10</v>
      </c>
      <c r="G252" t="s">
        <v>23</v>
      </c>
      <c r="H252" t="s">
        <v>316</v>
      </c>
      <c r="I252">
        <v>6.56</v>
      </c>
      <c r="J252">
        <v>2</v>
      </c>
      <c r="K252">
        <v>1.9</v>
      </c>
    </row>
    <row r="253" spans="1:11" x14ac:dyDescent="0.3">
      <c r="A253" s="1">
        <v>41723</v>
      </c>
      <c r="B253" s="3">
        <f t="shared" si="6"/>
        <v>3</v>
      </c>
      <c r="C253" s="3">
        <f t="shared" si="7"/>
        <v>2014</v>
      </c>
      <c r="D253" t="s">
        <v>382</v>
      </c>
      <c r="E253" t="s">
        <v>26</v>
      </c>
      <c r="F253" t="s">
        <v>10</v>
      </c>
      <c r="G253" t="s">
        <v>23</v>
      </c>
      <c r="H253" t="s">
        <v>383</v>
      </c>
      <c r="I253">
        <v>14.88</v>
      </c>
      <c r="J253">
        <v>2</v>
      </c>
      <c r="K253">
        <v>3.72</v>
      </c>
    </row>
    <row r="254" spans="1:11" x14ac:dyDescent="0.3">
      <c r="A254" s="1">
        <v>41723</v>
      </c>
      <c r="B254" s="3">
        <f t="shared" si="6"/>
        <v>3</v>
      </c>
      <c r="C254" s="3">
        <f t="shared" si="7"/>
        <v>2014</v>
      </c>
      <c r="D254" t="s">
        <v>382</v>
      </c>
      <c r="E254" t="s">
        <v>26</v>
      </c>
      <c r="F254" t="s">
        <v>38</v>
      </c>
      <c r="G254" t="s">
        <v>51</v>
      </c>
      <c r="H254" t="s">
        <v>384</v>
      </c>
      <c r="I254">
        <v>45.48</v>
      </c>
      <c r="J254">
        <v>4</v>
      </c>
      <c r="K254">
        <v>15.92</v>
      </c>
    </row>
    <row r="255" spans="1:11" x14ac:dyDescent="0.3">
      <c r="A255" s="1">
        <v>41723</v>
      </c>
      <c r="B255" s="3">
        <f t="shared" si="6"/>
        <v>3</v>
      </c>
      <c r="C255" s="3">
        <f t="shared" si="7"/>
        <v>2014</v>
      </c>
      <c r="D255" t="s">
        <v>382</v>
      </c>
      <c r="E255" t="s">
        <v>26</v>
      </c>
      <c r="F255" t="s">
        <v>10</v>
      </c>
      <c r="G255" t="s">
        <v>23</v>
      </c>
      <c r="H255" t="s">
        <v>385</v>
      </c>
      <c r="I255">
        <v>25.44</v>
      </c>
      <c r="J255">
        <v>6</v>
      </c>
      <c r="K255">
        <v>9.92</v>
      </c>
    </row>
    <row r="256" spans="1:11" x14ac:dyDescent="0.3">
      <c r="A256" s="1">
        <v>41724</v>
      </c>
      <c r="B256" s="3">
        <f t="shared" si="6"/>
        <v>3</v>
      </c>
      <c r="C256" s="3">
        <f t="shared" si="7"/>
        <v>2014</v>
      </c>
      <c r="D256" t="s">
        <v>386</v>
      </c>
      <c r="E256" t="s">
        <v>26</v>
      </c>
      <c r="F256" t="s">
        <v>38</v>
      </c>
      <c r="G256" t="s">
        <v>51</v>
      </c>
      <c r="H256" t="s">
        <v>387</v>
      </c>
      <c r="I256">
        <v>66.3</v>
      </c>
      <c r="J256">
        <v>3</v>
      </c>
      <c r="K256">
        <v>8.6199999999999992</v>
      </c>
    </row>
    <row r="257" spans="1:11" x14ac:dyDescent="0.3">
      <c r="A257" s="1">
        <v>41724</v>
      </c>
      <c r="B257" s="3">
        <f t="shared" si="6"/>
        <v>3</v>
      </c>
      <c r="C257" s="3">
        <f t="shared" si="7"/>
        <v>2014</v>
      </c>
      <c r="D257" t="s">
        <v>388</v>
      </c>
      <c r="E257" t="s">
        <v>26</v>
      </c>
      <c r="F257" t="s">
        <v>10</v>
      </c>
      <c r="G257" t="s">
        <v>23</v>
      </c>
      <c r="H257" t="s">
        <v>389</v>
      </c>
      <c r="I257">
        <v>3.36</v>
      </c>
      <c r="J257">
        <v>2</v>
      </c>
      <c r="K257">
        <v>0.84</v>
      </c>
    </row>
    <row r="258" spans="1:11" x14ac:dyDescent="0.3">
      <c r="A258" s="1">
        <v>41724</v>
      </c>
      <c r="B258" s="3">
        <f t="shared" ref="B258:B321" si="8">MONTH(A:A)</f>
        <v>3</v>
      </c>
      <c r="C258" s="3">
        <f t="shared" ref="C258:C321" si="9">YEAR(A:A)</f>
        <v>2014</v>
      </c>
      <c r="D258" t="s">
        <v>388</v>
      </c>
      <c r="E258" t="s">
        <v>26</v>
      </c>
      <c r="F258" t="s">
        <v>10</v>
      </c>
      <c r="G258" t="s">
        <v>19</v>
      </c>
      <c r="H258" t="s">
        <v>183</v>
      </c>
      <c r="I258">
        <v>27.94</v>
      </c>
      <c r="J258">
        <v>4</v>
      </c>
      <c r="K258">
        <v>9.43</v>
      </c>
    </row>
    <row r="259" spans="1:11" x14ac:dyDescent="0.3">
      <c r="A259" s="1">
        <v>41724</v>
      </c>
      <c r="B259" s="3">
        <f t="shared" si="8"/>
        <v>3</v>
      </c>
      <c r="C259" s="3">
        <f t="shared" si="9"/>
        <v>2014</v>
      </c>
      <c r="D259" t="s">
        <v>388</v>
      </c>
      <c r="E259" t="s">
        <v>26</v>
      </c>
      <c r="F259" t="s">
        <v>38</v>
      </c>
      <c r="G259" t="s">
        <v>39</v>
      </c>
      <c r="H259" t="s">
        <v>390</v>
      </c>
      <c r="I259">
        <v>28.78</v>
      </c>
      <c r="J259">
        <v>2</v>
      </c>
      <c r="K259">
        <v>2.88</v>
      </c>
    </row>
    <row r="260" spans="1:11" x14ac:dyDescent="0.3">
      <c r="A260" s="1">
        <v>41724</v>
      </c>
      <c r="B260" s="3">
        <f t="shared" si="8"/>
        <v>3</v>
      </c>
      <c r="C260" s="3">
        <f t="shared" si="9"/>
        <v>2014</v>
      </c>
      <c r="D260" t="s">
        <v>391</v>
      </c>
      <c r="E260" t="s">
        <v>26</v>
      </c>
      <c r="F260" t="s">
        <v>10</v>
      </c>
      <c r="G260" t="s">
        <v>15</v>
      </c>
      <c r="H260" t="s">
        <v>392</v>
      </c>
      <c r="I260">
        <v>18.75</v>
      </c>
      <c r="J260">
        <v>5</v>
      </c>
      <c r="K260">
        <v>9</v>
      </c>
    </row>
    <row r="261" spans="1:11" x14ac:dyDescent="0.3">
      <c r="A261" s="1">
        <v>41726</v>
      </c>
      <c r="B261" s="3">
        <f t="shared" si="8"/>
        <v>3</v>
      </c>
      <c r="C261" s="3">
        <f t="shared" si="9"/>
        <v>2014</v>
      </c>
      <c r="D261" t="s">
        <v>393</v>
      </c>
      <c r="E261" t="s">
        <v>394</v>
      </c>
      <c r="F261" t="s">
        <v>10</v>
      </c>
      <c r="G261" t="s">
        <v>62</v>
      </c>
      <c r="H261" t="s">
        <v>395</v>
      </c>
      <c r="I261">
        <v>6.12</v>
      </c>
      <c r="J261">
        <v>3</v>
      </c>
      <c r="K261">
        <v>2.88</v>
      </c>
    </row>
    <row r="262" spans="1:11" x14ac:dyDescent="0.3">
      <c r="A262" s="1">
        <v>41726</v>
      </c>
      <c r="B262" s="3">
        <f t="shared" si="8"/>
        <v>3</v>
      </c>
      <c r="C262" s="3">
        <f t="shared" si="9"/>
        <v>2014</v>
      </c>
      <c r="D262" t="s">
        <v>393</v>
      </c>
      <c r="E262" t="s">
        <v>394</v>
      </c>
      <c r="F262" t="s">
        <v>33</v>
      </c>
      <c r="G262" t="s">
        <v>144</v>
      </c>
      <c r="H262" t="s">
        <v>396</v>
      </c>
      <c r="I262">
        <v>1184.72</v>
      </c>
      <c r="J262">
        <v>4</v>
      </c>
      <c r="K262">
        <v>106.62</v>
      </c>
    </row>
    <row r="263" spans="1:11" x14ac:dyDescent="0.3">
      <c r="A263" s="1">
        <v>41726</v>
      </c>
      <c r="B263" s="3">
        <f t="shared" si="8"/>
        <v>3</v>
      </c>
      <c r="C263" s="3">
        <f t="shared" si="9"/>
        <v>2014</v>
      </c>
      <c r="D263" t="s">
        <v>397</v>
      </c>
      <c r="E263" t="s">
        <v>398</v>
      </c>
      <c r="F263" t="s">
        <v>38</v>
      </c>
      <c r="G263" t="s">
        <v>39</v>
      </c>
      <c r="H263" t="s">
        <v>399</v>
      </c>
      <c r="I263">
        <v>302.38</v>
      </c>
      <c r="J263">
        <v>3</v>
      </c>
      <c r="K263">
        <v>22.68</v>
      </c>
    </row>
    <row r="264" spans="1:11" x14ac:dyDescent="0.3">
      <c r="A264" s="1">
        <v>41726</v>
      </c>
      <c r="B264" s="3">
        <f t="shared" si="8"/>
        <v>3</v>
      </c>
      <c r="C264" s="3">
        <f t="shared" si="9"/>
        <v>2014</v>
      </c>
      <c r="D264" t="s">
        <v>400</v>
      </c>
      <c r="E264" t="s">
        <v>77</v>
      </c>
      <c r="F264" t="s">
        <v>33</v>
      </c>
      <c r="G264" t="s">
        <v>144</v>
      </c>
      <c r="H264" t="s">
        <v>401</v>
      </c>
      <c r="I264">
        <v>330.59</v>
      </c>
      <c r="J264">
        <v>1</v>
      </c>
      <c r="K264">
        <v>-143.25</v>
      </c>
    </row>
    <row r="265" spans="1:11" x14ac:dyDescent="0.3">
      <c r="A265" s="1">
        <v>41727</v>
      </c>
      <c r="B265" s="3">
        <f t="shared" si="8"/>
        <v>3</v>
      </c>
      <c r="C265" s="3">
        <f t="shared" si="9"/>
        <v>2014</v>
      </c>
      <c r="D265" t="s">
        <v>402</v>
      </c>
      <c r="E265" t="s">
        <v>9</v>
      </c>
      <c r="F265" t="s">
        <v>33</v>
      </c>
      <c r="G265" t="s">
        <v>144</v>
      </c>
      <c r="H265" t="s">
        <v>403</v>
      </c>
      <c r="I265">
        <v>890.84</v>
      </c>
      <c r="J265">
        <v>3</v>
      </c>
      <c r="K265">
        <v>-152.72</v>
      </c>
    </row>
    <row r="266" spans="1:11" x14ac:dyDescent="0.3">
      <c r="A266" s="1">
        <v>41728</v>
      </c>
      <c r="B266" s="3">
        <f t="shared" si="8"/>
        <v>3</v>
      </c>
      <c r="C266" s="3">
        <f t="shared" si="9"/>
        <v>2014</v>
      </c>
      <c r="D266" t="s">
        <v>404</v>
      </c>
      <c r="E266" t="s">
        <v>148</v>
      </c>
      <c r="F266" t="s">
        <v>10</v>
      </c>
      <c r="G266" t="s">
        <v>23</v>
      </c>
      <c r="H266" t="s">
        <v>405</v>
      </c>
      <c r="I266">
        <v>49.65</v>
      </c>
      <c r="J266">
        <v>5</v>
      </c>
      <c r="K266">
        <v>20.85</v>
      </c>
    </row>
    <row r="267" spans="1:11" x14ac:dyDescent="0.3">
      <c r="A267" s="1">
        <v>41728</v>
      </c>
      <c r="B267" s="3">
        <f t="shared" si="8"/>
        <v>3</v>
      </c>
      <c r="C267" s="3">
        <f t="shared" si="9"/>
        <v>2014</v>
      </c>
      <c r="D267" t="s">
        <v>406</v>
      </c>
      <c r="E267" t="s">
        <v>163</v>
      </c>
      <c r="F267" t="s">
        <v>10</v>
      </c>
      <c r="G267" t="s">
        <v>17</v>
      </c>
      <c r="H267" t="s">
        <v>407</v>
      </c>
      <c r="I267">
        <v>15.84</v>
      </c>
      <c r="J267">
        <v>3</v>
      </c>
      <c r="K267">
        <v>0</v>
      </c>
    </row>
    <row r="268" spans="1:11" x14ac:dyDescent="0.3">
      <c r="A268" s="1">
        <v>41728</v>
      </c>
      <c r="B268" s="3">
        <f t="shared" si="8"/>
        <v>3</v>
      </c>
      <c r="C268" s="3">
        <f t="shared" si="9"/>
        <v>2014</v>
      </c>
      <c r="D268" t="s">
        <v>406</v>
      </c>
      <c r="E268" t="s">
        <v>163</v>
      </c>
      <c r="F268" t="s">
        <v>10</v>
      </c>
      <c r="G268" t="s">
        <v>15</v>
      </c>
      <c r="H268" t="s">
        <v>408</v>
      </c>
      <c r="I268">
        <v>44.4</v>
      </c>
      <c r="J268">
        <v>3</v>
      </c>
      <c r="K268">
        <v>22.2</v>
      </c>
    </row>
    <row r="269" spans="1:11" x14ac:dyDescent="0.3">
      <c r="A269" s="1">
        <v>41728</v>
      </c>
      <c r="B269" s="3">
        <f t="shared" si="8"/>
        <v>3</v>
      </c>
      <c r="C269" s="3">
        <f t="shared" si="9"/>
        <v>2014</v>
      </c>
      <c r="D269" t="s">
        <v>409</v>
      </c>
      <c r="E269" t="s">
        <v>148</v>
      </c>
      <c r="F269" t="s">
        <v>10</v>
      </c>
      <c r="G269" t="s">
        <v>23</v>
      </c>
      <c r="H269" t="s">
        <v>410</v>
      </c>
      <c r="I269">
        <v>10.5</v>
      </c>
      <c r="J269">
        <v>5</v>
      </c>
      <c r="K269">
        <v>2.94</v>
      </c>
    </row>
    <row r="270" spans="1:11" x14ac:dyDescent="0.3">
      <c r="A270" s="1">
        <v>41728</v>
      </c>
      <c r="B270" s="3">
        <f t="shared" si="8"/>
        <v>3</v>
      </c>
      <c r="C270" s="3">
        <f t="shared" si="9"/>
        <v>2014</v>
      </c>
      <c r="D270" t="s">
        <v>184</v>
      </c>
      <c r="E270" t="s">
        <v>26</v>
      </c>
      <c r="F270" t="s">
        <v>33</v>
      </c>
      <c r="G270" t="s">
        <v>73</v>
      </c>
      <c r="H270" t="s">
        <v>411</v>
      </c>
      <c r="I270">
        <v>205.67</v>
      </c>
      <c r="J270">
        <v>2</v>
      </c>
      <c r="K270">
        <v>-12.1</v>
      </c>
    </row>
    <row r="271" spans="1:11" x14ac:dyDescent="0.3">
      <c r="A271" s="1">
        <v>41728</v>
      </c>
      <c r="B271" s="3">
        <f t="shared" si="8"/>
        <v>3</v>
      </c>
      <c r="C271" s="3">
        <f t="shared" si="9"/>
        <v>2014</v>
      </c>
      <c r="D271" t="s">
        <v>412</v>
      </c>
      <c r="E271" t="s">
        <v>9</v>
      </c>
      <c r="F271" t="s">
        <v>10</v>
      </c>
      <c r="G271" t="s">
        <v>62</v>
      </c>
      <c r="H271" t="s">
        <v>413</v>
      </c>
      <c r="I271">
        <v>335.72</v>
      </c>
      <c r="J271">
        <v>5</v>
      </c>
      <c r="K271">
        <v>113.31</v>
      </c>
    </row>
    <row r="272" spans="1:11" x14ac:dyDescent="0.3">
      <c r="A272" s="1">
        <v>41728</v>
      </c>
      <c r="B272" s="3">
        <f t="shared" si="8"/>
        <v>3</v>
      </c>
      <c r="C272" s="3">
        <f t="shared" si="9"/>
        <v>2014</v>
      </c>
      <c r="D272" t="s">
        <v>412</v>
      </c>
      <c r="E272" t="s">
        <v>9</v>
      </c>
      <c r="F272" t="s">
        <v>38</v>
      </c>
      <c r="G272" t="s">
        <v>39</v>
      </c>
      <c r="H272" t="s">
        <v>414</v>
      </c>
      <c r="I272">
        <v>251.94</v>
      </c>
      <c r="J272">
        <v>7</v>
      </c>
      <c r="K272">
        <v>88.18</v>
      </c>
    </row>
    <row r="273" spans="1:11" x14ac:dyDescent="0.3">
      <c r="A273" s="1">
        <v>41728</v>
      </c>
      <c r="B273" s="3">
        <f t="shared" si="8"/>
        <v>3</v>
      </c>
      <c r="C273" s="3">
        <f t="shared" si="9"/>
        <v>2014</v>
      </c>
      <c r="D273" t="s">
        <v>412</v>
      </c>
      <c r="E273" t="s">
        <v>9</v>
      </c>
      <c r="F273" t="s">
        <v>33</v>
      </c>
      <c r="G273" t="s">
        <v>34</v>
      </c>
      <c r="H273" t="s">
        <v>415</v>
      </c>
      <c r="I273">
        <v>127.3</v>
      </c>
      <c r="J273">
        <v>7</v>
      </c>
      <c r="K273">
        <v>-9.09</v>
      </c>
    </row>
    <row r="274" spans="1:11" x14ac:dyDescent="0.3">
      <c r="A274" s="1">
        <v>41728</v>
      </c>
      <c r="B274" s="3">
        <f t="shared" si="8"/>
        <v>3</v>
      </c>
      <c r="C274" s="3">
        <f t="shared" si="9"/>
        <v>2014</v>
      </c>
      <c r="D274" t="s">
        <v>416</v>
      </c>
      <c r="E274" t="s">
        <v>314</v>
      </c>
      <c r="F274" t="s">
        <v>10</v>
      </c>
      <c r="G274" t="s">
        <v>17</v>
      </c>
      <c r="H274" t="s">
        <v>417</v>
      </c>
      <c r="I274">
        <v>129.30000000000001</v>
      </c>
      <c r="J274">
        <v>2</v>
      </c>
      <c r="K274">
        <v>6.47</v>
      </c>
    </row>
    <row r="275" spans="1:11" x14ac:dyDescent="0.3">
      <c r="A275" s="1">
        <v>41729</v>
      </c>
      <c r="B275" s="3">
        <f t="shared" si="8"/>
        <v>3</v>
      </c>
      <c r="C275" s="3">
        <f t="shared" si="9"/>
        <v>2014</v>
      </c>
      <c r="D275" t="s">
        <v>418</v>
      </c>
      <c r="E275" t="s">
        <v>26</v>
      </c>
      <c r="F275" t="s">
        <v>10</v>
      </c>
      <c r="G275" t="s">
        <v>19</v>
      </c>
      <c r="H275" t="s">
        <v>419</v>
      </c>
      <c r="I275">
        <v>673.57</v>
      </c>
      <c r="J275">
        <v>2</v>
      </c>
      <c r="K275">
        <v>252.59</v>
      </c>
    </row>
    <row r="276" spans="1:11" x14ac:dyDescent="0.3">
      <c r="A276" s="1">
        <v>41729</v>
      </c>
      <c r="B276" s="3">
        <f t="shared" si="8"/>
        <v>3</v>
      </c>
      <c r="C276" s="3">
        <f t="shared" si="9"/>
        <v>2014</v>
      </c>
      <c r="D276" t="s">
        <v>418</v>
      </c>
      <c r="E276" t="s">
        <v>26</v>
      </c>
      <c r="F276" t="s">
        <v>10</v>
      </c>
      <c r="G276" t="s">
        <v>91</v>
      </c>
      <c r="H276" t="s">
        <v>420</v>
      </c>
      <c r="I276">
        <v>52.98</v>
      </c>
      <c r="J276">
        <v>2</v>
      </c>
      <c r="K276">
        <v>14.83</v>
      </c>
    </row>
    <row r="277" spans="1:11" x14ac:dyDescent="0.3">
      <c r="A277" s="1">
        <v>41729</v>
      </c>
      <c r="B277" s="3">
        <f t="shared" si="8"/>
        <v>3</v>
      </c>
      <c r="C277" s="3">
        <f t="shared" si="9"/>
        <v>2014</v>
      </c>
      <c r="D277" t="s">
        <v>421</v>
      </c>
      <c r="E277" t="s">
        <v>22</v>
      </c>
      <c r="F277" t="s">
        <v>10</v>
      </c>
      <c r="G277" t="s">
        <v>19</v>
      </c>
      <c r="H277" t="s">
        <v>422</v>
      </c>
      <c r="I277">
        <v>0.85</v>
      </c>
      <c r="J277">
        <v>1</v>
      </c>
      <c r="K277">
        <v>-0.6</v>
      </c>
    </row>
    <row r="278" spans="1:11" x14ac:dyDescent="0.3">
      <c r="A278" s="1">
        <v>41729</v>
      </c>
      <c r="B278" s="3">
        <f t="shared" si="8"/>
        <v>3</v>
      </c>
      <c r="C278" s="3">
        <f t="shared" si="9"/>
        <v>2014</v>
      </c>
      <c r="D278" t="s">
        <v>423</v>
      </c>
      <c r="E278" t="s">
        <v>14</v>
      </c>
      <c r="F278" t="s">
        <v>10</v>
      </c>
      <c r="G278" t="s">
        <v>19</v>
      </c>
      <c r="H278" t="s">
        <v>424</v>
      </c>
      <c r="I278">
        <v>8.1300000000000008</v>
      </c>
      <c r="J278">
        <v>7</v>
      </c>
      <c r="K278">
        <v>-13.83</v>
      </c>
    </row>
    <row r="279" spans="1:11" x14ac:dyDescent="0.3">
      <c r="A279" s="1">
        <v>41729</v>
      </c>
      <c r="B279" s="3">
        <f t="shared" si="8"/>
        <v>3</v>
      </c>
      <c r="C279" s="3">
        <f t="shared" si="9"/>
        <v>2014</v>
      </c>
      <c r="D279" t="s">
        <v>423</v>
      </c>
      <c r="E279" t="s">
        <v>14</v>
      </c>
      <c r="F279" t="s">
        <v>38</v>
      </c>
      <c r="G279" t="s">
        <v>51</v>
      </c>
      <c r="H279" t="s">
        <v>425</v>
      </c>
      <c r="I279">
        <v>79.98</v>
      </c>
      <c r="J279">
        <v>2</v>
      </c>
      <c r="K279">
        <v>14</v>
      </c>
    </row>
    <row r="280" spans="1:11" x14ac:dyDescent="0.3">
      <c r="A280" s="1">
        <v>41729</v>
      </c>
      <c r="B280" s="3">
        <f t="shared" si="8"/>
        <v>3</v>
      </c>
      <c r="C280" s="3">
        <f t="shared" si="9"/>
        <v>2014</v>
      </c>
      <c r="D280" t="s">
        <v>426</v>
      </c>
      <c r="E280" t="s">
        <v>122</v>
      </c>
      <c r="F280" t="s">
        <v>10</v>
      </c>
      <c r="G280" t="s">
        <v>19</v>
      </c>
      <c r="H280" t="s">
        <v>427</v>
      </c>
      <c r="I280">
        <v>1.87</v>
      </c>
      <c r="J280">
        <v>1</v>
      </c>
      <c r="K280">
        <v>-1.31</v>
      </c>
    </row>
    <row r="281" spans="1:11" x14ac:dyDescent="0.3">
      <c r="A281" s="1">
        <v>41729</v>
      </c>
      <c r="B281" s="3">
        <f t="shared" si="8"/>
        <v>3</v>
      </c>
      <c r="C281" s="3">
        <f t="shared" si="9"/>
        <v>2014</v>
      </c>
      <c r="D281" t="s">
        <v>428</v>
      </c>
      <c r="E281" t="s">
        <v>122</v>
      </c>
      <c r="F281" t="s">
        <v>33</v>
      </c>
      <c r="G281" t="s">
        <v>34</v>
      </c>
      <c r="H281" t="s">
        <v>429</v>
      </c>
      <c r="I281">
        <v>1125.49</v>
      </c>
      <c r="J281">
        <v>7</v>
      </c>
      <c r="K281">
        <v>98.48</v>
      </c>
    </row>
    <row r="282" spans="1:11" x14ac:dyDescent="0.3">
      <c r="A282" s="1">
        <v>41729</v>
      </c>
      <c r="B282" s="3">
        <f t="shared" si="8"/>
        <v>3</v>
      </c>
      <c r="C282" s="3">
        <f t="shared" si="9"/>
        <v>2014</v>
      </c>
      <c r="D282" t="s">
        <v>428</v>
      </c>
      <c r="E282" t="s">
        <v>122</v>
      </c>
      <c r="F282" t="s">
        <v>10</v>
      </c>
      <c r="G282" t="s">
        <v>19</v>
      </c>
      <c r="H282" t="s">
        <v>430</v>
      </c>
      <c r="I282">
        <v>12.65</v>
      </c>
      <c r="J282">
        <v>5</v>
      </c>
      <c r="K282">
        <v>-10.119999999999999</v>
      </c>
    </row>
    <row r="283" spans="1:11" x14ac:dyDescent="0.3">
      <c r="A283" s="1">
        <v>41729</v>
      </c>
      <c r="B283" s="3">
        <f t="shared" si="8"/>
        <v>3</v>
      </c>
      <c r="C283" s="3">
        <f t="shared" si="9"/>
        <v>2014</v>
      </c>
      <c r="D283" t="s">
        <v>428</v>
      </c>
      <c r="E283" t="s">
        <v>122</v>
      </c>
      <c r="F283" t="s">
        <v>10</v>
      </c>
      <c r="G283" t="s">
        <v>23</v>
      </c>
      <c r="H283" t="s">
        <v>353</v>
      </c>
      <c r="I283">
        <v>4.03</v>
      </c>
      <c r="J283">
        <v>2</v>
      </c>
      <c r="K283">
        <v>1.06</v>
      </c>
    </row>
    <row r="284" spans="1:11" x14ac:dyDescent="0.3">
      <c r="A284" s="1">
        <v>41730</v>
      </c>
      <c r="B284" s="3">
        <f t="shared" si="8"/>
        <v>4</v>
      </c>
      <c r="C284" s="3">
        <f t="shared" si="9"/>
        <v>2014</v>
      </c>
      <c r="D284" t="s">
        <v>404</v>
      </c>
      <c r="E284" t="s">
        <v>26</v>
      </c>
      <c r="F284" t="s">
        <v>10</v>
      </c>
      <c r="G284" t="s">
        <v>15</v>
      </c>
      <c r="H284" t="s">
        <v>408</v>
      </c>
      <c r="I284">
        <v>29.6</v>
      </c>
      <c r="J284">
        <v>2</v>
      </c>
      <c r="K284">
        <v>14.8</v>
      </c>
    </row>
    <row r="285" spans="1:11" x14ac:dyDescent="0.3">
      <c r="A285" s="1">
        <v>41730</v>
      </c>
      <c r="B285" s="3">
        <f t="shared" si="8"/>
        <v>4</v>
      </c>
      <c r="C285" s="3">
        <f t="shared" si="9"/>
        <v>2014</v>
      </c>
      <c r="D285" t="s">
        <v>404</v>
      </c>
      <c r="E285" t="s">
        <v>26</v>
      </c>
      <c r="F285" t="s">
        <v>10</v>
      </c>
      <c r="G285" t="s">
        <v>19</v>
      </c>
      <c r="H285" t="s">
        <v>431</v>
      </c>
      <c r="I285">
        <v>17.09</v>
      </c>
      <c r="J285">
        <v>4</v>
      </c>
      <c r="K285">
        <v>5.55</v>
      </c>
    </row>
    <row r="286" spans="1:11" x14ac:dyDescent="0.3">
      <c r="A286" s="1">
        <v>41730</v>
      </c>
      <c r="B286" s="3">
        <f t="shared" si="8"/>
        <v>4</v>
      </c>
      <c r="C286" s="3">
        <f t="shared" si="9"/>
        <v>2014</v>
      </c>
      <c r="D286" t="s">
        <v>432</v>
      </c>
      <c r="E286" t="s">
        <v>433</v>
      </c>
      <c r="F286" t="s">
        <v>10</v>
      </c>
      <c r="G286" t="s">
        <v>17</v>
      </c>
      <c r="H286" t="s">
        <v>434</v>
      </c>
      <c r="I286">
        <v>66.959999999999994</v>
      </c>
      <c r="J286">
        <v>4</v>
      </c>
      <c r="K286">
        <v>2.68</v>
      </c>
    </row>
    <row r="287" spans="1:11" x14ac:dyDescent="0.3">
      <c r="A287" s="1">
        <v>41730</v>
      </c>
      <c r="B287" s="3">
        <f t="shared" si="8"/>
        <v>4</v>
      </c>
      <c r="C287" s="3">
        <f t="shared" si="9"/>
        <v>2014</v>
      </c>
      <c r="D287" t="s">
        <v>432</v>
      </c>
      <c r="E287" t="s">
        <v>433</v>
      </c>
      <c r="F287" t="s">
        <v>10</v>
      </c>
      <c r="G287" t="s">
        <v>19</v>
      </c>
      <c r="H287" t="s">
        <v>435</v>
      </c>
      <c r="I287">
        <v>6.24</v>
      </c>
      <c r="J287">
        <v>2</v>
      </c>
      <c r="K287">
        <v>3.06</v>
      </c>
    </row>
    <row r="288" spans="1:11" x14ac:dyDescent="0.3">
      <c r="A288" s="1">
        <v>41731</v>
      </c>
      <c r="B288" s="3">
        <f t="shared" si="8"/>
        <v>4</v>
      </c>
      <c r="C288" s="3">
        <f t="shared" si="9"/>
        <v>2014</v>
      </c>
      <c r="D288" t="s">
        <v>436</v>
      </c>
      <c r="E288" t="s">
        <v>29</v>
      </c>
      <c r="F288" t="s">
        <v>10</v>
      </c>
      <c r="G288" t="s">
        <v>11</v>
      </c>
      <c r="H288" t="s">
        <v>437</v>
      </c>
      <c r="I288">
        <v>15.84</v>
      </c>
      <c r="J288">
        <v>3</v>
      </c>
      <c r="K288">
        <v>7.13</v>
      </c>
    </row>
    <row r="289" spans="1:11" x14ac:dyDescent="0.3">
      <c r="A289" s="1">
        <v>41731</v>
      </c>
      <c r="B289" s="3">
        <f t="shared" si="8"/>
        <v>4</v>
      </c>
      <c r="C289" s="3">
        <f t="shared" si="9"/>
        <v>2014</v>
      </c>
      <c r="D289" t="s">
        <v>436</v>
      </c>
      <c r="E289" t="s">
        <v>29</v>
      </c>
      <c r="F289" t="s">
        <v>38</v>
      </c>
      <c r="G289" t="s">
        <v>39</v>
      </c>
      <c r="H289" t="s">
        <v>438</v>
      </c>
      <c r="I289">
        <v>1049.93</v>
      </c>
      <c r="J289">
        <v>7</v>
      </c>
      <c r="K289">
        <v>293.98</v>
      </c>
    </row>
    <row r="290" spans="1:11" x14ac:dyDescent="0.3">
      <c r="A290" s="1">
        <v>41731</v>
      </c>
      <c r="B290" s="3">
        <f t="shared" si="8"/>
        <v>4</v>
      </c>
      <c r="C290" s="3">
        <f t="shared" si="9"/>
        <v>2014</v>
      </c>
      <c r="D290" t="s">
        <v>436</v>
      </c>
      <c r="E290" t="s">
        <v>29</v>
      </c>
      <c r="F290" t="s">
        <v>10</v>
      </c>
      <c r="G290" t="s">
        <v>91</v>
      </c>
      <c r="H290" t="s">
        <v>439</v>
      </c>
      <c r="I290">
        <v>154.9</v>
      </c>
      <c r="J290">
        <v>5</v>
      </c>
      <c r="K290">
        <v>40.270000000000003</v>
      </c>
    </row>
    <row r="291" spans="1:11" x14ac:dyDescent="0.3">
      <c r="A291" s="1">
        <v>41731</v>
      </c>
      <c r="B291" s="3">
        <f t="shared" si="8"/>
        <v>4</v>
      </c>
      <c r="C291" s="3">
        <f t="shared" si="9"/>
        <v>2014</v>
      </c>
      <c r="D291" t="s">
        <v>251</v>
      </c>
      <c r="E291" t="s">
        <v>9</v>
      </c>
      <c r="F291" t="s">
        <v>10</v>
      </c>
      <c r="G291" t="s">
        <v>11</v>
      </c>
      <c r="H291" t="s">
        <v>440</v>
      </c>
      <c r="I291">
        <v>26.72</v>
      </c>
      <c r="J291">
        <v>5</v>
      </c>
      <c r="K291">
        <v>9.35</v>
      </c>
    </row>
    <row r="292" spans="1:11" x14ac:dyDescent="0.3">
      <c r="A292" s="1">
        <v>41731</v>
      </c>
      <c r="B292" s="3">
        <f t="shared" si="8"/>
        <v>4</v>
      </c>
      <c r="C292" s="3">
        <f t="shared" si="9"/>
        <v>2014</v>
      </c>
      <c r="D292" t="s">
        <v>251</v>
      </c>
      <c r="E292" t="s">
        <v>9</v>
      </c>
      <c r="F292" t="s">
        <v>10</v>
      </c>
      <c r="G292" t="s">
        <v>11</v>
      </c>
      <c r="H292" t="s">
        <v>441</v>
      </c>
      <c r="I292">
        <v>33.49</v>
      </c>
      <c r="J292">
        <v>7</v>
      </c>
      <c r="K292">
        <v>10.47</v>
      </c>
    </row>
    <row r="293" spans="1:11" x14ac:dyDescent="0.3">
      <c r="A293" s="1">
        <v>41731</v>
      </c>
      <c r="B293" s="3">
        <f t="shared" si="8"/>
        <v>4</v>
      </c>
      <c r="C293" s="3">
        <f t="shared" si="9"/>
        <v>2014</v>
      </c>
      <c r="D293" t="s">
        <v>442</v>
      </c>
      <c r="E293" t="s">
        <v>54</v>
      </c>
      <c r="F293" t="s">
        <v>33</v>
      </c>
      <c r="G293" t="s">
        <v>46</v>
      </c>
      <c r="H293" t="s">
        <v>443</v>
      </c>
      <c r="I293">
        <v>177.68</v>
      </c>
      <c r="J293">
        <v>2</v>
      </c>
      <c r="K293">
        <v>46.2</v>
      </c>
    </row>
    <row r="294" spans="1:11" x14ac:dyDescent="0.3">
      <c r="A294" s="1">
        <v>41732</v>
      </c>
      <c r="B294" s="3">
        <f t="shared" si="8"/>
        <v>4</v>
      </c>
      <c r="C294" s="3">
        <f t="shared" si="9"/>
        <v>2014</v>
      </c>
      <c r="D294" t="s">
        <v>444</v>
      </c>
      <c r="E294" t="s">
        <v>26</v>
      </c>
      <c r="F294" t="s">
        <v>10</v>
      </c>
      <c r="G294" t="s">
        <v>62</v>
      </c>
      <c r="H294" t="s">
        <v>63</v>
      </c>
      <c r="I294">
        <v>11.16</v>
      </c>
      <c r="J294">
        <v>2</v>
      </c>
      <c r="K294">
        <v>5.58</v>
      </c>
    </row>
    <row r="295" spans="1:11" x14ac:dyDescent="0.3">
      <c r="A295" s="1">
        <v>41732</v>
      </c>
      <c r="B295" s="3">
        <f t="shared" si="8"/>
        <v>4</v>
      </c>
      <c r="C295" s="3">
        <f t="shared" si="9"/>
        <v>2014</v>
      </c>
      <c r="D295" t="s">
        <v>444</v>
      </c>
      <c r="E295" t="s">
        <v>26</v>
      </c>
      <c r="F295" t="s">
        <v>38</v>
      </c>
      <c r="G295" t="s">
        <v>51</v>
      </c>
      <c r="H295" t="s">
        <v>212</v>
      </c>
      <c r="I295">
        <v>62.31</v>
      </c>
      <c r="J295">
        <v>3</v>
      </c>
      <c r="K295">
        <v>22.43</v>
      </c>
    </row>
    <row r="296" spans="1:11" x14ac:dyDescent="0.3">
      <c r="A296" s="1">
        <v>41732</v>
      </c>
      <c r="B296" s="3">
        <f t="shared" si="8"/>
        <v>4</v>
      </c>
      <c r="C296" s="3">
        <f t="shared" si="9"/>
        <v>2014</v>
      </c>
      <c r="D296" t="s">
        <v>444</v>
      </c>
      <c r="E296" t="s">
        <v>26</v>
      </c>
      <c r="F296" t="s">
        <v>38</v>
      </c>
      <c r="G296" t="s">
        <v>51</v>
      </c>
      <c r="H296" t="s">
        <v>197</v>
      </c>
      <c r="I296">
        <v>159.97999999999999</v>
      </c>
      <c r="J296">
        <v>2</v>
      </c>
      <c r="K296">
        <v>57.59</v>
      </c>
    </row>
    <row r="297" spans="1:11" x14ac:dyDescent="0.3">
      <c r="A297" s="1">
        <v>41733</v>
      </c>
      <c r="B297" s="3">
        <f t="shared" si="8"/>
        <v>4</v>
      </c>
      <c r="C297" s="3">
        <f t="shared" si="9"/>
        <v>2014</v>
      </c>
      <c r="D297" t="s">
        <v>445</v>
      </c>
      <c r="E297" t="s">
        <v>26</v>
      </c>
      <c r="F297" t="s">
        <v>10</v>
      </c>
      <c r="G297" t="s">
        <v>15</v>
      </c>
      <c r="H297" t="s">
        <v>446</v>
      </c>
      <c r="I297">
        <v>18.899999999999999</v>
      </c>
      <c r="J297">
        <v>6</v>
      </c>
      <c r="K297">
        <v>9.07</v>
      </c>
    </row>
    <row r="298" spans="1:11" x14ac:dyDescent="0.3">
      <c r="A298" s="1">
        <v>41733</v>
      </c>
      <c r="B298" s="3">
        <f t="shared" si="8"/>
        <v>4</v>
      </c>
      <c r="C298" s="3">
        <f t="shared" si="9"/>
        <v>2014</v>
      </c>
      <c r="D298" t="s">
        <v>379</v>
      </c>
      <c r="E298" t="s">
        <v>109</v>
      </c>
      <c r="F298" t="s">
        <v>33</v>
      </c>
      <c r="G298" t="s">
        <v>46</v>
      </c>
      <c r="H298" t="s">
        <v>447</v>
      </c>
      <c r="I298">
        <v>5.47</v>
      </c>
      <c r="J298">
        <v>1</v>
      </c>
      <c r="K298">
        <v>2.35</v>
      </c>
    </row>
    <row r="299" spans="1:11" x14ac:dyDescent="0.3">
      <c r="A299" s="1">
        <v>41733</v>
      </c>
      <c r="B299" s="3">
        <f t="shared" si="8"/>
        <v>4</v>
      </c>
      <c r="C299" s="3">
        <f t="shared" si="9"/>
        <v>2014</v>
      </c>
      <c r="D299" t="s">
        <v>379</v>
      </c>
      <c r="E299" t="s">
        <v>109</v>
      </c>
      <c r="F299" t="s">
        <v>10</v>
      </c>
      <c r="G299" t="s">
        <v>23</v>
      </c>
      <c r="H299" t="s">
        <v>448</v>
      </c>
      <c r="I299">
        <v>79.36</v>
      </c>
      <c r="J299">
        <v>4</v>
      </c>
      <c r="K299">
        <v>23.81</v>
      </c>
    </row>
    <row r="300" spans="1:11" x14ac:dyDescent="0.3">
      <c r="A300" s="1">
        <v>41733</v>
      </c>
      <c r="B300" s="3">
        <f t="shared" si="8"/>
        <v>4</v>
      </c>
      <c r="C300" s="3">
        <f t="shared" si="9"/>
        <v>2014</v>
      </c>
      <c r="D300" t="s">
        <v>449</v>
      </c>
      <c r="E300" t="s">
        <v>26</v>
      </c>
      <c r="F300" t="s">
        <v>10</v>
      </c>
      <c r="G300" t="s">
        <v>19</v>
      </c>
      <c r="H300" t="s">
        <v>450</v>
      </c>
      <c r="I300">
        <v>7.18</v>
      </c>
      <c r="J300">
        <v>2</v>
      </c>
      <c r="K300">
        <v>2.25</v>
      </c>
    </row>
    <row r="301" spans="1:11" x14ac:dyDescent="0.3">
      <c r="A301" s="1">
        <v>41733</v>
      </c>
      <c r="B301" s="3">
        <f t="shared" si="8"/>
        <v>4</v>
      </c>
      <c r="C301" s="3">
        <f t="shared" si="9"/>
        <v>2014</v>
      </c>
      <c r="D301" t="s">
        <v>451</v>
      </c>
      <c r="E301" t="s">
        <v>61</v>
      </c>
      <c r="F301" t="s">
        <v>10</v>
      </c>
      <c r="G301" t="s">
        <v>17</v>
      </c>
      <c r="H301" t="s">
        <v>452</v>
      </c>
      <c r="I301">
        <v>232.55</v>
      </c>
      <c r="J301">
        <v>5</v>
      </c>
      <c r="K301">
        <v>9.3000000000000007</v>
      </c>
    </row>
    <row r="302" spans="1:11" x14ac:dyDescent="0.3">
      <c r="A302" s="1">
        <v>41733</v>
      </c>
      <c r="B302" s="3">
        <f t="shared" si="8"/>
        <v>4</v>
      </c>
      <c r="C302" s="3">
        <f t="shared" si="9"/>
        <v>2014</v>
      </c>
      <c r="D302" t="s">
        <v>451</v>
      </c>
      <c r="E302" t="s">
        <v>61</v>
      </c>
      <c r="F302" t="s">
        <v>38</v>
      </c>
      <c r="G302" t="s">
        <v>51</v>
      </c>
      <c r="H302" t="s">
        <v>453</v>
      </c>
      <c r="I302">
        <v>99.98</v>
      </c>
      <c r="J302">
        <v>2</v>
      </c>
      <c r="K302">
        <v>42.99</v>
      </c>
    </row>
    <row r="303" spans="1:11" x14ac:dyDescent="0.3">
      <c r="A303" s="1">
        <v>41733</v>
      </c>
      <c r="B303" s="3">
        <f t="shared" si="8"/>
        <v>4</v>
      </c>
      <c r="C303" s="3">
        <f t="shared" si="9"/>
        <v>2014</v>
      </c>
      <c r="D303" t="s">
        <v>451</v>
      </c>
      <c r="E303" t="s">
        <v>61</v>
      </c>
      <c r="F303" t="s">
        <v>10</v>
      </c>
      <c r="G303" t="s">
        <v>11</v>
      </c>
      <c r="H303" t="s">
        <v>454</v>
      </c>
      <c r="I303">
        <v>19.440000000000001</v>
      </c>
      <c r="J303">
        <v>3</v>
      </c>
      <c r="K303">
        <v>9.33</v>
      </c>
    </row>
    <row r="304" spans="1:11" x14ac:dyDescent="0.3">
      <c r="A304" s="1">
        <v>41733</v>
      </c>
      <c r="B304" s="3">
        <f t="shared" si="8"/>
        <v>4</v>
      </c>
      <c r="C304" s="3">
        <f t="shared" si="9"/>
        <v>2014</v>
      </c>
      <c r="D304" t="s">
        <v>451</v>
      </c>
      <c r="E304" t="s">
        <v>61</v>
      </c>
      <c r="F304" t="s">
        <v>10</v>
      </c>
      <c r="G304" t="s">
        <v>11</v>
      </c>
      <c r="H304" t="s">
        <v>326</v>
      </c>
      <c r="I304">
        <v>12.96</v>
      </c>
      <c r="J304">
        <v>2</v>
      </c>
      <c r="K304">
        <v>6.35</v>
      </c>
    </row>
    <row r="305" spans="1:11" x14ac:dyDescent="0.3">
      <c r="A305" s="1">
        <v>41734</v>
      </c>
      <c r="B305" s="3">
        <f t="shared" si="8"/>
        <v>4</v>
      </c>
      <c r="C305" s="3">
        <f t="shared" si="9"/>
        <v>2014</v>
      </c>
      <c r="D305" t="s">
        <v>455</v>
      </c>
      <c r="E305" t="s">
        <v>148</v>
      </c>
      <c r="F305" t="s">
        <v>10</v>
      </c>
      <c r="G305" t="s">
        <v>11</v>
      </c>
      <c r="H305" t="s">
        <v>456</v>
      </c>
      <c r="I305">
        <v>55.48</v>
      </c>
      <c r="J305">
        <v>1</v>
      </c>
      <c r="K305">
        <v>26.63</v>
      </c>
    </row>
    <row r="306" spans="1:11" x14ac:dyDescent="0.3">
      <c r="A306" s="1">
        <v>41734</v>
      </c>
      <c r="B306" s="3">
        <f t="shared" si="8"/>
        <v>4</v>
      </c>
      <c r="C306" s="3">
        <f t="shared" si="9"/>
        <v>2014</v>
      </c>
      <c r="D306" t="s">
        <v>457</v>
      </c>
      <c r="E306" t="s">
        <v>54</v>
      </c>
      <c r="F306" t="s">
        <v>10</v>
      </c>
      <c r="G306" t="s">
        <v>23</v>
      </c>
      <c r="H306" t="s">
        <v>458</v>
      </c>
      <c r="I306">
        <v>22.96</v>
      </c>
      <c r="J306">
        <v>7</v>
      </c>
      <c r="K306">
        <v>7.58</v>
      </c>
    </row>
    <row r="307" spans="1:11" x14ac:dyDescent="0.3">
      <c r="A307" s="1">
        <v>41734</v>
      </c>
      <c r="B307" s="3">
        <f t="shared" si="8"/>
        <v>4</v>
      </c>
      <c r="C307" s="3">
        <f t="shared" si="9"/>
        <v>2014</v>
      </c>
      <c r="D307" t="s">
        <v>457</v>
      </c>
      <c r="E307" t="s">
        <v>54</v>
      </c>
      <c r="F307" t="s">
        <v>38</v>
      </c>
      <c r="G307" t="s">
        <v>39</v>
      </c>
      <c r="H307" t="s">
        <v>173</v>
      </c>
      <c r="I307">
        <v>28.99</v>
      </c>
      <c r="J307">
        <v>1</v>
      </c>
      <c r="K307">
        <v>8.41</v>
      </c>
    </row>
    <row r="308" spans="1:11" x14ac:dyDescent="0.3">
      <c r="A308" s="1">
        <v>41734</v>
      </c>
      <c r="B308" s="3">
        <f t="shared" si="8"/>
        <v>4</v>
      </c>
      <c r="C308" s="3">
        <f t="shared" si="9"/>
        <v>2014</v>
      </c>
      <c r="D308" t="s">
        <v>457</v>
      </c>
      <c r="E308" t="s">
        <v>54</v>
      </c>
      <c r="F308" t="s">
        <v>10</v>
      </c>
      <c r="G308" t="s">
        <v>11</v>
      </c>
      <c r="H308" t="s">
        <v>330</v>
      </c>
      <c r="I308">
        <v>12.96</v>
      </c>
      <c r="J308">
        <v>2</v>
      </c>
      <c r="K308">
        <v>6.35</v>
      </c>
    </row>
    <row r="309" spans="1:11" x14ac:dyDescent="0.3">
      <c r="A309" s="1">
        <v>41734</v>
      </c>
      <c r="B309" s="3">
        <f t="shared" si="8"/>
        <v>4</v>
      </c>
      <c r="C309" s="3">
        <f t="shared" si="9"/>
        <v>2014</v>
      </c>
      <c r="D309" t="s">
        <v>457</v>
      </c>
      <c r="E309" t="s">
        <v>54</v>
      </c>
      <c r="F309" t="s">
        <v>10</v>
      </c>
      <c r="G309" t="s">
        <v>23</v>
      </c>
      <c r="H309" t="s">
        <v>459</v>
      </c>
      <c r="I309">
        <v>22.96</v>
      </c>
      <c r="J309">
        <v>7</v>
      </c>
      <c r="K309">
        <v>6.66</v>
      </c>
    </row>
    <row r="310" spans="1:11" x14ac:dyDescent="0.3">
      <c r="A310" s="1">
        <v>41734</v>
      </c>
      <c r="B310" s="3">
        <f t="shared" si="8"/>
        <v>4</v>
      </c>
      <c r="C310" s="3">
        <f t="shared" si="9"/>
        <v>2014</v>
      </c>
      <c r="D310" t="s">
        <v>457</v>
      </c>
      <c r="E310" t="s">
        <v>54</v>
      </c>
      <c r="F310" t="s">
        <v>10</v>
      </c>
      <c r="G310" t="s">
        <v>199</v>
      </c>
      <c r="H310" t="s">
        <v>460</v>
      </c>
      <c r="I310">
        <v>4164.05</v>
      </c>
      <c r="J310">
        <v>5</v>
      </c>
      <c r="K310">
        <v>83.28</v>
      </c>
    </row>
    <row r="311" spans="1:11" x14ac:dyDescent="0.3">
      <c r="A311" s="1">
        <v>41734</v>
      </c>
      <c r="B311" s="3">
        <f t="shared" si="8"/>
        <v>4</v>
      </c>
      <c r="C311" s="3">
        <f t="shared" si="9"/>
        <v>2014</v>
      </c>
      <c r="D311" t="s">
        <v>461</v>
      </c>
      <c r="E311" t="s">
        <v>14</v>
      </c>
      <c r="F311" t="s">
        <v>10</v>
      </c>
      <c r="G311" t="s">
        <v>17</v>
      </c>
      <c r="H311" t="s">
        <v>462</v>
      </c>
      <c r="I311">
        <v>49.63</v>
      </c>
      <c r="J311">
        <v>4</v>
      </c>
      <c r="K311">
        <v>3.72</v>
      </c>
    </row>
    <row r="312" spans="1:11" x14ac:dyDescent="0.3">
      <c r="A312" s="1">
        <v>41734</v>
      </c>
      <c r="B312" s="3">
        <f t="shared" si="8"/>
        <v>4</v>
      </c>
      <c r="C312" s="3">
        <f t="shared" si="9"/>
        <v>2014</v>
      </c>
      <c r="D312" t="s">
        <v>461</v>
      </c>
      <c r="E312" t="s">
        <v>14</v>
      </c>
      <c r="F312" t="s">
        <v>10</v>
      </c>
      <c r="G312" t="s">
        <v>17</v>
      </c>
      <c r="H312" t="s">
        <v>463</v>
      </c>
      <c r="I312">
        <v>52.1</v>
      </c>
      <c r="J312">
        <v>4</v>
      </c>
      <c r="K312">
        <v>3.91</v>
      </c>
    </row>
    <row r="313" spans="1:11" x14ac:dyDescent="0.3">
      <c r="A313" s="1">
        <v>41734</v>
      </c>
      <c r="B313" s="3">
        <f t="shared" si="8"/>
        <v>4</v>
      </c>
      <c r="C313" s="3">
        <f t="shared" si="9"/>
        <v>2014</v>
      </c>
      <c r="D313" t="s">
        <v>464</v>
      </c>
      <c r="E313" t="s">
        <v>109</v>
      </c>
      <c r="F313" t="s">
        <v>10</v>
      </c>
      <c r="G313" t="s">
        <v>23</v>
      </c>
      <c r="H313" t="s">
        <v>465</v>
      </c>
      <c r="I313">
        <v>26.7</v>
      </c>
      <c r="J313">
        <v>2</v>
      </c>
      <c r="K313">
        <v>7.48</v>
      </c>
    </row>
    <row r="314" spans="1:11" x14ac:dyDescent="0.3">
      <c r="A314" s="1">
        <v>41734</v>
      </c>
      <c r="B314" s="3">
        <f t="shared" si="8"/>
        <v>4</v>
      </c>
      <c r="C314" s="3">
        <f t="shared" si="9"/>
        <v>2014</v>
      </c>
      <c r="D314" t="s">
        <v>464</v>
      </c>
      <c r="E314" t="s">
        <v>109</v>
      </c>
      <c r="F314" t="s">
        <v>10</v>
      </c>
      <c r="G314" t="s">
        <v>19</v>
      </c>
      <c r="H314" t="s">
        <v>466</v>
      </c>
      <c r="I314">
        <v>40.200000000000003</v>
      </c>
      <c r="J314">
        <v>5</v>
      </c>
      <c r="K314">
        <v>18.09</v>
      </c>
    </row>
    <row r="315" spans="1:11" x14ac:dyDescent="0.3">
      <c r="A315" s="1">
        <v>41734</v>
      </c>
      <c r="B315" s="3">
        <f t="shared" si="8"/>
        <v>4</v>
      </c>
      <c r="C315" s="3">
        <f t="shared" si="9"/>
        <v>2014</v>
      </c>
      <c r="D315" t="s">
        <v>464</v>
      </c>
      <c r="E315" t="s">
        <v>109</v>
      </c>
      <c r="F315" t="s">
        <v>10</v>
      </c>
      <c r="G315" t="s">
        <v>23</v>
      </c>
      <c r="H315" t="s">
        <v>352</v>
      </c>
      <c r="I315">
        <v>13.89</v>
      </c>
      <c r="J315">
        <v>3</v>
      </c>
      <c r="K315">
        <v>4.58</v>
      </c>
    </row>
    <row r="316" spans="1:11" x14ac:dyDescent="0.3">
      <c r="A316" s="1">
        <v>41734</v>
      </c>
      <c r="B316" s="3">
        <f t="shared" si="8"/>
        <v>4</v>
      </c>
      <c r="C316" s="3">
        <f t="shared" si="9"/>
        <v>2014</v>
      </c>
      <c r="D316" t="s">
        <v>464</v>
      </c>
      <c r="E316" t="s">
        <v>109</v>
      </c>
      <c r="F316" t="s">
        <v>10</v>
      </c>
      <c r="G316" t="s">
        <v>17</v>
      </c>
      <c r="H316" t="s">
        <v>152</v>
      </c>
      <c r="I316">
        <v>689.82</v>
      </c>
      <c r="J316">
        <v>6</v>
      </c>
      <c r="K316">
        <v>20.69</v>
      </c>
    </row>
    <row r="317" spans="1:11" x14ac:dyDescent="0.3">
      <c r="A317" s="1">
        <v>41734</v>
      </c>
      <c r="B317" s="3">
        <f t="shared" si="8"/>
        <v>4</v>
      </c>
      <c r="C317" s="3">
        <f t="shared" si="9"/>
        <v>2014</v>
      </c>
      <c r="D317" t="s">
        <v>467</v>
      </c>
      <c r="E317" t="s">
        <v>32</v>
      </c>
      <c r="F317" t="s">
        <v>10</v>
      </c>
      <c r="G317" t="s">
        <v>19</v>
      </c>
      <c r="H317" t="s">
        <v>468</v>
      </c>
      <c r="I317">
        <v>115.36</v>
      </c>
      <c r="J317">
        <v>7</v>
      </c>
      <c r="K317">
        <v>56.53</v>
      </c>
    </row>
    <row r="318" spans="1:11" x14ac:dyDescent="0.3">
      <c r="A318" s="1">
        <v>41735</v>
      </c>
      <c r="B318" s="3">
        <f t="shared" si="8"/>
        <v>4</v>
      </c>
      <c r="C318" s="3">
        <f t="shared" si="9"/>
        <v>2014</v>
      </c>
      <c r="D318" t="s">
        <v>469</v>
      </c>
      <c r="E318" t="s">
        <v>22</v>
      </c>
      <c r="F318" t="s">
        <v>10</v>
      </c>
      <c r="G318" t="s">
        <v>19</v>
      </c>
      <c r="H318" t="s">
        <v>470</v>
      </c>
      <c r="I318">
        <v>44.91</v>
      </c>
      <c r="J318">
        <v>6</v>
      </c>
      <c r="K318">
        <v>-35.93</v>
      </c>
    </row>
    <row r="319" spans="1:11" x14ac:dyDescent="0.3">
      <c r="A319" s="1">
        <v>41735</v>
      </c>
      <c r="B319" s="3">
        <f t="shared" si="8"/>
        <v>4</v>
      </c>
      <c r="C319" s="3">
        <f t="shared" si="9"/>
        <v>2014</v>
      </c>
      <c r="D319" t="s">
        <v>130</v>
      </c>
      <c r="E319" t="s">
        <v>22</v>
      </c>
      <c r="F319" t="s">
        <v>10</v>
      </c>
      <c r="G319" t="s">
        <v>199</v>
      </c>
      <c r="H319" t="s">
        <v>471</v>
      </c>
      <c r="I319">
        <v>10.3</v>
      </c>
      <c r="J319">
        <v>1</v>
      </c>
      <c r="K319">
        <v>-2.19</v>
      </c>
    </row>
    <row r="320" spans="1:11" x14ac:dyDescent="0.3">
      <c r="A320" s="1">
        <v>41735</v>
      </c>
      <c r="B320" s="3">
        <f t="shared" si="8"/>
        <v>4</v>
      </c>
      <c r="C320" s="3">
        <f t="shared" si="9"/>
        <v>2014</v>
      </c>
      <c r="D320" t="s">
        <v>130</v>
      </c>
      <c r="E320" t="s">
        <v>22</v>
      </c>
      <c r="F320" t="s">
        <v>33</v>
      </c>
      <c r="G320" t="s">
        <v>144</v>
      </c>
      <c r="H320" t="s">
        <v>472</v>
      </c>
      <c r="I320">
        <v>154.76</v>
      </c>
      <c r="J320">
        <v>3</v>
      </c>
      <c r="K320">
        <v>-36.11</v>
      </c>
    </row>
    <row r="321" spans="1:11" x14ac:dyDescent="0.3">
      <c r="A321" s="1">
        <v>41735</v>
      </c>
      <c r="B321" s="3">
        <f t="shared" si="8"/>
        <v>4</v>
      </c>
      <c r="C321" s="3">
        <f t="shared" si="9"/>
        <v>2014</v>
      </c>
      <c r="D321" t="s">
        <v>130</v>
      </c>
      <c r="E321" t="s">
        <v>22</v>
      </c>
      <c r="F321" t="s">
        <v>38</v>
      </c>
      <c r="G321" t="s">
        <v>51</v>
      </c>
      <c r="H321" t="s">
        <v>473</v>
      </c>
      <c r="I321">
        <v>116.78</v>
      </c>
      <c r="J321">
        <v>2</v>
      </c>
      <c r="K321">
        <v>21.9</v>
      </c>
    </row>
    <row r="322" spans="1:11" x14ac:dyDescent="0.3">
      <c r="A322" s="1">
        <v>41735</v>
      </c>
      <c r="B322" s="3">
        <f t="shared" ref="B322:B385" si="10">MONTH(A:A)</f>
        <v>4</v>
      </c>
      <c r="C322" s="3">
        <f t="shared" ref="C322:C385" si="11">YEAR(A:A)</f>
        <v>2014</v>
      </c>
      <c r="D322" t="s">
        <v>474</v>
      </c>
      <c r="E322" t="s">
        <v>163</v>
      </c>
      <c r="F322" t="s">
        <v>33</v>
      </c>
      <c r="G322" t="s">
        <v>144</v>
      </c>
      <c r="H322" t="s">
        <v>475</v>
      </c>
      <c r="I322">
        <v>653.54999999999995</v>
      </c>
      <c r="J322">
        <v>3</v>
      </c>
      <c r="K322">
        <v>111.1</v>
      </c>
    </row>
    <row r="323" spans="1:11" x14ac:dyDescent="0.3">
      <c r="A323" s="1">
        <v>41735</v>
      </c>
      <c r="B323" s="3">
        <f t="shared" si="10"/>
        <v>4</v>
      </c>
      <c r="C323" s="3">
        <f t="shared" si="11"/>
        <v>2014</v>
      </c>
      <c r="D323" t="s">
        <v>474</v>
      </c>
      <c r="E323" t="s">
        <v>163</v>
      </c>
      <c r="F323" t="s">
        <v>38</v>
      </c>
      <c r="G323" t="s">
        <v>51</v>
      </c>
      <c r="H323" t="s">
        <v>476</v>
      </c>
      <c r="I323">
        <v>33.9</v>
      </c>
      <c r="J323">
        <v>2</v>
      </c>
      <c r="K323">
        <v>2.0299999999999998</v>
      </c>
    </row>
    <row r="324" spans="1:11" x14ac:dyDescent="0.3">
      <c r="A324" s="1">
        <v>41735</v>
      </c>
      <c r="B324" s="3">
        <f t="shared" si="10"/>
        <v>4</v>
      </c>
      <c r="C324" s="3">
        <f t="shared" si="11"/>
        <v>2014</v>
      </c>
      <c r="D324" t="s">
        <v>477</v>
      </c>
      <c r="E324" t="s">
        <v>26</v>
      </c>
      <c r="F324" t="s">
        <v>33</v>
      </c>
      <c r="G324" t="s">
        <v>46</v>
      </c>
      <c r="H324" t="s">
        <v>478</v>
      </c>
      <c r="I324">
        <v>91.96</v>
      </c>
      <c r="J324">
        <v>2</v>
      </c>
      <c r="K324">
        <v>15.63</v>
      </c>
    </row>
    <row r="325" spans="1:11" x14ac:dyDescent="0.3">
      <c r="A325" s="1">
        <v>41735</v>
      </c>
      <c r="B325" s="3">
        <f t="shared" si="10"/>
        <v>4</v>
      </c>
      <c r="C325" s="3">
        <f t="shared" si="11"/>
        <v>2014</v>
      </c>
      <c r="D325" t="s">
        <v>477</v>
      </c>
      <c r="E325" t="s">
        <v>26</v>
      </c>
      <c r="F325" t="s">
        <v>33</v>
      </c>
      <c r="G325" t="s">
        <v>46</v>
      </c>
      <c r="H325" t="s">
        <v>479</v>
      </c>
      <c r="I325">
        <v>33.11</v>
      </c>
      <c r="J325">
        <v>7</v>
      </c>
      <c r="K325">
        <v>12.91</v>
      </c>
    </row>
    <row r="326" spans="1:11" x14ac:dyDescent="0.3">
      <c r="A326" s="1">
        <v>41735</v>
      </c>
      <c r="B326" s="3">
        <f t="shared" si="10"/>
        <v>4</v>
      </c>
      <c r="C326" s="3">
        <f t="shared" si="11"/>
        <v>2014</v>
      </c>
      <c r="D326" t="s">
        <v>477</v>
      </c>
      <c r="E326" t="s">
        <v>26</v>
      </c>
      <c r="F326" t="s">
        <v>10</v>
      </c>
      <c r="G326" t="s">
        <v>11</v>
      </c>
      <c r="H326" t="s">
        <v>480</v>
      </c>
      <c r="I326">
        <v>19.440000000000001</v>
      </c>
      <c r="J326">
        <v>3</v>
      </c>
      <c r="K326">
        <v>9.33</v>
      </c>
    </row>
    <row r="327" spans="1:11" x14ac:dyDescent="0.3">
      <c r="A327" s="1">
        <v>41735</v>
      </c>
      <c r="B327" s="3">
        <f t="shared" si="10"/>
        <v>4</v>
      </c>
      <c r="C327" s="3">
        <f t="shared" si="11"/>
        <v>2014</v>
      </c>
      <c r="D327" t="s">
        <v>477</v>
      </c>
      <c r="E327" t="s">
        <v>26</v>
      </c>
      <c r="F327" t="s">
        <v>10</v>
      </c>
      <c r="G327" t="s">
        <v>11</v>
      </c>
      <c r="H327" t="s">
        <v>481</v>
      </c>
      <c r="I327">
        <v>55.48</v>
      </c>
      <c r="J327">
        <v>1</v>
      </c>
      <c r="K327">
        <v>26.63</v>
      </c>
    </row>
    <row r="328" spans="1:11" x14ac:dyDescent="0.3">
      <c r="A328" s="1">
        <v>41735</v>
      </c>
      <c r="B328" s="3">
        <f t="shared" si="10"/>
        <v>4</v>
      </c>
      <c r="C328" s="3">
        <f t="shared" si="11"/>
        <v>2014</v>
      </c>
      <c r="D328" t="s">
        <v>482</v>
      </c>
      <c r="E328" t="s">
        <v>26</v>
      </c>
      <c r="F328" t="s">
        <v>10</v>
      </c>
      <c r="G328" t="s">
        <v>23</v>
      </c>
      <c r="H328" t="s">
        <v>483</v>
      </c>
      <c r="I328">
        <v>70.95</v>
      </c>
      <c r="J328">
        <v>3</v>
      </c>
      <c r="K328">
        <v>18.45</v>
      </c>
    </row>
    <row r="329" spans="1:11" x14ac:dyDescent="0.3">
      <c r="A329" s="1">
        <v>41735</v>
      </c>
      <c r="B329" s="3">
        <f t="shared" si="10"/>
        <v>4</v>
      </c>
      <c r="C329" s="3">
        <f t="shared" si="11"/>
        <v>2014</v>
      </c>
      <c r="D329" t="s">
        <v>482</v>
      </c>
      <c r="E329" t="s">
        <v>26</v>
      </c>
      <c r="F329" t="s">
        <v>10</v>
      </c>
      <c r="G329" t="s">
        <v>19</v>
      </c>
      <c r="H329" t="s">
        <v>484</v>
      </c>
      <c r="I329">
        <v>65.569999999999993</v>
      </c>
      <c r="J329">
        <v>2</v>
      </c>
      <c r="K329">
        <v>23.77</v>
      </c>
    </row>
    <row r="330" spans="1:11" x14ac:dyDescent="0.3">
      <c r="A330" s="1">
        <v>41735</v>
      </c>
      <c r="B330" s="3">
        <f t="shared" si="10"/>
        <v>4</v>
      </c>
      <c r="C330" s="3">
        <f t="shared" si="11"/>
        <v>2014</v>
      </c>
      <c r="D330" t="s">
        <v>482</v>
      </c>
      <c r="E330" t="s">
        <v>26</v>
      </c>
      <c r="F330" t="s">
        <v>38</v>
      </c>
      <c r="G330" t="s">
        <v>51</v>
      </c>
      <c r="H330" t="s">
        <v>485</v>
      </c>
      <c r="I330">
        <v>299.97000000000003</v>
      </c>
      <c r="J330">
        <v>3</v>
      </c>
      <c r="K330">
        <v>131.99</v>
      </c>
    </row>
    <row r="331" spans="1:11" x14ac:dyDescent="0.3">
      <c r="A331" s="1">
        <v>41736</v>
      </c>
      <c r="B331" s="3">
        <f t="shared" si="10"/>
        <v>4</v>
      </c>
      <c r="C331" s="3">
        <f t="shared" si="11"/>
        <v>2014</v>
      </c>
      <c r="D331" t="s">
        <v>486</v>
      </c>
      <c r="E331" t="s">
        <v>487</v>
      </c>
      <c r="F331" t="s">
        <v>33</v>
      </c>
      <c r="G331" t="s">
        <v>46</v>
      </c>
      <c r="H331" t="s">
        <v>488</v>
      </c>
      <c r="I331">
        <v>8.9600000000000009</v>
      </c>
      <c r="J331">
        <v>2</v>
      </c>
      <c r="K331">
        <v>2.78</v>
      </c>
    </row>
    <row r="332" spans="1:11" x14ac:dyDescent="0.3">
      <c r="A332" s="1">
        <v>41736</v>
      </c>
      <c r="B332" s="3">
        <f t="shared" si="10"/>
        <v>4</v>
      </c>
      <c r="C332" s="3">
        <f t="shared" si="11"/>
        <v>2014</v>
      </c>
      <c r="D332" t="s">
        <v>489</v>
      </c>
      <c r="E332" t="s">
        <v>69</v>
      </c>
      <c r="F332" t="s">
        <v>38</v>
      </c>
      <c r="G332" t="s">
        <v>39</v>
      </c>
      <c r="H332" t="s">
        <v>399</v>
      </c>
      <c r="I332">
        <v>629.95000000000005</v>
      </c>
      <c r="J332">
        <v>5</v>
      </c>
      <c r="K332">
        <v>163.79</v>
      </c>
    </row>
    <row r="333" spans="1:11" x14ac:dyDescent="0.3">
      <c r="A333" s="1">
        <v>41736</v>
      </c>
      <c r="B333" s="3">
        <f t="shared" si="10"/>
        <v>4</v>
      </c>
      <c r="C333" s="3">
        <f t="shared" si="11"/>
        <v>2014</v>
      </c>
      <c r="D333" t="s">
        <v>489</v>
      </c>
      <c r="E333" t="s">
        <v>69</v>
      </c>
      <c r="F333" t="s">
        <v>10</v>
      </c>
      <c r="G333" t="s">
        <v>11</v>
      </c>
      <c r="H333" t="s">
        <v>490</v>
      </c>
      <c r="I333">
        <v>122.97</v>
      </c>
      <c r="J333">
        <v>3</v>
      </c>
      <c r="K333">
        <v>60.26</v>
      </c>
    </row>
    <row r="334" spans="1:11" x14ac:dyDescent="0.3">
      <c r="A334" s="1">
        <v>41736</v>
      </c>
      <c r="B334" s="3">
        <f t="shared" si="10"/>
        <v>4</v>
      </c>
      <c r="C334" s="3">
        <f t="shared" si="11"/>
        <v>2014</v>
      </c>
      <c r="D334" t="s">
        <v>491</v>
      </c>
      <c r="E334" t="s">
        <v>29</v>
      </c>
      <c r="F334" t="s">
        <v>10</v>
      </c>
      <c r="G334" t="s">
        <v>11</v>
      </c>
      <c r="H334" t="s">
        <v>492</v>
      </c>
      <c r="I334">
        <v>58.32</v>
      </c>
      <c r="J334">
        <v>9</v>
      </c>
      <c r="K334">
        <v>27.99</v>
      </c>
    </row>
    <row r="335" spans="1:11" x14ac:dyDescent="0.3">
      <c r="A335" s="1">
        <v>41736</v>
      </c>
      <c r="B335" s="3">
        <f t="shared" si="10"/>
        <v>4</v>
      </c>
      <c r="C335" s="3">
        <f t="shared" si="11"/>
        <v>2014</v>
      </c>
      <c r="D335" t="s">
        <v>491</v>
      </c>
      <c r="E335" t="s">
        <v>29</v>
      </c>
      <c r="F335" t="s">
        <v>38</v>
      </c>
      <c r="G335" t="s">
        <v>39</v>
      </c>
      <c r="H335" t="s">
        <v>493</v>
      </c>
      <c r="I335">
        <v>200.97</v>
      </c>
      <c r="J335">
        <v>3</v>
      </c>
      <c r="K335">
        <v>50.24</v>
      </c>
    </row>
    <row r="336" spans="1:11" x14ac:dyDescent="0.3">
      <c r="A336" s="1">
        <v>41737</v>
      </c>
      <c r="B336" s="3">
        <f t="shared" si="10"/>
        <v>4</v>
      </c>
      <c r="C336" s="3">
        <f t="shared" si="11"/>
        <v>2014</v>
      </c>
      <c r="D336" t="s">
        <v>494</v>
      </c>
      <c r="E336" t="s">
        <v>94</v>
      </c>
      <c r="F336" t="s">
        <v>10</v>
      </c>
      <c r="G336" t="s">
        <v>42</v>
      </c>
      <c r="H336" t="s">
        <v>495</v>
      </c>
      <c r="I336">
        <v>2.37</v>
      </c>
      <c r="J336">
        <v>2</v>
      </c>
      <c r="K336">
        <v>0.83</v>
      </c>
    </row>
    <row r="337" spans="1:11" x14ac:dyDescent="0.3">
      <c r="A337" s="1">
        <v>41737</v>
      </c>
      <c r="B337" s="3">
        <f t="shared" si="10"/>
        <v>4</v>
      </c>
      <c r="C337" s="3">
        <f t="shared" si="11"/>
        <v>2014</v>
      </c>
      <c r="D337" t="s">
        <v>494</v>
      </c>
      <c r="E337" t="s">
        <v>94</v>
      </c>
      <c r="F337" t="s">
        <v>10</v>
      </c>
      <c r="G337" t="s">
        <v>11</v>
      </c>
      <c r="H337" t="s">
        <v>496</v>
      </c>
      <c r="I337">
        <v>19.010000000000002</v>
      </c>
      <c r="J337">
        <v>3</v>
      </c>
      <c r="K337">
        <v>6.89</v>
      </c>
    </row>
    <row r="338" spans="1:11" x14ac:dyDescent="0.3">
      <c r="A338" s="1">
        <v>41737</v>
      </c>
      <c r="B338" s="3">
        <f t="shared" si="10"/>
        <v>4</v>
      </c>
      <c r="C338" s="3">
        <f t="shared" si="11"/>
        <v>2014</v>
      </c>
      <c r="D338" t="s">
        <v>497</v>
      </c>
      <c r="E338" t="s">
        <v>487</v>
      </c>
      <c r="F338" t="s">
        <v>33</v>
      </c>
      <c r="G338" t="s">
        <v>144</v>
      </c>
      <c r="H338" t="s">
        <v>498</v>
      </c>
      <c r="I338">
        <v>1215.92</v>
      </c>
      <c r="J338">
        <v>8</v>
      </c>
      <c r="K338">
        <v>316.14</v>
      </c>
    </row>
    <row r="339" spans="1:11" x14ac:dyDescent="0.3">
      <c r="A339" s="1">
        <v>41737</v>
      </c>
      <c r="B339" s="3">
        <f t="shared" si="10"/>
        <v>4</v>
      </c>
      <c r="C339" s="3">
        <f t="shared" si="11"/>
        <v>2014</v>
      </c>
      <c r="D339" t="s">
        <v>499</v>
      </c>
      <c r="E339" t="s">
        <v>94</v>
      </c>
      <c r="F339" t="s">
        <v>10</v>
      </c>
      <c r="G339" t="s">
        <v>42</v>
      </c>
      <c r="H339" t="s">
        <v>43</v>
      </c>
      <c r="I339">
        <v>49.79</v>
      </c>
      <c r="J339">
        <v>8</v>
      </c>
      <c r="K339">
        <v>-11.83</v>
      </c>
    </row>
    <row r="340" spans="1:11" x14ac:dyDescent="0.3">
      <c r="A340" s="1">
        <v>41737</v>
      </c>
      <c r="B340" s="3">
        <f t="shared" si="10"/>
        <v>4</v>
      </c>
      <c r="C340" s="3">
        <f t="shared" si="11"/>
        <v>2014</v>
      </c>
      <c r="D340" t="s">
        <v>179</v>
      </c>
      <c r="E340" t="s">
        <v>26</v>
      </c>
      <c r="F340" t="s">
        <v>33</v>
      </c>
      <c r="G340" t="s">
        <v>144</v>
      </c>
      <c r="H340" t="s">
        <v>500</v>
      </c>
      <c r="I340">
        <v>99.59</v>
      </c>
      <c r="J340">
        <v>1</v>
      </c>
      <c r="K340">
        <v>2.4900000000000002</v>
      </c>
    </row>
    <row r="341" spans="1:11" x14ac:dyDescent="0.3">
      <c r="A341" s="1">
        <v>41737</v>
      </c>
      <c r="B341" s="3">
        <f t="shared" si="10"/>
        <v>4</v>
      </c>
      <c r="C341" s="3">
        <f t="shared" si="11"/>
        <v>2014</v>
      </c>
      <c r="D341" t="s">
        <v>179</v>
      </c>
      <c r="E341" t="s">
        <v>26</v>
      </c>
      <c r="F341" t="s">
        <v>38</v>
      </c>
      <c r="G341" t="s">
        <v>51</v>
      </c>
      <c r="H341" t="s">
        <v>501</v>
      </c>
      <c r="I341">
        <v>399.96</v>
      </c>
      <c r="J341">
        <v>4</v>
      </c>
      <c r="K341">
        <v>139.99</v>
      </c>
    </row>
    <row r="342" spans="1:11" x14ac:dyDescent="0.3">
      <c r="A342" s="1">
        <v>41737</v>
      </c>
      <c r="B342" s="3">
        <f t="shared" si="10"/>
        <v>4</v>
      </c>
      <c r="C342" s="3">
        <f t="shared" si="11"/>
        <v>2014</v>
      </c>
      <c r="D342" t="s">
        <v>502</v>
      </c>
      <c r="E342" t="s">
        <v>77</v>
      </c>
      <c r="F342" t="s">
        <v>33</v>
      </c>
      <c r="G342" t="s">
        <v>144</v>
      </c>
      <c r="H342" t="s">
        <v>503</v>
      </c>
      <c r="I342">
        <v>172.11</v>
      </c>
      <c r="J342">
        <v>1</v>
      </c>
      <c r="K342">
        <v>-94.66</v>
      </c>
    </row>
    <row r="343" spans="1:11" x14ac:dyDescent="0.3">
      <c r="A343" s="1">
        <v>41740</v>
      </c>
      <c r="B343" s="3">
        <f t="shared" si="10"/>
        <v>4</v>
      </c>
      <c r="C343" s="3">
        <f t="shared" si="11"/>
        <v>2014</v>
      </c>
      <c r="D343" t="s">
        <v>504</v>
      </c>
      <c r="E343" t="s">
        <v>122</v>
      </c>
      <c r="F343" t="s">
        <v>10</v>
      </c>
      <c r="G343" t="s">
        <v>42</v>
      </c>
      <c r="H343" t="s">
        <v>505</v>
      </c>
      <c r="I343">
        <v>6.91</v>
      </c>
      <c r="J343">
        <v>3</v>
      </c>
      <c r="K343">
        <v>2.33</v>
      </c>
    </row>
    <row r="344" spans="1:11" x14ac:dyDescent="0.3">
      <c r="A344" s="1">
        <v>41740</v>
      </c>
      <c r="B344" s="3">
        <f t="shared" si="10"/>
        <v>4</v>
      </c>
      <c r="C344" s="3">
        <f t="shared" si="11"/>
        <v>2014</v>
      </c>
      <c r="D344" t="s">
        <v>504</v>
      </c>
      <c r="E344" t="s">
        <v>122</v>
      </c>
      <c r="F344" t="s">
        <v>38</v>
      </c>
      <c r="G344" t="s">
        <v>51</v>
      </c>
      <c r="H344" t="s">
        <v>260</v>
      </c>
      <c r="I344">
        <v>383.98</v>
      </c>
      <c r="J344">
        <v>3</v>
      </c>
      <c r="K344">
        <v>81.59</v>
      </c>
    </row>
    <row r="345" spans="1:11" x14ac:dyDescent="0.3">
      <c r="A345" s="1">
        <v>41740</v>
      </c>
      <c r="B345" s="3">
        <f t="shared" si="10"/>
        <v>4</v>
      </c>
      <c r="C345" s="3">
        <f t="shared" si="11"/>
        <v>2014</v>
      </c>
      <c r="D345" t="s">
        <v>504</v>
      </c>
      <c r="E345" t="s">
        <v>122</v>
      </c>
      <c r="F345" t="s">
        <v>10</v>
      </c>
      <c r="G345" t="s">
        <v>11</v>
      </c>
      <c r="H345" t="s">
        <v>506</v>
      </c>
      <c r="I345">
        <v>10.37</v>
      </c>
      <c r="J345">
        <v>2</v>
      </c>
      <c r="K345">
        <v>3.63</v>
      </c>
    </row>
    <row r="346" spans="1:11" x14ac:dyDescent="0.3">
      <c r="A346" s="1">
        <v>41740</v>
      </c>
      <c r="B346" s="3">
        <f t="shared" si="10"/>
        <v>4</v>
      </c>
      <c r="C346" s="3">
        <f t="shared" si="11"/>
        <v>2014</v>
      </c>
      <c r="D346" t="s">
        <v>504</v>
      </c>
      <c r="E346" t="s">
        <v>122</v>
      </c>
      <c r="F346" t="s">
        <v>38</v>
      </c>
      <c r="G346" t="s">
        <v>51</v>
      </c>
      <c r="H346" t="s">
        <v>507</v>
      </c>
      <c r="I346">
        <v>335.94</v>
      </c>
      <c r="J346">
        <v>7</v>
      </c>
      <c r="K346">
        <v>41.99</v>
      </c>
    </row>
    <row r="347" spans="1:11" x14ac:dyDescent="0.3">
      <c r="A347" s="1">
        <v>41740</v>
      </c>
      <c r="B347" s="3">
        <f t="shared" si="10"/>
        <v>4</v>
      </c>
      <c r="C347" s="3">
        <f t="shared" si="11"/>
        <v>2014</v>
      </c>
      <c r="D347" t="s">
        <v>508</v>
      </c>
      <c r="E347" t="s">
        <v>509</v>
      </c>
      <c r="F347" t="s">
        <v>10</v>
      </c>
      <c r="G347" t="s">
        <v>19</v>
      </c>
      <c r="H347" t="s">
        <v>510</v>
      </c>
      <c r="I347">
        <v>9.58</v>
      </c>
      <c r="J347">
        <v>1</v>
      </c>
      <c r="K347">
        <v>3.35</v>
      </c>
    </row>
    <row r="348" spans="1:11" x14ac:dyDescent="0.3">
      <c r="A348" s="1">
        <v>41740</v>
      </c>
      <c r="B348" s="3">
        <f t="shared" si="10"/>
        <v>4</v>
      </c>
      <c r="C348" s="3">
        <f t="shared" si="11"/>
        <v>2014</v>
      </c>
      <c r="D348" t="s">
        <v>511</v>
      </c>
      <c r="E348" t="s">
        <v>9</v>
      </c>
      <c r="F348" t="s">
        <v>38</v>
      </c>
      <c r="G348" t="s">
        <v>39</v>
      </c>
      <c r="H348" t="s">
        <v>512</v>
      </c>
      <c r="I348">
        <v>758.35</v>
      </c>
      <c r="J348">
        <v>6</v>
      </c>
      <c r="K348">
        <v>265.42</v>
      </c>
    </row>
    <row r="349" spans="1:11" x14ac:dyDescent="0.3">
      <c r="A349" s="1">
        <v>41740</v>
      </c>
      <c r="B349" s="3">
        <f t="shared" si="10"/>
        <v>4</v>
      </c>
      <c r="C349" s="3">
        <f t="shared" si="11"/>
        <v>2014</v>
      </c>
      <c r="D349" t="s">
        <v>513</v>
      </c>
      <c r="E349" t="s">
        <v>514</v>
      </c>
      <c r="F349" t="s">
        <v>10</v>
      </c>
      <c r="G349" t="s">
        <v>17</v>
      </c>
      <c r="H349" t="s">
        <v>515</v>
      </c>
      <c r="I349">
        <v>87.08</v>
      </c>
      <c r="J349">
        <v>7</v>
      </c>
      <c r="K349">
        <v>24.38</v>
      </c>
    </row>
    <row r="350" spans="1:11" x14ac:dyDescent="0.3">
      <c r="A350" s="1">
        <v>41740</v>
      </c>
      <c r="B350" s="3">
        <f t="shared" si="10"/>
        <v>4</v>
      </c>
      <c r="C350" s="3">
        <f t="shared" si="11"/>
        <v>2014</v>
      </c>
      <c r="D350" t="s">
        <v>513</v>
      </c>
      <c r="E350" t="s">
        <v>514</v>
      </c>
      <c r="F350" t="s">
        <v>38</v>
      </c>
      <c r="G350" t="s">
        <v>39</v>
      </c>
      <c r="H350" t="s">
        <v>516</v>
      </c>
      <c r="I350">
        <v>105.58</v>
      </c>
      <c r="J350">
        <v>2</v>
      </c>
      <c r="K350">
        <v>9.24</v>
      </c>
    </row>
    <row r="351" spans="1:11" x14ac:dyDescent="0.3">
      <c r="A351" s="1">
        <v>41740</v>
      </c>
      <c r="B351" s="3">
        <f t="shared" si="10"/>
        <v>4</v>
      </c>
      <c r="C351" s="3">
        <f t="shared" si="11"/>
        <v>2014</v>
      </c>
      <c r="D351" t="s">
        <v>513</v>
      </c>
      <c r="E351" t="s">
        <v>514</v>
      </c>
      <c r="F351" t="s">
        <v>38</v>
      </c>
      <c r="G351" t="s">
        <v>51</v>
      </c>
      <c r="H351" t="s">
        <v>517</v>
      </c>
      <c r="I351">
        <v>217.44</v>
      </c>
      <c r="J351">
        <v>6</v>
      </c>
      <c r="K351">
        <v>91.32</v>
      </c>
    </row>
    <row r="352" spans="1:11" x14ac:dyDescent="0.3">
      <c r="A352" s="1">
        <v>41741</v>
      </c>
      <c r="B352" s="3">
        <f t="shared" si="10"/>
        <v>4</v>
      </c>
      <c r="C352" s="3">
        <f t="shared" si="11"/>
        <v>2014</v>
      </c>
      <c r="D352" t="s">
        <v>518</v>
      </c>
      <c r="E352" t="s">
        <v>26</v>
      </c>
      <c r="F352" t="s">
        <v>38</v>
      </c>
      <c r="G352" t="s">
        <v>39</v>
      </c>
      <c r="H352" t="s">
        <v>519</v>
      </c>
      <c r="I352">
        <v>1075.0899999999999</v>
      </c>
      <c r="J352">
        <v>14</v>
      </c>
      <c r="K352">
        <v>94.07</v>
      </c>
    </row>
    <row r="353" spans="1:11" x14ac:dyDescent="0.3">
      <c r="A353" s="1">
        <v>41741</v>
      </c>
      <c r="B353" s="3">
        <f t="shared" si="10"/>
        <v>4</v>
      </c>
      <c r="C353" s="3">
        <f t="shared" si="11"/>
        <v>2014</v>
      </c>
      <c r="D353" t="s">
        <v>518</v>
      </c>
      <c r="E353" t="s">
        <v>26</v>
      </c>
      <c r="F353" t="s">
        <v>38</v>
      </c>
      <c r="G353" t="s">
        <v>39</v>
      </c>
      <c r="H353" t="s">
        <v>520</v>
      </c>
      <c r="I353">
        <v>438.37</v>
      </c>
      <c r="J353">
        <v>4</v>
      </c>
      <c r="K353">
        <v>38.36</v>
      </c>
    </row>
    <row r="354" spans="1:11" x14ac:dyDescent="0.3">
      <c r="A354" s="1">
        <v>41741</v>
      </c>
      <c r="B354" s="3">
        <f t="shared" si="10"/>
        <v>4</v>
      </c>
      <c r="C354" s="3">
        <f t="shared" si="11"/>
        <v>2014</v>
      </c>
      <c r="D354" t="s">
        <v>518</v>
      </c>
      <c r="E354" t="s">
        <v>26</v>
      </c>
      <c r="F354" t="s">
        <v>10</v>
      </c>
      <c r="G354" t="s">
        <v>19</v>
      </c>
      <c r="H354" t="s">
        <v>521</v>
      </c>
      <c r="I354">
        <v>18.09</v>
      </c>
      <c r="J354">
        <v>7</v>
      </c>
      <c r="K354">
        <v>6.56</v>
      </c>
    </row>
    <row r="355" spans="1:11" x14ac:dyDescent="0.3">
      <c r="A355" s="1">
        <v>41741</v>
      </c>
      <c r="B355" s="3">
        <f t="shared" si="10"/>
        <v>4</v>
      </c>
      <c r="C355" s="3">
        <f t="shared" si="11"/>
        <v>2014</v>
      </c>
      <c r="D355" t="s">
        <v>518</v>
      </c>
      <c r="E355" t="s">
        <v>26</v>
      </c>
      <c r="F355" t="s">
        <v>33</v>
      </c>
      <c r="G355" t="s">
        <v>73</v>
      </c>
      <c r="H355" t="s">
        <v>411</v>
      </c>
      <c r="I355">
        <v>308.5</v>
      </c>
      <c r="J355">
        <v>3</v>
      </c>
      <c r="K355">
        <v>-18.149999999999999</v>
      </c>
    </row>
    <row r="356" spans="1:11" x14ac:dyDescent="0.3">
      <c r="A356" s="1">
        <v>41741</v>
      </c>
      <c r="B356" s="3">
        <f t="shared" si="10"/>
        <v>4</v>
      </c>
      <c r="C356" s="3">
        <f t="shared" si="11"/>
        <v>2014</v>
      </c>
      <c r="D356" t="s">
        <v>522</v>
      </c>
      <c r="E356" t="s">
        <v>128</v>
      </c>
      <c r="F356" t="s">
        <v>10</v>
      </c>
      <c r="G356" t="s">
        <v>11</v>
      </c>
      <c r="H356" t="s">
        <v>523</v>
      </c>
      <c r="I356">
        <v>32.4</v>
      </c>
      <c r="J356">
        <v>5</v>
      </c>
      <c r="K356">
        <v>15.55</v>
      </c>
    </row>
    <row r="357" spans="1:11" x14ac:dyDescent="0.3">
      <c r="A357" s="1">
        <v>41741</v>
      </c>
      <c r="B357" s="3">
        <f t="shared" si="10"/>
        <v>4</v>
      </c>
      <c r="C357" s="3">
        <f t="shared" si="11"/>
        <v>2014</v>
      </c>
      <c r="D357" t="s">
        <v>524</v>
      </c>
      <c r="E357" t="s">
        <v>26</v>
      </c>
      <c r="F357" t="s">
        <v>10</v>
      </c>
      <c r="G357" t="s">
        <v>23</v>
      </c>
      <c r="H357" t="s">
        <v>525</v>
      </c>
      <c r="I357">
        <v>39.68</v>
      </c>
      <c r="J357">
        <v>2</v>
      </c>
      <c r="K357">
        <v>16.27</v>
      </c>
    </row>
    <row r="358" spans="1:11" x14ac:dyDescent="0.3">
      <c r="A358" s="1">
        <v>41742</v>
      </c>
      <c r="B358" s="3">
        <f t="shared" si="10"/>
        <v>4</v>
      </c>
      <c r="C358" s="3">
        <f t="shared" si="11"/>
        <v>2014</v>
      </c>
      <c r="D358" t="s">
        <v>386</v>
      </c>
      <c r="E358" t="s">
        <v>22</v>
      </c>
      <c r="F358" t="s">
        <v>10</v>
      </c>
      <c r="G358" t="s">
        <v>23</v>
      </c>
      <c r="H358" t="s">
        <v>526</v>
      </c>
      <c r="I358">
        <v>17.86</v>
      </c>
      <c r="J358">
        <v>4</v>
      </c>
      <c r="K358">
        <v>1.1200000000000001</v>
      </c>
    </row>
    <row r="359" spans="1:11" x14ac:dyDescent="0.3">
      <c r="A359" s="1">
        <v>41742</v>
      </c>
      <c r="B359" s="3">
        <f t="shared" si="10"/>
        <v>4</v>
      </c>
      <c r="C359" s="3">
        <f t="shared" si="11"/>
        <v>2014</v>
      </c>
      <c r="D359" t="s">
        <v>386</v>
      </c>
      <c r="E359" t="s">
        <v>22</v>
      </c>
      <c r="F359" t="s">
        <v>10</v>
      </c>
      <c r="G359" t="s">
        <v>19</v>
      </c>
      <c r="H359" t="s">
        <v>527</v>
      </c>
      <c r="I359">
        <v>509.97</v>
      </c>
      <c r="J359">
        <v>10</v>
      </c>
      <c r="K359">
        <v>-407.98</v>
      </c>
    </row>
    <row r="360" spans="1:11" x14ac:dyDescent="0.3">
      <c r="A360" s="1">
        <v>41742</v>
      </c>
      <c r="B360" s="3">
        <f t="shared" si="10"/>
        <v>4</v>
      </c>
      <c r="C360" s="3">
        <f t="shared" si="11"/>
        <v>2014</v>
      </c>
      <c r="D360" t="s">
        <v>386</v>
      </c>
      <c r="E360" t="s">
        <v>22</v>
      </c>
      <c r="F360" t="s">
        <v>10</v>
      </c>
      <c r="G360" t="s">
        <v>42</v>
      </c>
      <c r="H360" t="s">
        <v>159</v>
      </c>
      <c r="I360">
        <v>30.99</v>
      </c>
      <c r="J360">
        <v>13</v>
      </c>
      <c r="K360">
        <v>10.07</v>
      </c>
    </row>
    <row r="361" spans="1:11" x14ac:dyDescent="0.3">
      <c r="A361" s="1">
        <v>41742</v>
      </c>
      <c r="B361" s="3">
        <f t="shared" si="10"/>
        <v>4</v>
      </c>
      <c r="C361" s="3">
        <f t="shared" si="11"/>
        <v>2014</v>
      </c>
      <c r="D361" t="s">
        <v>386</v>
      </c>
      <c r="E361" t="s">
        <v>22</v>
      </c>
      <c r="F361" t="s">
        <v>38</v>
      </c>
      <c r="G361" t="s">
        <v>39</v>
      </c>
      <c r="H361" t="s">
        <v>528</v>
      </c>
      <c r="I361">
        <v>71.930000000000007</v>
      </c>
      <c r="J361">
        <v>12</v>
      </c>
      <c r="K361">
        <v>8.39</v>
      </c>
    </row>
    <row r="362" spans="1:11" x14ac:dyDescent="0.3">
      <c r="A362" s="1">
        <v>41742</v>
      </c>
      <c r="B362" s="3">
        <f t="shared" si="10"/>
        <v>4</v>
      </c>
      <c r="C362" s="3">
        <f t="shared" si="11"/>
        <v>2014</v>
      </c>
      <c r="D362" t="s">
        <v>529</v>
      </c>
      <c r="E362" t="s">
        <v>530</v>
      </c>
      <c r="F362" t="s">
        <v>10</v>
      </c>
      <c r="G362" t="s">
        <v>15</v>
      </c>
      <c r="H362" t="s">
        <v>531</v>
      </c>
      <c r="I362">
        <v>7.83</v>
      </c>
      <c r="J362">
        <v>3</v>
      </c>
      <c r="K362">
        <v>3.6</v>
      </c>
    </row>
    <row r="363" spans="1:11" x14ac:dyDescent="0.3">
      <c r="A363" s="1">
        <v>41744</v>
      </c>
      <c r="B363" s="3">
        <f t="shared" si="10"/>
        <v>4</v>
      </c>
      <c r="C363" s="3">
        <f t="shared" si="11"/>
        <v>2014</v>
      </c>
      <c r="D363" t="s">
        <v>532</v>
      </c>
      <c r="E363" t="s">
        <v>26</v>
      </c>
      <c r="F363" t="s">
        <v>10</v>
      </c>
      <c r="G363" t="s">
        <v>91</v>
      </c>
      <c r="H363" t="s">
        <v>533</v>
      </c>
      <c r="I363">
        <v>106.96</v>
      </c>
      <c r="J363">
        <v>2</v>
      </c>
      <c r="K363">
        <v>31.02</v>
      </c>
    </row>
    <row r="364" spans="1:11" x14ac:dyDescent="0.3">
      <c r="A364" s="1">
        <v>41744</v>
      </c>
      <c r="B364" s="3">
        <f t="shared" si="10"/>
        <v>4</v>
      </c>
      <c r="C364" s="3">
        <f t="shared" si="11"/>
        <v>2014</v>
      </c>
      <c r="D364" t="s">
        <v>532</v>
      </c>
      <c r="E364" t="s">
        <v>26</v>
      </c>
      <c r="F364" t="s">
        <v>33</v>
      </c>
      <c r="G364" t="s">
        <v>46</v>
      </c>
      <c r="H364" t="s">
        <v>534</v>
      </c>
      <c r="I364">
        <v>187.76</v>
      </c>
      <c r="J364">
        <v>4</v>
      </c>
      <c r="K364">
        <v>76.98</v>
      </c>
    </row>
    <row r="365" spans="1:11" x14ac:dyDescent="0.3">
      <c r="A365" s="1">
        <v>41745</v>
      </c>
      <c r="B365" s="3">
        <f t="shared" si="10"/>
        <v>4</v>
      </c>
      <c r="C365" s="3">
        <f t="shared" si="11"/>
        <v>2014</v>
      </c>
      <c r="D365" t="s">
        <v>535</v>
      </c>
      <c r="E365" t="s">
        <v>244</v>
      </c>
      <c r="F365" t="s">
        <v>10</v>
      </c>
      <c r="G365" t="s">
        <v>23</v>
      </c>
      <c r="H365" t="s">
        <v>24</v>
      </c>
      <c r="I365">
        <v>39.07</v>
      </c>
      <c r="J365">
        <v>6</v>
      </c>
      <c r="K365">
        <v>9.77</v>
      </c>
    </row>
    <row r="366" spans="1:11" x14ac:dyDescent="0.3">
      <c r="A366" s="1">
        <v>41747</v>
      </c>
      <c r="B366" s="3">
        <f t="shared" si="10"/>
        <v>4</v>
      </c>
      <c r="C366" s="3">
        <f t="shared" si="11"/>
        <v>2014</v>
      </c>
      <c r="D366" t="s">
        <v>536</v>
      </c>
      <c r="E366" t="s">
        <v>26</v>
      </c>
      <c r="F366" t="s">
        <v>38</v>
      </c>
      <c r="G366" t="s">
        <v>301</v>
      </c>
      <c r="H366" t="s">
        <v>537</v>
      </c>
      <c r="I366">
        <v>287.97000000000003</v>
      </c>
      <c r="J366">
        <v>4</v>
      </c>
      <c r="K366">
        <v>97.19</v>
      </c>
    </row>
    <row r="367" spans="1:11" x14ac:dyDescent="0.3">
      <c r="A367" s="1">
        <v>41747</v>
      </c>
      <c r="B367" s="3">
        <f t="shared" si="10"/>
        <v>4</v>
      </c>
      <c r="C367" s="3">
        <f t="shared" si="11"/>
        <v>2014</v>
      </c>
      <c r="D367" t="s">
        <v>536</v>
      </c>
      <c r="E367" t="s">
        <v>26</v>
      </c>
      <c r="F367" t="s">
        <v>10</v>
      </c>
      <c r="G367" t="s">
        <v>23</v>
      </c>
      <c r="H367" t="s">
        <v>102</v>
      </c>
      <c r="I367">
        <v>13.12</v>
      </c>
      <c r="J367">
        <v>4</v>
      </c>
      <c r="K367">
        <v>3.8</v>
      </c>
    </row>
    <row r="368" spans="1:11" x14ac:dyDescent="0.3">
      <c r="A368" s="1">
        <v>41747</v>
      </c>
      <c r="B368" s="3">
        <f t="shared" si="10"/>
        <v>4</v>
      </c>
      <c r="C368" s="3">
        <f t="shared" si="11"/>
        <v>2014</v>
      </c>
      <c r="D368" t="s">
        <v>536</v>
      </c>
      <c r="E368" t="s">
        <v>26</v>
      </c>
      <c r="F368" t="s">
        <v>10</v>
      </c>
      <c r="G368" t="s">
        <v>23</v>
      </c>
      <c r="H368" t="s">
        <v>538</v>
      </c>
      <c r="I368">
        <v>10.75</v>
      </c>
      <c r="J368">
        <v>5</v>
      </c>
      <c r="K368">
        <v>3.55</v>
      </c>
    </row>
    <row r="369" spans="1:11" x14ac:dyDescent="0.3">
      <c r="A369" s="1">
        <v>41747</v>
      </c>
      <c r="B369" s="3">
        <f t="shared" si="10"/>
        <v>4</v>
      </c>
      <c r="C369" s="3">
        <f t="shared" si="11"/>
        <v>2014</v>
      </c>
      <c r="D369" t="s">
        <v>536</v>
      </c>
      <c r="E369" t="s">
        <v>26</v>
      </c>
      <c r="F369" t="s">
        <v>10</v>
      </c>
      <c r="G369" t="s">
        <v>42</v>
      </c>
      <c r="H369" t="s">
        <v>539</v>
      </c>
      <c r="I369">
        <v>11.62</v>
      </c>
      <c r="J369">
        <v>2</v>
      </c>
      <c r="K369">
        <v>3.6</v>
      </c>
    </row>
    <row r="370" spans="1:11" x14ac:dyDescent="0.3">
      <c r="A370" s="1">
        <v>41747</v>
      </c>
      <c r="B370" s="3">
        <f t="shared" si="10"/>
        <v>4</v>
      </c>
      <c r="C370" s="3">
        <f t="shared" si="11"/>
        <v>2014</v>
      </c>
      <c r="D370" t="s">
        <v>404</v>
      </c>
      <c r="E370" t="s">
        <v>9</v>
      </c>
      <c r="F370" t="s">
        <v>10</v>
      </c>
      <c r="G370" t="s">
        <v>23</v>
      </c>
      <c r="H370" t="s">
        <v>540</v>
      </c>
      <c r="I370">
        <v>2.69</v>
      </c>
      <c r="J370">
        <v>2</v>
      </c>
      <c r="K370">
        <v>1.01</v>
      </c>
    </row>
    <row r="371" spans="1:11" x14ac:dyDescent="0.3">
      <c r="A371" s="1">
        <v>41747</v>
      </c>
      <c r="B371" s="3">
        <f t="shared" si="10"/>
        <v>4</v>
      </c>
      <c r="C371" s="3">
        <f t="shared" si="11"/>
        <v>2014</v>
      </c>
      <c r="D371" t="s">
        <v>404</v>
      </c>
      <c r="E371" t="s">
        <v>9</v>
      </c>
      <c r="F371" t="s">
        <v>33</v>
      </c>
      <c r="G371" t="s">
        <v>34</v>
      </c>
      <c r="H371" t="s">
        <v>541</v>
      </c>
      <c r="I371">
        <v>317.06</v>
      </c>
      <c r="J371">
        <v>3</v>
      </c>
      <c r="K371">
        <v>-18.12</v>
      </c>
    </row>
    <row r="372" spans="1:11" x14ac:dyDescent="0.3">
      <c r="A372" s="1">
        <v>41747</v>
      </c>
      <c r="B372" s="3">
        <f t="shared" si="10"/>
        <v>4</v>
      </c>
      <c r="C372" s="3">
        <f t="shared" si="11"/>
        <v>2014</v>
      </c>
      <c r="D372" t="s">
        <v>404</v>
      </c>
      <c r="E372" t="s">
        <v>9</v>
      </c>
      <c r="F372" t="s">
        <v>10</v>
      </c>
      <c r="G372" t="s">
        <v>62</v>
      </c>
      <c r="H372" t="s">
        <v>542</v>
      </c>
      <c r="I372">
        <v>149.35</v>
      </c>
      <c r="J372">
        <v>3</v>
      </c>
      <c r="K372">
        <v>50.41</v>
      </c>
    </row>
    <row r="373" spans="1:11" x14ac:dyDescent="0.3">
      <c r="A373" s="1">
        <v>41747</v>
      </c>
      <c r="B373" s="3">
        <f t="shared" si="10"/>
        <v>4</v>
      </c>
      <c r="C373" s="3">
        <f t="shared" si="11"/>
        <v>2014</v>
      </c>
      <c r="D373" t="s">
        <v>404</v>
      </c>
      <c r="E373" t="s">
        <v>9</v>
      </c>
      <c r="F373" t="s">
        <v>38</v>
      </c>
      <c r="G373" t="s">
        <v>51</v>
      </c>
      <c r="H373" t="s">
        <v>543</v>
      </c>
      <c r="I373">
        <v>227.98</v>
      </c>
      <c r="J373">
        <v>3</v>
      </c>
      <c r="K373">
        <v>28.5</v>
      </c>
    </row>
    <row r="374" spans="1:11" x14ac:dyDescent="0.3">
      <c r="A374" s="1">
        <v>41748</v>
      </c>
      <c r="B374" s="3">
        <f t="shared" si="10"/>
        <v>4</v>
      </c>
      <c r="C374" s="3">
        <f t="shared" si="11"/>
        <v>2014</v>
      </c>
      <c r="D374" t="s">
        <v>544</v>
      </c>
      <c r="E374" t="s">
        <v>26</v>
      </c>
      <c r="F374" t="s">
        <v>33</v>
      </c>
      <c r="G374" t="s">
        <v>46</v>
      </c>
      <c r="H374" t="s">
        <v>545</v>
      </c>
      <c r="I374">
        <v>76.14</v>
      </c>
      <c r="J374">
        <v>3</v>
      </c>
      <c r="K374">
        <v>26.65</v>
      </c>
    </row>
    <row r="375" spans="1:11" x14ac:dyDescent="0.3">
      <c r="A375" s="1">
        <v>41748</v>
      </c>
      <c r="B375" s="3">
        <f t="shared" si="10"/>
        <v>4</v>
      </c>
      <c r="C375" s="3">
        <f t="shared" si="11"/>
        <v>2014</v>
      </c>
      <c r="D375" t="s">
        <v>546</v>
      </c>
      <c r="E375" t="s">
        <v>54</v>
      </c>
      <c r="F375" t="s">
        <v>10</v>
      </c>
      <c r="G375" t="s">
        <v>19</v>
      </c>
      <c r="H375" t="s">
        <v>547</v>
      </c>
      <c r="I375">
        <v>58.05</v>
      </c>
      <c r="J375">
        <v>3</v>
      </c>
      <c r="K375">
        <v>26.7</v>
      </c>
    </row>
    <row r="376" spans="1:11" x14ac:dyDescent="0.3">
      <c r="A376" s="1">
        <v>41748</v>
      </c>
      <c r="B376" s="3">
        <f t="shared" si="10"/>
        <v>4</v>
      </c>
      <c r="C376" s="3">
        <f t="shared" si="11"/>
        <v>2014</v>
      </c>
      <c r="D376" t="s">
        <v>546</v>
      </c>
      <c r="E376" t="s">
        <v>54</v>
      </c>
      <c r="F376" t="s">
        <v>10</v>
      </c>
      <c r="G376" t="s">
        <v>11</v>
      </c>
      <c r="H376" t="s">
        <v>548</v>
      </c>
      <c r="I376">
        <v>71.28</v>
      </c>
      <c r="J376">
        <v>11</v>
      </c>
      <c r="K376">
        <v>34.21</v>
      </c>
    </row>
    <row r="377" spans="1:11" x14ac:dyDescent="0.3">
      <c r="A377" s="1">
        <v>41749</v>
      </c>
      <c r="B377" s="3">
        <f t="shared" si="10"/>
        <v>4</v>
      </c>
      <c r="C377" s="3">
        <f t="shared" si="11"/>
        <v>2014</v>
      </c>
      <c r="D377" t="s">
        <v>57</v>
      </c>
      <c r="E377" t="s">
        <v>9</v>
      </c>
      <c r="F377" t="s">
        <v>33</v>
      </c>
      <c r="G377" t="s">
        <v>144</v>
      </c>
      <c r="H377" t="s">
        <v>549</v>
      </c>
      <c r="I377">
        <v>744.1</v>
      </c>
      <c r="J377">
        <v>5</v>
      </c>
      <c r="K377">
        <v>-95.67</v>
      </c>
    </row>
    <row r="378" spans="1:11" x14ac:dyDescent="0.3">
      <c r="A378" s="1">
        <v>41749</v>
      </c>
      <c r="B378" s="3">
        <f t="shared" si="10"/>
        <v>4</v>
      </c>
      <c r="C378" s="3">
        <f t="shared" si="11"/>
        <v>2014</v>
      </c>
      <c r="D378" t="s">
        <v>57</v>
      </c>
      <c r="E378" t="s">
        <v>9</v>
      </c>
      <c r="F378" t="s">
        <v>10</v>
      </c>
      <c r="G378" t="s">
        <v>17</v>
      </c>
      <c r="H378" t="s">
        <v>550</v>
      </c>
      <c r="I378">
        <v>44.84</v>
      </c>
      <c r="J378">
        <v>5</v>
      </c>
      <c r="K378">
        <v>5.61</v>
      </c>
    </row>
    <row r="379" spans="1:11" x14ac:dyDescent="0.3">
      <c r="A379" s="1">
        <v>41749</v>
      </c>
      <c r="B379" s="3">
        <f t="shared" si="10"/>
        <v>4</v>
      </c>
      <c r="C379" s="3">
        <f t="shared" si="11"/>
        <v>2014</v>
      </c>
      <c r="D379" t="s">
        <v>57</v>
      </c>
      <c r="E379" t="s">
        <v>9</v>
      </c>
      <c r="F379" t="s">
        <v>33</v>
      </c>
      <c r="G379" t="s">
        <v>144</v>
      </c>
      <c r="H379" t="s">
        <v>503</v>
      </c>
      <c r="I379">
        <v>401.59</v>
      </c>
      <c r="J379">
        <v>2</v>
      </c>
      <c r="K379">
        <v>-131.94999999999999</v>
      </c>
    </row>
    <row r="380" spans="1:11" x14ac:dyDescent="0.3">
      <c r="A380" s="1">
        <v>41749</v>
      </c>
      <c r="B380" s="3">
        <f t="shared" si="10"/>
        <v>4</v>
      </c>
      <c r="C380" s="3">
        <f t="shared" si="11"/>
        <v>2014</v>
      </c>
      <c r="D380" t="s">
        <v>551</v>
      </c>
      <c r="E380" t="s">
        <v>26</v>
      </c>
      <c r="F380" t="s">
        <v>33</v>
      </c>
      <c r="G380" t="s">
        <v>46</v>
      </c>
      <c r="H380" t="s">
        <v>552</v>
      </c>
      <c r="I380">
        <v>59.92</v>
      </c>
      <c r="J380">
        <v>4</v>
      </c>
      <c r="K380">
        <v>27.56</v>
      </c>
    </row>
    <row r="381" spans="1:11" x14ac:dyDescent="0.3">
      <c r="A381" s="1">
        <v>41750</v>
      </c>
      <c r="B381" s="3">
        <f t="shared" si="10"/>
        <v>4</v>
      </c>
      <c r="C381" s="3">
        <f t="shared" si="11"/>
        <v>2014</v>
      </c>
      <c r="D381" t="s">
        <v>553</v>
      </c>
      <c r="E381" t="s">
        <v>26</v>
      </c>
      <c r="F381" t="s">
        <v>10</v>
      </c>
      <c r="G381" t="s">
        <v>19</v>
      </c>
      <c r="H381" t="s">
        <v>554</v>
      </c>
      <c r="I381">
        <v>16.52</v>
      </c>
      <c r="J381">
        <v>5</v>
      </c>
      <c r="K381">
        <v>5.58</v>
      </c>
    </row>
    <row r="382" spans="1:11" x14ac:dyDescent="0.3">
      <c r="A382" s="1">
        <v>41750</v>
      </c>
      <c r="B382" s="3">
        <f t="shared" si="10"/>
        <v>4</v>
      </c>
      <c r="C382" s="3">
        <f t="shared" si="11"/>
        <v>2014</v>
      </c>
      <c r="D382" t="s">
        <v>555</v>
      </c>
      <c r="E382" t="s">
        <v>32</v>
      </c>
      <c r="F382" t="s">
        <v>10</v>
      </c>
      <c r="G382" t="s">
        <v>17</v>
      </c>
      <c r="H382" t="s">
        <v>556</v>
      </c>
      <c r="I382">
        <v>828.84</v>
      </c>
      <c r="J382">
        <v>6</v>
      </c>
      <c r="K382">
        <v>0</v>
      </c>
    </row>
    <row r="383" spans="1:11" x14ac:dyDescent="0.3">
      <c r="A383" s="1">
        <v>41751</v>
      </c>
      <c r="B383" s="3">
        <f t="shared" si="10"/>
        <v>4</v>
      </c>
      <c r="C383" s="3">
        <f t="shared" si="11"/>
        <v>2014</v>
      </c>
      <c r="D383" t="s">
        <v>557</v>
      </c>
      <c r="E383" t="s">
        <v>148</v>
      </c>
      <c r="F383" t="s">
        <v>10</v>
      </c>
      <c r="G383" t="s">
        <v>62</v>
      </c>
      <c r="H383" t="s">
        <v>63</v>
      </c>
      <c r="I383">
        <v>247.84</v>
      </c>
      <c r="J383">
        <v>8</v>
      </c>
      <c r="K383">
        <v>121.44</v>
      </c>
    </row>
    <row r="384" spans="1:11" x14ac:dyDescent="0.3">
      <c r="A384" s="1">
        <v>41751</v>
      </c>
      <c r="B384" s="3">
        <f t="shared" si="10"/>
        <v>4</v>
      </c>
      <c r="C384" s="3">
        <f t="shared" si="11"/>
        <v>2014</v>
      </c>
      <c r="D384" t="s">
        <v>557</v>
      </c>
      <c r="E384" t="s">
        <v>148</v>
      </c>
      <c r="F384" t="s">
        <v>10</v>
      </c>
      <c r="G384" t="s">
        <v>19</v>
      </c>
      <c r="H384" t="s">
        <v>558</v>
      </c>
      <c r="I384">
        <v>9.91</v>
      </c>
      <c r="J384">
        <v>3</v>
      </c>
      <c r="K384">
        <v>3.35</v>
      </c>
    </row>
    <row r="385" spans="1:11" x14ac:dyDescent="0.3">
      <c r="A385" s="1">
        <v>41752</v>
      </c>
      <c r="B385" s="3">
        <f t="shared" si="10"/>
        <v>4</v>
      </c>
      <c r="C385" s="3">
        <f t="shared" si="11"/>
        <v>2014</v>
      </c>
      <c r="D385" t="s">
        <v>559</v>
      </c>
      <c r="E385" t="s">
        <v>22</v>
      </c>
      <c r="F385" t="s">
        <v>10</v>
      </c>
      <c r="G385" t="s">
        <v>19</v>
      </c>
      <c r="H385" t="s">
        <v>560</v>
      </c>
      <c r="I385">
        <v>2.5</v>
      </c>
      <c r="J385">
        <v>3</v>
      </c>
      <c r="K385">
        <v>-1.75</v>
      </c>
    </row>
    <row r="386" spans="1:11" x14ac:dyDescent="0.3">
      <c r="A386" s="1">
        <v>41752</v>
      </c>
      <c r="B386" s="3">
        <f t="shared" ref="B386:B449" si="12">MONTH(A:A)</f>
        <v>4</v>
      </c>
      <c r="C386" s="3">
        <f t="shared" ref="C386:C449" si="13">YEAR(A:A)</f>
        <v>2014</v>
      </c>
      <c r="D386" t="s">
        <v>561</v>
      </c>
      <c r="E386" t="s">
        <v>77</v>
      </c>
      <c r="F386" t="s">
        <v>33</v>
      </c>
      <c r="G386" t="s">
        <v>34</v>
      </c>
      <c r="H386" t="s">
        <v>429</v>
      </c>
      <c r="I386">
        <v>281.37</v>
      </c>
      <c r="J386">
        <v>2</v>
      </c>
      <c r="K386">
        <v>-12.06</v>
      </c>
    </row>
    <row r="387" spans="1:11" x14ac:dyDescent="0.3">
      <c r="A387" s="1">
        <v>41752</v>
      </c>
      <c r="B387" s="3">
        <f t="shared" si="12"/>
        <v>4</v>
      </c>
      <c r="C387" s="3">
        <f t="shared" si="13"/>
        <v>2014</v>
      </c>
      <c r="D387" t="s">
        <v>561</v>
      </c>
      <c r="E387" t="s">
        <v>77</v>
      </c>
      <c r="F387" t="s">
        <v>10</v>
      </c>
      <c r="G387" t="s">
        <v>19</v>
      </c>
      <c r="H387" t="s">
        <v>435</v>
      </c>
      <c r="I387">
        <v>7.49</v>
      </c>
      <c r="J387">
        <v>8</v>
      </c>
      <c r="K387">
        <v>-5.24</v>
      </c>
    </row>
    <row r="388" spans="1:11" x14ac:dyDescent="0.3">
      <c r="A388" s="1">
        <v>41752</v>
      </c>
      <c r="B388" s="3">
        <f t="shared" si="12"/>
        <v>4</v>
      </c>
      <c r="C388" s="3">
        <f t="shared" si="13"/>
        <v>2014</v>
      </c>
      <c r="D388" t="s">
        <v>561</v>
      </c>
      <c r="E388" t="s">
        <v>77</v>
      </c>
      <c r="F388" t="s">
        <v>33</v>
      </c>
      <c r="G388" t="s">
        <v>46</v>
      </c>
      <c r="H388" t="s">
        <v>562</v>
      </c>
      <c r="I388">
        <v>22.34</v>
      </c>
      <c r="J388">
        <v>4</v>
      </c>
      <c r="K388">
        <v>7.82</v>
      </c>
    </row>
    <row r="389" spans="1:11" x14ac:dyDescent="0.3">
      <c r="A389" s="1">
        <v>41752</v>
      </c>
      <c r="B389" s="3">
        <f t="shared" si="12"/>
        <v>4</v>
      </c>
      <c r="C389" s="3">
        <f t="shared" si="13"/>
        <v>2014</v>
      </c>
      <c r="D389" t="s">
        <v>179</v>
      </c>
      <c r="E389" t="s">
        <v>26</v>
      </c>
      <c r="F389" t="s">
        <v>10</v>
      </c>
      <c r="G389" t="s">
        <v>11</v>
      </c>
      <c r="H389" t="s">
        <v>263</v>
      </c>
      <c r="I389">
        <v>48.91</v>
      </c>
      <c r="J389">
        <v>1</v>
      </c>
      <c r="K389">
        <v>22.99</v>
      </c>
    </row>
    <row r="390" spans="1:11" x14ac:dyDescent="0.3">
      <c r="A390" s="1">
        <v>41754</v>
      </c>
      <c r="B390" s="3">
        <f t="shared" si="12"/>
        <v>4</v>
      </c>
      <c r="C390" s="3">
        <f t="shared" si="13"/>
        <v>2014</v>
      </c>
      <c r="D390" t="s">
        <v>563</v>
      </c>
      <c r="E390" t="s">
        <v>9</v>
      </c>
      <c r="F390" t="s">
        <v>10</v>
      </c>
      <c r="G390" t="s">
        <v>11</v>
      </c>
      <c r="H390" t="s">
        <v>564</v>
      </c>
      <c r="I390">
        <v>10.37</v>
      </c>
      <c r="J390">
        <v>2</v>
      </c>
      <c r="K390">
        <v>3.63</v>
      </c>
    </row>
    <row r="391" spans="1:11" x14ac:dyDescent="0.3">
      <c r="A391" s="1">
        <v>41754</v>
      </c>
      <c r="B391" s="3">
        <f t="shared" si="12"/>
        <v>4</v>
      </c>
      <c r="C391" s="3">
        <f t="shared" si="13"/>
        <v>2014</v>
      </c>
      <c r="D391" t="s">
        <v>563</v>
      </c>
      <c r="E391" t="s">
        <v>9</v>
      </c>
      <c r="F391" t="s">
        <v>10</v>
      </c>
      <c r="G391" t="s">
        <v>23</v>
      </c>
      <c r="H391" t="s">
        <v>565</v>
      </c>
      <c r="I391">
        <v>6.24</v>
      </c>
      <c r="J391">
        <v>3</v>
      </c>
      <c r="K391">
        <v>0.55000000000000004</v>
      </c>
    </row>
    <row r="392" spans="1:11" x14ac:dyDescent="0.3">
      <c r="A392" s="1">
        <v>41754</v>
      </c>
      <c r="B392" s="3">
        <f t="shared" si="12"/>
        <v>4</v>
      </c>
      <c r="C392" s="3">
        <f t="shared" si="13"/>
        <v>2014</v>
      </c>
      <c r="D392" t="s">
        <v>566</v>
      </c>
      <c r="E392" t="s">
        <v>244</v>
      </c>
      <c r="F392" t="s">
        <v>38</v>
      </c>
      <c r="G392" t="s">
        <v>39</v>
      </c>
      <c r="H392" t="s">
        <v>567</v>
      </c>
      <c r="I392">
        <v>302.38</v>
      </c>
      <c r="J392">
        <v>3</v>
      </c>
      <c r="K392">
        <v>37.799999999999997</v>
      </c>
    </row>
    <row r="393" spans="1:11" x14ac:dyDescent="0.3">
      <c r="A393" s="1">
        <v>41754</v>
      </c>
      <c r="B393" s="3">
        <f t="shared" si="12"/>
        <v>4</v>
      </c>
      <c r="C393" s="3">
        <f t="shared" si="13"/>
        <v>2014</v>
      </c>
      <c r="D393" t="s">
        <v>568</v>
      </c>
      <c r="E393" t="s">
        <v>26</v>
      </c>
      <c r="F393" t="s">
        <v>33</v>
      </c>
      <c r="G393" t="s">
        <v>46</v>
      </c>
      <c r="H393" t="s">
        <v>569</v>
      </c>
      <c r="I393">
        <v>303.25</v>
      </c>
      <c r="J393">
        <v>5</v>
      </c>
      <c r="K393">
        <v>63.68</v>
      </c>
    </row>
    <row r="394" spans="1:11" x14ac:dyDescent="0.3">
      <c r="A394" s="1">
        <v>41754</v>
      </c>
      <c r="B394" s="3">
        <f t="shared" si="12"/>
        <v>4</v>
      </c>
      <c r="C394" s="3">
        <f t="shared" si="13"/>
        <v>2014</v>
      </c>
      <c r="D394" t="s">
        <v>568</v>
      </c>
      <c r="E394" t="s">
        <v>26</v>
      </c>
      <c r="F394" t="s">
        <v>10</v>
      </c>
      <c r="G394" t="s">
        <v>91</v>
      </c>
      <c r="H394" t="s">
        <v>570</v>
      </c>
      <c r="I394">
        <v>270.72000000000003</v>
      </c>
      <c r="J394">
        <v>3</v>
      </c>
      <c r="K394">
        <v>78.510000000000005</v>
      </c>
    </row>
    <row r="395" spans="1:11" x14ac:dyDescent="0.3">
      <c r="A395" s="1">
        <v>41754</v>
      </c>
      <c r="B395" s="3">
        <f t="shared" si="12"/>
        <v>4</v>
      </c>
      <c r="C395" s="3">
        <f t="shared" si="13"/>
        <v>2014</v>
      </c>
      <c r="D395" t="s">
        <v>568</v>
      </c>
      <c r="E395" t="s">
        <v>26</v>
      </c>
      <c r="F395" t="s">
        <v>33</v>
      </c>
      <c r="G395" t="s">
        <v>34</v>
      </c>
      <c r="H395" t="s">
        <v>571</v>
      </c>
      <c r="I395">
        <v>1487.04</v>
      </c>
      <c r="J395">
        <v>5</v>
      </c>
      <c r="K395">
        <v>148.69999999999999</v>
      </c>
    </row>
    <row r="396" spans="1:11" x14ac:dyDescent="0.3">
      <c r="A396" s="1">
        <v>41755</v>
      </c>
      <c r="B396" s="3">
        <f t="shared" si="12"/>
        <v>4</v>
      </c>
      <c r="C396" s="3">
        <f t="shared" si="13"/>
        <v>2014</v>
      </c>
      <c r="D396" t="s">
        <v>572</v>
      </c>
      <c r="E396" t="s">
        <v>26</v>
      </c>
      <c r="F396" t="s">
        <v>33</v>
      </c>
      <c r="G396" t="s">
        <v>34</v>
      </c>
      <c r="H396" t="s">
        <v>573</v>
      </c>
      <c r="I396">
        <v>230.28</v>
      </c>
      <c r="J396">
        <v>3</v>
      </c>
      <c r="K396">
        <v>23.03</v>
      </c>
    </row>
    <row r="397" spans="1:11" x14ac:dyDescent="0.3">
      <c r="A397" s="1">
        <v>41755</v>
      </c>
      <c r="B397" s="3">
        <f t="shared" si="12"/>
        <v>4</v>
      </c>
      <c r="C397" s="3">
        <f t="shared" si="13"/>
        <v>2014</v>
      </c>
      <c r="D397" t="s">
        <v>572</v>
      </c>
      <c r="E397" t="s">
        <v>26</v>
      </c>
      <c r="F397" t="s">
        <v>10</v>
      </c>
      <c r="G397" t="s">
        <v>19</v>
      </c>
      <c r="H397" t="s">
        <v>574</v>
      </c>
      <c r="I397">
        <v>18.29</v>
      </c>
      <c r="J397">
        <v>6</v>
      </c>
      <c r="K397">
        <v>5.72</v>
      </c>
    </row>
    <row r="398" spans="1:11" x14ac:dyDescent="0.3">
      <c r="A398" s="1">
        <v>41755</v>
      </c>
      <c r="B398" s="3">
        <f t="shared" si="12"/>
        <v>4</v>
      </c>
      <c r="C398" s="3">
        <f t="shared" si="13"/>
        <v>2014</v>
      </c>
      <c r="D398" t="s">
        <v>575</v>
      </c>
      <c r="E398" t="s">
        <v>26</v>
      </c>
      <c r="F398" t="s">
        <v>10</v>
      </c>
      <c r="G398" t="s">
        <v>23</v>
      </c>
      <c r="H398" t="s">
        <v>576</v>
      </c>
      <c r="I398">
        <v>21.4</v>
      </c>
      <c r="J398">
        <v>5</v>
      </c>
      <c r="K398">
        <v>6.21</v>
      </c>
    </row>
    <row r="399" spans="1:11" x14ac:dyDescent="0.3">
      <c r="A399" s="1">
        <v>41755</v>
      </c>
      <c r="B399" s="3">
        <f t="shared" si="12"/>
        <v>4</v>
      </c>
      <c r="C399" s="3">
        <f t="shared" si="13"/>
        <v>2014</v>
      </c>
      <c r="D399" t="s">
        <v>575</v>
      </c>
      <c r="E399" t="s">
        <v>26</v>
      </c>
      <c r="F399" t="s">
        <v>10</v>
      </c>
      <c r="G399" t="s">
        <v>15</v>
      </c>
      <c r="H399" t="s">
        <v>249</v>
      </c>
      <c r="I399">
        <v>12.6</v>
      </c>
      <c r="J399">
        <v>2</v>
      </c>
      <c r="K399">
        <v>5.8</v>
      </c>
    </row>
    <row r="400" spans="1:11" x14ac:dyDescent="0.3">
      <c r="A400" s="1">
        <v>41757</v>
      </c>
      <c r="B400" s="3">
        <f t="shared" si="12"/>
        <v>4</v>
      </c>
      <c r="C400" s="3">
        <f t="shared" si="13"/>
        <v>2014</v>
      </c>
      <c r="D400" t="s">
        <v>577</v>
      </c>
      <c r="E400" t="s">
        <v>530</v>
      </c>
      <c r="F400" t="s">
        <v>10</v>
      </c>
      <c r="G400" t="s">
        <v>19</v>
      </c>
      <c r="H400" t="s">
        <v>578</v>
      </c>
      <c r="I400">
        <v>20.86</v>
      </c>
      <c r="J400">
        <v>2</v>
      </c>
      <c r="K400">
        <v>9.39</v>
      </c>
    </row>
    <row r="401" spans="1:11" x14ac:dyDescent="0.3">
      <c r="A401" s="1">
        <v>41757</v>
      </c>
      <c r="B401" s="3">
        <f t="shared" si="12"/>
        <v>4</v>
      </c>
      <c r="C401" s="3">
        <f t="shared" si="13"/>
        <v>2014</v>
      </c>
      <c r="D401" t="s">
        <v>577</v>
      </c>
      <c r="E401" t="s">
        <v>530</v>
      </c>
      <c r="F401" t="s">
        <v>10</v>
      </c>
      <c r="G401" t="s">
        <v>17</v>
      </c>
      <c r="H401" t="s">
        <v>579</v>
      </c>
      <c r="I401">
        <v>497.61</v>
      </c>
      <c r="J401">
        <v>9</v>
      </c>
      <c r="K401">
        <v>129.38</v>
      </c>
    </row>
    <row r="402" spans="1:11" x14ac:dyDescent="0.3">
      <c r="A402" s="1">
        <v>41757</v>
      </c>
      <c r="B402" s="3">
        <f t="shared" si="12"/>
        <v>4</v>
      </c>
      <c r="C402" s="3">
        <f t="shared" si="13"/>
        <v>2014</v>
      </c>
      <c r="D402" t="s">
        <v>577</v>
      </c>
      <c r="E402" t="s">
        <v>530</v>
      </c>
      <c r="F402" t="s">
        <v>10</v>
      </c>
      <c r="G402" t="s">
        <v>23</v>
      </c>
      <c r="H402" t="s">
        <v>580</v>
      </c>
      <c r="I402">
        <v>5.34</v>
      </c>
      <c r="J402">
        <v>2</v>
      </c>
      <c r="K402">
        <v>1.5</v>
      </c>
    </row>
    <row r="403" spans="1:11" x14ac:dyDescent="0.3">
      <c r="A403" s="1">
        <v>41757</v>
      </c>
      <c r="B403" s="3">
        <f t="shared" si="12"/>
        <v>4</v>
      </c>
      <c r="C403" s="3">
        <f t="shared" si="13"/>
        <v>2014</v>
      </c>
      <c r="D403" t="s">
        <v>577</v>
      </c>
      <c r="E403" t="s">
        <v>530</v>
      </c>
      <c r="F403" t="s">
        <v>10</v>
      </c>
      <c r="G403" t="s">
        <v>15</v>
      </c>
      <c r="H403" t="s">
        <v>581</v>
      </c>
      <c r="I403">
        <v>3.15</v>
      </c>
      <c r="J403">
        <v>1</v>
      </c>
      <c r="K403">
        <v>1.51</v>
      </c>
    </row>
    <row r="404" spans="1:11" x14ac:dyDescent="0.3">
      <c r="A404" s="1">
        <v>41757</v>
      </c>
      <c r="B404" s="3">
        <f t="shared" si="12"/>
        <v>4</v>
      </c>
      <c r="C404" s="3">
        <f t="shared" si="13"/>
        <v>2014</v>
      </c>
      <c r="D404" t="s">
        <v>582</v>
      </c>
      <c r="E404" t="s">
        <v>77</v>
      </c>
      <c r="F404" t="s">
        <v>10</v>
      </c>
      <c r="G404" t="s">
        <v>15</v>
      </c>
      <c r="H404" t="s">
        <v>583</v>
      </c>
      <c r="I404">
        <v>6.91</v>
      </c>
      <c r="J404">
        <v>3</v>
      </c>
      <c r="K404">
        <v>2.5099999999999998</v>
      </c>
    </row>
    <row r="405" spans="1:11" x14ac:dyDescent="0.3">
      <c r="A405" s="1">
        <v>41757</v>
      </c>
      <c r="B405" s="3">
        <f t="shared" si="12"/>
        <v>4</v>
      </c>
      <c r="C405" s="3">
        <f t="shared" si="13"/>
        <v>2014</v>
      </c>
      <c r="D405" t="s">
        <v>582</v>
      </c>
      <c r="E405" t="s">
        <v>77</v>
      </c>
      <c r="F405" t="s">
        <v>10</v>
      </c>
      <c r="G405" t="s">
        <v>17</v>
      </c>
      <c r="H405" t="s">
        <v>584</v>
      </c>
      <c r="I405">
        <v>27.1</v>
      </c>
      <c r="J405">
        <v>3</v>
      </c>
      <c r="K405">
        <v>2.0299999999999998</v>
      </c>
    </row>
    <row r="406" spans="1:11" x14ac:dyDescent="0.3">
      <c r="A406" s="1">
        <v>41757</v>
      </c>
      <c r="B406" s="3">
        <f t="shared" si="12"/>
        <v>4</v>
      </c>
      <c r="C406" s="3">
        <f t="shared" si="13"/>
        <v>2014</v>
      </c>
      <c r="D406" t="s">
        <v>582</v>
      </c>
      <c r="E406" t="s">
        <v>77</v>
      </c>
      <c r="F406" t="s">
        <v>10</v>
      </c>
      <c r="G406" t="s">
        <v>17</v>
      </c>
      <c r="H406" t="s">
        <v>585</v>
      </c>
      <c r="I406">
        <v>177.57</v>
      </c>
      <c r="J406">
        <v>2</v>
      </c>
      <c r="K406">
        <v>-37.729999999999997</v>
      </c>
    </row>
    <row r="407" spans="1:11" x14ac:dyDescent="0.3">
      <c r="A407" s="1">
        <v>41757</v>
      </c>
      <c r="B407" s="3">
        <f t="shared" si="12"/>
        <v>4</v>
      </c>
      <c r="C407" s="3">
        <f t="shared" si="13"/>
        <v>2014</v>
      </c>
      <c r="D407" t="s">
        <v>586</v>
      </c>
      <c r="E407" t="s">
        <v>26</v>
      </c>
      <c r="F407" t="s">
        <v>38</v>
      </c>
      <c r="G407" t="s">
        <v>39</v>
      </c>
      <c r="H407" t="s">
        <v>587</v>
      </c>
      <c r="I407">
        <v>1679.96</v>
      </c>
      <c r="J407">
        <v>5</v>
      </c>
      <c r="K407">
        <v>126</v>
      </c>
    </row>
    <row r="408" spans="1:11" x14ac:dyDescent="0.3">
      <c r="A408" s="1">
        <v>41757</v>
      </c>
      <c r="B408" s="3">
        <f t="shared" si="12"/>
        <v>4</v>
      </c>
      <c r="C408" s="3">
        <f t="shared" si="13"/>
        <v>2014</v>
      </c>
      <c r="D408" t="s">
        <v>588</v>
      </c>
      <c r="E408" t="s">
        <v>148</v>
      </c>
      <c r="F408" t="s">
        <v>38</v>
      </c>
      <c r="G408" t="s">
        <v>51</v>
      </c>
      <c r="H408" t="s">
        <v>197</v>
      </c>
      <c r="I408">
        <v>159.97999999999999</v>
      </c>
      <c r="J408">
        <v>2</v>
      </c>
      <c r="K408">
        <v>57.59</v>
      </c>
    </row>
    <row r="409" spans="1:11" x14ac:dyDescent="0.3">
      <c r="A409" s="1">
        <v>41758</v>
      </c>
      <c r="B409" s="3">
        <f t="shared" si="12"/>
        <v>4</v>
      </c>
      <c r="C409" s="3">
        <f t="shared" si="13"/>
        <v>2014</v>
      </c>
      <c r="D409" t="s">
        <v>589</v>
      </c>
      <c r="E409" t="s">
        <v>148</v>
      </c>
      <c r="F409" t="s">
        <v>33</v>
      </c>
      <c r="G409" t="s">
        <v>46</v>
      </c>
      <c r="H409" t="s">
        <v>590</v>
      </c>
      <c r="I409">
        <v>17.46</v>
      </c>
      <c r="J409">
        <v>2</v>
      </c>
      <c r="K409">
        <v>5.94</v>
      </c>
    </row>
    <row r="410" spans="1:11" x14ac:dyDescent="0.3">
      <c r="A410" s="1">
        <v>41758</v>
      </c>
      <c r="B410" s="3">
        <f t="shared" si="12"/>
        <v>4</v>
      </c>
      <c r="C410" s="3">
        <f t="shared" si="13"/>
        <v>2014</v>
      </c>
      <c r="D410" t="s">
        <v>591</v>
      </c>
      <c r="E410" t="s">
        <v>61</v>
      </c>
      <c r="F410" t="s">
        <v>33</v>
      </c>
      <c r="G410" t="s">
        <v>34</v>
      </c>
      <c r="H410" t="s">
        <v>415</v>
      </c>
      <c r="I410">
        <v>51.96</v>
      </c>
      <c r="J410">
        <v>2</v>
      </c>
      <c r="K410">
        <v>12.99</v>
      </c>
    </row>
    <row r="411" spans="1:11" x14ac:dyDescent="0.3">
      <c r="A411" s="1">
        <v>41758</v>
      </c>
      <c r="B411" s="3">
        <f t="shared" si="12"/>
        <v>4</v>
      </c>
      <c r="C411" s="3">
        <f t="shared" si="13"/>
        <v>2014</v>
      </c>
      <c r="D411" t="s">
        <v>591</v>
      </c>
      <c r="E411" t="s">
        <v>61</v>
      </c>
      <c r="F411" t="s">
        <v>10</v>
      </c>
      <c r="G411" t="s">
        <v>19</v>
      </c>
      <c r="H411" t="s">
        <v>317</v>
      </c>
      <c r="I411">
        <v>17.940000000000001</v>
      </c>
      <c r="J411">
        <v>3</v>
      </c>
      <c r="K411">
        <v>8.61</v>
      </c>
    </row>
    <row r="412" spans="1:11" x14ac:dyDescent="0.3">
      <c r="A412" s="1">
        <v>41758</v>
      </c>
      <c r="B412" s="3">
        <f t="shared" si="12"/>
        <v>4</v>
      </c>
      <c r="C412" s="3">
        <f t="shared" si="13"/>
        <v>2014</v>
      </c>
      <c r="D412" t="s">
        <v>592</v>
      </c>
      <c r="E412" t="s">
        <v>119</v>
      </c>
      <c r="F412" t="s">
        <v>33</v>
      </c>
      <c r="G412" t="s">
        <v>34</v>
      </c>
      <c r="H412" t="s">
        <v>593</v>
      </c>
      <c r="I412">
        <v>561.58000000000004</v>
      </c>
      <c r="J412">
        <v>2</v>
      </c>
      <c r="K412">
        <v>70.2</v>
      </c>
    </row>
    <row r="413" spans="1:11" x14ac:dyDescent="0.3">
      <c r="A413" s="1">
        <v>41758</v>
      </c>
      <c r="B413" s="3">
        <f t="shared" si="12"/>
        <v>4</v>
      </c>
      <c r="C413" s="3">
        <f t="shared" si="13"/>
        <v>2014</v>
      </c>
      <c r="D413" t="s">
        <v>592</v>
      </c>
      <c r="E413" t="s">
        <v>119</v>
      </c>
      <c r="F413" t="s">
        <v>10</v>
      </c>
      <c r="G413" t="s">
        <v>17</v>
      </c>
      <c r="H413" t="s">
        <v>594</v>
      </c>
      <c r="I413">
        <v>99.92</v>
      </c>
      <c r="J413">
        <v>5</v>
      </c>
      <c r="K413">
        <v>-1.25</v>
      </c>
    </row>
    <row r="414" spans="1:11" x14ac:dyDescent="0.3">
      <c r="A414" s="1">
        <v>41758</v>
      </c>
      <c r="B414" s="3">
        <f t="shared" si="12"/>
        <v>4</v>
      </c>
      <c r="C414" s="3">
        <f t="shared" si="13"/>
        <v>2014</v>
      </c>
      <c r="D414" t="s">
        <v>595</v>
      </c>
      <c r="E414" t="s">
        <v>58</v>
      </c>
      <c r="F414" t="s">
        <v>38</v>
      </c>
      <c r="G414" t="s">
        <v>39</v>
      </c>
      <c r="H414" t="s">
        <v>596</v>
      </c>
      <c r="I414">
        <v>19.98</v>
      </c>
      <c r="J414">
        <v>2</v>
      </c>
      <c r="K414">
        <v>5.19</v>
      </c>
    </row>
    <row r="415" spans="1:11" x14ac:dyDescent="0.3">
      <c r="A415" s="1">
        <v>41759</v>
      </c>
      <c r="B415" s="3">
        <f t="shared" si="12"/>
        <v>4</v>
      </c>
      <c r="C415" s="3">
        <f t="shared" si="13"/>
        <v>2014</v>
      </c>
      <c r="D415" t="s">
        <v>216</v>
      </c>
      <c r="E415" t="s">
        <v>328</v>
      </c>
      <c r="F415" t="s">
        <v>38</v>
      </c>
      <c r="G415" t="s">
        <v>51</v>
      </c>
      <c r="H415" t="s">
        <v>597</v>
      </c>
      <c r="I415">
        <v>47.79</v>
      </c>
      <c r="J415">
        <v>3</v>
      </c>
      <c r="K415">
        <v>16.25</v>
      </c>
    </row>
    <row r="416" spans="1:11" x14ac:dyDescent="0.3">
      <c r="A416" s="1">
        <v>41759</v>
      </c>
      <c r="B416" s="3">
        <f t="shared" si="12"/>
        <v>4</v>
      </c>
      <c r="C416" s="3">
        <f t="shared" si="13"/>
        <v>2014</v>
      </c>
      <c r="D416" t="s">
        <v>598</v>
      </c>
      <c r="E416" t="s">
        <v>32</v>
      </c>
      <c r="F416" t="s">
        <v>10</v>
      </c>
      <c r="G416" t="s">
        <v>23</v>
      </c>
      <c r="H416" t="s">
        <v>599</v>
      </c>
      <c r="I416">
        <v>174.95</v>
      </c>
      <c r="J416">
        <v>5</v>
      </c>
      <c r="K416">
        <v>45.49</v>
      </c>
    </row>
    <row r="417" spans="1:11" x14ac:dyDescent="0.3">
      <c r="A417" s="1">
        <v>41759</v>
      </c>
      <c r="B417" s="3">
        <f t="shared" si="12"/>
        <v>4</v>
      </c>
      <c r="C417" s="3">
        <f t="shared" si="13"/>
        <v>2014</v>
      </c>
      <c r="D417" t="s">
        <v>598</v>
      </c>
      <c r="E417" t="s">
        <v>32</v>
      </c>
      <c r="F417" t="s">
        <v>10</v>
      </c>
      <c r="G417" t="s">
        <v>17</v>
      </c>
      <c r="H417" t="s">
        <v>373</v>
      </c>
      <c r="I417">
        <v>826</v>
      </c>
      <c r="J417">
        <v>5</v>
      </c>
      <c r="K417">
        <v>214.76</v>
      </c>
    </row>
    <row r="418" spans="1:11" x14ac:dyDescent="0.3">
      <c r="A418" s="1">
        <v>41761</v>
      </c>
      <c r="B418" s="3">
        <f t="shared" si="12"/>
        <v>5</v>
      </c>
      <c r="C418" s="3">
        <f t="shared" si="13"/>
        <v>2014</v>
      </c>
      <c r="D418" t="s">
        <v>600</v>
      </c>
      <c r="E418" t="s">
        <v>77</v>
      </c>
      <c r="F418" t="s">
        <v>10</v>
      </c>
      <c r="G418" t="s">
        <v>91</v>
      </c>
      <c r="H418" t="s">
        <v>332</v>
      </c>
      <c r="I418">
        <v>26.14</v>
      </c>
      <c r="J418">
        <v>3</v>
      </c>
      <c r="K418">
        <v>1.96</v>
      </c>
    </row>
    <row r="419" spans="1:11" x14ac:dyDescent="0.3">
      <c r="A419" s="1">
        <v>41761</v>
      </c>
      <c r="B419" s="3">
        <f t="shared" si="12"/>
        <v>5</v>
      </c>
      <c r="C419" s="3">
        <f t="shared" si="13"/>
        <v>2014</v>
      </c>
      <c r="D419" t="s">
        <v>601</v>
      </c>
      <c r="E419" t="s">
        <v>122</v>
      </c>
      <c r="F419" t="s">
        <v>38</v>
      </c>
      <c r="G419" t="s">
        <v>602</v>
      </c>
      <c r="H419" t="s">
        <v>603</v>
      </c>
      <c r="I419">
        <v>479.98</v>
      </c>
      <c r="J419">
        <v>2</v>
      </c>
      <c r="K419">
        <v>90</v>
      </c>
    </row>
    <row r="420" spans="1:11" x14ac:dyDescent="0.3">
      <c r="A420" s="1">
        <v>41762</v>
      </c>
      <c r="B420" s="3">
        <f t="shared" si="12"/>
        <v>5</v>
      </c>
      <c r="C420" s="3">
        <f t="shared" si="13"/>
        <v>2014</v>
      </c>
      <c r="D420" t="s">
        <v>604</v>
      </c>
      <c r="E420" t="s">
        <v>156</v>
      </c>
      <c r="F420" t="s">
        <v>10</v>
      </c>
      <c r="G420" t="s">
        <v>15</v>
      </c>
      <c r="H420" t="s">
        <v>605</v>
      </c>
      <c r="I420">
        <v>21.56</v>
      </c>
      <c r="J420">
        <v>7</v>
      </c>
      <c r="K420">
        <v>10.35</v>
      </c>
    </row>
    <row r="421" spans="1:11" x14ac:dyDescent="0.3">
      <c r="A421" s="1">
        <v>41762</v>
      </c>
      <c r="B421" s="3">
        <f t="shared" si="12"/>
        <v>5</v>
      </c>
      <c r="C421" s="3">
        <f t="shared" si="13"/>
        <v>2014</v>
      </c>
      <c r="D421" t="s">
        <v>606</v>
      </c>
      <c r="E421" t="s">
        <v>148</v>
      </c>
      <c r="F421" t="s">
        <v>10</v>
      </c>
      <c r="G421" t="s">
        <v>19</v>
      </c>
      <c r="H421" t="s">
        <v>607</v>
      </c>
      <c r="I421">
        <v>40.18</v>
      </c>
      <c r="J421">
        <v>3</v>
      </c>
      <c r="K421">
        <v>14.56</v>
      </c>
    </row>
    <row r="422" spans="1:11" x14ac:dyDescent="0.3">
      <c r="A422" s="1">
        <v>41762</v>
      </c>
      <c r="B422" s="3">
        <f t="shared" si="12"/>
        <v>5</v>
      </c>
      <c r="C422" s="3">
        <f t="shared" si="13"/>
        <v>2014</v>
      </c>
      <c r="D422" t="s">
        <v>606</v>
      </c>
      <c r="E422" t="s">
        <v>148</v>
      </c>
      <c r="F422" t="s">
        <v>10</v>
      </c>
      <c r="G422" t="s">
        <v>19</v>
      </c>
      <c r="H422" t="s">
        <v>608</v>
      </c>
      <c r="I422">
        <v>10.9</v>
      </c>
      <c r="J422">
        <v>3</v>
      </c>
      <c r="K422">
        <v>3.95</v>
      </c>
    </row>
    <row r="423" spans="1:11" x14ac:dyDescent="0.3">
      <c r="A423" s="1">
        <v>41763</v>
      </c>
      <c r="B423" s="3">
        <f t="shared" si="12"/>
        <v>5</v>
      </c>
      <c r="C423" s="3">
        <f t="shared" si="13"/>
        <v>2014</v>
      </c>
      <c r="D423" t="s">
        <v>609</v>
      </c>
      <c r="E423" t="s">
        <v>109</v>
      </c>
      <c r="F423" t="s">
        <v>10</v>
      </c>
      <c r="G423" t="s">
        <v>19</v>
      </c>
      <c r="H423" t="s">
        <v>610</v>
      </c>
      <c r="I423">
        <v>46.8</v>
      </c>
      <c r="J423">
        <v>4</v>
      </c>
      <c r="K423">
        <v>21.06</v>
      </c>
    </row>
    <row r="424" spans="1:11" x14ac:dyDescent="0.3">
      <c r="A424" s="1">
        <v>41763</v>
      </c>
      <c r="B424" s="3">
        <f t="shared" si="12"/>
        <v>5</v>
      </c>
      <c r="C424" s="3">
        <f t="shared" si="13"/>
        <v>2014</v>
      </c>
      <c r="D424" t="s">
        <v>611</v>
      </c>
      <c r="E424" t="s">
        <v>612</v>
      </c>
      <c r="F424" t="s">
        <v>33</v>
      </c>
      <c r="G424" t="s">
        <v>46</v>
      </c>
      <c r="H424" t="s">
        <v>364</v>
      </c>
      <c r="I424">
        <v>27.46</v>
      </c>
      <c r="J424">
        <v>2</v>
      </c>
      <c r="K424">
        <v>9.89</v>
      </c>
    </row>
    <row r="425" spans="1:11" x14ac:dyDescent="0.3">
      <c r="A425" s="1">
        <v>41763</v>
      </c>
      <c r="B425" s="3">
        <f t="shared" si="12"/>
        <v>5</v>
      </c>
      <c r="C425" s="3">
        <f t="shared" si="13"/>
        <v>2014</v>
      </c>
      <c r="D425" t="s">
        <v>416</v>
      </c>
      <c r="E425" t="s">
        <v>9</v>
      </c>
      <c r="F425" t="s">
        <v>10</v>
      </c>
      <c r="G425" t="s">
        <v>23</v>
      </c>
      <c r="H425" t="s">
        <v>483</v>
      </c>
      <c r="I425">
        <v>37.840000000000003</v>
      </c>
      <c r="J425">
        <v>2</v>
      </c>
      <c r="K425">
        <v>2.84</v>
      </c>
    </row>
    <row r="426" spans="1:11" x14ac:dyDescent="0.3">
      <c r="A426" s="1">
        <v>41763</v>
      </c>
      <c r="B426" s="3">
        <f t="shared" si="12"/>
        <v>5</v>
      </c>
      <c r="C426" s="3">
        <f t="shared" si="13"/>
        <v>2014</v>
      </c>
      <c r="D426" t="s">
        <v>416</v>
      </c>
      <c r="E426" t="s">
        <v>9</v>
      </c>
      <c r="F426" t="s">
        <v>10</v>
      </c>
      <c r="G426" t="s">
        <v>42</v>
      </c>
      <c r="H426" t="s">
        <v>613</v>
      </c>
      <c r="I426">
        <v>5.47</v>
      </c>
      <c r="J426">
        <v>6</v>
      </c>
      <c r="K426">
        <v>1.85</v>
      </c>
    </row>
    <row r="427" spans="1:11" x14ac:dyDescent="0.3">
      <c r="A427" s="1">
        <v>41763</v>
      </c>
      <c r="B427" s="3">
        <f t="shared" si="12"/>
        <v>5</v>
      </c>
      <c r="C427" s="3">
        <f t="shared" si="13"/>
        <v>2014</v>
      </c>
      <c r="D427" t="s">
        <v>614</v>
      </c>
      <c r="E427" t="s">
        <v>163</v>
      </c>
      <c r="F427" t="s">
        <v>33</v>
      </c>
      <c r="G427" t="s">
        <v>46</v>
      </c>
      <c r="H427" t="s">
        <v>615</v>
      </c>
      <c r="I427">
        <v>12.18</v>
      </c>
      <c r="J427">
        <v>7</v>
      </c>
      <c r="K427">
        <v>3.9</v>
      </c>
    </row>
    <row r="428" spans="1:11" x14ac:dyDescent="0.3">
      <c r="A428" s="1">
        <v>41763</v>
      </c>
      <c r="B428" s="3">
        <f t="shared" si="12"/>
        <v>5</v>
      </c>
      <c r="C428" s="3">
        <f t="shared" si="13"/>
        <v>2014</v>
      </c>
      <c r="D428" t="s">
        <v>614</v>
      </c>
      <c r="E428" t="s">
        <v>163</v>
      </c>
      <c r="F428" t="s">
        <v>10</v>
      </c>
      <c r="G428" t="s">
        <v>91</v>
      </c>
      <c r="H428" t="s">
        <v>616</v>
      </c>
      <c r="I428">
        <v>57.68</v>
      </c>
      <c r="J428">
        <v>4</v>
      </c>
      <c r="K428">
        <v>19.03</v>
      </c>
    </row>
    <row r="429" spans="1:11" x14ac:dyDescent="0.3">
      <c r="A429" s="1">
        <v>41764</v>
      </c>
      <c r="B429" s="3">
        <f t="shared" si="12"/>
        <v>5</v>
      </c>
      <c r="C429" s="3">
        <f t="shared" si="13"/>
        <v>2014</v>
      </c>
      <c r="D429" t="s">
        <v>617</v>
      </c>
      <c r="E429" t="s">
        <v>32</v>
      </c>
      <c r="F429" t="s">
        <v>10</v>
      </c>
      <c r="G429" t="s">
        <v>11</v>
      </c>
      <c r="H429" t="s">
        <v>618</v>
      </c>
      <c r="I429">
        <v>9.42</v>
      </c>
      <c r="J429">
        <v>3</v>
      </c>
      <c r="K429">
        <v>4.24</v>
      </c>
    </row>
    <row r="430" spans="1:11" x14ac:dyDescent="0.3">
      <c r="A430" s="1">
        <v>41764</v>
      </c>
      <c r="B430" s="3">
        <f t="shared" si="12"/>
        <v>5</v>
      </c>
      <c r="C430" s="3">
        <f t="shared" si="13"/>
        <v>2014</v>
      </c>
      <c r="D430" t="s">
        <v>617</v>
      </c>
      <c r="E430" t="s">
        <v>32</v>
      </c>
      <c r="F430" t="s">
        <v>10</v>
      </c>
      <c r="G430" t="s">
        <v>23</v>
      </c>
      <c r="H430" t="s">
        <v>619</v>
      </c>
      <c r="I430">
        <v>6.56</v>
      </c>
      <c r="J430">
        <v>2</v>
      </c>
      <c r="K430">
        <v>1.9</v>
      </c>
    </row>
    <row r="431" spans="1:11" x14ac:dyDescent="0.3">
      <c r="A431" s="1">
        <v>41764</v>
      </c>
      <c r="B431" s="3">
        <f t="shared" si="12"/>
        <v>5</v>
      </c>
      <c r="C431" s="3">
        <f t="shared" si="13"/>
        <v>2014</v>
      </c>
      <c r="D431" t="s">
        <v>617</v>
      </c>
      <c r="E431" t="s">
        <v>32</v>
      </c>
      <c r="F431" t="s">
        <v>10</v>
      </c>
      <c r="G431" t="s">
        <v>11</v>
      </c>
      <c r="H431" t="s">
        <v>620</v>
      </c>
      <c r="I431">
        <v>24.56</v>
      </c>
      <c r="J431">
        <v>2</v>
      </c>
      <c r="K431">
        <v>11.54</v>
      </c>
    </row>
    <row r="432" spans="1:11" x14ac:dyDescent="0.3">
      <c r="A432" s="1">
        <v>41764</v>
      </c>
      <c r="B432" s="3">
        <f t="shared" si="12"/>
        <v>5</v>
      </c>
      <c r="C432" s="3">
        <f t="shared" si="13"/>
        <v>2014</v>
      </c>
      <c r="D432" t="s">
        <v>621</v>
      </c>
      <c r="E432" t="s">
        <v>9</v>
      </c>
      <c r="F432" t="s">
        <v>33</v>
      </c>
      <c r="G432" t="s">
        <v>34</v>
      </c>
      <c r="H432" t="s">
        <v>186</v>
      </c>
      <c r="I432">
        <v>127.87</v>
      </c>
      <c r="J432">
        <v>3</v>
      </c>
      <c r="K432">
        <v>-9.1300000000000008</v>
      </c>
    </row>
    <row r="433" spans="1:11" x14ac:dyDescent="0.3">
      <c r="A433" s="1">
        <v>41764</v>
      </c>
      <c r="B433" s="3">
        <f t="shared" si="12"/>
        <v>5</v>
      </c>
      <c r="C433" s="3">
        <f t="shared" si="13"/>
        <v>2014</v>
      </c>
      <c r="D433" t="s">
        <v>432</v>
      </c>
      <c r="E433" t="s">
        <v>14</v>
      </c>
      <c r="F433" t="s">
        <v>10</v>
      </c>
      <c r="G433" t="s">
        <v>17</v>
      </c>
      <c r="H433" t="s">
        <v>622</v>
      </c>
      <c r="I433">
        <v>45.25</v>
      </c>
      <c r="J433">
        <v>2</v>
      </c>
      <c r="K433">
        <v>3.96</v>
      </c>
    </row>
    <row r="434" spans="1:11" x14ac:dyDescent="0.3">
      <c r="A434" s="1">
        <v>41764</v>
      </c>
      <c r="B434" s="3">
        <f t="shared" si="12"/>
        <v>5</v>
      </c>
      <c r="C434" s="3">
        <f t="shared" si="13"/>
        <v>2014</v>
      </c>
      <c r="D434" t="s">
        <v>623</v>
      </c>
      <c r="E434" t="s">
        <v>54</v>
      </c>
      <c r="F434" t="s">
        <v>10</v>
      </c>
      <c r="G434" t="s">
        <v>19</v>
      </c>
      <c r="H434" t="s">
        <v>117</v>
      </c>
      <c r="I434">
        <v>11.88</v>
      </c>
      <c r="J434">
        <v>2</v>
      </c>
      <c r="K434">
        <v>5.35</v>
      </c>
    </row>
    <row r="435" spans="1:11" x14ac:dyDescent="0.3">
      <c r="A435" s="1">
        <v>41764</v>
      </c>
      <c r="B435" s="3">
        <f t="shared" si="12"/>
        <v>5</v>
      </c>
      <c r="C435" s="3">
        <f t="shared" si="13"/>
        <v>2014</v>
      </c>
      <c r="D435" t="s">
        <v>623</v>
      </c>
      <c r="E435" t="s">
        <v>54</v>
      </c>
      <c r="F435" t="s">
        <v>10</v>
      </c>
      <c r="G435" t="s">
        <v>11</v>
      </c>
      <c r="H435" t="s">
        <v>624</v>
      </c>
      <c r="I435">
        <v>35.44</v>
      </c>
      <c r="J435">
        <v>1</v>
      </c>
      <c r="K435">
        <v>16.66</v>
      </c>
    </row>
    <row r="436" spans="1:11" x14ac:dyDescent="0.3">
      <c r="A436" s="1">
        <v>41765</v>
      </c>
      <c r="B436" s="3">
        <f t="shared" si="12"/>
        <v>5</v>
      </c>
      <c r="C436" s="3">
        <f t="shared" si="13"/>
        <v>2014</v>
      </c>
      <c r="D436" t="s">
        <v>625</v>
      </c>
      <c r="E436" t="s">
        <v>26</v>
      </c>
      <c r="F436" t="s">
        <v>10</v>
      </c>
      <c r="G436" t="s">
        <v>19</v>
      </c>
      <c r="H436" t="s">
        <v>626</v>
      </c>
      <c r="I436">
        <v>140.74</v>
      </c>
      <c r="J436">
        <v>8</v>
      </c>
      <c r="K436">
        <v>52.78</v>
      </c>
    </row>
    <row r="437" spans="1:11" x14ac:dyDescent="0.3">
      <c r="A437" s="1">
        <v>41765</v>
      </c>
      <c r="B437" s="3">
        <f t="shared" si="12"/>
        <v>5</v>
      </c>
      <c r="C437" s="3">
        <f t="shared" si="13"/>
        <v>2014</v>
      </c>
      <c r="D437" t="s">
        <v>627</v>
      </c>
      <c r="E437" t="s">
        <v>26</v>
      </c>
      <c r="F437" t="s">
        <v>10</v>
      </c>
      <c r="G437" t="s">
        <v>15</v>
      </c>
      <c r="H437" t="s">
        <v>220</v>
      </c>
      <c r="I437">
        <v>5.78</v>
      </c>
      <c r="J437">
        <v>2</v>
      </c>
      <c r="K437">
        <v>2.72</v>
      </c>
    </row>
    <row r="438" spans="1:11" x14ac:dyDescent="0.3">
      <c r="A438" s="1">
        <v>41765</v>
      </c>
      <c r="B438" s="3">
        <f t="shared" si="12"/>
        <v>5</v>
      </c>
      <c r="C438" s="3">
        <f t="shared" si="13"/>
        <v>2014</v>
      </c>
      <c r="D438" t="s">
        <v>627</v>
      </c>
      <c r="E438" t="s">
        <v>26</v>
      </c>
      <c r="F438" t="s">
        <v>10</v>
      </c>
      <c r="G438" t="s">
        <v>23</v>
      </c>
      <c r="H438" t="s">
        <v>628</v>
      </c>
      <c r="I438">
        <v>107.94</v>
      </c>
      <c r="J438">
        <v>6</v>
      </c>
      <c r="K438">
        <v>30.22</v>
      </c>
    </row>
    <row r="439" spans="1:11" x14ac:dyDescent="0.3">
      <c r="A439" s="1">
        <v>41766</v>
      </c>
      <c r="B439" s="3">
        <f t="shared" si="12"/>
        <v>5</v>
      </c>
      <c r="C439" s="3">
        <f t="shared" si="13"/>
        <v>2014</v>
      </c>
      <c r="D439" t="s">
        <v>629</v>
      </c>
      <c r="E439" t="s">
        <v>433</v>
      </c>
      <c r="F439" t="s">
        <v>10</v>
      </c>
      <c r="G439" t="s">
        <v>19</v>
      </c>
      <c r="H439" t="s">
        <v>630</v>
      </c>
      <c r="I439">
        <v>16.14</v>
      </c>
      <c r="J439">
        <v>3</v>
      </c>
      <c r="K439">
        <v>7.91</v>
      </c>
    </row>
    <row r="440" spans="1:11" x14ac:dyDescent="0.3">
      <c r="A440" s="1">
        <v>41766</v>
      </c>
      <c r="B440" s="3">
        <f t="shared" si="12"/>
        <v>5</v>
      </c>
      <c r="C440" s="3">
        <f t="shared" si="13"/>
        <v>2014</v>
      </c>
      <c r="D440" t="s">
        <v>629</v>
      </c>
      <c r="E440" t="s">
        <v>433</v>
      </c>
      <c r="F440" t="s">
        <v>33</v>
      </c>
      <c r="G440" t="s">
        <v>144</v>
      </c>
      <c r="H440" t="s">
        <v>145</v>
      </c>
      <c r="I440">
        <v>194.25</v>
      </c>
      <c r="J440">
        <v>2</v>
      </c>
      <c r="K440">
        <v>-38.85</v>
      </c>
    </row>
    <row r="441" spans="1:11" x14ac:dyDescent="0.3">
      <c r="A441" s="1">
        <v>41766</v>
      </c>
      <c r="B441" s="3">
        <f t="shared" si="12"/>
        <v>5</v>
      </c>
      <c r="C441" s="3">
        <f t="shared" si="13"/>
        <v>2014</v>
      </c>
      <c r="D441" t="s">
        <v>629</v>
      </c>
      <c r="E441" t="s">
        <v>433</v>
      </c>
      <c r="F441" t="s">
        <v>10</v>
      </c>
      <c r="G441" t="s">
        <v>23</v>
      </c>
      <c r="H441" t="s">
        <v>631</v>
      </c>
      <c r="I441">
        <v>8.64</v>
      </c>
      <c r="J441">
        <v>3</v>
      </c>
      <c r="K441">
        <v>2.5099999999999998</v>
      </c>
    </row>
    <row r="442" spans="1:11" x14ac:dyDescent="0.3">
      <c r="A442" s="1">
        <v>41766</v>
      </c>
      <c r="B442" s="3">
        <f t="shared" si="12"/>
        <v>5</v>
      </c>
      <c r="C442" s="3">
        <f t="shared" si="13"/>
        <v>2014</v>
      </c>
      <c r="D442" t="s">
        <v>629</v>
      </c>
      <c r="E442" t="s">
        <v>433</v>
      </c>
      <c r="F442" t="s">
        <v>33</v>
      </c>
      <c r="G442" t="s">
        <v>34</v>
      </c>
      <c r="H442" t="s">
        <v>632</v>
      </c>
      <c r="I442">
        <v>872.32</v>
      </c>
      <c r="J442">
        <v>4</v>
      </c>
      <c r="K442">
        <v>244.25</v>
      </c>
    </row>
    <row r="443" spans="1:11" x14ac:dyDescent="0.3">
      <c r="A443" s="1">
        <v>41767</v>
      </c>
      <c r="B443" s="3">
        <f t="shared" si="12"/>
        <v>5</v>
      </c>
      <c r="C443" s="3">
        <f t="shared" si="13"/>
        <v>2014</v>
      </c>
      <c r="D443" t="s">
        <v>276</v>
      </c>
      <c r="E443" t="s">
        <v>22</v>
      </c>
      <c r="F443" t="s">
        <v>38</v>
      </c>
      <c r="G443" t="s">
        <v>602</v>
      </c>
      <c r="H443" t="s">
        <v>633</v>
      </c>
      <c r="I443">
        <v>1799.97</v>
      </c>
      <c r="J443">
        <v>5</v>
      </c>
      <c r="K443">
        <v>240</v>
      </c>
    </row>
    <row r="444" spans="1:11" x14ac:dyDescent="0.3">
      <c r="A444" s="1">
        <v>41768</v>
      </c>
      <c r="B444" s="3">
        <f t="shared" si="12"/>
        <v>5</v>
      </c>
      <c r="C444" s="3">
        <f t="shared" si="13"/>
        <v>2014</v>
      </c>
      <c r="D444" t="s">
        <v>634</v>
      </c>
      <c r="E444" t="s">
        <v>26</v>
      </c>
      <c r="F444" t="s">
        <v>38</v>
      </c>
      <c r="G444" t="s">
        <v>51</v>
      </c>
      <c r="H444" t="s">
        <v>476</v>
      </c>
      <c r="I444">
        <v>67.8</v>
      </c>
      <c r="J444">
        <v>4</v>
      </c>
      <c r="K444">
        <v>4.07</v>
      </c>
    </row>
    <row r="445" spans="1:11" x14ac:dyDescent="0.3">
      <c r="A445" s="1">
        <v>41768</v>
      </c>
      <c r="B445" s="3">
        <f t="shared" si="12"/>
        <v>5</v>
      </c>
      <c r="C445" s="3">
        <f t="shared" si="13"/>
        <v>2014</v>
      </c>
      <c r="D445" t="s">
        <v>634</v>
      </c>
      <c r="E445" t="s">
        <v>26</v>
      </c>
      <c r="F445" t="s">
        <v>38</v>
      </c>
      <c r="G445" t="s">
        <v>51</v>
      </c>
      <c r="H445" t="s">
        <v>635</v>
      </c>
      <c r="I445">
        <v>167.97</v>
      </c>
      <c r="J445">
        <v>3</v>
      </c>
      <c r="K445">
        <v>40.31</v>
      </c>
    </row>
    <row r="446" spans="1:11" x14ac:dyDescent="0.3">
      <c r="A446" s="1">
        <v>41768</v>
      </c>
      <c r="B446" s="3">
        <f t="shared" si="12"/>
        <v>5</v>
      </c>
      <c r="C446" s="3">
        <f t="shared" si="13"/>
        <v>2014</v>
      </c>
      <c r="D446" t="s">
        <v>636</v>
      </c>
      <c r="E446" t="s">
        <v>32</v>
      </c>
      <c r="F446" t="s">
        <v>10</v>
      </c>
      <c r="G446" t="s">
        <v>17</v>
      </c>
      <c r="H446" t="s">
        <v>637</v>
      </c>
      <c r="I446">
        <v>83.25</v>
      </c>
      <c r="J446">
        <v>3</v>
      </c>
      <c r="K446">
        <v>14.99</v>
      </c>
    </row>
    <row r="447" spans="1:11" x14ac:dyDescent="0.3">
      <c r="A447" s="1">
        <v>41768</v>
      </c>
      <c r="B447" s="3">
        <f t="shared" si="12"/>
        <v>5</v>
      </c>
      <c r="C447" s="3">
        <f t="shared" si="13"/>
        <v>2014</v>
      </c>
      <c r="D447" t="s">
        <v>636</v>
      </c>
      <c r="E447" t="s">
        <v>32</v>
      </c>
      <c r="F447" t="s">
        <v>10</v>
      </c>
      <c r="G447" t="s">
        <v>15</v>
      </c>
      <c r="H447" t="s">
        <v>446</v>
      </c>
      <c r="I447">
        <v>9.4499999999999993</v>
      </c>
      <c r="J447">
        <v>3</v>
      </c>
      <c r="K447">
        <v>4.54</v>
      </c>
    </row>
    <row r="448" spans="1:11" x14ac:dyDescent="0.3">
      <c r="A448" s="1">
        <v>41768</v>
      </c>
      <c r="B448" s="3">
        <f t="shared" si="12"/>
        <v>5</v>
      </c>
      <c r="C448" s="3">
        <f t="shared" si="13"/>
        <v>2014</v>
      </c>
      <c r="D448" t="s">
        <v>636</v>
      </c>
      <c r="E448" t="s">
        <v>32</v>
      </c>
      <c r="F448" t="s">
        <v>10</v>
      </c>
      <c r="G448" t="s">
        <v>15</v>
      </c>
      <c r="H448" t="s">
        <v>638</v>
      </c>
      <c r="I448">
        <v>20.65</v>
      </c>
      <c r="J448">
        <v>5</v>
      </c>
      <c r="K448">
        <v>9.5</v>
      </c>
    </row>
    <row r="449" spans="1:11" x14ac:dyDescent="0.3">
      <c r="A449" s="1">
        <v>41768</v>
      </c>
      <c r="B449" s="3">
        <f t="shared" si="12"/>
        <v>5</v>
      </c>
      <c r="C449" s="3">
        <f t="shared" si="13"/>
        <v>2014</v>
      </c>
      <c r="D449" t="s">
        <v>636</v>
      </c>
      <c r="E449" t="s">
        <v>32</v>
      </c>
      <c r="F449" t="s">
        <v>10</v>
      </c>
      <c r="G449" t="s">
        <v>11</v>
      </c>
      <c r="H449" t="s">
        <v>639</v>
      </c>
      <c r="I449">
        <v>45.36</v>
      </c>
      <c r="J449">
        <v>7</v>
      </c>
      <c r="K449">
        <v>21.77</v>
      </c>
    </row>
    <row r="450" spans="1:11" x14ac:dyDescent="0.3">
      <c r="A450" s="1">
        <v>41769</v>
      </c>
      <c r="B450" s="3">
        <f t="shared" ref="B450:B513" si="14">MONTH(A:A)</f>
        <v>5</v>
      </c>
      <c r="C450" s="3">
        <f t="shared" ref="C450:C513" si="15">YEAR(A:A)</f>
        <v>2014</v>
      </c>
      <c r="D450" t="s">
        <v>586</v>
      </c>
      <c r="E450" t="s">
        <v>163</v>
      </c>
      <c r="F450" t="s">
        <v>10</v>
      </c>
      <c r="G450" t="s">
        <v>62</v>
      </c>
      <c r="H450" t="s">
        <v>640</v>
      </c>
      <c r="I450">
        <v>158.13</v>
      </c>
      <c r="J450">
        <v>3</v>
      </c>
      <c r="K450">
        <v>77.48</v>
      </c>
    </row>
    <row r="451" spans="1:11" x14ac:dyDescent="0.3">
      <c r="A451" s="1">
        <v>41769</v>
      </c>
      <c r="B451" s="3">
        <f t="shared" si="14"/>
        <v>5</v>
      </c>
      <c r="C451" s="3">
        <f t="shared" si="15"/>
        <v>2014</v>
      </c>
      <c r="D451" t="s">
        <v>586</v>
      </c>
      <c r="E451" t="s">
        <v>163</v>
      </c>
      <c r="F451" t="s">
        <v>38</v>
      </c>
      <c r="G451" t="s">
        <v>39</v>
      </c>
      <c r="H451" t="s">
        <v>641</v>
      </c>
      <c r="I451">
        <v>43.6</v>
      </c>
      <c r="J451">
        <v>5</v>
      </c>
      <c r="K451">
        <v>4.3600000000000003</v>
      </c>
    </row>
    <row r="452" spans="1:11" x14ac:dyDescent="0.3">
      <c r="A452" s="1">
        <v>41769</v>
      </c>
      <c r="B452" s="3">
        <f t="shared" si="14"/>
        <v>5</v>
      </c>
      <c r="C452" s="3">
        <f t="shared" si="15"/>
        <v>2014</v>
      </c>
      <c r="D452" t="s">
        <v>642</v>
      </c>
      <c r="E452" t="s">
        <v>22</v>
      </c>
      <c r="F452" t="s">
        <v>33</v>
      </c>
      <c r="G452" t="s">
        <v>73</v>
      </c>
      <c r="H452" t="s">
        <v>643</v>
      </c>
      <c r="I452">
        <v>349.97</v>
      </c>
      <c r="J452">
        <v>7</v>
      </c>
      <c r="K452">
        <v>-216.98</v>
      </c>
    </row>
    <row r="453" spans="1:11" x14ac:dyDescent="0.3">
      <c r="A453" s="1">
        <v>41769</v>
      </c>
      <c r="B453" s="3">
        <f t="shared" si="14"/>
        <v>5</v>
      </c>
      <c r="C453" s="3">
        <f t="shared" si="15"/>
        <v>2014</v>
      </c>
      <c r="D453" t="s">
        <v>642</v>
      </c>
      <c r="E453" t="s">
        <v>22</v>
      </c>
      <c r="F453" t="s">
        <v>10</v>
      </c>
      <c r="G453" t="s">
        <v>23</v>
      </c>
      <c r="H453" t="s">
        <v>644</v>
      </c>
      <c r="I453">
        <v>22.32</v>
      </c>
      <c r="J453">
        <v>5</v>
      </c>
      <c r="K453">
        <v>5.3</v>
      </c>
    </row>
    <row r="454" spans="1:11" x14ac:dyDescent="0.3">
      <c r="A454" s="1">
        <v>41769</v>
      </c>
      <c r="B454" s="3">
        <f t="shared" si="14"/>
        <v>5</v>
      </c>
      <c r="C454" s="3">
        <f t="shared" si="15"/>
        <v>2014</v>
      </c>
      <c r="D454" t="s">
        <v>645</v>
      </c>
      <c r="E454" t="s">
        <v>26</v>
      </c>
      <c r="F454" t="s">
        <v>10</v>
      </c>
      <c r="G454" t="s">
        <v>11</v>
      </c>
      <c r="H454" t="s">
        <v>646</v>
      </c>
      <c r="I454">
        <v>39.96</v>
      </c>
      <c r="J454">
        <v>2</v>
      </c>
      <c r="K454">
        <v>19.18</v>
      </c>
    </row>
    <row r="455" spans="1:11" x14ac:dyDescent="0.3">
      <c r="A455" s="1">
        <v>41769</v>
      </c>
      <c r="B455" s="3">
        <f t="shared" si="14"/>
        <v>5</v>
      </c>
      <c r="C455" s="3">
        <f t="shared" si="15"/>
        <v>2014</v>
      </c>
      <c r="D455" t="s">
        <v>645</v>
      </c>
      <c r="E455" t="s">
        <v>26</v>
      </c>
      <c r="F455" t="s">
        <v>38</v>
      </c>
      <c r="G455" t="s">
        <v>39</v>
      </c>
      <c r="H455" t="s">
        <v>647</v>
      </c>
      <c r="I455">
        <v>1432</v>
      </c>
      <c r="J455">
        <v>5</v>
      </c>
      <c r="K455">
        <v>125.3</v>
      </c>
    </row>
    <row r="456" spans="1:11" x14ac:dyDescent="0.3">
      <c r="A456" s="1">
        <v>41769</v>
      </c>
      <c r="B456" s="3">
        <f t="shared" si="14"/>
        <v>5</v>
      </c>
      <c r="C456" s="3">
        <f t="shared" si="15"/>
        <v>2014</v>
      </c>
      <c r="D456" t="s">
        <v>645</v>
      </c>
      <c r="E456" t="s">
        <v>26</v>
      </c>
      <c r="F456" t="s">
        <v>10</v>
      </c>
      <c r="G456" t="s">
        <v>199</v>
      </c>
      <c r="H456" t="s">
        <v>648</v>
      </c>
      <c r="I456">
        <v>41.04</v>
      </c>
      <c r="J456">
        <v>6</v>
      </c>
      <c r="K456">
        <v>11.08</v>
      </c>
    </row>
    <row r="457" spans="1:11" x14ac:dyDescent="0.3">
      <c r="A457" s="1">
        <v>41769</v>
      </c>
      <c r="B457" s="3">
        <f t="shared" si="14"/>
        <v>5</v>
      </c>
      <c r="C457" s="3">
        <f t="shared" si="15"/>
        <v>2014</v>
      </c>
      <c r="D457" t="s">
        <v>645</v>
      </c>
      <c r="E457" t="s">
        <v>26</v>
      </c>
      <c r="F457" t="s">
        <v>33</v>
      </c>
      <c r="G457" t="s">
        <v>34</v>
      </c>
      <c r="H457" t="s">
        <v>649</v>
      </c>
      <c r="I457">
        <v>256.77999999999997</v>
      </c>
      <c r="J457">
        <v>1</v>
      </c>
      <c r="K457">
        <v>32.1</v>
      </c>
    </row>
    <row r="458" spans="1:11" x14ac:dyDescent="0.3">
      <c r="A458" s="1">
        <v>41770</v>
      </c>
      <c r="B458" s="3">
        <f t="shared" si="14"/>
        <v>5</v>
      </c>
      <c r="C458" s="3">
        <f t="shared" si="15"/>
        <v>2014</v>
      </c>
      <c r="D458" t="s">
        <v>650</v>
      </c>
      <c r="E458" t="s">
        <v>9</v>
      </c>
      <c r="F458" t="s">
        <v>38</v>
      </c>
      <c r="G458" t="s">
        <v>51</v>
      </c>
      <c r="H458" t="s">
        <v>651</v>
      </c>
      <c r="I458">
        <v>58.11</v>
      </c>
      <c r="J458">
        <v>2</v>
      </c>
      <c r="K458">
        <v>7.26</v>
      </c>
    </row>
    <row r="459" spans="1:11" x14ac:dyDescent="0.3">
      <c r="A459" s="1">
        <v>41770</v>
      </c>
      <c r="B459" s="3">
        <f t="shared" si="14"/>
        <v>5</v>
      </c>
      <c r="C459" s="3">
        <f t="shared" si="15"/>
        <v>2014</v>
      </c>
      <c r="D459" t="s">
        <v>650</v>
      </c>
      <c r="E459" t="s">
        <v>9</v>
      </c>
      <c r="F459" t="s">
        <v>38</v>
      </c>
      <c r="G459" t="s">
        <v>39</v>
      </c>
      <c r="H459" t="s">
        <v>652</v>
      </c>
      <c r="I459">
        <v>100.79</v>
      </c>
      <c r="J459">
        <v>1</v>
      </c>
      <c r="K459">
        <v>6.3</v>
      </c>
    </row>
    <row r="460" spans="1:11" x14ac:dyDescent="0.3">
      <c r="A460" s="1">
        <v>41770</v>
      </c>
      <c r="B460" s="3">
        <f t="shared" si="14"/>
        <v>5</v>
      </c>
      <c r="C460" s="3">
        <f t="shared" si="15"/>
        <v>2014</v>
      </c>
      <c r="D460" t="s">
        <v>650</v>
      </c>
      <c r="E460" t="s">
        <v>9</v>
      </c>
      <c r="F460" t="s">
        <v>33</v>
      </c>
      <c r="G460" t="s">
        <v>46</v>
      </c>
      <c r="H460" t="s">
        <v>653</v>
      </c>
      <c r="I460">
        <v>66.11</v>
      </c>
      <c r="J460">
        <v>4</v>
      </c>
      <c r="K460">
        <v>-84.29</v>
      </c>
    </row>
    <row r="461" spans="1:11" x14ac:dyDescent="0.3">
      <c r="A461" s="1">
        <v>41770</v>
      </c>
      <c r="B461" s="3">
        <f t="shared" si="14"/>
        <v>5</v>
      </c>
      <c r="C461" s="3">
        <f t="shared" si="15"/>
        <v>2014</v>
      </c>
      <c r="D461" t="s">
        <v>654</v>
      </c>
      <c r="E461" t="s">
        <v>9</v>
      </c>
      <c r="F461" t="s">
        <v>38</v>
      </c>
      <c r="G461" t="s">
        <v>51</v>
      </c>
      <c r="H461" t="s">
        <v>655</v>
      </c>
      <c r="I461">
        <v>46.86</v>
      </c>
      <c r="J461">
        <v>2</v>
      </c>
      <c r="K461">
        <v>7.62</v>
      </c>
    </row>
    <row r="462" spans="1:11" x14ac:dyDescent="0.3">
      <c r="A462" s="1">
        <v>41770</v>
      </c>
      <c r="B462" s="3">
        <f t="shared" si="14"/>
        <v>5</v>
      </c>
      <c r="C462" s="3">
        <f t="shared" si="15"/>
        <v>2014</v>
      </c>
      <c r="D462" t="s">
        <v>656</v>
      </c>
      <c r="E462" t="s">
        <v>148</v>
      </c>
      <c r="F462" t="s">
        <v>10</v>
      </c>
      <c r="G462" t="s">
        <v>91</v>
      </c>
      <c r="H462" t="s">
        <v>657</v>
      </c>
      <c r="I462">
        <v>35.909999999999997</v>
      </c>
      <c r="J462">
        <v>3</v>
      </c>
      <c r="K462">
        <v>9.6999999999999993</v>
      </c>
    </row>
    <row r="463" spans="1:11" x14ac:dyDescent="0.3">
      <c r="A463" s="1">
        <v>41770</v>
      </c>
      <c r="B463" s="3">
        <f t="shared" si="14"/>
        <v>5</v>
      </c>
      <c r="C463" s="3">
        <f t="shared" si="15"/>
        <v>2014</v>
      </c>
      <c r="D463" t="s">
        <v>658</v>
      </c>
      <c r="E463" t="s">
        <v>9</v>
      </c>
      <c r="F463" t="s">
        <v>33</v>
      </c>
      <c r="G463" t="s">
        <v>34</v>
      </c>
      <c r="H463" t="s">
        <v>659</v>
      </c>
      <c r="I463">
        <v>1212.96</v>
      </c>
      <c r="J463">
        <v>8</v>
      </c>
      <c r="K463">
        <v>-69.31</v>
      </c>
    </row>
    <row r="464" spans="1:11" x14ac:dyDescent="0.3">
      <c r="A464" s="1">
        <v>41770</v>
      </c>
      <c r="B464" s="3">
        <f t="shared" si="14"/>
        <v>5</v>
      </c>
      <c r="C464" s="3">
        <f t="shared" si="15"/>
        <v>2014</v>
      </c>
      <c r="D464" t="s">
        <v>660</v>
      </c>
      <c r="E464" t="s">
        <v>14</v>
      </c>
      <c r="F464" t="s">
        <v>10</v>
      </c>
      <c r="G464" t="s">
        <v>11</v>
      </c>
      <c r="H464" t="s">
        <v>231</v>
      </c>
      <c r="I464">
        <v>17.47</v>
      </c>
      <c r="J464">
        <v>3</v>
      </c>
      <c r="K464">
        <v>5.68</v>
      </c>
    </row>
    <row r="465" spans="1:11" x14ac:dyDescent="0.3">
      <c r="A465" s="1">
        <v>41770</v>
      </c>
      <c r="B465" s="3">
        <f t="shared" si="14"/>
        <v>5</v>
      </c>
      <c r="C465" s="3">
        <f t="shared" si="15"/>
        <v>2014</v>
      </c>
      <c r="D465" t="s">
        <v>660</v>
      </c>
      <c r="E465" t="s">
        <v>14</v>
      </c>
      <c r="F465" t="s">
        <v>10</v>
      </c>
      <c r="G465" t="s">
        <v>19</v>
      </c>
      <c r="H465" t="s">
        <v>661</v>
      </c>
      <c r="I465">
        <v>104.58</v>
      </c>
      <c r="J465">
        <v>9</v>
      </c>
      <c r="K465">
        <v>-172.56</v>
      </c>
    </row>
    <row r="466" spans="1:11" x14ac:dyDescent="0.3">
      <c r="A466" s="1">
        <v>41771</v>
      </c>
      <c r="B466" s="3">
        <f t="shared" si="14"/>
        <v>5</v>
      </c>
      <c r="C466" s="3">
        <f t="shared" si="15"/>
        <v>2014</v>
      </c>
      <c r="D466" t="s">
        <v>99</v>
      </c>
      <c r="E466" t="s">
        <v>156</v>
      </c>
      <c r="F466" t="s">
        <v>33</v>
      </c>
      <c r="G466" t="s">
        <v>46</v>
      </c>
      <c r="H466" t="s">
        <v>59</v>
      </c>
      <c r="I466">
        <v>34.79</v>
      </c>
      <c r="J466">
        <v>7</v>
      </c>
      <c r="K466">
        <v>10.78</v>
      </c>
    </row>
    <row r="467" spans="1:11" x14ac:dyDescent="0.3">
      <c r="A467" s="1">
        <v>41771</v>
      </c>
      <c r="B467" s="3">
        <f t="shared" si="14"/>
        <v>5</v>
      </c>
      <c r="C467" s="3">
        <f t="shared" si="15"/>
        <v>2014</v>
      </c>
      <c r="D467" t="s">
        <v>276</v>
      </c>
      <c r="E467" t="s">
        <v>433</v>
      </c>
      <c r="F467" t="s">
        <v>33</v>
      </c>
      <c r="G467" t="s">
        <v>144</v>
      </c>
      <c r="H467" t="s">
        <v>662</v>
      </c>
      <c r="I467">
        <v>700.06</v>
      </c>
      <c r="J467">
        <v>3</v>
      </c>
      <c r="K467">
        <v>-130.01</v>
      </c>
    </row>
    <row r="468" spans="1:11" x14ac:dyDescent="0.3">
      <c r="A468" s="1">
        <v>41772</v>
      </c>
      <c r="B468" s="3">
        <f t="shared" si="14"/>
        <v>5</v>
      </c>
      <c r="C468" s="3">
        <f t="shared" si="15"/>
        <v>2014</v>
      </c>
      <c r="D468" t="s">
        <v>663</v>
      </c>
      <c r="E468" t="s">
        <v>295</v>
      </c>
      <c r="F468" t="s">
        <v>10</v>
      </c>
      <c r="G468" t="s">
        <v>17</v>
      </c>
      <c r="H468" t="s">
        <v>637</v>
      </c>
      <c r="I468">
        <v>55.5</v>
      </c>
      <c r="J468">
        <v>2</v>
      </c>
      <c r="K468">
        <v>9.99</v>
      </c>
    </row>
    <row r="469" spans="1:11" x14ac:dyDescent="0.3">
      <c r="A469" s="1">
        <v>41772</v>
      </c>
      <c r="B469" s="3">
        <f t="shared" si="14"/>
        <v>5</v>
      </c>
      <c r="C469" s="3">
        <f t="shared" si="15"/>
        <v>2014</v>
      </c>
      <c r="D469" t="s">
        <v>664</v>
      </c>
      <c r="E469" t="s">
        <v>122</v>
      </c>
      <c r="F469" t="s">
        <v>10</v>
      </c>
      <c r="G469" t="s">
        <v>42</v>
      </c>
      <c r="H469" t="s">
        <v>159</v>
      </c>
      <c r="I469">
        <v>7.1</v>
      </c>
      <c r="J469">
        <v>2</v>
      </c>
      <c r="K469">
        <v>2.4</v>
      </c>
    </row>
    <row r="470" spans="1:11" x14ac:dyDescent="0.3">
      <c r="A470" s="1">
        <v>41772</v>
      </c>
      <c r="B470" s="3">
        <f t="shared" si="14"/>
        <v>5</v>
      </c>
      <c r="C470" s="3">
        <f t="shared" si="15"/>
        <v>2014</v>
      </c>
      <c r="D470" t="s">
        <v>664</v>
      </c>
      <c r="E470" t="s">
        <v>122</v>
      </c>
      <c r="F470" t="s">
        <v>10</v>
      </c>
      <c r="G470" t="s">
        <v>19</v>
      </c>
      <c r="H470" t="s">
        <v>665</v>
      </c>
      <c r="I470">
        <v>398.35</v>
      </c>
      <c r="J470">
        <v>8</v>
      </c>
      <c r="K470">
        <v>-331.96</v>
      </c>
    </row>
    <row r="471" spans="1:11" x14ac:dyDescent="0.3">
      <c r="A471" s="1">
        <v>41772</v>
      </c>
      <c r="B471" s="3">
        <f t="shared" si="14"/>
        <v>5</v>
      </c>
      <c r="C471" s="3">
        <f t="shared" si="15"/>
        <v>2014</v>
      </c>
      <c r="D471" t="s">
        <v>666</v>
      </c>
      <c r="E471" t="s">
        <v>26</v>
      </c>
      <c r="F471" t="s">
        <v>38</v>
      </c>
      <c r="G471" t="s">
        <v>51</v>
      </c>
      <c r="H471" t="s">
        <v>667</v>
      </c>
      <c r="I471">
        <v>149.97</v>
      </c>
      <c r="J471">
        <v>3</v>
      </c>
      <c r="K471">
        <v>52.49</v>
      </c>
    </row>
    <row r="472" spans="1:11" x14ac:dyDescent="0.3">
      <c r="A472" s="1">
        <v>41772</v>
      </c>
      <c r="B472" s="3">
        <f t="shared" si="14"/>
        <v>5</v>
      </c>
      <c r="C472" s="3">
        <f t="shared" si="15"/>
        <v>2014</v>
      </c>
      <c r="D472" t="s">
        <v>557</v>
      </c>
      <c r="E472" t="s">
        <v>26</v>
      </c>
      <c r="F472" t="s">
        <v>33</v>
      </c>
      <c r="G472" t="s">
        <v>34</v>
      </c>
      <c r="H472" t="s">
        <v>381</v>
      </c>
      <c r="I472">
        <v>279.45999999999998</v>
      </c>
      <c r="J472">
        <v>6</v>
      </c>
      <c r="K472">
        <v>20.96</v>
      </c>
    </row>
    <row r="473" spans="1:11" x14ac:dyDescent="0.3">
      <c r="A473" s="1">
        <v>41772</v>
      </c>
      <c r="B473" s="3">
        <f t="shared" si="14"/>
        <v>5</v>
      </c>
      <c r="C473" s="3">
        <f t="shared" si="15"/>
        <v>2014</v>
      </c>
      <c r="D473" t="s">
        <v>557</v>
      </c>
      <c r="E473" t="s">
        <v>26</v>
      </c>
      <c r="F473" t="s">
        <v>10</v>
      </c>
      <c r="G473" t="s">
        <v>11</v>
      </c>
      <c r="H473" t="s">
        <v>331</v>
      </c>
      <c r="I473">
        <v>8</v>
      </c>
      <c r="J473">
        <v>2</v>
      </c>
      <c r="K473">
        <v>3.84</v>
      </c>
    </row>
    <row r="474" spans="1:11" x14ac:dyDescent="0.3">
      <c r="A474" s="1">
        <v>41773</v>
      </c>
      <c r="B474" s="3">
        <f t="shared" si="14"/>
        <v>5</v>
      </c>
      <c r="C474" s="3">
        <f t="shared" si="15"/>
        <v>2014</v>
      </c>
      <c r="D474" t="s">
        <v>668</v>
      </c>
      <c r="E474" t="s">
        <v>122</v>
      </c>
      <c r="F474" t="s">
        <v>33</v>
      </c>
      <c r="G474" t="s">
        <v>46</v>
      </c>
      <c r="H474" t="s">
        <v>669</v>
      </c>
      <c r="I474">
        <v>310.88</v>
      </c>
      <c r="J474">
        <v>2</v>
      </c>
      <c r="K474">
        <v>23.32</v>
      </c>
    </row>
    <row r="475" spans="1:11" x14ac:dyDescent="0.3">
      <c r="A475" s="1">
        <v>41775</v>
      </c>
      <c r="B475" s="3">
        <f t="shared" si="14"/>
        <v>5</v>
      </c>
      <c r="C475" s="3">
        <f t="shared" si="15"/>
        <v>2014</v>
      </c>
      <c r="D475" t="s">
        <v>670</v>
      </c>
      <c r="E475" t="s">
        <v>26</v>
      </c>
      <c r="F475" t="s">
        <v>33</v>
      </c>
      <c r="G475" t="s">
        <v>34</v>
      </c>
      <c r="H475" t="s">
        <v>381</v>
      </c>
      <c r="I475">
        <v>232.88</v>
      </c>
      <c r="J475">
        <v>5</v>
      </c>
      <c r="K475">
        <v>17.47</v>
      </c>
    </row>
    <row r="476" spans="1:11" x14ac:dyDescent="0.3">
      <c r="A476" s="1">
        <v>41775</v>
      </c>
      <c r="B476" s="3">
        <f t="shared" si="14"/>
        <v>5</v>
      </c>
      <c r="C476" s="3">
        <f t="shared" si="15"/>
        <v>2014</v>
      </c>
      <c r="D476" t="s">
        <v>671</v>
      </c>
      <c r="E476" t="s">
        <v>26</v>
      </c>
      <c r="F476" t="s">
        <v>38</v>
      </c>
      <c r="G476" t="s">
        <v>51</v>
      </c>
      <c r="H476" t="s">
        <v>672</v>
      </c>
      <c r="I476">
        <v>56.4</v>
      </c>
      <c r="J476">
        <v>3</v>
      </c>
      <c r="K476">
        <v>3.38</v>
      </c>
    </row>
    <row r="477" spans="1:11" x14ac:dyDescent="0.3">
      <c r="A477" s="1">
        <v>41776</v>
      </c>
      <c r="B477" s="3">
        <f t="shared" si="14"/>
        <v>5</v>
      </c>
      <c r="C477" s="3">
        <f t="shared" si="15"/>
        <v>2014</v>
      </c>
      <c r="D477" t="s">
        <v>673</v>
      </c>
      <c r="E477" t="s">
        <v>156</v>
      </c>
      <c r="F477" t="s">
        <v>10</v>
      </c>
      <c r="G477" t="s">
        <v>19</v>
      </c>
      <c r="H477" t="s">
        <v>161</v>
      </c>
      <c r="I477">
        <v>91.68</v>
      </c>
      <c r="J477">
        <v>3</v>
      </c>
      <c r="K477">
        <v>45.84</v>
      </c>
    </row>
    <row r="478" spans="1:11" x14ac:dyDescent="0.3">
      <c r="A478" s="1">
        <v>41777</v>
      </c>
      <c r="B478" s="3">
        <f t="shared" si="14"/>
        <v>5</v>
      </c>
      <c r="C478" s="3">
        <f t="shared" si="15"/>
        <v>2014</v>
      </c>
      <c r="D478" t="s">
        <v>674</v>
      </c>
      <c r="E478" t="s">
        <v>77</v>
      </c>
      <c r="F478" t="s">
        <v>38</v>
      </c>
      <c r="G478" t="s">
        <v>39</v>
      </c>
      <c r="H478" t="s">
        <v>675</v>
      </c>
      <c r="I478">
        <v>779.8</v>
      </c>
      <c r="J478">
        <v>2</v>
      </c>
      <c r="K478">
        <v>-168.96</v>
      </c>
    </row>
    <row r="479" spans="1:11" x14ac:dyDescent="0.3">
      <c r="A479" s="1">
        <v>41777</v>
      </c>
      <c r="B479" s="3">
        <f t="shared" si="14"/>
        <v>5</v>
      </c>
      <c r="C479" s="3">
        <f t="shared" si="15"/>
        <v>2014</v>
      </c>
      <c r="D479" t="s">
        <v>676</v>
      </c>
      <c r="E479" t="s">
        <v>77</v>
      </c>
      <c r="F479" t="s">
        <v>33</v>
      </c>
      <c r="G479" t="s">
        <v>46</v>
      </c>
      <c r="H479" t="s">
        <v>677</v>
      </c>
      <c r="I479">
        <v>149.22999999999999</v>
      </c>
      <c r="J479">
        <v>3</v>
      </c>
      <c r="K479">
        <v>3.73</v>
      </c>
    </row>
    <row r="480" spans="1:11" x14ac:dyDescent="0.3">
      <c r="A480" s="1">
        <v>41777</v>
      </c>
      <c r="B480" s="3">
        <f t="shared" si="14"/>
        <v>5</v>
      </c>
      <c r="C480" s="3">
        <f t="shared" si="15"/>
        <v>2014</v>
      </c>
      <c r="D480" t="s">
        <v>676</v>
      </c>
      <c r="E480" t="s">
        <v>77</v>
      </c>
      <c r="F480" t="s">
        <v>10</v>
      </c>
      <c r="G480" t="s">
        <v>11</v>
      </c>
      <c r="H480" t="s">
        <v>678</v>
      </c>
      <c r="I480">
        <v>15.94</v>
      </c>
      <c r="J480">
        <v>4</v>
      </c>
      <c r="K480">
        <v>5.78</v>
      </c>
    </row>
    <row r="481" spans="1:11" x14ac:dyDescent="0.3">
      <c r="A481" s="1">
        <v>41777</v>
      </c>
      <c r="B481" s="3">
        <f t="shared" si="14"/>
        <v>5</v>
      </c>
      <c r="C481" s="3">
        <f t="shared" si="15"/>
        <v>2014</v>
      </c>
      <c r="D481" t="s">
        <v>679</v>
      </c>
      <c r="E481" t="s">
        <v>9</v>
      </c>
      <c r="F481" t="s">
        <v>10</v>
      </c>
      <c r="G481" t="s">
        <v>11</v>
      </c>
      <c r="H481" t="s">
        <v>678</v>
      </c>
      <c r="I481">
        <v>3.98</v>
      </c>
      <c r="J481">
        <v>1</v>
      </c>
      <c r="K481">
        <v>1.44</v>
      </c>
    </row>
    <row r="482" spans="1:11" x14ac:dyDescent="0.3">
      <c r="A482" s="1">
        <v>41778</v>
      </c>
      <c r="B482" s="3">
        <f t="shared" si="14"/>
        <v>5</v>
      </c>
      <c r="C482" s="3">
        <f t="shared" si="15"/>
        <v>2014</v>
      </c>
      <c r="D482" t="s">
        <v>680</v>
      </c>
      <c r="E482" t="s">
        <v>109</v>
      </c>
      <c r="F482" t="s">
        <v>10</v>
      </c>
      <c r="G482" t="s">
        <v>19</v>
      </c>
      <c r="H482" t="s">
        <v>681</v>
      </c>
      <c r="I482">
        <v>57.42</v>
      </c>
      <c r="J482">
        <v>9</v>
      </c>
      <c r="K482">
        <v>26.41</v>
      </c>
    </row>
    <row r="483" spans="1:11" x14ac:dyDescent="0.3">
      <c r="A483" s="1">
        <v>41778</v>
      </c>
      <c r="B483" s="3">
        <f t="shared" si="14"/>
        <v>5</v>
      </c>
      <c r="C483" s="3">
        <f t="shared" si="15"/>
        <v>2014</v>
      </c>
      <c r="D483" t="s">
        <v>682</v>
      </c>
      <c r="E483" t="s">
        <v>54</v>
      </c>
      <c r="F483" t="s">
        <v>10</v>
      </c>
      <c r="G483" t="s">
        <v>199</v>
      </c>
      <c r="H483" t="s">
        <v>648</v>
      </c>
      <c r="I483">
        <v>34.200000000000003</v>
      </c>
      <c r="J483">
        <v>5</v>
      </c>
      <c r="K483">
        <v>9.23</v>
      </c>
    </row>
    <row r="484" spans="1:11" x14ac:dyDescent="0.3">
      <c r="A484" s="1">
        <v>41779</v>
      </c>
      <c r="B484" s="3">
        <f t="shared" si="14"/>
        <v>5</v>
      </c>
      <c r="C484" s="3">
        <f t="shared" si="15"/>
        <v>2014</v>
      </c>
      <c r="D484" t="s">
        <v>683</v>
      </c>
      <c r="E484" t="s">
        <v>684</v>
      </c>
      <c r="F484" t="s">
        <v>10</v>
      </c>
      <c r="G484" t="s">
        <v>91</v>
      </c>
      <c r="H484" t="s">
        <v>685</v>
      </c>
      <c r="I484">
        <v>33.28</v>
      </c>
      <c r="J484">
        <v>4</v>
      </c>
      <c r="K484">
        <v>9.32</v>
      </c>
    </row>
    <row r="485" spans="1:11" x14ac:dyDescent="0.3">
      <c r="A485" s="1">
        <v>41779</v>
      </c>
      <c r="B485" s="3">
        <f t="shared" si="14"/>
        <v>5</v>
      </c>
      <c r="C485" s="3">
        <f t="shared" si="15"/>
        <v>2014</v>
      </c>
      <c r="D485" t="s">
        <v>683</v>
      </c>
      <c r="E485" t="s">
        <v>684</v>
      </c>
      <c r="F485" t="s">
        <v>10</v>
      </c>
      <c r="G485" t="s">
        <v>23</v>
      </c>
      <c r="H485" t="s">
        <v>686</v>
      </c>
      <c r="I485">
        <v>38.520000000000003</v>
      </c>
      <c r="J485">
        <v>9</v>
      </c>
      <c r="K485">
        <v>11.94</v>
      </c>
    </row>
    <row r="486" spans="1:11" x14ac:dyDescent="0.3">
      <c r="A486" s="1">
        <v>41779</v>
      </c>
      <c r="B486" s="3">
        <f t="shared" si="14"/>
        <v>5</v>
      </c>
      <c r="C486" s="3">
        <f t="shared" si="15"/>
        <v>2014</v>
      </c>
      <c r="D486" t="s">
        <v>683</v>
      </c>
      <c r="E486" t="s">
        <v>684</v>
      </c>
      <c r="F486" t="s">
        <v>33</v>
      </c>
      <c r="G486" t="s">
        <v>46</v>
      </c>
      <c r="H486" t="s">
        <v>687</v>
      </c>
      <c r="I486">
        <v>139.86000000000001</v>
      </c>
      <c r="J486">
        <v>7</v>
      </c>
      <c r="K486">
        <v>60.14</v>
      </c>
    </row>
    <row r="487" spans="1:11" x14ac:dyDescent="0.3">
      <c r="A487" s="1">
        <v>41779</v>
      </c>
      <c r="B487" s="3">
        <f t="shared" si="14"/>
        <v>5</v>
      </c>
      <c r="C487" s="3">
        <f t="shared" si="15"/>
        <v>2014</v>
      </c>
      <c r="D487" t="s">
        <v>688</v>
      </c>
      <c r="E487" t="s">
        <v>9</v>
      </c>
      <c r="F487" t="s">
        <v>33</v>
      </c>
      <c r="G487" t="s">
        <v>46</v>
      </c>
      <c r="H487" t="s">
        <v>689</v>
      </c>
      <c r="I487">
        <v>10.33</v>
      </c>
      <c r="J487">
        <v>3</v>
      </c>
      <c r="K487">
        <v>-5.94</v>
      </c>
    </row>
    <row r="488" spans="1:11" x14ac:dyDescent="0.3">
      <c r="A488" s="1">
        <v>41779</v>
      </c>
      <c r="B488" s="3">
        <f t="shared" si="14"/>
        <v>5</v>
      </c>
      <c r="C488" s="3">
        <f t="shared" si="15"/>
        <v>2014</v>
      </c>
      <c r="D488" t="s">
        <v>688</v>
      </c>
      <c r="E488" t="s">
        <v>9</v>
      </c>
      <c r="F488" t="s">
        <v>10</v>
      </c>
      <c r="G488" t="s">
        <v>11</v>
      </c>
      <c r="H488" t="s">
        <v>523</v>
      </c>
      <c r="I488">
        <v>10.37</v>
      </c>
      <c r="J488">
        <v>2</v>
      </c>
      <c r="K488">
        <v>3.63</v>
      </c>
    </row>
    <row r="489" spans="1:11" x14ac:dyDescent="0.3">
      <c r="A489" s="1">
        <v>41779</v>
      </c>
      <c r="B489" s="3">
        <f t="shared" si="14"/>
        <v>5</v>
      </c>
      <c r="C489" s="3">
        <f t="shared" si="15"/>
        <v>2014</v>
      </c>
      <c r="D489" t="s">
        <v>688</v>
      </c>
      <c r="E489" t="s">
        <v>9</v>
      </c>
      <c r="F489" t="s">
        <v>38</v>
      </c>
      <c r="G489" t="s">
        <v>51</v>
      </c>
      <c r="H489" t="s">
        <v>690</v>
      </c>
      <c r="I489">
        <v>20.78</v>
      </c>
      <c r="J489">
        <v>2</v>
      </c>
      <c r="K489">
        <v>-3.64</v>
      </c>
    </row>
    <row r="490" spans="1:11" x14ac:dyDescent="0.3">
      <c r="A490" s="1">
        <v>41779</v>
      </c>
      <c r="B490" s="3">
        <f t="shared" si="14"/>
        <v>5</v>
      </c>
      <c r="C490" s="3">
        <f t="shared" si="15"/>
        <v>2014</v>
      </c>
      <c r="D490" t="s">
        <v>688</v>
      </c>
      <c r="E490" t="s">
        <v>9</v>
      </c>
      <c r="F490" t="s">
        <v>10</v>
      </c>
      <c r="G490" t="s">
        <v>17</v>
      </c>
      <c r="H490" t="s">
        <v>434</v>
      </c>
      <c r="I490">
        <v>66.959999999999994</v>
      </c>
      <c r="J490">
        <v>5</v>
      </c>
      <c r="K490">
        <v>-13.39</v>
      </c>
    </row>
    <row r="491" spans="1:11" x14ac:dyDescent="0.3">
      <c r="A491" s="1">
        <v>41780</v>
      </c>
      <c r="B491" s="3">
        <f t="shared" si="14"/>
        <v>5</v>
      </c>
      <c r="C491" s="3">
        <f t="shared" si="15"/>
        <v>2014</v>
      </c>
      <c r="D491" t="s">
        <v>691</v>
      </c>
      <c r="E491" t="s">
        <v>54</v>
      </c>
      <c r="F491" t="s">
        <v>10</v>
      </c>
      <c r="G491" t="s">
        <v>19</v>
      </c>
      <c r="H491" t="s">
        <v>692</v>
      </c>
      <c r="I491">
        <v>2715.93</v>
      </c>
      <c r="J491">
        <v>7</v>
      </c>
      <c r="K491">
        <v>1276.49</v>
      </c>
    </row>
    <row r="492" spans="1:11" x14ac:dyDescent="0.3">
      <c r="A492" s="1">
        <v>41780</v>
      </c>
      <c r="B492" s="3">
        <f t="shared" si="14"/>
        <v>5</v>
      </c>
      <c r="C492" s="3">
        <f t="shared" si="15"/>
        <v>2014</v>
      </c>
      <c r="D492" t="s">
        <v>691</v>
      </c>
      <c r="E492" t="s">
        <v>54</v>
      </c>
      <c r="F492" t="s">
        <v>38</v>
      </c>
      <c r="G492" t="s">
        <v>39</v>
      </c>
      <c r="H492" t="s">
        <v>693</v>
      </c>
      <c r="I492">
        <v>617.97</v>
      </c>
      <c r="J492">
        <v>3</v>
      </c>
      <c r="K492">
        <v>173.03</v>
      </c>
    </row>
    <row r="493" spans="1:11" x14ac:dyDescent="0.3">
      <c r="A493" s="1">
        <v>41780</v>
      </c>
      <c r="B493" s="3">
        <f t="shared" si="14"/>
        <v>5</v>
      </c>
      <c r="C493" s="3">
        <f t="shared" si="15"/>
        <v>2014</v>
      </c>
      <c r="D493" t="s">
        <v>694</v>
      </c>
      <c r="E493" t="s">
        <v>26</v>
      </c>
      <c r="F493" t="s">
        <v>10</v>
      </c>
      <c r="G493" t="s">
        <v>23</v>
      </c>
      <c r="H493" t="s">
        <v>75</v>
      </c>
      <c r="I493">
        <v>31.84</v>
      </c>
      <c r="J493">
        <v>8</v>
      </c>
      <c r="K493">
        <v>10.51</v>
      </c>
    </row>
    <row r="494" spans="1:11" x14ac:dyDescent="0.3">
      <c r="A494" s="1">
        <v>41780</v>
      </c>
      <c r="B494" s="3">
        <f t="shared" si="14"/>
        <v>5</v>
      </c>
      <c r="C494" s="3">
        <f t="shared" si="15"/>
        <v>2014</v>
      </c>
      <c r="D494" t="s">
        <v>695</v>
      </c>
      <c r="E494" t="s">
        <v>433</v>
      </c>
      <c r="F494" t="s">
        <v>10</v>
      </c>
      <c r="G494" t="s">
        <v>19</v>
      </c>
      <c r="H494" t="s">
        <v>696</v>
      </c>
      <c r="I494">
        <v>447.86</v>
      </c>
      <c r="J494">
        <v>7</v>
      </c>
      <c r="K494">
        <v>219.45</v>
      </c>
    </row>
    <row r="495" spans="1:11" x14ac:dyDescent="0.3">
      <c r="A495" s="1">
        <v>41780</v>
      </c>
      <c r="B495" s="3">
        <f t="shared" si="14"/>
        <v>5</v>
      </c>
      <c r="C495" s="3">
        <f t="shared" si="15"/>
        <v>2014</v>
      </c>
      <c r="D495" t="s">
        <v>695</v>
      </c>
      <c r="E495" t="s">
        <v>433</v>
      </c>
      <c r="F495" t="s">
        <v>10</v>
      </c>
      <c r="G495" t="s">
        <v>11</v>
      </c>
      <c r="H495" t="s">
        <v>697</v>
      </c>
      <c r="I495">
        <v>17.940000000000001</v>
      </c>
      <c r="J495">
        <v>3</v>
      </c>
      <c r="K495">
        <v>8.7899999999999991</v>
      </c>
    </row>
    <row r="496" spans="1:11" x14ac:dyDescent="0.3">
      <c r="A496" s="1">
        <v>41780</v>
      </c>
      <c r="B496" s="3">
        <f t="shared" si="14"/>
        <v>5</v>
      </c>
      <c r="C496" s="3">
        <f t="shared" si="15"/>
        <v>2014</v>
      </c>
      <c r="D496" t="s">
        <v>695</v>
      </c>
      <c r="E496" t="s">
        <v>433</v>
      </c>
      <c r="F496" t="s">
        <v>10</v>
      </c>
      <c r="G496" t="s">
        <v>91</v>
      </c>
      <c r="H496" t="s">
        <v>198</v>
      </c>
      <c r="I496">
        <v>245.88</v>
      </c>
      <c r="J496">
        <v>6</v>
      </c>
      <c r="K496">
        <v>68.849999999999994</v>
      </c>
    </row>
    <row r="497" spans="1:11" x14ac:dyDescent="0.3">
      <c r="A497" s="1">
        <v>41780</v>
      </c>
      <c r="B497" s="3">
        <f t="shared" si="14"/>
        <v>5</v>
      </c>
      <c r="C497" s="3">
        <f t="shared" si="15"/>
        <v>2014</v>
      </c>
      <c r="D497" t="s">
        <v>595</v>
      </c>
      <c r="E497" t="s">
        <v>9</v>
      </c>
      <c r="F497" t="s">
        <v>10</v>
      </c>
      <c r="G497" t="s">
        <v>62</v>
      </c>
      <c r="H497" t="s">
        <v>63</v>
      </c>
      <c r="I497">
        <v>56.06</v>
      </c>
      <c r="J497">
        <v>6</v>
      </c>
      <c r="K497">
        <v>21.02</v>
      </c>
    </row>
    <row r="498" spans="1:11" x14ac:dyDescent="0.3">
      <c r="A498" s="1">
        <v>41780</v>
      </c>
      <c r="B498" s="3">
        <f t="shared" si="14"/>
        <v>5</v>
      </c>
      <c r="C498" s="3">
        <f t="shared" si="15"/>
        <v>2014</v>
      </c>
      <c r="D498" t="s">
        <v>595</v>
      </c>
      <c r="E498" t="s">
        <v>9</v>
      </c>
      <c r="F498" t="s">
        <v>33</v>
      </c>
      <c r="G498" t="s">
        <v>34</v>
      </c>
      <c r="H498" t="s">
        <v>698</v>
      </c>
      <c r="I498">
        <v>107.77</v>
      </c>
      <c r="J498">
        <v>2</v>
      </c>
      <c r="K498">
        <v>-29.25</v>
      </c>
    </row>
    <row r="499" spans="1:11" x14ac:dyDescent="0.3">
      <c r="A499" s="1">
        <v>41780</v>
      </c>
      <c r="B499" s="3">
        <f t="shared" si="14"/>
        <v>5</v>
      </c>
      <c r="C499" s="3">
        <f t="shared" si="15"/>
        <v>2014</v>
      </c>
      <c r="D499" t="s">
        <v>595</v>
      </c>
      <c r="E499" t="s">
        <v>9</v>
      </c>
      <c r="F499" t="s">
        <v>10</v>
      </c>
      <c r="G499" t="s">
        <v>11</v>
      </c>
      <c r="H499" t="s">
        <v>699</v>
      </c>
      <c r="I499">
        <v>4.83</v>
      </c>
      <c r="J499">
        <v>1</v>
      </c>
      <c r="K499">
        <v>1.63</v>
      </c>
    </row>
    <row r="500" spans="1:11" x14ac:dyDescent="0.3">
      <c r="A500" s="1">
        <v>41780</v>
      </c>
      <c r="B500" s="3">
        <f t="shared" si="14"/>
        <v>5</v>
      </c>
      <c r="C500" s="3">
        <f t="shared" si="15"/>
        <v>2014</v>
      </c>
      <c r="D500" t="s">
        <v>595</v>
      </c>
      <c r="E500" t="s">
        <v>9</v>
      </c>
      <c r="F500" t="s">
        <v>10</v>
      </c>
      <c r="G500" t="s">
        <v>19</v>
      </c>
      <c r="H500" t="s">
        <v>700</v>
      </c>
      <c r="I500">
        <v>18.239999999999998</v>
      </c>
      <c r="J500">
        <v>3</v>
      </c>
      <c r="K500">
        <v>-31.01</v>
      </c>
    </row>
    <row r="501" spans="1:11" x14ac:dyDescent="0.3">
      <c r="A501" s="1">
        <v>41781</v>
      </c>
      <c r="B501" s="3">
        <f t="shared" si="14"/>
        <v>5</v>
      </c>
      <c r="C501" s="3">
        <f t="shared" si="15"/>
        <v>2014</v>
      </c>
      <c r="D501" t="s">
        <v>701</v>
      </c>
      <c r="E501" t="s">
        <v>487</v>
      </c>
      <c r="F501" t="s">
        <v>38</v>
      </c>
      <c r="G501" t="s">
        <v>39</v>
      </c>
      <c r="H501" t="s">
        <v>702</v>
      </c>
      <c r="I501">
        <v>135.97999999999999</v>
      </c>
      <c r="J501">
        <v>2</v>
      </c>
      <c r="K501">
        <v>34</v>
      </c>
    </row>
    <row r="502" spans="1:11" x14ac:dyDescent="0.3">
      <c r="A502" s="1">
        <v>41781</v>
      </c>
      <c r="B502" s="3">
        <f t="shared" si="14"/>
        <v>5</v>
      </c>
      <c r="C502" s="3">
        <f t="shared" si="15"/>
        <v>2014</v>
      </c>
      <c r="D502" t="s">
        <v>701</v>
      </c>
      <c r="E502" t="s">
        <v>487</v>
      </c>
      <c r="F502" t="s">
        <v>38</v>
      </c>
      <c r="G502" t="s">
        <v>39</v>
      </c>
      <c r="H502" t="s">
        <v>703</v>
      </c>
      <c r="I502">
        <v>44.95</v>
      </c>
      <c r="J502">
        <v>1</v>
      </c>
      <c r="K502">
        <v>12.59</v>
      </c>
    </row>
    <row r="503" spans="1:11" x14ac:dyDescent="0.3">
      <c r="A503" s="1">
        <v>41782</v>
      </c>
      <c r="B503" s="3">
        <f t="shared" si="14"/>
        <v>5</v>
      </c>
      <c r="C503" s="3">
        <f t="shared" si="15"/>
        <v>2014</v>
      </c>
      <c r="D503" t="s">
        <v>600</v>
      </c>
      <c r="E503" t="s">
        <v>22</v>
      </c>
      <c r="F503" t="s">
        <v>10</v>
      </c>
      <c r="G503" t="s">
        <v>19</v>
      </c>
      <c r="H503" t="s">
        <v>704</v>
      </c>
      <c r="I503">
        <v>3.28</v>
      </c>
      <c r="J503">
        <v>2</v>
      </c>
      <c r="K503">
        <v>-2.63</v>
      </c>
    </row>
    <row r="504" spans="1:11" x14ac:dyDescent="0.3">
      <c r="A504" s="1">
        <v>41782</v>
      </c>
      <c r="B504" s="3">
        <f t="shared" si="14"/>
        <v>5</v>
      </c>
      <c r="C504" s="3">
        <f t="shared" si="15"/>
        <v>2014</v>
      </c>
      <c r="D504" t="s">
        <v>600</v>
      </c>
      <c r="E504" t="s">
        <v>22</v>
      </c>
      <c r="F504" t="s">
        <v>10</v>
      </c>
      <c r="G504" t="s">
        <v>23</v>
      </c>
      <c r="H504" t="s">
        <v>705</v>
      </c>
      <c r="I504">
        <v>21.17</v>
      </c>
      <c r="J504">
        <v>9</v>
      </c>
      <c r="K504">
        <v>2.38</v>
      </c>
    </row>
    <row r="505" spans="1:11" x14ac:dyDescent="0.3">
      <c r="A505" s="1">
        <v>41782</v>
      </c>
      <c r="B505" s="3">
        <f t="shared" si="14"/>
        <v>5</v>
      </c>
      <c r="C505" s="3">
        <f t="shared" si="15"/>
        <v>2014</v>
      </c>
      <c r="D505" t="s">
        <v>600</v>
      </c>
      <c r="E505" t="s">
        <v>22</v>
      </c>
      <c r="F505" t="s">
        <v>38</v>
      </c>
      <c r="G505" t="s">
        <v>39</v>
      </c>
      <c r="H505" t="s">
        <v>706</v>
      </c>
      <c r="I505">
        <v>55.19</v>
      </c>
      <c r="J505">
        <v>2</v>
      </c>
      <c r="K505">
        <v>-10.119999999999999</v>
      </c>
    </row>
    <row r="506" spans="1:11" x14ac:dyDescent="0.3">
      <c r="A506" s="1">
        <v>41782</v>
      </c>
      <c r="B506" s="3">
        <f t="shared" si="14"/>
        <v>5</v>
      </c>
      <c r="C506" s="3">
        <f t="shared" si="15"/>
        <v>2014</v>
      </c>
      <c r="D506" t="s">
        <v>82</v>
      </c>
      <c r="E506" t="s">
        <v>163</v>
      </c>
      <c r="F506" t="s">
        <v>10</v>
      </c>
      <c r="G506" t="s">
        <v>11</v>
      </c>
      <c r="H506" t="s">
        <v>707</v>
      </c>
      <c r="I506">
        <v>12.96</v>
      </c>
      <c r="J506">
        <v>2</v>
      </c>
      <c r="K506">
        <v>6.22</v>
      </c>
    </row>
    <row r="507" spans="1:11" x14ac:dyDescent="0.3">
      <c r="A507" s="1">
        <v>41782</v>
      </c>
      <c r="B507" s="3">
        <f t="shared" si="14"/>
        <v>5</v>
      </c>
      <c r="C507" s="3">
        <f t="shared" si="15"/>
        <v>2014</v>
      </c>
      <c r="D507" t="s">
        <v>708</v>
      </c>
      <c r="E507" t="s">
        <v>148</v>
      </c>
      <c r="F507" t="s">
        <v>10</v>
      </c>
      <c r="G507" t="s">
        <v>19</v>
      </c>
      <c r="H507" t="s">
        <v>450</v>
      </c>
      <c r="I507">
        <v>17.96</v>
      </c>
      <c r="J507">
        <v>5</v>
      </c>
      <c r="K507">
        <v>5.84</v>
      </c>
    </row>
    <row r="508" spans="1:11" x14ac:dyDescent="0.3">
      <c r="A508" s="1">
        <v>41782</v>
      </c>
      <c r="B508" s="3">
        <f t="shared" si="14"/>
        <v>5</v>
      </c>
      <c r="C508" s="3">
        <f t="shared" si="15"/>
        <v>2014</v>
      </c>
      <c r="D508" t="s">
        <v>708</v>
      </c>
      <c r="E508" t="s">
        <v>148</v>
      </c>
      <c r="F508" t="s">
        <v>10</v>
      </c>
      <c r="G508" t="s">
        <v>199</v>
      </c>
      <c r="H508" t="s">
        <v>709</v>
      </c>
      <c r="I508">
        <v>5.04</v>
      </c>
      <c r="J508">
        <v>2</v>
      </c>
      <c r="K508">
        <v>0.15</v>
      </c>
    </row>
    <row r="509" spans="1:11" x14ac:dyDescent="0.3">
      <c r="A509" s="1">
        <v>41782</v>
      </c>
      <c r="B509" s="3">
        <f t="shared" si="14"/>
        <v>5</v>
      </c>
      <c r="C509" s="3">
        <f t="shared" si="15"/>
        <v>2014</v>
      </c>
      <c r="D509" t="s">
        <v>708</v>
      </c>
      <c r="E509" t="s">
        <v>148</v>
      </c>
      <c r="F509" t="s">
        <v>10</v>
      </c>
      <c r="G509" t="s">
        <v>91</v>
      </c>
      <c r="H509" t="s">
        <v>710</v>
      </c>
      <c r="I509">
        <v>208.16</v>
      </c>
      <c r="J509">
        <v>1</v>
      </c>
      <c r="K509">
        <v>56.2</v>
      </c>
    </row>
    <row r="510" spans="1:11" x14ac:dyDescent="0.3">
      <c r="A510" s="1">
        <v>41783</v>
      </c>
      <c r="B510" s="3">
        <f t="shared" si="14"/>
        <v>5</v>
      </c>
      <c r="C510" s="3">
        <f t="shared" si="15"/>
        <v>2014</v>
      </c>
      <c r="D510" t="s">
        <v>711</v>
      </c>
      <c r="E510" t="s">
        <v>530</v>
      </c>
      <c r="F510" t="s">
        <v>10</v>
      </c>
      <c r="G510" t="s">
        <v>11</v>
      </c>
      <c r="H510" t="s">
        <v>712</v>
      </c>
      <c r="I510">
        <v>116.28</v>
      </c>
      <c r="J510">
        <v>3</v>
      </c>
      <c r="K510">
        <v>56.98</v>
      </c>
    </row>
    <row r="511" spans="1:11" x14ac:dyDescent="0.3">
      <c r="A511" s="1">
        <v>41784</v>
      </c>
      <c r="B511" s="3">
        <f t="shared" si="14"/>
        <v>5</v>
      </c>
      <c r="C511" s="3">
        <f t="shared" si="15"/>
        <v>2014</v>
      </c>
      <c r="D511" t="s">
        <v>713</v>
      </c>
      <c r="E511" t="s">
        <v>14</v>
      </c>
      <c r="F511" t="s">
        <v>10</v>
      </c>
      <c r="G511" t="s">
        <v>91</v>
      </c>
      <c r="H511" t="s">
        <v>714</v>
      </c>
      <c r="I511">
        <v>75.599999999999994</v>
      </c>
      <c r="J511">
        <v>2</v>
      </c>
      <c r="K511">
        <v>-166.32</v>
      </c>
    </row>
    <row r="512" spans="1:11" x14ac:dyDescent="0.3">
      <c r="A512" s="1">
        <v>41784</v>
      </c>
      <c r="B512" s="3">
        <f t="shared" si="14"/>
        <v>5</v>
      </c>
      <c r="C512" s="3">
        <f t="shared" si="15"/>
        <v>2014</v>
      </c>
      <c r="D512" t="s">
        <v>713</v>
      </c>
      <c r="E512" t="s">
        <v>14</v>
      </c>
      <c r="F512" t="s">
        <v>33</v>
      </c>
      <c r="G512" t="s">
        <v>46</v>
      </c>
      <c r="H512" t="s">
        <v>715</v>
      </c>
      <c r="I512">
        <v>29.32</v>
      </c>
      <c r="J512">
        <v>2</v>
      </c>
      <c r="K512">
        <v>-24.19</v>
      </c>
    </row>
    <row r="513" spans="1:11" x14ac:dyDescent="0.3">
      <c r="A513" s="1">
        <v>41784</v>
      </c>
      <c r="B513" s="3">
        <f t="shared" si="14"/>
        <v>5</v>
      </c>
      <c r="C513" s="3">
        <f t="shared" si="15"/>
        <v>2014</v>
      </c>
      <c r="D513" t="s">
        <v>716</v>
      </c>
      <c r="E513" t="s">
        <v>148</v>
      </c>
      <c r="F513" t="s">
        <v>10</v>
      </c>
      <c r="G513" t="s">
        <v>11</v>
      </c>
      <c r="H513" t="s">
        <v>717</v>
      </c>
      <c r="I513">
        <v>14.62</v>
      </c>
      <c r="J513">
        <v>2</v>
      </c>
      <c r="K513">
        <v>6.73</v>
      </c>
    </row>
    <row r="514" spans="1:11" x14ac:dyDescent="0.3">
      <c r="A514" s="1">
        <v>41785</v>
      </c>
      <c r="B514" s="3">
        <f t="shared" ref="B514:B577" si="16">MONTH(A:A)</f>
        <v>5</v>
      </c>
      <c r="C514" s="3">
        <f t="shared" ref="C514:C577" si="17">YEAR(A:A)</f>
        <v>2014</v>
      </c>
      <c r="D514" t="s">
        <v>196</v>
      </c>
      <c r="E514" t="s">
        <v>26</v>
      </c>
      <c r="F514" t="s">
        <v>33</v>
      </c>
      <c r="G514" t="s">
        <v>73</v>
      </c>
      <c r="H514" t="s">
        <v>718</v>
      </c>
      <c r="I514">
        <v>290.67</v>
      </c>
      <c r="J514">
        <v>2</v>
      </c>
      <c r="K514">
        <v>27.36</v>
      </c>
    </row>
    <row r="515" spans="1:11" x14ac:dyDescent="0.3">
      <c r="A515" s="1">
        <v>41785</v>
      </c>
      <c r="B515" s="3">
        <f t="shared" si="16"/>
        <v>5</v>
      </c>
      <c r="C515" s="3">
        <f t="shared" si="17"/>
        <v>2014</v>
      </c>
      <c r="D515" t="s">
        <v>196</v>
      </c>
      <c r="E515" t="s">
        <v>26</v>
      </c>
      <c r="F515" t="s">
        <v>38</v>
      </c>
      <c r="G515" t="s">
        <v>39</v>
      </c>
      <c r="H515" t="s">
        <v>719</v>
      </c>
      <c r="I515">
        <v>201.58</v>
      </c>
      <c r="J515">
        <v>2</v>
      </c>
      <c r="K515">
        <v>20.16</v>
      </c>
    </row>
    <row r="516" spans="1:11" x14ac:dyDescent="0.3">
      <c r="A516" s="1">
        <v>41785</v>
      </c>
      <c r="B516" s="3">
        <f t="shared" si="16"/>
        <v>5</v>
      </c>
      <c r="C516" s="3">
        <f t="shared" si="17"/>
        <v>2014</v>
      </c>
      <c r="D516" t="s">
        <v>196</v>
      </c>
      <c r="E516" t="s">
        <v>26</v>
      </c>
      <c r="F516" t="s">
        <v>38</v>
      </c>
      <c r="G516" t="s">
        <v>39</v>
      </c>
      <c r="H516" t="s">
        <v>720</v>
      </c>
      <c r="I516">
        <v>83.98</v>
      </c>
      <c r="J516">
        <v>2</v>
      </c>
      <c r="K516">
        <v>31.49</v>
      </c>
    </row>
    <row r="517" spans="1:11" x14ac:dyDescent="0.3">
      <c r="A517" s="1">
        <v>41785</v>
      </c>
      <c r="B517" s="3">
        <f t="shared" si="16"/>
        <v>5</v>
      </c>
      <c r="C517" s="3">
        <f t="shared" si="17"/>
        <v>2014</v>
      </c>
      <c r="D517" t="s">
        <v>721</v>
      </c>
      <c r="E517" t="s">
        <v>26</v>
      </c>
      <c r="F517" t="s">
        <v>33</v>
      </c>
      <c r="G517" t="s">
        <v>34</v>
      </c>
      <c r="H517" t="s">
        <v>722</v>
      </c>
      <c r="I517">
        <v>225.3</v>
      </c>
      <c r="J517">
        <v>2</v>
      </c>
      <c r="K517">
        <v>22.53</v>
      </c>
    </row>
    <row r="518" spans="1:11" x14ac:dyDescent="0.3">
      <c r="A518" s="1">
        <v>41785</v>
      </c>
      <c r="B518" s="3">
        <f t="shared" si="16"/>
        <v>5</v>
      </c>
      <c r="C518" s="3">
        <f t="shared" si="17"/>
        <v>2014</v>
      </c>
      <c r="D518" t="s">
        <v>723</v>
      </c>
      <c r="E518" t="s">
        <v>295</v>
      </c>
      <c r="F518" t="s">
        <v>10</v>
      </c>
      <c r="G518" t="s">
        <v>11</v>
      </c>
      <c r="H518" t="s">
        <v>107</v>
      </c>
      <c r="I518">
        <v>48.4</v>
      </c>
      <c r="J518">
        <v>5</v>
      </c>
      <c r="K518">
        <v>23.23</v>
      </c>
    </row>
    <row r="519" spans="1:11" x14ac:dyDescent="0.3">
      <c r="A519" s="1">
        <v>41785</v>
      </c>
      <c r="B519" s="3">
        <f t="shared" si="16"/>
        <v>5</v>
      </c>
      <c r="C519" s="3">
        <f t="shared" si="17"/>
        <v>2014</v>
      </c>
      <c r="D519" t="s">
        <v>513</v>
      </c>
      <c r="E519" t="s">
        <v>14</v>
      </c>
      <c r="F519" t="s">
        <v>10</v>
      </c>
      <c r="G519" t="s">
        <v>17</v>
      </c>
      <c r="H519" t="s">
        <v>724</v>
      </c>
      <c r="I519">
        <v>102.62</v>
      </c>
      <c r="J519">
        <v>3</v>
      </c>
      <c r="K519">
        <v>7.7</v>
      </c>
    </row>
    <row r="520" spans="1:11" x14ac:dyDescent="0.3">
      <c r="A520" s="1">
        <v>41785</v>
      </c>
      <c r="B520" s="3">
        <f t="shared" si="16"/>
        <v>5</v>
      </c>
      <c r="C520" s="3">
        <f t="shared" si="17"/>
        <v>2014</v>
      </c>
      <c r="D520" t="s">
        <v>513</v>
      </c>
      <c r="E520" t="s">
        <v>14</v>
      </c>
      <c r="F520" t="s">
        <v>33</v>
      </c>
      <c r="G520" t="s">
        <v>34</v>
      </c>
      <c r="H520" t="s">
        <v>725</v>
      </c>
      <c r="I520">
        <v>359.77</v>
      </c>
      <c r="J520">
        <v>2</v>
      </c>
      <c r="K520">
        <v>-5.14</v>
      </c>
    </row>
    <row r="521" spans="1:11" x14ac:dyDescent="0.3">
      <c r="A521" s="1">
        <v>41785</v>
      </c>
      <c r="B521" s="3">
        <f t="shared" si="16"/>
        <v>5</v>
      </c>
      <c r="C521" s="3">
        <f t="shared" si="17"/>
        <v>2014</v>
      </c>
      <c r="D521" t="s">
        <v>513</v>
      </c>
      <c r="E521" t="s">
        <v>14</v>
      </c>
      <c r="F521" t="s">
        <v>10</v>
      </c>
      <c r="G521" t="s">
        <v>23</v>
      </c>
      <c r="H521" t="s">
        <v>644</v>
      </c>
      <c r="I521">
        <v>13.39</v>
      </c>
      <c r="J521">
        <v>3</v>
      </c>
      <c r="K521">
        <v>3.18</v>
      </c>
    </row>
    <row r="522" spans="1:11" x14ac:dyDescent="0.3">
      <c r="A522" s="1">
        <v>41786</v>
      </c>
      <c r="B522" s="3">
        <f t="shared" si="16"/>
        <v>5</v>
      </c>
      <c r="C522" s="3">
        <f t="shared" si="17"/>
        <v>2014</v>
      </c>
      <c r="D522" t="s">
        <v>726</v>
      </c>
      <c r="E522" t="s">
        <v>26</v>
      </c>
      <c r="F522" t="s">
        <v>33</v>
      </c>
      <c r="G522" t="s">
        <v>144</v>
      </c>
      <c r="H522" t="s">
        <v>727</v>
      </c>
      <c r="I522">
        <v>567.12</v>
      </c>
      <c r="J522">
        <v>10</v>
      </c>
      <c r="K522">
        <v>-28.36</v>
      </c>
    </row>
    <row r="523" spans="1:11" x14ac:dyDescent="0.3">
      <c r="A523" s="1">
        <v>41786</v>
      </c>
      <c r="B523" s="3">
        <f t="shared" si="16"/>
        <v>5</v>
      </c>
      <c r="C523" s="3">
        <f t="shared" si="17"/>
        <v>2014</v>
      </c>
      <c r="D523" t="s">
        <v>726</v>
      </c>
      <c r="E523" t="s">
        <v>26</v>
      </c>
      <c r="F523" t="s">
        <v>10</v>
      </c>
      <c r="G523" t="s">
        <v>17</v>
      </c>
      <c r="H523" t="s">
        <v>728</v>
      </c>
      <c r="I523">
        <v>359.32</v>
      </c>
      <c r="J523">
        <v>4</v>
      </c>
      <c r="K523">
        <v>7.19</v>
      </c>
    </row>
    <row r="524" spans="1:11" x14ac:dyDescent="0.3">
      <c r="A524" s="1">
        <v>41786</v>
      </c>
      <c r="B524" s="3">
        <f t="shared" si="16"/>
        <v>5</v>
      </c>
      <c r="C524" s="3">
        <f t="shared" si="17"/>
        <v>2014</v>
      </c>
      <c r="D524" t="s">
        <v>566</v>
      </c>
      <c r="E524" t="s">
        <v>26</v>
      </c>
      <c r="F524" t="s">
        <v>38</v>
      </c>
      <c r="G524" t="s">
        <v>39</v>
      </c>
      <c r="H524" t="s">
        <v>729</v>
      </c>
      <c r="I524">
        <v>1113.5</v>
      </c>
      <c r="J524">
        <v>12</v>
      </c>
      <c r="K524">
        <v>125.27</v>
      </c>
    </row>
    <row r="525" spans="1:11" x14ac:dyDescent="0.3">
      <c r="A525" s="1">
        <v>41786</v>
      </c>
      <c r="B525" s="3">
        <f t="shared" si="16"/>
        <v>5</v>
      </c>
      <c r="C525" s="3">
        <f t="shared" si="17"/>
        <v>2014</v>
      </c>
      <c r="D525" t="s">
        <v>566</v>
      </c>
      <c r="E525" t="s">
        <v>26</v>
      </c>
      <c r="F525" t="s">
        <v>38</v>
      </c>
      <c r="G525" t="s">
        <v>51</v>
      </c>
      <c r="H525" t="s">
        <v>730</v>
      </c>
      <c r="I525">
        <v>99.99</v>
      </c>
      <c r="J525">
        <v>1</v>
      </c>
      <c r="K525">
        <v>38</v>
      </c>
    </row>
    <row r="526" spans="1:11" x14ac:dyDescent="0.3">
      <c r="A526" s="1">
        <v>41786</v>
      </c>
      <c r="B526" s="3">
        <f t="shared" si="16"/>
        <v>5</v>
      </c>
      <c r="C526" s="3">
        <f t="shared" si="17"/>
        <v>2014</v>
      </c>
      <c r="D526" t="s">
        <v>731</v>
      </c>
      <c r="E526" t="s">
        <v>14</v>
      </c>
      <c r="F526" t="s">
        <v>10</v>
      </c>
      <c r="G526" t="s">
        <v>19</v>
      </c>
      <c r="H526" t="s">
        <v>732</v>
      </c>
      <c r="I526">
        <v>17.46</v>
      </c>
      <c r="J526">
        <v>6</v>
      </c>
      <c r="K526">
        <v>-30.56</v>
      </c>
    </row>
    <row r="527" spans="1:11" x14ac:dyDescent="0.3">
      <c r="A527" s="1">
        <v>41787</v>
      </c>
      <c r="B527" s="3">
        <f t="shared" si="16"/>
        <v>5</v>
      </c>
      <c r="C527" s="3">
        <f t="shared" si="17"/>
        <v>2014</v>
      </c>
      <c r="D527" t="s">
        <v>733</v>
      </c>
      <c r="E527" t="s">
        <v>163</v>
      </c>
      <c r="F527" t="s">
        <v>38</v>
      </c>
      <c r="G527" t="s">
        <v>39</v>
      </c>
      <c r="H527" t="s">
        <v>734</v>
      </c>
      <c r="I527">
        <v>57.41</v>
      </c>
      <c r="J527">
        <v>6</v>
      </c>
      <c r="K527">
        <v>5.74</v>
      </c>
    </row>
    <row r="528" spans="1:11" x14ac:dyDescent="0.3">
      <c r="A528" s="1">
        <v>41787</v>
      </c>
      <c r="B528" s="3">
        <f t="shared" si="16"/>
        <v>5</v>
      </c>
      <c r="C528" s="3">
        <f t="shared" si="17"/>
        <v>2014</v>
      </c>
      <c r="D528" t="s">
        <v>733</v>
      </c>
      <c r="E528" t="s">
        <v>163</v>
      </c>
      <c r="F528" t="s">
        <v>38</v>
      </c>
      <c r="G528" t="s">
        <v>51</v>
      </c>
      <c r="H528" t="s">
        <v>297</v>
      </c>
      <c r="I528">
        <v>27.6</v>
      </c>
      <c r="J528">
        <v>4</v>
      </c>
      <c r="K528">
        <v>2.21</v>
      </c>
    </row>
    <row r="529" spans="1:11" x14ac:dyDescent="0.3">
      <c r="A529" s="1">
        <v>41787</v>
      </c>
      <c r="B529" s="3">
        <f t="shared" si="16"/>
        <v>5</v>
      </c>
      <c r="C529" s="3">
        <f t="shared" si="17"/>
        <v>2014</v>
      </c>
      <c r="D529" t="s">
        <v>735</v>
      </c>
      <c r="E529" t="s">
        <v>163</v>
      </c>
      <c r="F529" t="s">
        <v>10</v>
      </c>
      <c r="G529" t="s">
        <v>19</v>
      </c>
      <c r="H529" t="s">
        <v>736</v>
      </c>
      <c r="I529">
        <v>136.96</v>
      </c>
      <c r="J529">
        <v>4</v>
      </c>
      <c r="K529">
        <v>51.36</v>
      </c>
    </row>
    <row r="530" spans="1:11" x14ac:dyDescent="0.3">
      <c r="A530" s="1">
        <v>41789</v>
      </c>
      <c r="B530" s="3">
        <f t="shared" si="16"/>
        <v>5</v>
      </c>
      <c r="C530" s="3">
        <f t="shared" si="17"/>
        <v>2014</v>
      </c>
      <c r="D530" t="s">
        <v>737</v>
      </c>
      <c r="E530" t="s">
        <v>54</v>
      </c>
      <c r="F530" t="s">
        <v>10</v>
      </c>
      <c r="G530" t="s">
        <v>11</v>
      </c>
      <c r="H530" t="s">
        <v>738</v>
      </c>
      <c r="I530">
        <v>13.62</v>
      </c>
      <c r="J530">
        <v>3</v>
      </c>
      <c r="K530">
        <v>6.13</v>
      </c>
    </row>
    <row r="531" spans="1:11" x14ac:dyDescent="0.3">
      <c r="A531" s="1">
        <v>41789</v>
      </c>
      <c r="B531" s="3">
        <f t="shared" si="16"/>
        <v>5</v>
      </c>
      <c r="C531" s="3">
        <f t="shared" si="17"/>
        <v>2014</v>
      </c>
      <c r="D531" t="s">
        <v>739</v>
      </c>
      <c r="E531" t="s">
        <v>14</v>
      </c>
      <c r="F531" t="s">
        <v>33</v>
      </c>
      <c r="G531" t="s">
        <v>144</v>
      </c>
      <c r="H531" t="s">
        <v>740</v>
      </c>
      <c r="I531">
        <v>355.46</v>
      </c>
      <c r="J531">
        <v>3</v>
      </c>
      <c r="K531">
        <v>-184.84</v>
      </c>
    </row>
    <row r="532" spans="1:11" x14ac:dyDescent="0.3">
      <c r="A532" s="1">
        <v>41789</v>
      </c>
      <c r="B532" s="3">
        <f t="shared" si="16"/>
        <v>5</v>
      </c>
      <c r="C532" s="3">
        <f t="shared" si="17"/>
        <v>2014</v>
      </c>
      <c r="D532" t="s">
        <v>741</v>
      </c>
      <c r="E532" t="s">
        <v>148</v>
      </c>
      <c r="F532" t="s">
        <v>10</v>
      </c>
      <c r="G532" t="s">
        <v>19</v>
      </c>
      <c r="H532" t="s">
        <v>626</v>
      </c>
      <c r="I532">
        <v>70.37</v>
      </c>
      <c r="J532">
        <v>4</v>
      </c>
      <c r="K532">
        <v>26.39</v>
      </c>
    </row>
    <row r="533" spans="1:11" x14ac:dyDescent="0.3">
      <c r="A533" s="1">
        <v>41789</v>
      </c>
      <c r="B533" s="3">
        <f t="shared" si="16"/>
        <v>5</v>
      </c>
      <c r="C533" s="3">
        <f t="shared" si="17"/>
        <v>2014</v>
      </c>
      <c r="D533" t="s">
        <v>742</v>
      </c>
      <c r="E533" t="s">
        <v>148</v>
      </c>
      <c r="F533" t="s">
        <v>10</v>
      </c>
      <c r="G533" t="s">
        <v>19</v>
      </c>
      <c r="H533" t="s">
        <v>743</v>
      </c>
      <c r="I533">
        <v>25.58</v>
      </c>
      <c r="J533">
        <v>2</v>
      </c>
      <c r="K533">
        <v>8.9499999999999993</v>
      </c>
    </row>
    <row r="534" spans="1:11" x14ac:dyDescent="0.3">
      <c r="A534" s="1">
        <v>41789</v>
      </c>
      <c r="B534" s="3">
        <f t="shared" si="16"/>
        <v>5</v>
      </c>
      <c r="C534" s="3">
        <f t="shared" si="17"/>
        <v>2014</v>
      </c>
      <c r="D534" t="s">
        <v>742</v>
      </c>
      <c r="E534" t="s">
        <v>148</v>
      </c>
      <c r="F534" t="s">
        <v>38</v>
      </c>
      <c r="G534" t="s">
        <v>39</v>
      </c>
      <c r="H534" t="s">
        <v>744</v>
      </c>
      <c r="I534">
        <v>464</v>
      </c>
      <c r="J534">
        <v>5</v>
      </c>
      <c r="K534">
        <v>134.56</v>
      </c>
    </row>
    <row r="535" spans="1:11" x14ac:dyDescent="0.3">
      <c r="A535" s="1">
        <v>41789</v>
      </c>
      <c r="B535" s="3">
        <f t="shared" si="16"/>
        <v>5</v>
      </c>
      <c r="C535" s="3">
        <f t="shared" si="17"/>
        <v>2014</v>
      </c>
      <c r="D535" t="s">
        <v>742</v>
      </c>
      <c r="E535" t="s">
        <v>148</v>
      </c>
      <c r="F535" t="s">
        <v>10</v>
      </c>
      <c r="G535" t="s">
        <v>91</v>
      </c>
      <c r="H535" t="s">
        <v>745</v>
      </c>
      <c r="I535">
        <v>235.95</v>
      </c>
      <c r="J535">
        <v>3</v>
      </c>
      <c r="K535">
        <v>77.86</v>
      </c>
    </row>
    <row r="536" spans="1:11" x14ac:dyDescent="0.3">
      <c r="A536" s="1">
        <v>41789</v>
      </c>
      <c r="B536" s="3">
        <f t="shared" si="16"/>
        <v>5</v>
      </c>
      <c r="C536" s="3">
        <f t="shared" si="17"/>
        <v>2014</v>
      </c>
      <c r="D536" t="s">
        <v>742</v>
      </c>
      <c r="E536" t="s">
        <v>148</v>
      </c>
      <c r="F536" t="s">
        <v>10</v>
      </c>
      <c r="G536" t="s">
        <v>11</v>
      </c>
      <c r="H536" t="s">
        <v>746</v>
      </c>
      <c r="I536">
        <v>39.96</v>
      </c>
      <c r="J536">
        <v>4</v>
      </c>
      <c r="K536">
        <v>17.98</v>
      </c>
    </row>
    <row r="537" spans="1:11" x14ac:dyDescent="0.3">
      <c r="A537" s="1">
        <v>41789</v>
      </c>
      <c r="B537" s="3">
        <f t="shared" si="16"/>
        <v>5</v>
      </c>
      <c r="C537" s="3">
        <f t="shared" si="17"/>
        <v>2014</v>
      </c>
      <c r="D537" t="s">
        <v>747</v>
      </c>
      <c r="E537" t="s">
        <v>14</v>
      </c>
      <c r="F537" t="s">
        <v>38</v>
      </c>
      <c r="G537" t="s">
        <v>602</v>
      </c>
      <c r="H537" t="s">
        <v>603</v>
      </c>
      <c r="I537">
        <v>719.98</v>
      </c>
      <c r="J537">
        <v>3</v>
      </c>
      <c r="K537">
        <v>135</v>
      </c>
    </row>
    <row r="538" spans="1:11" x14ac:dyDescent="0.3">
      <c r="A538" s="1">
        <v>41790</v>
      </c>
      <c r="B538" s="3">
        <f t="shared" si="16"/>
        <v>5</v>
      </c>
      <c r="C538" s="3">
        <f t="shared" si="17"/>
        <v>2014</v>
      </c>
      <c r="D538" t="s">
        <v>748</v>
      </c>
      <c r="E538" t="s">
        <v>328</v>
      </c>
      <c r="F538" t="s">
        <v>38</v>
      </c>
      <c r="G538" t="s">
        <v>39</v>
      </c>
      <c r="H538" t="s">
        <v>749</v>
      </c>
      <c r="I538">
        <v>659.97</v>
      </c>
      <c r="J538">
        <v>3</v>
      </c>
      <c r="K538">
        <v>197.99</v>
      </c>
    </row>
    <row r="539" spans="1:11" x14ac:dyDescent="0.3">
      <c r="A539" s="1">
        <v>41790</v>
      </c>
      <c r="B539" s="3">
        <f t="shared" si="16"/>
        <v>5</v>
      </c>
      <c r="C539" s="3">
        <f t="shared" si="17"/>
        <v>2014</v>
      </c>
      <c r="D539" t="s">
        <v>748</v>
      </c>
      <c r="E539" t="s">
        <v>328</v>
      </c>
      <c r="F539" t="s">
        <v>38</v>
      </c>
      <c r="G539" t="s">
        <v>39</v>
      </c>
      <c r="H539" t="s">
        <v>750</v>
      </c>
      <c r="I539">
        <v>113.73</v>
      </c>
      <c r="J539">
        <v>3</v>
      </c>
      <c r="K539">
        <v>32.979999999999997</v>
      </c>
    </row>
    <row r="540" spans="1:11" x14ac:dyDescent="0.3">
      <c r="A540" s="1">
        <v>41791</v>
      </c>
      <c r="B540" s="3">
        <f t="shared" si="16"/>
        <v>6</v>
      </c>
      <c r="C540" s="3">
        <f t="shared" si="17"/>
        <v>2014</v>
      </c>
      <c r="D540" t="s">
        <v>751</v>
      </c>
      <c r="E540" t="s">
        <v>314</v>
      </c>
      <c r="F540" t="s">
        <v>33</v>
      </c>
      <c r="G540" t="s">
        <v>34</v>
      </c>
      <c r="H540" t="s">
        <v>35</v>
      </c>
      <c r="I540">
        <v>2001.86</v>
      </c>
      <c r="J540">
        <v>7</v>
      </c>
      <c r="K540">
        <v>580.54</v>
      </c>
    </row>
    <row r="541" spans="1:11" x14ac:dyDescent="0.3">
      <c r="A541" s="1">
        <v>41791</v>
      </c>
      <c r="B541" s="3">
        <f t="shared" si="16"/>
        <v>6</v>
      </c>
      <c r="C541" s="3">
        <f t="shared" si="17"/>
        <v>2014</v>
      </c>
      <c r="D541" t="s">
        <v>751</v>
      </c>
      <c r="E541" t="s">
        <v>314</v>
      </c>
      <c r="F541" t="s">
        <v>10</v>
      </c>
      <c r="G541" t="s">
        <v>17</v>
      </c>
      <c r="H541" t="s">
        <v>752</v>
      </c>
      <c r="I541">
        <v>166.72</v>
      </c>
      <c r="J541">
        <v>2</v>
      </c>
      <c r="K541">
        <v>41.68</v>
      </c>
    </row>
    <row r="542" spans="1:11" x14ac:dyDescent="0.3">
      <c r="A542" s="1">
        <v>41791</v>
      </c>
      <c r="B542" s="3">
        <f t="shared" si="16"/>
        <v>6</v>
      </c>
      <c r="C542" s="3">
        <f t="shared" si="17"/>
        <v>2014</v>
      </c>
      <c r="D542" t="s">
        <v>751</v>
      </c>
      <c r="E542" t="s">
        <v>314</v>
      </c>
      <c r="F542" t="s">
        <v>10</v>
      </c>
      <c r="G542" t="s">
        <v>11</v>
      </c>
      <c r="H542" t="s">
        <v>753</v>
      </c>
      <c r="I542">
        <v>47.88</v>
      </c>
      <c r="J542">
        <v>6</v>
      </c>
      <c r="K542">
        <v>23.94</v>
      </c>
    </row>
    <row r="543" spans="1:11" x14ac:dyDescent="0.3">
      <c r="A543" s="1">
        <v>41791</v>
      </c>
      <c r="B543" s="3">
        <f t="shared" si="16"/>
        <v>6</v>
      </c>
      <c r="C543" s="3">
        <f t="shared" si="17"/>
        <v>2014</v>
      </c>
      <c r="D543" t="s">
        <v>751</v>
      </c>
      <c r="E543" t="s">
        <v>314</v>
      </c>
      <c r="F543" t="s">
        <v>10</v>
      </c>
      <c r="G543" t="s">
        <v>91</v>
      </c>
      <c r="H543" t="s">
        <v>754</v>
      </c>
      <c r="I543">
        <v>1503.25</v>
      </c>
      <c r="J543">
        <v>5</v>
      </c>
      <c r="K543">
        <v>496.07</v>
      </c>
    </row>
    <row r="544" spans="1:11" x14ac:dyDescent="0.3">
      <c r="A544" s="1">
        <v>41791</v>
      </c>
      <c r="B544" s="3">
        <f t="shared" si="16"/>
        <v>6</v>
      </c>
      <c r="C544" s="3">
        <f t="shared" si="17"/>
        <v>2014</v>
      </c>
      <c r="D544" t="s">
        <v>751</v>
      </c>
      <c r="E544" t="s">
        <v>314</v>
      </c>
      <c r="F544" t="s">
        <v>10</v>
      </c>
      <c r="G544" t="s">
        <v>11</v>
      </c>
      <c r="H544" t="s">
        <v>755</v>
      </c>
      <c r="I544">
        <v>25.92</v>
      </c>
      <c r="J544">
        <v>4</v>
      </c>
      <c r="K544">
        <v>12.44</v>
      </c>
    </row>
    <row r="545" spans="1:11" x14ac:dyDescent="0.3">
      <c r="A545" s="1">
        <v>41791</v>
      </c>
      <c r="B545" s="3">
        <f t="shared" si="16"/>
        <v>6</v>
      </c>
      <c r="C545" s="3">
        <f t="shared" si="17"/>
        <v>2014</v>
      </c>
      <c r="D545" t="s">
        <v>756</v>
      </c>
      <c r="E545" t="s">
        <v>176</v>
      </c>
      <c r="F545" t="s">
        <v>10</v>
      </c>
      <c r="G545" t="s">
        <v>19</v>
      </c>
      <c r="H545" t="s">
        <v>757</v>
      </c>
      <c r="I545">
        <v>45.48</v>
      </c>
      <c r="J545">
        <v>3</v>
      </c>
      <c r="K545">
        <v>20.92</v>
      </c>
    </row>
    <row r="546" spans="1:11" x14ac:dyDescent="0.3">
      <c r="A546" s="1">
        <v>41791</v>
      </c>
      <c r="B546" s="3">
        <f t="shared" si="16"/>
        <v>6</v>
      </c>
      <c r="C546" s="3">
        <f t="shared" si="17"/>
        <v>2014</v>
      </c>
      <c r="D546" t="s">
        <v>756</v>
      </c>
      <c r="E546" t="s">
        <v>176</v>
      </c>
      <c r="F546" t="s">
        <v>10</v>
      </c>
      <c r="G546" t="s">
        <v>23</v>
      </c>
      <c r="H546" t="s">
        <v>758</v>
      </c>
      <c r="I546">
        <v>289.2</v>
      </c>
      <c r="J546">
        <v>6</v>
      </c>
      <c r="K546">
        <v>83.87</v>
      </c>
    </row>
    <row r="547" spans="1:11" x14ac:dyDescent="0.3">
      <c r="A547" s="1">
        <v>41791</v>
      </c>
      <c r="B547" s="3">
        <f t="shared" si="16"/>
        <v>6</v>
      </c>
      <c r="C547" s="3">
        <f t="shared" si="17"/>
        <v>2014</v>
      </c>
      <c r="D547" t="s">
        <v>759</v>
      </c>
      <c r="E547" t="s">
        <v>100</v>
      </c>
      <c r="F547" t="s">
        <v>33</v>
      </c>
      <c r="G547" t="s">
        <v>46</v>
      </c>
      <c r="H547" t="s">
        <v>760</v>
      </c>
      <c r="I547">
        <v>22.2</v>
      </c>
      <c r="J547">
        <v>6</v>
      </c>
      <c r="K547">
        <v>9.1</v>
      </c>
    </row>
    <row r="548" spans="1:11" x14ac:dyDescent="0.3">
      <c r="A548" s="1">
        <v>41791</v>
      </c>
      <c r="B548" s="3">
        <f t="shared" si="16"/>
        <v>6</v>
      </c>
      <c r="C548" s="3">
        <f t="shared" si="17"/>
        <v>2014</v>
      </c>
      <c r="D548" t="s">
        <v>759</v>
      </c>
      <c r="E548" t="s">
        <v>100</v>
      </c>
      <c r="F548" t="s">
        <v>38</v>
      </c>
      <c r="G548" t="s">
        <v>39</v>
      </c>
      <c r="H548" t="s">
        <v>761</v>
      </c>
      <c r="I548">
        <v>881.93</v>
      </c>
      <c r="J548">
        <v>7</v>
      </c>
      <c r="K548">
        <v>229.3</v>
      </c>
    </row>
    <row r="549" spans="1:11" x14ac:dyDescent="0.3">
      <c r="A549" s="1">
        <v>41791</v>
      </c>
      <c r="B549" s="3">
        <f t="shared" si="16"/>
        <v>6</v>
      </c>
      <c r="C549" s="3">
        <f t="shared" si="17"/>
        <v>2014</v>
      </c>
      <c r="D549" t="s">
        <v>333</v>
      </c>
      <c r="E549" t="s">
        <v>109</v>
      </c>
      <c r="F549" t="s">
        <v>10</v>
      </c>
      <c r="G549" t="s">
        <v>19</v>
      </c>
      <c r="H549" t="s">
        <v>762</v>
      </c>
      <c r="I549">
        <v>138.56</v>
      </c>
      <c r="J549">
        <v>4</v>
      </c>
      <c r="K549">
        <v>66.510000000000005</v>
      </c>
    </row>
    <row r="550" spans="1:11" x14ac:dyDescent="0.3">
      <c r="A550" s="1">
        <v>41791</v>
      </c>
      <c r="B550" s="3">
        <f t="shared" si="16"/>
        <v>6</v>
      </c>
      <c r="C550" s="3">
        <f t="shared" si="17"/>
        <v>2014</v>
      </c>
      <c r="D550" t="s">
        <v>333</v>
      </c>
      <c r="E550" t="s">
        <v>109</v>
      </c>
      <c r="F550" t="s">
        <v>10</v>
      </c>
      <c r="G550" t="s">
        <v>91</v>
      </c>
      <c r="H550" t="s">
        <v>763</v>
      </c>
      <c r="I550">
        <v>65.52</v>
      </c>
      <c r="J550">
        <v>5</v>
      </c>
      <c r="K550">
        <v>12.38</v>
      </c>
    </row>
    <row r="551" spans="1:11" x14ac:dyDescent="0.3">
      <c r="A551" s="1">
        <v>41792</v>
      </c>
      <c r="B551" s="3">
        <f t="shared" si="16"/>
        <v>6</v>
      </c>
      <c r="C551" s="3">
        <f t="shared" si="17"/>
        <v>2014</v>
      </c>
      <c r="D551" t="s">
        <v>292</v>
      </c>
      <c r="E551" t="s">
        <v>295</v>
      </c>
      <c r="F551" t="s">
        <v>10</v>
      </c>
      <c r="G551" t="s">
        <v>19</v>
      </c>
      <c r="H551" t="s">
        <v>764</v>
      </c>
      <c r="I551">
        <v>59.81</v>
      </c>
      <c r="J551">
        <v>3</v>
      </c>
      <c r="K551">
        <v>19.440000000000001</v>
      </c>
    </row>
    <row r="552" spans="1:11" x14ac:dyDescent="0.3">
      <c r="A552" s="1">
        <v>41792</v>
      </c>
      <c r="B552" s="3">
        <f t="shared" si="16"/>
        <v>6</v>
      </c>
      <c r="C552" s="3">
        <f t="shared" si="17"/>
        <v>2014</v>
      </c>
      <c r="D552" t="s">
        <v>292</v>
      </c>
      <c r="E552" t="s">
        <v>295</v>
      </c>
      <c r="F552" t="s">
        <v>33</v>
      </c>
      <c r="G552" t="s">
        <v>46</v>
      </c>
      <c r="H552" t="s">
        <v>765</v>
      </c>
      <c r="I552">
        <v>73.319999999999993</v>
      </c>
      <c r="J552">
        <v>6</v>
      </c>
      <c r="K552">
        <v>22</v>
      </c>
    </row>
    <row r="553" spans="1:11" x14ac:dyDescent="0.3">
      <c r="A553" s="1">
        <v>41792</v>
      </c>
      <c r="B553" s="3">
        <f t="shared" si="16"/>
        <v>6</v>
      </c>
      <c r="C553" s="3">
        <f t="shared" si="17"/>
        <v>2014</v>
      </c>
      <c r="D553" t="s">
        <v>522</v>
      </c>
      <c r="E553" t="s">
        <v>29</v>
      </c>
      <c r="F553" t="s">
        <v>10</v>
      </c>
      <c r="G553" t="s">
        <v>23</v>
      </c>
      <c r="H553" t="s">
        <v>686</v>
      </c>
      <c r="I553">
        <v>8.56</v>
      </c>
      <c r="J553">
        <v>2</v>
      </c>
      <c r="K553">
        <v>2.65</v>
      </c>
    </row>
    <row r="554" spans="1:11" x14ac:dyDescent="0.3">
      <c r="A554" s="1">
        <v>41792</v>
      </c>
      <c r="B554" s="3">
        <f t="shared" si="16"/>
        <v>6</v>
      </c>
      <c r="C554" s="3">
        <f t="shared" si="17"/>
        <v>2014</v>
      </c>
      <c r="D554" t="s">
        <v>522</v>
      </c>
      <c r="E554" t="s">
        <v>29</v>
      </c>
      <c r="F554" t="s">
        <v>38</v>
      </c>
      <c r="G554" t="s">
        <v>39</v>
      </c>
      <c r="H554" t="s">
        <v>766</v>
      </c>
      <c r="I554">
        <v>239.97</v>
      </c>
      <c r="J554">
        <v>3</v>
      </c>
      <c r="K554">
        <v>67.19</v>
      </c>
    </row>
    <row r="555" spans="1:11" x14ac:dyDescent="0.3">
      <c r="A555" s="1">
        <v>41792</v>
      </c>
      <c r="B555" s="3">
        <f t="shared" si="16"/>
        <v>6</v>
      </c>
      <c r="C555" s="3">
        <f t="shared" si="17"/>
        <v>2014</v>
      </c>
      <c r="D555" t="s">
        <v>522</v>
      </c>
      <c r="E555" t="s">
        <v>29</v>
      </c>
      <c r="F555" t="s">
        <v>10</v>
      </c>
      <c r="G555" t="s">
        <v>17</v>
      </c>
      <c r="H555" t="s">
        <v>307</v>
      </c>
      <c r="I555">
        <v>356.94</v>
      </c>
      <c r="J555">
        <v>2</v>
      </c>
      <c r="K555">
        <v>107.08</v>
      </c>
    </row>
    <row r="556" spans="1:11" x14ac:dyDescent="0.3">
      <c r="A556" s="1">
        <v>41793</v>
      </c>
      <c r="B556" s="3">
        <f t="shared" si="16"/>
        <v>6</v>
      </c>
      <c r="C556" s="3">
        <f t="shared" si="17"/>
        <v>2014</v>
      </c>
      <c r="D556" t="s">
        <v>767</v>
      </c>
      <c r="E556" t="s">
        <v>163</v>
      </c>
      <c r="F556" t="s">
        <v>33</v>
      </c>
      <c r="G556" t="s">
        <v>144</v>
      </c>
      <c r="H556" t="s">
        <v>472</v>
      </c>
      <c r="I556">
        <v>515.88</v>
      </c>
      <c r="J556">
        <v>6</v>
      </c>
      <c r="K556">
        <v>113.49</v>
      </c>
    </row>
    <row r="557" spans="1:11" x14ac:dyDescent="0.3">
      <c r="A557" s="1">
        <v>41793</v>
      </c>
      <c r="B557" s="3">
        <f t="shared" si="16"/>
        <v>6</v>
      </c>
      <c r="C557" s="3">
        <f t="shared" si="17"/>
        <v>2014</v>
      </c>
      <c r="D557" t="s">
        <v>768</v>
      </c>
      <c r="E557" t="s">
        <v>109</v>
      </c>
      <c r="F557" t="s">
        <v>10</v>
      </c>
      <c r="G557" t="s">
        <v>62</v>
      </c>
      <c r="H557" t="s">
        <v>769</v>
      </c>
      <c r="I557">
        <v>15.28</v>
      </c>
      <c r="J557">
        <v>2</v>
      </c>
      <c r="K557">
        <v>7.49</v>
      </c>
    </row>
    <row r="558" spans="1:11" x14ac:dyDescent="0.3">
      <c r="A558" s="1">
        <v>41793</v>
      </c>
      <c r="B558" s="3">
        <f t="shared" si="16"/>
        <v>6</v>
      </c>
      <c r="C558" s="3">
        <f t="shared" si="17"/>
        <v>2014</v>
      </c>
      <c r="D558" t="s">
        <v>770</v>
      </c>
      <c r="E558" t="s">
        <v>14</v>
      </c>
      <c r="F558" t="s">
        <v>10</v>
      </c>
      <c r="G558" t="s">
        <v>15</v>
      </c>
      <c r="H558" t="s">
        <v>771</v>
      </c>
      <c r="I558">
        <v>15.94</v>
      </c>
      <c r="J558">
        <v>4</v>
      </c>
      <c r="K558">
        <v>5.18</v>
      </c>
    </row>
    <row r="559" spans="1:11" x14ac:dyDescent="0.3">
      <c r="A559" s="1">
        <v>41793</v>
      </c>
      <c r="B559" s="3">
        <f t="shared" si="16"/>
        <v>6</v>
      </c>
      <c r="C559" s="3">
        <f t="shared" si="17"/>
        <v>2014</v>
      </c>
      <c r="D559" t="s">
        <v>770</v>
      </c>
      <c r="E559" t="s">
        <v>14</v>
      </c>
      <c r="F559" t="s">
        <v>33</v>
      </c>
      <c r="G559" t="s">
        <v>46</v>
      </c>
      <c r="H559" t="s">
        <v>772</v>
      </c>
      <c r="I559">
        <v>61.54</v>
      </c>
      <c r="J559">
        <v>7</v>
      </c>
      <c r="K559">
        <v>-40</v>
      </c>
    </row>
    <row r="560" spans="1:11" x14ac:dyDescent="0.3">
      <c r="A560" s="1">
        <v>41793</v>
      </c>
      <c r="B560" s="3">
        <f t="shared" si="16"/>
        <v>6</v>
      </c>
      <c r="C560" s="3">
        <f t="shared" si="17"/>
        <v>2014</v>
      </c>
      <c r="D560" t="s">
        <v>770</v>
      </c>
      <c r="E560" t="s">
        <v>14</v>
      </c>
      <c r="F560" t="s">
        <v>10</v>
      </c>
      <c r="G560" t="s">
        <v>17</v>
      </c>
      <c r="H560" t="s">
        <v>579</v>
      </c>
      <c r="I560">
        <v>132.69999999999999</v>
      </c>
      <c r="J560">
        <v>3</v>
      </c>
      <c r="K560">
        <v>9.9499999999999993</v>
      </c>
    </row>
    <row r="561" spans="1:11" x14ac:dyDescent="0.3">
      <c r="A561" s="1">
        <v>41794</v>
      </c>
      <c r="B561" s="3">
        <f t="shared" si="16"/>
        <v>6</v>
      </c>
      <c r="C561" s="3">
        <f t="shared" si="17"/>
        <v>2014</v>
      </c>
      <c r="D561" t="s">
        <v>412</v>
      </c>
      <c r="E561" t="s">
        <v>77</v>
      </c>
      <c r="F561" t="s">
        <v>10</v>
      </c>
      <c r="G561" t="s">
        <v>11</v>
      </c>
      <c r="H561" t="s">
        <v>624</v>
      </c>
      <c r="I561">
        <v>16.22</v>
      </c>
      <c r="J561">
        <v>2</v>
      </c>
      <c r="K561">
        <v>5.88</v>
      </c>
    </row>
    <row r="562" spans="1:11" x14ac:dyDescent="0.3">
      <c r="A562" s="1">
        <v>41794</v>
      </c>
      <c r="B562" s="3">
        <f t="shared" si="16"/>
        <v>6</v>
      </c>
      <c r="C562" s="3">
        <f t="shared" si="17"/>
        <v>2014</v>
      </c>
      <c r="D562" t="s">
        <v>773</v>
      </c>
      <c r="E562" t="s">
        <v>148</v>
      </c>
      <c r="F562" t="s">
        <v>33</v>
      </c>
      <c r="G562" t="s">
        <v>46</v>
      </c>
      <c r="H562" t="s">
        <v>774</v>
      </c>
      <c r="I562">
        <v>56.96</v>
      </c>
      <c r="J562">
        <v>2</v>
      </c>
      <c r="K562">
        <v>21.08</v>
      </c>
    </row>
    <row r="563" spans="1:11" x14ac:dyDescent="0.3">
      <c r="A563" s="1">
        <v>41794</v>
      </c>
      <c r="B563" s="3">
        <f t="shared" si="16"/>
        <v>6</v>
      </c>
      <c r="C563" s="3">
        <f t="shared" si="17"/>
        <v>2014</v>
      </c>
      <c r="D563" t="s">
        <v>773</v>
      </c>
      <c r="E563" t="s">
        <v>148</v>
      </c>
      <c r="F563" t="s">
        <v>10</v>
      </c>
      <c r="G563" t="s">
        <v>91</v>
      </c>
      <c r="H563" t="s">
        <v>775</v>
      </c>
      <c r="I563">
        <v>15.56</v>
      </c>
      <c r="J563">
        <v>4</v>
      </c>
      <c r="K563">
        <v>4.05</v>
      </c>
    </row>
    <row r="564" spans="1:11" x14ac:dyDescent="0.3">
      <c r="A564" s="1">
        <v>41794</v>
      </c>
      <c r="B564" s="3">
        <f t="shared" si="16"/>
        <v>6</v>
      </c>
      <c r="C564" s="3">
        <f t="shared" si="17"/>
        <v>2014</v>
      </c>
      <c r="D564" t="s">
        <v>773</v>
      </c>
      <c r="E564" t="s">
        <v>148</v>
      </c>
      <c r="F564" t="s">
        <v>33</v>
      </c>
      <c r="G564" t="s">
        <v>73</v>
      </c>
      <c r="H564" t="s">
        <v>776</v>
      </c>
      <c r="I564">
        <v>353.57</v>
      </c>
      <c r="J564">
        <v>2</v>
      </c>
      <c r="K564">
        <v>-44.2</v>
      </c>
    </row>
    <row r="565" spans="1:11" x14ac:dyDescent="0.3">
      <c r="A565" s="1">
        <v>41794</v>
      </c>
      <c r="B565" s="3">
        <f t="shared" si="16"/>
        <v>6</v>
      </c>
      <c r="C565" s="3">
        <f t="shared" si="17"/>
        <v>2014</v>
      </c>
      <c r="D565" t="s">
        <v>773</v>
      </c>
      <c r="E565" t="s">
        <v>148</v>
      </c>
      <c r="F565" t="s">
        <v>33</v>
      </c>
      <c r="G565" t="s">
        <v>46</v>
      </c>
      <c r="H565" t="s">
        <v>562</v>
      </c>
      <c r="I565">
        <v>13.96</v>
      </c>
      <c r="J565">
        <v>2</v>
      </c>
      <c r="K565">
        <v>6.7</v>
      </c>
    </row>
    <row r="566" spans="1:11" x14ac:dyDescent="0.3">
      <c r="A566" s="1">
        <v>41796</v>
      </c>
      <c r="B566" s="3">
        <f t="shared" si="16"/>
        <v>6</v>
      </c>
      <c r="C566" s="3">
        <f t="shared" si="17"/>
        <v>2014</v>
      </c>
      <c r="D566" t="s">
        <v>777</v>
      </c>
      <c r="E566" t="s">
        <v>148</v>
      </c>
      <c r="F566" t="s">
        <v>10</v>
      </c>
      <c r="G566" t="s">
        <v>23</v>
      </c>
      <c r="H566" t="s">
        <v>778</v>
      </c>
      <c r="I566">
        <v>13.36</v>
      </c>
      <c r="J566">
        <v>2</v>
      </c>
      <c r="K566">
        <v>4.9400000000000004</v>
      </c>
    </row>
    <row r="567" spans="1:11" x14ac:dyDescent="0.3">
      <c r="A567" s="1">
        <v>41796</v>
      </c>
      <c r="B567" s="3">
        <f t="shared" si="16"/>
        <v>6</v>
      </c>
      <c r="C567" s="3">
        <f t="shared" si="17"/>
        <v>2014</v>
      </c>
      <c r="D567" t="s">
        <v>779</v>
      </c>
      <c r="E567" t="s">
        <v>148</v>
      </c>
      <c r="F567" t="s">
        <v>10</v>
      </c>
      <c r="G567" t="s">
        <v>19</v>
      </c>
      <c r="H567" t="s">
        <v>780</v>
      </c>
      <c r="I567">
        <v>149.54</v>
      </c>
      <c r="J567">
        <v>9</v>
      </c>
      <c r="K567">
        <v>50.47</v>
      </c>
    </row>
    <row r="568" spans="1:11" x14ac:dyDescent="0.3">
      <c r="A568" s="1">
        <v>41796</v>
      </c>
      <c r="B568" s="3">
        <f t="shared" si="16"/>
        <v>6</v>
      </c>
      <c r="C568" s="3">
        <f t="shared" si="17"/>
        <v>2014</v>
      </c>
      <c r="D568" t="s">
        <v>779</v>
      </c>
      <c r="E568" t="s">
        <v>148</v>
      </c>
      <c r="F568" t="s">
        <v>10</v>
      </c>
      <c r="G568" t="s">
        <v>199</v>
      </c>
      <c r="H568" t="s">
        <v>781</v>
      </c>
      <c r="I568">
        <v>17.14</v>
      </c>
      <c r="J568">
        <v>2</v>
      </c>
      <c r="K568">
        <v>4.46</v>
      </c>
    </row>
    <row r="569" spans="1:11" x14ac:dyDescent="0.3">
      <c r="A569" s="1">
        <v>41796</v>
      </c>
      <c r="B569" s="3">
        <f t="shared" si="16"/>
        <v>6</v>
      </c>
      <c r="C569" s="3">
        <f t="shared" si="17"/>
        <v>2014</v>
      </c>
      <c r="D569" t="s">
        <v>779</v>
      </c>
      <c r="E569" t="s">
        <v>148</v>
      </c>
      <c r="F569" t="s">
        <v>33</v>
      </c>
      <c r="G569" t="s">
        <v>144</v>
      </c>
      <c r="H569" t="s">
        <v>782</v>
      </c>
      <c r="I569">
        <v>991.76</v>
      </c>
      <c r="J569">
        <v>3</v>
      </c>
      <c r="K569">
        <v>-347.12</v>
      </c>
    </row>
    <row r="570" spans="1:11" x14ac:dyDescent="0.3">
      <c r="A570" s="1">
        <v>41796</v>
      </c>
      <c r="B570" s="3">
        <f t="shared" si="16"/>
        <v>6</v>
      </c>
      <c r="C570" s="3">
        <f t="shared" si="17"/>
        <v>2014</v>
      </c>
      <c r="D570" t="s">
        <v>783</v>
      </c>
      <c r="E570" t="s">
        <v>14</v>
      </c>
      <c r="F570" t="s">
        <v>10</v>
      </c>
      <c r="G570" t="s">
        <v>19</v>
      </c>
      <c r="H570" t="s">
        <v>484</v>
      </c>
      <c r="I570">
        <v>24.59</v>
      </c>
      <c r="J570">
        <v>3</v>
      </c>
      <c r="K570">
        <v>-38.11</v>
      </c>
    </row>
    <row r="571" spans="1:11" x14ac:dyDescent="0.3">
      <c r="A571" s="1">
        <v>41796</v>
      </c>
      <c r="B571" s="3">
        <f t="shared" si="16"/>
        <v>6</v>
      </c>
      <c r="C571" s="3">
        <f t="shared" si="17"/>
        <v>2014</v>
      </c>
      <c r="D571" t="s">
        <v>783</v>
      </c>
      <c r="E571" t="s">
        <v>14</v>
      </c>
      <c r="F571" t="s">
        <v>10</v>
      </c>
      <c r="G571" t="s">
        <v>62</v>
      </c>
      <c r="H571" t="s">
        <v>784</v>
      </c>
      <c r="I571">
        <v>13.98</v>
      </c>
      <c r="J571">
        <v>2</v>
      </c>
      <c r="K571">
        <v>4.72</v>
      </c>
    </row>
    <row r="572" spans="1:11" x14ac:dyDescent="0.3">
      <c r="A572" s="1">
        <v>41796</v>
      </c>
      <c r="B572" s="3">
        <f t="shared" si="16"/>
        <v>6</v>
      </c>
      <c r="C572" s="3">
        <f t="shared" si="17"/>
        <v>2014</v>
      </c>
      <c r="D572" t="s">
        <v>785</v>
      </c>
      <c r="E572" t="s">
        <v>9</v>
      </c>
      <c r="F572" t="s">
        <v>10</v>
      </c>
      <c r="G572" t="s">
        <v>15</v>
      </c>
      <c r="H572" t="s">
        <v>88</v>
      </c>
      <c r="I572">
        <v>100.24</v>
      </c>
      <c r="J572">
        <v>10</v>
      </c>
      <c r="K572">
        <v>33.83</v>
      </c>
    </row>
    <row r="573" spans="1:11" x14ac:dyDescent="0.3">
      <c r="A573" s="1">
        <v>41796</v>
      </c>
      <c r="B573" s="3">
        <f t="shared" si="16"/>
        <v>6</v>
      </c>
      <c r="C573" s="3">
        <f t="shared" si="17"/>
        <v>2014</v>
      </c>
      <c r="D573" t="s">
        <v>522</v>
      </c>
      <c r="E573" t="s">
        <v>122</v>
      </c>
      <c r="F573" t="s">
        <v>10</v>
      </c>
      <c r="G573" t="s">
        <v>19</v>
      </c>
      <c r="H573" t="s">
        <v>786</v>
      </c>
      <c r="I573">
        <v>1.37</v>
      </c>
      <c r="J573">
        <v>1</v>
      </c>
      <c r="K573">
        <v>-0.91</v>
      </c>
    </row>
    <row r="574" spans="1:11" x14ac:dyDescent="0.3">
      <c r="A574" s="1">
        <v>41796</v>
      </c>
      <c r="B574" s="3">
        <f t="shared" si="16"/>
        <v>6</v>
      </c>
      <c r="C574" s="3">
        <f t="shared" si="17"/>
        <v>2014</v>
      </c>
      <c r="D574" t="s">
        <v>522</v>
      </c>
      <c r="E574" t="s">
        <v>122</v>
      </c>
      <c r="F574" t="s">
        <v>10</v>
      </c>
      <c r="G574" t="s">
        <v>11</v>
      </c>
      <c r="H574" t="s">
        <v>712</v>
      </c>
      <c r="I574">
        <v>62.02</v>
      </c>
      <c r="J574">
        <v>2</v>
      </c>
      <c r="K574">
        <v>22.48</v>
      </c>
    </row>
    <row r="575" spans="1:11" x14ac:dyDescent="0.3">
      <c r="A575" s="1">
        <v>41797</v>
      </c>
      <c r="B575" s="3">
        <f t="shared" si="16"/>
        <v>6</v>
      </c>
      <c r="C575" s="3">
        <f t="shared" si="17"/>
        <v>2014</v>
      </c>
      <c r="D575" t="s">
        <v>787</v>
      </c>
      <c r="E575" t="s">
        <v>14</v>
      </c>
      <c r="F575" t="s">
        <v>10</v>
      </c>
      <c r="G575" t="s">
        <v>19</v>
      </c>
      <c r="H575" t="s">
        <v>780</v>
      </c>
      <c r="I575">
        <v>12.46</v>
      </c>
      <c r="J575">
        <v>3</v>
      </c>
      <c r="K575">
        <v>-20.56</v>
      </c>
    </row>
    <row r="576" spans="1:11" x14ac:dyDescent="0.3">
      <c r="A576" s="1">
        <v>41797</v>
      </c>
      <c r="B576" s="3">
        <f t="shared" si="16"/>
        <v>6</v>
      </c>
      <c r="C576" s="3">
        <f t="shared" si="17"/>
        <v>2014</v>
      </c>
      <c r="D576" t="s">
        <v>788</v>
      </c>
      <c r="E576" t="s">
        <v>14</v>
      </c>
      <c r="F576" t="s">
        <v>33</v>
      </c>
      <c r="G576" t="s">
        <v>144</v>
      </c>
      <c r="H576" t="s">
        <v>789</v>
      </c>
      <c r="I576">
        <v>268.94</v>
      </c>
      <c r="J576">
        <v>3</v>
      </c>
      <c r="K576">
        <v>-209.77</v>
      </c>
    </row>
    <row r="577" spans="1:11" x14ac:dyDescent="0.3">
      <c r="A577" s="1">
        <v>41798</v>
      </c>
      <c r="B577" s="3">
        <f t="shared" si="16"/>
        <v>6</v>
      </c>
      <c r="C577" s="3">
        <f t="shared" si="17"/>
        <v>2014</v>
      </c>
      <c r="D577" t="s">
        <v>790</v>
      </c>
      <c r="E577" t="s">
        <v>163</v>
      </c>
      <c r="F577" t="s">
        <v>33</v>
      </c>
      <c r="G577" t="s">
        <v>34</v>
      </c>
      <c r="H577" t="s">
        <v>791</v>
      </c>
      <c r="I577">
        <v>585.54999999999995</v>
      </c>
      <c r="J577">
        <v>3</v>
      </c>
      <c r="K577">
        <v>73.19</v>
      </c>
    </row>
    <row r="578" spans="1:11" x14ac:dyDescent="0.3">
      <c r="A578" s="1">
        <v>41798</v>
      </c>
      <c r="B578" s="3">
        <f t="shared" ref="B578:B641" si="18">MONTH(A:A)</f>
        <v>6</v>
      </c>
      <c r="C578" s="3">
        <f t="shared" ref="C578:C641" si="19">YEAR(A:A)</f>
        <v>2014</v>
      </c>
      <c r="D578" t="s">
        <v>444</v>
      </c>
      <c r="E578" t="s">
        <v>119</v>
      </c>
      <c r="F578" t="s">
        <v>33</v>
      </c>
      <c r="G578" t="s">
        <v>34</v>
      </c>
      <c r="H578" t="s">
        <v>792</v>
      </c>
      <c r="I578">
        <v>170.35</v>
      </c>
      <c r="J578">
        <v>3</v>
      </c>
      <c r="K578">
        <v>10.65</v>
      </c>
    </row>
    <row r="579" spans="1:11" x14ac:dyDescent="0.3">
      <c r="A579" s="1">
        <v>41798</v>
      </c>
      <c r="B579" s="3">
        <f t="shared" si="18"/>
        <v>6</v>
      </c>
      <c r="C579" s="3">
        <f t="shared" si="19"/>
        <v>2014</v>
      </c>
      <c r="D579" t="s">
        <v>793</v>
      </c>
      <c r="E579" t="s">
        <v>148</v>
      </c>
      <c r="F579" t="s">
        <v>10</v>
      </c>
      <c r="G579" t="s">
        <v>19</v>
      </c>
      <c r="H579" t="s">
        <v>736</v>
      </c>
      <c r="I579">
        <v>68.48</v>
      </c>
      <c r="J579">
        <v>2</v>
      </c>
      <c r="K579">
        <v>25.68</v>
      </c>
    </row>
    <row r="580" spans="1:11" x14ac:dyDescent="0.3">
      <c r="A580" s="1">
        <v>41798</v>
      </c>
      <c r="B580" s="3">
        <f t="shared" si="18"/>
        <v>6</v>
      </c>
      <c r="C580" s="3">
        <f t="shared" si="19"/>
        <v>2014</v>
      </c>
      <c r="D580" t="s">
        <v>793</v>
      </c>
      <c r="E580" t="s">
        <v>148</v>
      </c>
      <c r="F580" t="s">
        <v>10</v>
      </c>
      <c r="G580" t="s">
        <v>17</v>
      </c>
      <c r="H580" t="s">
        <v>794</v>
      </c>
      <c r="I580">
        <v>1676.88</v>
      </c>
      <c r="J580">
        <v>6</v>
      </c>
      <c r="K580">
        <v>83.84</v>
      </c>
    </row>
    <row r="581" spans="1:11" x14ac:dyDescent="0.3">
      <c r="A581" s="1">
        <v>41799</v>
      </c>
      <c r="B581" s="3">
        <f t="shared" si="18"/>
        <v>6</v>
      </c>
      <c r="C581" s="3">
        <f t="shared" si="19"/>
        <v>2014</v>
      </c>
      <c r="D581" t="s">
        <v>795</v>
      </c>
      <c r="E581" t="s">
        <v>26</v>
      </c>
      <c r="F581" t="s">
        <v>33</v>
      </c>
      <c r="G581" t="s">
        <v>46</v>
      </c>
      <c r="H581" t="s">
        <v>796</v>
      </c>
      <c r="I581">
        <v>48.86</v>
      </c>
      <c r="J581">
        <v>7</v>
      </c>
      <c r="K581">
        <v>14.17</v>
      </c>
    </row>
    <row r="582" spans="1:11" x14ac:dyDescent="0.3">
      <c r="A582" s="1">
        <v>41799</v>
      </c>
      <c r="B582" s="3">
        <f t="shared" si="18"/>
        <v>6</v>
      </c>
      <c r="C582" s="3">
        <f t="shared" si="19"/>
        <v>2014</v>
      </c>
      <c r="D582" t="s">
        <v>795</v>
      </c>
      <c r="E582" t="s">
        <v>26</v>
      </c>
      <c r="F582" t="s">
        <v>10</v>
      </c>
      <c r="G582" t="s">
        <v>23</v>
      </c>
      <c r="H582" t="s">
        <v>797</v>
      </c>
      <c r="I582">
        <v>7.28</v>
      </c>
      <c r="J582">
        <v>4</v>
      </c>
      <c r="K582">
        <v>1.97</v>
      </c>
    </row>
    <row r="583" spans="1:11" x14ac:dyDescent="0.3">
      <c r="A583" s="1">
        <v>41799</v>
      </c>
      <c r="B583" s="3">
        <f t="shared" si="18"/>
        <v>6</v>
      </c>
      <c r="C583" s="3">
        <f t="shared" si="19"/>
        <v>2014</v>
      </c>
      <c r="D583" t="s">
        <v>795</v>
      </c>
      <c r="E583" t="s">
        <v>26</v>
      </c>
      <c r="F583" t="s">
        <v>38</v>
      </c>
      <c r="G583" t="s">
        <v>39</v>
      </c>
      <c r="H583" t="s">
        <v>798</v>
      </c>
      <c r="I583">
        <v>907.15</v>
      </c>
      <c r="J583">
        <v>6</v>
      </c>
      <c r="K583">
        <v>90.72</v>
      </c>
    </row>
    <row r="584" spans="1:11" x14ac:dyDescent="0.3">
      <c r="A584" s="1">
        <v>41799</v>
      </c>
      <c r="B584" s="3">
        <f t="shared" si="18"/>
        <v>6</v>
      </c>
      <c r="C584" s="3">
        <f t="shared" si="19"/>
        <v>2014</v>
      </c>
      <c r="D584" t="s">
        <v>795</v>
      </c>
      <c r="E584" t="s">
        <v>26</v>
      </c>
      <c r="F584" t="s">
        <v>10</v>
      </c>
      <c r="G584" t="s">
        <v>19</v>
      </c>
      <c r="H584" t="s">
        <v>799</v>
      </c>
      <c r="I584">
        <v>18.5</v>
      </c>
      <c r="J584">
        <v>3</v>
      </c>
      <c r="K584">
        <v>5.78</v>
      </c>
    </row>
    <row r="585" spans="1:11" x14ac:dyDescent="0.3">
      <c r="A585" s="1">
        <v>41799</v>
      </c>
      <c r="B585" s="3">
        <f t="shared" si="18"/>
        <v>6</v>
      </c>
      <c r="C585" s="3">
        <f t="shared" si="19"/>
        <v>2014</v>
      </c>
      <c r="D585" t="s">
        <v>795</v>
      </c>
      <c r="E585" t="s">
        <v>26</v>
      </c>
      <c r="F585" t="s">
        <v>10</v>
      </c>
      <c r="G585" t="s">
        <v>91</v>
      </c>
      <c r="H585" t="s">
        <v>800</v>
      </c>
      <c r="I585">
        <v>114.9</v>
      </c>
      <c r="J585">
        <v>5</v>
      </c>
      <c r="K585">
        <v>34.47</v>
      </c>
    </row>
    <row r="586" spans="1:11" x14ac:dyDescent="0.3">
      <c r="A586" s="1">
        <v>41799</v>
      </c>
      <c r="B586" s="3">
        <f t="shared" si="18"/>
        <v>6</v>
      </c>
      <c r="C586" s="3">
        <f t="shared" si="19"/>
        <v>2014</v>
      </c>
      <c r="D586" t="s">
        <v>795</v>
      </c>
      <c r="E586" t="s">
        <v>26</v>
      </c>
      <c r="F586" t="s">
        <v>33</v>
      </c>
      <c r="G586" t="s">
        <v>144</v>
      </c>
      <c r="H586" t="s">
        <v>740</v>
      </c>
      <c r="I586">
        <v>1706.18</v>
      </c>
      <c r="J586">
        <v>9</v>
      </c>
      <c r="K586">
        <v>85.31</v>
      </c>
    </row>
    <row r="587" spans="1:11" x14ac:dyDescent="0.3">
      <c r="A587" s="1">
        <v>41799</v>
      </c>
      <c r="B587" s="3">
        <f t="shared" si="18"/>
        <v>6</v>
      </c>
      <c r="C587" s="3">
        <f t="shared" si="19"/>
        <v>2014</v>
      </c>
      <c r="D587" t="s">
        <v>795</v>
      </c>
      <c r="E587" t="s">
        <v>26</v>
      </c>
      <c r="F587" t="s">
        <v>38</v>
      </c>
      <c r="G587" t="s">
        <v>39</v>
      </c>
      <c r="H587" t="s">
        <v>801</v>
      </c>
      <c r="I587">
        <v>911.42</v>
      </c>
      <c r="J587">
        <v>4</v>
      </c>
      <c r="K587">
        <v>68.36</v>
      </c>
    </row>
    <row r="588" spans="1:11" x14ac:dyDescent="0.3">
      <c r="A588" s="1">
        <v>41799</v>
      </c>
      <c r="B588" s="3">
        <f t="shared" si="18"/>
        <v>6</v>
      </c>
      <c r="C588" s="3">
        <f t="shared" si="19"/>
        <v>2014</v>
      </c>
      <c r="D588" t="s">
        <v>802</v>
      </c>
      <c r="E588" t="s">
        <v>9</v>
      </c>
      <c r="F588" t="s">
        <v>38</v>
      </c>
      <c r="G588" t="s">
        <v>39</v>
      </c>
      <c r="H588" t="s">
        <v>596</v>
      </c>
      <c r="I588">
        <v>7.99</v>
      </c>
      <c r="J588">
        <v>1</v>
      </c>
      <c r="K588">
        <v>0.6</v>
      </c>
    </row>
    <row r="589" spans="1:11" x14ac:dyDescent="0.3">
      <c r="A589" s="1">
        <v>41799</v>
      </c>
      <c r="B589" s="3">
        <f t="shared" si="18"/>
        <v>6</v>
      </c>
      <c r="C589" s="3">
        <f t="shared" si="19"/>
        <v>2014</v>
      </c>
      <c r="D589" t="s">
        <v>802</v>
      </c>
      <c r="E589" t="s">
        <v>9</v>
      </c>
      <c r="F589" t="s">
        <v>38</v>
      </c>
      <c r="G589" t="s">
        <v>51</v>
      </c>
      <c r="H589" t="s">
        <v>803</v>
      </c>
      <c r="I589">
        <v>63.98</v>
      </c>
      <c r="J589">
        <v>2</v>
      </c>
      <c r="K589">
        <v>10.4</v>
      </c>
    </row>
    <row r="590" spans="1:11" x14ac:dyDescent="0.3">
      <c r="A590" s="1">
        <v>41799</v>
      </c>
      <c r="B590" s="3">
        <f t="shared" si="18"/>
        <v>6</v>
      </c>
      <c r="C590" s="3">
        <f t="shared" si="19"/>
        <v>2014</v>
      </c>
      <c r="D590" t="s">
        <v>802</v>
      </c>
      <c r="E590" t="s">
        <v>9</v>
      </c>
      <c r="F590" t="s">
        <v>10</v>
      </c>
      <c r="G590" t="s">
        <v>23</v>
      </c>
      <c r="H590" t="s">
        <v>804</v>
      </c>
      <c r="I590">
        <v>70.37</v>
      </c>
      <c r="J590">
        <v>2</v>
      </c>
      <c r="K590">
        <v>6.16</v>
      </c>
    </row>
    <row r="591" spans="1:11" x14ac:dyDescent="0.3">
      <c r="A591" s="1">
        <v>41799</v>
      </c>
      <c r="B591" s="3">
        <f t="shared" si="18"/>
        <v>6</v>
      </c>
      <c r="C591" s="3">
        <f t="shared" si="19"/>
        <v>2014</v>
      </c>
      <c r="D591" t="s">
        <v>805</v>
      </c>
      <c r="E591" t="s">
        <v>26</v>
      </c>
      <c r="F591" t="s">
        <v>10</v>
      </c>
      <c r="G591" t="s">
        <v>199</v>
      </c>
      <c r="H591" t="s">
        <v>806</v>
      </c>
      <c r="I591">
        <v>7.36</v>
      </c>
      <c r="J591">
        <v>2</v>
      </c>
      <c r="K591">
        <v>0.15</v>
      </c>
    </row>
    <row r="592" spans="1:11" x14ac:dyDescent="0.3">
      <c r="A592" s="1">
        <v>41799</v>
      </c>
      <c r="B592" s="3">
        <f t="shared" si="18"/>
        <v>6</v>
      </c>
      <c r="C592" s="3">
        <f t="shared" si="19"/>
        <v>2014</v>
      </c>
      <c r="D592" t="s">
        <v>805</v>
      </c>
      <c r="E592" t="s">
        <v>26</v>
      </c>
      <c r="F592" t="s">
        <v>10</v>
      </c>
      <c r="G592" t="s">
        <v>23</v>
      </c>
      <c r="H592" t="s">
        <v>807</v>
      </c>
      <c r="I592">
        <v>23.1</v>
      </c>
      <c r="J592">
        <v>2</v>
      </c>
      <c r="K592">
        <v>10.63</v>
      </c>
    </row>
    <row r="593" spans="1:11" x14ac:dyDescent="0.3">
      <c r="A593" s="1">
        <v>41799</v>
      </c>
      <c r="B593" s="3">
        <f t="shared" si="18"/>
        <v>6</v>
      </c>
      <c r="C593" s="3">
        <f t="shared" si="19"/>
        <v>2014</v>
      </c>
      <c r="D593" t="s">
        <v>808</v>
      </c>
      <c r="E593" t="s">
        <v>54</v>
      </c>
      <c r="F593" t="s">
        <v>33</v>
      </c>
      <c r="G593" t="s">
        <v>144</v>
      </c>
      <c r="H593" t="s">
        <v>809</v>
      </c>
      <c r="I593">
        <v>1441.3</v>
      </c>
      <c r="J593">
        <v>7</v>
      </c>
      <c r="K593">
        <v>245.02</v>
      </c>
    </row>
    <row r="594" spans="1:11" x14ac:dyDescent="0.3">
      <c r="A594" s="1">
        <v>41799</v>
      </c>
      <c r="B594" s="3">
        <f t="shared" si="18"/>
        <v>6</v>
      </c>
      <c r="C594" s="3">
        <f t="shared" si="19"/>
        <v>2014</v>
      </c>
      <c r="D594" t="s">
        <v>354</v>
      </c>
      <c r="E594" t="s">
        <v>125</v>
      </c>
      <c r="F594" t="s">
        <v>10</v>
      </c>
      <c r="G594" t="s">
        <v>23</v>
      </c>
      <c r="H594" t="s">
        <v>810</v>
      </c>
      <c r="I594">
        <v>18.059999999999999</v>
      </c>
      <c r="J594">
        <v>7</v>
      </c>
      <c r="K594">
        <v>4.7</v>
      </c>
    </row>
    <row r="595" spans="1:11" x14ac:dyDescent="0.3">
      <c r="A595" s="1">
        <v>41799</v>
      </c>
      <c r="B595" s="3">
        <f t="shared" si="18"/>
        <v>6</v>
      </c>
      <c r="C595" s="3">
        <f t="shared" si="19"/>
        <v>2014</v>
      </c>
      <c r="D595" t="s">
        <v>354</v>
      </c>
      <c r="E595" t="s">
        <v>125</v>
      </c>
      <c r="F595" t="s">
        <v>10</v>
      </c>
      <c r="G595" t="s">
        <v>11</v>
      </c>
      <c r="H595" t="s">
        <v>334</v>
      </c>
      <c r="I595">
        <v>79.14</v>
      </c>
      <c r="J595">
        <v>3</v>
      </c>
      <c r="K595">
        <v>36.4</v>
      </c>
    </row>
    <row r="596" spans="1:11" x14ac:dyDescent="0.3">
      <c r="A596" s="1">
        <v>41799</v>
      </c>
      <c r="B596" s="3">
        <f t="shared" si="18"/>
        <v>6</v>
      </c>
      <c r="C596" s="3">
        <f t="shared" si="19"/>
        <v>2014</v>
      </c>
      <c r="D596" t="s">
        <v>354</v>
      </c>
      <c r="E596" t="s">
        <v>125</v>
      </c>
      <c r="F596" t="s">
        <v>33</v>
      </c>
      <c r="G596" t="s">
        <v>46</v>
      </c>
      <c r="H596" t="s">
        <v>811</v>
      </c>
      <c r="I596">
        <v>37.4</v>
      </c>
      <c r="J596">
        <v>2</v>
      </c>
      <c r="K596">
        <v>14.21</v>
      </c>
    </row>
    <row r="597" spans="1:11" x14ac:dyDescent="0.3">
      <c r="A597" s="1">
        <v>41800</v>
      </c>
      <c r="B597" s="3">
        <f t="shared" si="18"/>
        <v>6</v>
      </c>
      <c r="C597" s="3">
        <f t="shared" si="19"/>
        <v>2014</v>
      </c>
      <c r="D597" t="s">
        <v>812</v>
      </c>
      <c r="E597" t="s">
        <v>109</v>
      </c>
      <c r="F597" t="s">
        <v>10</v>
      </c>
      <c r="G597" t="s">
        <v>15</v>
      </c>
      <c r="H597" t="s">
        <v>813</v>
      </c>
      <c r="I597">
        <v>491.55</v>
      </c>
      <c r="J597">
        <v>5</v>
      </c>
      <c r="K597">
        <v>240.86</v>
      </c>
    </row>
    <row r="598" spans="1:11" x14ac:dyDescent="0.3">
      <c r="A598" s="1">
        <v>41803</v>
      </c>
      <c r="B598" s="3">
        <f t="shared" si="18"/>
        <v>6</v>
      </c>
      <c r="C598" s="3">
        <f t="shared" si="19"/>
        <v>2014</v>
      </c>
      <c r="D598" t="s">
        <v>284</v>
      </c>
      <c r="E598" t="s">
        <v>26</v>
      </c>
      <c r="F598" t="s">
        <v>10</v>
      </c>
      <c r="G598" t="s">
        <v>23</v>
      </c>
      <c r="H598" t="s">
        <v>206</v>
      </c>
      <c r="I598">
        <v>14.52</v>
      </c>
      <c r="J598">
        <v>3</v>
      </c>
      <c r="K598">
        <v>4.79</v>
      </c>
    </row>
    <row r="599" spans="1:11" x14ac:dyDescent="0.3">
      <c r="A599" s="1">
        <v>41804</v>
      </c>
      <c r="B599" s="3">
        <f t="shared" si="18"/>
        <v>6</v>
      </c>
      <c r="C599" s="3">
        <f t="shared" si="19"/>
        <v>2014</v>
      </c>
      <c r="D599" t="s">
        <v>814</v>
      </c>
      <c r="E599" t="s">
        <v>109</v>
      </c>
      <c r="F599" t="s">
        <v>33</v>
      </c>
      <c r="G599" t="s">
        <v>73</v>
      </c>
      <c r="H599" t="s">
        <v>815</v>
      </c>
      <c r="I599">
        <v>212.94</v>
      </c>
      <c r="J599">
        <v>3</v>
      </c>
      <c r="K599">
        <v>57.49</v>
      </c>
    </row>
    <row r="600" spans="1:11" x14ac:dyDescent="0.3">
      <c r="A600" s="1">
        <v>41805</v>
      </c>
      <c r="B600" s="3">
        <f t="shared" si="18"/>
        <v>6</v>
      </c>
      <c r="C600" s="3">
        <f t="shared" si="19"/>
        <v>2014</v>
      </c>
      <c r="D600" t="s">
        <v>816</v>
      </c>
      <c r="E600" t="s">
        <v>9</v>
      </c>
      <c r="F600" t="s">
        <v>33</v>
      </c>
      <c r="G600" t="s">
        <v>144</v>
      </c>
      <c r="H600" t="s">
        <v>817</v>
      </c>
      <c r="I600">
        <v>99.92</v>
      </c>
      <c r="J600">
        <v>2</v>
      </c>
      <c r="K600">
        <v>-18.559999999999999</v>
      </c>
    </row>
    <row r="601" spans="1:11" x14ac:dyDescent="0.3">
      <c r="A601" s="1">
        <v>41805</v>
      </c>
      <c r="B601" s="3">
        <f t="shared" si="18"/>
        <v>6</v>
      </c>
      <c r="C601" s="3">
        <f t="shared" si="19"/>
        <v>2014</v>
      </c>
      <c r="D601" t="s">
        <v>816</v>
      </c>
      <c r="E601" t="s">
        <v>9</v>
      </c>
      <c r="F601" t="s">
        <v>33</v>
      </c>
      <c r="G601" t="s">
        <v>34</v>
      </c>
      <c r="H601" t="s">
        <v>293</v>
      </c>
      <c r="I601">
        <v>797.94</v>
      </c>
      <c r="J601">
        <v>4</v>
      </c>
      <c r="K601">
        <v>-57</v>
      </c>
    </row>
    <row r="602" spans="1:11" x14ac:dyDescent="0.3">
      <c r="A602" s="1">
        <v>41805</v>
      </c>
      <c r="B602" s="3">
        <f t="shared" si="18"/>
        <v>6</v>
      </c>
      <c r="C602" s="3">
        <f t="shared" si="19"/>
        <v>2014</v>
      </c>
      <c r="D602" t="s">
        <v>816</v>
      </c>
      <c r="E602" t="s">
        <v>9</v>
      </c>
      <c r="F602" t="s">
        <v>10</v>
      </c>
      <c r="G602" t="s">
        <v>19</v>
      </c>
      <c r="H602" t="s">
        <v>818</v>
      </c>
      <c r="I602">
        <v>8.57</v>
      </c>
      <c r="J602">
        <v>3</v>
      </c>
      <c r="K602">
        <v>-14.57</v>
      </c>
    </row>
    <row r="603" spans="1:11" x14ac:dyDescent="0.3">
      <c r="A603" s="1">
        <v>41805</v>
      </c>
      <c r="B603" s="3">
        <f t="shared" si="18"/>
        <v>6</v>
      </c>
      <c r="C603" s="3">
        <f t="shared" si="19"/>
        <v>2014</v>
      </c>
      <c r="D603" t="s">
        <v>819</v>
      </c>
      <c r="E603" t="s">
        <v>9</v>
      </c>
      <c r="F603" t="s">
        <v>10</v>
      </c>
      <c r="G603" t="s">
        <v>11</v>
      </c>
      <c r="H603" t="s">
        <v>820</v>
      </c>
      <c r="I603">
        <v>36.54</v>
      </c>
      <c r="J603">
        <v>2</v>
      </c>
      <c r="K603">
        <v>11.88</v>
      </c>
    </row>
    <row r="604" spans="1:11" x14ac:dyDescent="0.3">
      <c r="A604" s="1">
        <v>41806</v>
      </c>
      <c r="B604" s="3">
        <f t="shared" si="18"/>
        <v>6</v>
      </c>
      <c r="C604" s="3">
        <f t="shared" si="19"/>
        <v>2014</v>
      </c>
      <c r="D604" t="s">
        <v>821</v>
      </c>
      <c r="E604" t="s">
        <v>128</v>
      </c>
      <c r="F604" t="s">
        <v>33</v>
      </c>
      <c r="G604" t="s">
        <v>34</v>
      </c>
      <c r="H604" t="s">
        <v>193</v>
      </c>
      <c r="I604">
        <v>647.84</v>
      </c>
      <c r="J604">
        <v>8</v>
      </c>
      <c r="K604">
        <v>32.39</v>
      </c>
    </row>
    <row r="605" spans="1:11" x14ac:dyDescent="0.3">
      <c r="A605" s="1">
        <v>41806</v>
      </c>
      <c r="B605" s="3">
        <f t="shared" si="18"/>
        <v>6</v>
      </c>
      <c r="C605" s="3">
        <f t="shared" si="19"/>
        <v>2014</v>
      </c>
      <c r="D605" t="s">
        <v>279</v>
      </c>
      <c r="E605" t="s">
        <v>148</v>
      </c>
      <c r="F605" t="s">
        <v>10</v>
      </c>
      <c r="G605" t="s">
        <v>62</v>
      </c>
      <c r="H605" t="s">
        <v>63</v>
      </c>
      <c r="I605">
        <v>41.4</v>
      </c>
      <c r="J605">
        <v>5</v>
      </c>
      <c r="K605">
        <v>19.46</v>
      </c>
    </row>
    <row r="606" spans="1:11" x14ac:dyDescent="0.3">
      <c r="A606" s="1">
        <v>41806</v>
      </c>
      <c r="B606" s="3">
        <f t="shared" si="18"/>
        <v>6</v>
      </c>
      <c r="C606" s="3">
        <f t="shared" si="19"/>
        <v>2014</v>
      </c>
      <c r="D606" t="s">
        <v>279</v>
      </c>
      <c r="E606" t="s">
        <v>148</v>
      </c>
      <c r="F606" t="s">
        <v>10</v>
      </c>
      <c r="G606" t="s">
        <v>23</v>
      </c>
      <c r="H606" t="s">
        <v>822</v>
      </c>
      <c r="I606">
        <v>35</v>
      </c>
      <c r="J606">
        <v>4</v>
      </c>
      <c r="K606">
        <v>10.5</v>
      </c>
    </row>
    <row r="607" spans="1:11" x14ac:dyDescent="0.3">
      <c r="A607" s="1">
        <v>41806</v>
      </c>
      <c r="B607" s="3">
        <f t="shared" si="18"/>
        <v>6</v>
      </c>
      <c r="C607" s="3">
        <f t="shared" si="19"/>
        <v>2014</v>
      </c>
      <c r="D607" t="s">
        <v>279</v>
      </c>
      <c r="E607" t="s">
        <v>148</v>
      </c>
      <c r="F607" t="s">
        <v>10</v>
      </c>
      <c r="G607" t="s">
        <v>19</v>
      </c>
      <c r="H607" t="s">
        <v>468</v>
      </c>
      <c r="I607">
        <v>39.549999999999997</v>
      </c>
      <c r="J607">
        <v>3</v>
      </c>
      <c r="K607">
        <v>14.34</v>
      </c>
    </row>
    <row r="608" spans="1:11" x14ac:dyDescent="0.3">
      <c r="A608" s="1">
        <v>41807</v>
      </c>
      <c r="B608" s="3">
        <f t="shared" si="18"/>
        <v>6</v>
      </c>
      <c r="C608" s="3">
        <f t="shared" si="19"/>
        <v>2014</v>
      </c>
      <c r="D608" t="s">
        <v>823</v>
      </c>
      <c r="E608" t="s">
        <v>58</v>
      </c>
      <c r="F608" t="s">
        <v>38</v>
      </c>
      <c r="G608" t="s">
        <v>301</v>
      </c>
      <c r="H608" t="s">
        <v>824</v>
      </c>
      <c r="I608">
        <v>65.97</v>
      </c>
      <c r="J608">
        <v>3</v>
      </c>
      <c r="K608">
        <v>31.01</v>
      </c>
    </row>
    <row r="609" spans="1:11" x14ac:dyDescent="0.3">
      <c r="A609" s="1">
        <v>41807</v>
      </c>
      <c r="B609" s="3">
        <f t="shared" si="18"/>
        <v>6</v>
      </c>
      <c r="C609" s="3">
        <f t="shared" si="19"/>
        <v>2014</v>
      </c>
      <c r="D609" t="s">
        <v>825</v>
      </c>
      <c r="E609" t="s">
        <v>163</v>
      </c>
      <c r="F609" t="s">
        <v>33</v>
      </c>
      <c r="G609" t="s">
        <v>46</v>
      </c>
      <c r="H609" t="s">
        <v>280</v>
      </c>
      <c r="I609">
        <v>6.24</v>
      </c>
      <c r="J609">
        <v>3</v>
      </c>
      <c r="K609">
        <v>2.62</v>
      </c>
    </row>
    <row r="610" spans="1:11" x14ac:dyDescent="0.3">
      <c r="A610" s="1">
        <v>41807</v>
      </c>
      <c r="B610" s="3">
        <f t="shared" si="18"/>
        <v>6</v>
      </c>
      <c r="C610" s="3">
        <f t="shared" si="19"/>
        <v>2014</v>
      </c>
      <c r="D610" t="s">
        <v>825</v>
      </c>
      <c r="E610" t="s">
        <v>163</v>
      </c>
      <c r="F610" t="s">
        <v>10</v>
      </c>
      <c r="G610" t="s">
        <v>42</v>
      </c>
      <c r="H610" t="s">
        <v>826</v>
      </c>
      <c r="I610">
        <v>17.899999999999999</v>
      </c>
      <c r="J610">
        <v>5</v>
      </c>
      <c r="K610">
        <v>8.9499999999999993</v>
      </c>
    </row>
    <row r="611" spans="1:11" x14ac:dyDescent="0.3">
      <c r="A611" s="1">
        <v>41807</v>
      </c>
      <c r="B611" s="3">
        <f t="shared" si="18"/>
        <v>6</v>
      </c>
      <c r="C611" s="3">
        <f t="shared" si="19"/>
        <v>2014</v>
      </c>
      <c r="D611" t="s">
        <v>825</v>
      </c>
      <c r="E611" t="s">
        <v>163</v>
      </c>
      <c r="F611" t="s">
        <v>10</v>
      </c>
      <c r="G611" t="s">
        <v>19</v>
      </c>
      <c r="H611" t="s">
        <v>827</v>
      </c>
      <c r="I611">
        <v>3266.38</v>
      </c>
      <c r="J611">
        <v>3</v>
      </c>
      <c r="K611">
        <v>1061.57</v>
      </c>
    </row>
    <row r="612" spans="1:11" x14ac:dyDescent="0.3">
      <c r="A612" s="1">
        <v>41807</v>
      </c>
      <c r="B612" s="3">
        <f t="shared" si="18"/>
        <v>6</v>
      </c>
      <c r="C612" s="3">
        <f t="shared" si="19"/>
        <v>2014</v>
      </c>
      <c r="D612" t="s">
        <v>828</v>
      </c>
      <c r="E612" t="s">
        <v>14</v>
      </c>
      <c r="F612" t="s">
        <v>10</v>
      </c>
      <c r="G612" t="s">
        <v>11</v>
      </c>
      <c r="H612" t="s">
        <v>829</v>
      </c>
      <c r="I612">
        <v>62.02</v>
      </c>
      <c r="J612">
        <v>2</v>
      </c>
      <c r="K612">
        <v>22.48</v>
      </c>
    </row>
    <row r="613" spans="1:11" x14ac:dyDescent="0.3">
      <c r="A613" s="1">
        <v>41808</v>
      </c>
      <c r="B613" s="3">
        <f t="shared" si="18"/>
        <v>6</v>
      </c>
      <c r="C613" s="3">
        <f t="shared" si="19"/>
        <v>2014</v>
      </c>
      <c r="D613" t="s">
        <v>830</v>
      </c>
      <c r="E613" t="s">
        <v>26</v>
      </c>
      <c r="F613" t="s">
        <v>38</v>
      </c>
      <c r="G613" t="s">
        <v>39</v>
      </c>
      <c r="H613" t="s">
        <v>831</v>
      </c>
      <c r="I613">
        <v>139.80000000000001</v>
      </c>
      <c r="J613">
        <v>5</v>
      </c>
      <c r="K613">
        <v>12.23</v>
      </c>
    </row>
    <row r="614" spans="1:11" x14ac:dyDescent="0.3">
      <c r="A614" s="1">
        <v>41810</v>
      </c>
      <c r="B614" s="3">
        <f t="shared" si="18"/>
        <v>6</v>
      </c>
      <c r="C614" s="3">
        <f t="shared" si="19"/>
        <v>2014</v>
      </c>
      <c r="D614" t="s">
        <v>251</v>
      </c>
      <c r="E614" t="s">
        <v>9</v>
      </c>
      <c r="F614" t="s">
        <v>38</v>
      </c>
      <c r="G614" t="s">
        <v>39</v>
      </c>
      <c r="H614" t="s">
        <v>832</v>
      </c>
      <c r="I614">
        <v>201.58</v>
      </c>
      <c r="J614">
        <v>2</v>
      </c>
      <c r="K614">
        <v>20.16</v>
      </c>
    </row>
    <row r="615" spans="1:11" x14ac:dyDescent="0.3">
      <c r="A615" s="1">
        <v>41810</v>
      </c>
      <c r="B615" s="3">
        <f t="shared" si="18"/>
        <v>6</v>
      </c>
      <c r="C615" s="3">
        <f t="shared" si="19"/>
        <v>2014</v>
      </c>
      <c r="D615" t="s">
        <v>251</v>
      </c>
      <c r="E615" t="s">
        <v>9</v>
      </c>
      <c r="F615" t="s">
        <v>10</v>
      </c>
      <c r="G615" t="s">
        <v>19</v>
      </c>
      <c r="H615" t="s">
        <v>833</v>
      </c>
      <c r="I615">
        <v>3.39</v>
      </c>
      <c r="J615">
        <v>4</v>
      </c>
      <c r="K615">
        <v>-5.09</v>
      </c>
    </row>
    <row r="616" spans="1:11" x14ac:dyDescent="0.3">
      <c r="A616" s="1">
        <v>41810</v>
      </c>
      <c r="B616" s="3">
        <f t="shared" si="18"/>
        <v>6</v>
      </c>
      <c r="C616" s="3">
        <f t="shared" si="19"/>
        <v>2014</v>
      </c>
      <c r="D616" t="s">
        <v>251</v>
      </c>
      <c r="E616" t="s">
        <v>9</v>
      </c>
      <c r="F616" t="s">
        <v>33</v>
      </c>
      <c r="G616" t="s">
        <v>73</v>
      </c>
      <c r="H616" t="s">
        <v>834</v>
      </c>
      <c r="I616">
        <v>193.07</v>
      </c>
      <c r="J616">
        <v>4</v>
      </c>
      <c r="K616">
        <v>-19.87</v>
      </c>
    </row>
    <row r="617" spans="1:11" x14ac:dyDescent="0.3">
      <c r="A617" s="1">
        <v>41810</v>
      </c>
      <c r="B617" s="3">
        <f t="shared" si="18"/>
        <v>6</v>
      </c>
      <c r="C617" s="3">
        <f t="shared" si="19"/>
        <v>2014</v>
      </c>
      <c r="D617" t="s">
        <v>251</v>
      </c>
      <c r="E617" t="s">
        <v>9</v>
      </c>
      <c r="F617" t="s">
        <v>10</v>
      </c>
      <c r="G617" t="s">
        <v>11</v>
      </c>
      <c r="H617" t="s">
        <v>835</v>
      </c>
      <c r="I617">
        <v>15.55</v>
      </c>
      <c r="J617">
        <v>3</v>
      </c>
      <c r="K617">
        <v>5.44</v>
      </c>
    </row>
    <row r="618" spans="1:11" x14ac:dyDescent="0.3">
      <c r="A618" s="1">
        <v>41810</v>
      </c>
      <c r="B618" s="3">
        <f t="shared" si="18"/>
        <v>6</v>
      </c>
      <c r="C618" s="3">
        <f t="shared" si="19"/>
        <v>2014</v>
      </c>
      <c r="D618" t="s">
        <v>251</v>
      </c>
      <c r="E618" t="s">
        <v>9</v>
      </c>
      <c r="F618" t="s">
        <v>10</v>
      </c>
      <c r="G618" t="s">
        <v>11</v>
      </c>
      <c r="H618" t="s">
        <v>239</v>
      </c>
      <c r="I618">
        <v>11.65</v>
      </c>
      <c r="J618">
        <v>2</v>
      </c>
      <c r="K618">
        <v>4.08</v>
      </c>
    </row>
    <row r="619" spans="1:11" x14ac:dyDescent="0.3">
      <c r="A619" s="1">
        <v>41810</v>
      </c>
      <c r="B619" s="3">
        <f t="shared" si="18"/>
        <v>6</v>
      </c>
      <c r="C619" s="3">
        <f t="shared" si="19"/>
        <v>2014</v>
      </c>
      <c r="D619" t="s">
        <v>251</v>
      </c>
      <c r="E619" t="s">
        <v>9</v>
      </c>
      <c r="F619" t="s">
        <v>38</v>
      </c>
      <c r="G619" t="s">
        <v>301</v>
      </c>
      <c r="H619" t="s">
        <v>836</v>
      </c>
      <c r="I619">
        <v>418.8</v>
      </c>
      <c r="J619">
        <v>2</v>
      </c>
      <c r="K619">
        <v>-97.72</v>
      </c>
    </row>
    <row r="620" spans="1:11" x14ac:dyDescent="0.3">
      <c r="A620" s="1">
        <v>41810</v>
      </c>
      <c r="B620" s="3">
        <f t="shared" si="18"/>
        <v>6</v>
      </c>
      <c r="C620" s="3">
        <f t="shared" si="19"/>
        <v>2014</v>
      </c>
      <c r="D620" t="s">
        <v>251</v>
      </c>
      <c r="E620" t="s">
        <v>9</v>
      </c>
      <c r="F620" t="s">
        <v>10</v>
      </c>
      <c r="G620" t="s">
        <v>17</v>
      </c>
      <c r="H620" t="s">
        <v>837</v>
      </c>
      <c r="I620">
        <v>509.49</v>
      </c>
      <c r="J620">
        <v>7</v>
      </c>
      <c r="K620">
        <v>-127.37</v>
      </c>
    </row>
    <row r="621" spans="1:11" x14ac:dyDescent="0.3">
      <c r="A621" s="1">
        <v>41810</v>
      </c>
      <c r="B621" s="3">
        <f t="shared" si="18"/>
        <v>6</v>
      </c>
      <c r="C621" s="3">
        <f t="shared" si="19"/>
        <v>2014</v>
      </c>
      <c r="D621" t="s">
        <v>838</v>
      </c>
      <c r="E621" t="s">
        <v>839</v>
      </c>
      <c r="F621" t="s">
        <v>10</v>
      </c>
      <c r="G621" t="s">
        <v>91</v>
      </c>
      <c r="H621" t="s">
        <v>745</v>
      </c>
      <c r="I621">
        <v>471.9</v>
      </c>
      <c r="J621">
        <v>6</v>
      </c>
      <c r="K621">
        <v>155.72999999999999</v>
      </c>
    </row>
    <row r="622" spans="1:11" x14ac:dyDescent="0.3">
      <c r="A622" s="1">
        <v>41810</v>
      </c>
      <c r="B622" s="3">
        <f t="shared" si="18"/>
        <v>6</v>
      </c>
      <c r="C622" s="3">
        <f t="shared" si="19"/>
        <v>2014</v>
      </c>
      <c r="D622" t="s">
        <v>838</v>
      </c>
      <c r="E622" t="s">
        <v>839</v>
      </c>
      <c r="F622" t="s">
        <v>10</v>
      </c>
      <c r="G622" t="s">
        <v>23</v>
      </c>
      <c r="H622" t="s">
        <v>840</v>
      </c>
      <c r="I622">
        <v>3.52</v>
      </c>
      <c r="J622">
        <v>2</v>
      </c>
      <c r="K622">
        <v>1.69</v>
      </c>
    </row>
    <row r="623" spans="1:11" x14ac:dyDescent="0.3">
      <c r="A623" s="1">
        <v>41811</v>
      </c>
      <c r="B623" s="3">
        <f t="shared" si="18"/>
        <v>6</v>
      </c>
      <c r="C623" s="3">
        <f t="shared" si="19"/>
        <v>2014</v>
      </c>
      <c r="D623" t="s">
        <v>666</v>
      </c>
      <c r="E623" t="s">
        <v>54</v>
      </c>
      <c r="F623" t="s">
        <v>33</v>
      </c>
      <c r="G623" t="s">
        <v>46</v>
      </c>
      <c r="H623" t="s">
        <v>841</v>
      </c>
      <c r="I623">
        <v>104.01</v>
      </c>
      <c r="J623">
        <v>1</v>
      </c>
      <c r="K623">
        <v>14.56</v>
      </c>
    </row>
    <row r="624" spans="1:11" x14ac:dyDescent="0.3">
      <c r="A624" s="1">
        <v>41811</v>
      </c>
      <c r="B624" s="3">
        <f t="shared" si="18"/>
        <v>6</v>
      </c>
      <c r="C624" s="3">
        <f t="shared" si="19"/>
        <v>2014</v>
      </c>
      <c r="D624" t="s">
        <v>666</v>
      </c>
      <c r="E624" t="s">
        <v>54</v>
      </c>
      <c r="F624" t="s">
        <v>38</v>
      </c>
      <c r="G624" t="s">
        <v>39</v>
      </c>
      <c r="H624" t="s">
        <v>801</v>
      </c>
      <c r="I624">
        <v>284.82</v>
      </c>
      <c r="J624">
        <v>1</v>
      </c>
      <c r="K624">
        <v>74.05</v>
      </c>
    </row>
    <row r="625" spans="1:11" x14ac:dyDescent="0.3">
      <c r="A625" s="1">
        <v>41811</v>
      </c>
      <c r="B625" s="3">
        <f t="shared" si="18"/>
        <v>6</v>
      </c>
      <c r="C625" s="3">
        <f t="shared" si="19"/>
        <v>2014</v>
      </c>
      <c r="D625" t="s">
        <v>666</v>
      </c>
      <c r="E625" t="s">
        <v>54</v>
      </c>
      <c r="F625" t="s">
        <v>10</v>
      </c>
      <c r="G625" t="s">
        <v>17</v>
      </c>
      <c r="H625" t="s">
        <v>842</v>
      </c>
      <c r="I625">
        <v>36.840000000000003</v>
      </c>
      <c r="J625">
        <v>3</v>
      </c>
      <c r="K625">
        <v>10.32</v>
      </c>
    </row>
    <row r="626" spans="1:11" x14ac:dyDescent="0.3">
      <c r="A626" s="1">
        <v>41811</v>
      </c>
      <c r="B626" s="3">
        <f t="shared" si="18"/>
        <v>6</v>
      </c>
      <c r="C626" s="3">
        <f t="shared" si="19"/>
        <v>2014</v>
      </c>
      <c r="D626" t="s">
        <v>226</v>
      </c>
      <c r="E626" t="s">
        <v>176</v>
      </c>
      <c r="F626" t="s">
        <v>38</v>
      </c>
      <c r="G626" t="s">
        <v>39</v>
      </c>
      <c r="H626" t="s">
        <v>41</v>
      </c>
      <c r="I626">
        <v>1322.93</v>
      </c>
      <c r="J626">
        <v>7</v>
      </c>
      <c r="K626">
        <v>357.19</v>
      </c>
    </row>
    <row r="627" spans="1:11" x14ac:dyDescent="0.3">
      <c r="A627" s="1">
        <v>41811</v>
      </c>
      <c r="B627" s="3">
        <f t="shared" si="18"/>
        <v>6</v>
      </c>
      <c r="C627" s="3">
        <f t="shared" si="19"/>
        <v>2014</v>
      </c>
      <c r="D627" t="s">
        <v>226</v>
      </c>
      <c r="E627" t="s">
        <v>176</v>
      </c>
      <c r="F627" t="s">
        <v>10</v>
      </c>
      <c r="G627" t="s">
        <v>23</v>
      </c>
      <c r="H627" t="s">
        <v>843</v>
      </c>
      <c r="I627">
        <v>3.76</v>
      </c>
      <c r="J627">
        <v>2</v>
      </c>
      <c r="K627">
        <v>1.0900000000000001</v>
      </c>
    </row>
    <row r="628" spans="1:11" x14ac:dyDescent="0.3">
      <c r="A628" s="1">
        <v>41811</v>
      </c>
      <c r="B628" s="3">
        <f t="shared" si="18"/>
        <v>6</v>
      </c>
      <c r="C628" s="3">
        <f t="shared" si="19"/>
        <v>2014</v>
      </c>
      <c r="D628" t="s">
        <v>654</v>
      </c>
      <c r="E628" t="s">
        <v>612</v>
      </c>
      <c r="F628" t="s">
        <v>10</v>
      </c>
      <c r="G628" t="s">
        <v>23</v>
      </c>
      <c r="H628" t="s">
        <v>844</v>
      </c>
      <c r="I628">
        <v>21.4</v>
      </c>
      <c r="J628">
        <v>5</v>
      </c>
      <c r="K628">
        <v>6.21</v>
      </c>
    </row>
    <row r="629" spans="1:11" x14ac:dyDescent="0.3">
      <c r="A629" s="1">
        <v>41811</v>
      </c>
      <c r="B629" s="3">
        <f t="shared" si="18"/>
        <v>6</v>
      </c>
      <c r="C629" s="3">
        <f t="shared" si="19"/>
        <v>2014</v>
      </c>
      <c r="D629" t="s">
        <v>522</v>
      </c>
      <c r="E629" t="s">
        <v>277</v>
      </c>
      <c r="F629" t="s">
        <v>10</v>
      </c>
      <c r="G629" t="s">
        <v>19</v>
      </c>
      <c r="H629" t="s">
        <v>845</v>
      </c>
      <c r="I629">
        <v>11.09</v>
      </c>
      <c r="J629">
        <v>7</v>
      </c>
      <c r="K629">
        <v>-8.1300000000000008</v>
      </c>
    </row>
    <row r="630" spans="1:11" x14ac:dyDescent="0.3">
      <c r="A630" s="1">
        <v>41811</v>
      </c>
      <c r="B630" s="3">
        <f t="shared" si="18"/>
        <v>6</v>
      </c>
      <c r="C630" s="3">
        <f t="shared" si="19"/>
        <v>2014</v>
      </c>
      <c r="D630" t="s">
        <v>522</v>
      </c>
      <c r="E630" t="s">
        <v>277</v>
      </c>
      <c r="F630" t="s">
        <v>10</v>
      </c>
      <c r="G630" t="s">
        <v>19</v>
      </c>
      <c r="H630" t="s">
        <v>846</v>
      </c>
      <c r="I630">
        <v>25.16</v>
      </c>
      <c r="J630">
        <v>2</v>
      </c>
      <c r="K630">
        <v>-16.78</v>
      </c>
    </row>
    <row r="631" spans="1:11" x14ac:dyDescent="0.3">
      <c r="A631" s="1">
        <v>41811</v>
      </c>
      <c r="B631" s="3">
        <f t="shared" si="18"/>
        <v>6</v>
      </c>
      <c r="C631" s="3">
        <f t="shared" si="19"/>
        <v>2014</v>
      </c>
      <c r="D631" t="s">
        <v>847</v>
      </c>
      <c r="E631" t="s">
        <v>22</v>
      </c>
      <c r="F631" t="s">
        <v>10</v>
      </c>
      <c r="G631" t="s">
        <v>62</v>
      </c>
      <c r="H631" t="s">
        <v>63</v>
      </c>
      <c r="I631">
        <v>24.9</v>
      </c>
      <c r="J631">
        <v>4</v>
      </c>
      <c r="K631">
        <v>8.4</v>
      </c>
    </row>
    <row r="632" spans="1:11" x14ac:dyDescent="0.3">
      <c r="A632" s="1">
        <v>41811</v>
      </c>
      <c r="B632" s="3">
        <f t="shared" si="18"/>
        <v>6</v>
      </c>
      <c r="C632" s="3">
        <f t="shared" si="19"/>
        <v>2014</v>
      </c>
      <c r="D632" t="s">
        <v>847</v>
      </c>
      <c r="E632" t="s">
        <v>22</v>
      </c>
      <c r="F632" t="s">
        <v>33</v>
      </c>
      <c r="G632" t="s">
        <v>46</v>
      </c>
      <c r="H632" t="s">
        <v>848</v>
      </c>
      <c r="I632">
        <v>3.98</v>
      </c>
      <c r="J632">
        <v>1</v>
      </c>
      <c r="K632">
        <v>0.65</v>
      </c>
    </row>
    <row r="633" spans="1:11" x14ac:dyDescent="0.3">
      <c r="A633" s="1">
        <v>41811</v>
      </c>
      <c r="B633" s="3">
        <f t="shared" si="18"/>
        <v>6</v>
      </c>
      <c r="C633" s="3">
        <f t="shared" si="19"/>
        <v>2014</v>
      </c>
      <c r="D633" t="s">
        <v>847</v>
      </c>
      <c r="E633" t="s">
        <v>22</v>
      </c>
      <c r="F633" t="s">
        <v>38</v>
      </c>
      <c r="G633" t="s">
        <v>51</v>
      </c>
      <c r="H633" t="s">
        <v>83</v>
      </c>
      <c r="I633">
        <v>95.97</v>
      </c>
      <c r="J633">
        <v>4</v>
      </c>
      <c r="K633">
        <v>28.79</v>
      </c>
    </row>
    <row r="634" spans="1:11" x14ac:dyDescent="0.3">
      <c r="A634" s="1">
        <v>41811</v>
      </c>
      <c r="B634" s="3">
        <f t="shared" si="18"/>
        <v>6</v>
      </c>
      <c r="C634" s="3">
        <f t="shared" si="19"/>
        <v>2014</v>
      </c>
      <c r="D634" t="s">
        <v>847</v>
      </c>
      <c r="E634" t="s">
        <v>22</v>
      </c>
      <c r="F634" t="s">
        <v>38</v>
      </c>
      <c r="G634" t="s">
        <v>301</v>
      </c>
      <c r="H634" t="s">
        <v>849</v>
      </c>
      <c r="I634">
        <v>206.99</v>
      </c>
      <c r="J634">
        <v>3</v>
      </c>
      <c r="K634">
        <v>-172.49</v>
      </c>
    </row>
    <row r="635" spans="1:11" x14ac:dyDescent="0.3">
      <c r="A635" s="1">
        <v>41811</v>
      </c>
      <c r="B635" s="3">
        <f t="shared" si="18"/>
        <v>6</v>
      </c>
      <c r="C635" s="3">
        <f t="shared" si="19"/>
        <v>2014</v>
      </c>
      <c r="D635" t="s">
        <v>847</v>
      </c>
      <c r="E635" t="s">
        <v>22</v>
      </c>
      <c r="F635" t="s">
        <v>10</v>
      </c>
      <c r="G635" t="s">
        <v>91</v>
      </c>
      <c r="H635" t="s">
        <v>850</v>
      </c>
      <c r="I635">
        <v>44.42</v>
      </c>
      <c r="J635">
        <v>2</v>
      </c>
      <c r="K635">
        <v>3.89</v>
      </c>
    </row>
    <row r="636" spans="1:11" x14ac:dyDescent="0.3">
      <c r="A636" s="1">
        <v>41811</v>
      </c>
      <c r="B636" s="3">
        <f t="shared" si="18"/>
        <v>6</v>
      </c>
      <c r="C636" s="3">
        <f t="shared" si="19"/>
        <v>2014</v>
      </c>
      <c r="D636" t="s">
        <v>847</v>
      </c>
      <c r="E636" t="s">
        <v>22</v>
      </c>
      <c r="F636" t="s">
        <v>10</v>
      </c>
      <c r="G636" t="s">
        <v>19</v>
      </c>
      <c r="H636" t="s">
        <v>851</v>
      </c>
      <c r="I636">
        <v>9.01</v>
      </c>
      <c r="J636">
        <v>2</v>
      </c>
      <c r="K636">
        <v>-7.2</v>
      </c>
    </row>
    <row r="637" spans="1:11" x14ac:dyDescent="0.3">
      <c r="A637" s="1">
        <v>41811</v>
      </c>
      <c r="B637" s="3">
        <f t="shared" si="18"/>
        <v>6</v>
      </c>
      <c r="C637" s="3">
        <f t="shared" si="19"/>
        <v>2014</v>
      </c>
      <c r="D637" t="s">
        <v>852</v>
      </c>
      <c r="E637" t="s">
        <v>148</v>
      </c>
      <c r="F637" t="s">
        <v>10</v>
      </c>
      <c r="G637" t="s">
        <v>11</v>
      </c>
      <c r="H637" t="s">
        <v>853</v>
      </c>
      <c r="I637">
        <v>19.649999999999999</v>
      </c>
      <c r="J637">
        <v>3</v>
      </c>
      <c r="K637">
        <v>9.0399999999999991</v>
      </c>
    </row>
    <row r="638" spans="1:11" x14ac:dyDescent="0.3">
      <c r="A638" s="1">
        <v>41811</v>
      </c>
      <c r="B638" s="3">
        <f t="shared" si="18"/>
        <v>6</v>
      </c>
      <c r="C638" s="3">
        <f t="shared" si="19"/>
        <v>2014</v>
      </c>
      <c r="D638" t="s">
        <v>852</v>
      </c>
      <c r="E638" t="s">
        <v>148</v>
      </c>
      <c r="F638" t="s">
        <v>38</v>
      </c>
      <c r="G638" t="s">
        <v>39</v>
      </c>
      <c r="H638" t="s">
        <v>854</v>
      </c>
      <c r="I638">
        <v>617.97</v>
      </c>
      <c r="J638">
        <v>3</v>
      </c>
      <c r="K638">
        <v>160.66999999999999</v>
      </c>
    </row>
    <row r="639" spans="1:11" x14ac:dyDescent="0.3">
      <c r="A639" s="1">
        <v>41811</v>
      </c>
      <c r="B639" s="3">
        <f t="shared" si="18"/>
        <v>6</v>
      </c>
      <c r="C639" s="3">
        <f t="shared" si="19"/>
        <v>2014</v>
      </c>
      <c r="D639" t="s">
        <v>852</v>
      </c>
      <c r="E639" t="s">
        <v>148</v>
      </c>
      <c r="F639" t="s">
        <v>10</v>
      </c>
      <c r="G639" t="s">
        <v>91</v>
      </c>
      <c r="H639" t="s">
        <v>205</v>
      </c>
      <c r="I639">
        <v>59.7</v>
      </c>
      <c r="J639">
        <v>3</v>
      </c>
      <c r="K639">
        <v>26.87</v>
      </c>
    </row>
    <row r="640" spans="1:11" x14ac:dyDescent="0.3">
      <c r="A640" s="1">
        <v>41811</v>
      </c>
      <c r="B640" s="3">
        <f t="shared" si="18"/>
        <v>6</v>
      </c>
      <c r="C640" s="3">
        <f t="shared" si="19"/>
        <v>2014</v>
      </c>
      <c r="D640" t="s">
        <v>741</v>
      </c>
      <c r="E640" t="s">
        <v>148</v>
      </c>
      <c r="F640" t="s">
        <v>38</v>
      </c>
      <c r="G640" t="s">
        <v>39</v>
      </c>
      <c r="H640" t="s">
        <v>855</v>
      </c>
      <c r="I640">
        <v>1214.8499999999999</v>
      </c>
      <c r="J640">
        <v>3</v>
      </c>
      <c r="K640">
        <v>352.31</v>
      </c>
    </row>
    <row r="641" spans="1:11" x14ac:dyDescent="0.3">
      <c r="A641" s="1">
        <v>41812</v>
      </c>
      <c r="B641" s="3">
        <f t="shared" si="18"/>
        <v>6</v>
      </c>
      <c r="C641" s="3">
        <f t="shared" si="19"/>
        <v>2014</v>
      </c>
      <c r="D641" t="s">
        <v>856</v>
      </c>
      <c r="E641" t="s">
        <v>277</v>
      </c>
      <c r="F641" t="s">
        <v>38</v>
      </c>
      <c r="G641" t="s">
        <v>51</v>
      </c>
      <c r="H641" t="s">
        <v>857</v>
      </c>
      <c r="I641">
        <v>196.75</v>
      </c>
      <c r="J641">
        <v>6</v>
      </c>
      <c r="K641">
        <v>56.57</v>
      </c>
    </row>
    <row r="642" spans="1:11" x14ac:dyDescent="0.3">
      <c r="A642" s="1">
        <v>41812</v>
      </c>
      <c r="B642" s="3">
        <f t="shared" ref="B642:B705" si="20">MONTH(A:A)</f>
        <v>6</v>
      </c>
      <c r="C642" s="3">
        <f t="shared" ref="C642:C705" si="21">YEAR(A:A)</f>
        <v>2014</v>
      </c>
      <c r="D642" t="s">
        <v>858</v>
      </c>
      <c r="E642" t="s">
        <v>314</v>
      </c>
      <c r="F642" t="s">
        <v>10</v>
      </c>
      <c r="G642" t="s">
        <v>17</v>
      </c>
      <c r="H642" t="s">
        <v>859</v>
      </c>
      <c r="I642">
        <v>501.81</v>
      </c>
      <c r="J642">
        <v>3</v>
      </c>
      <c r="K642">
        <v>0</v>
      </c>
    </row>
    <row r="643" spans="1:11" x14ac:dyDescent="0.3">
      <c r="A643" s="1">
        <v>41812</v>
      </c>
      <c r="B643" s="3">
        <f t="shared" si="20"/>
        <v>6</v>
      </c>
      <c r="C643" s="3">
        <f t="shared" si="21"/>
        <v>2014</v>
      </c>
      <c r="D643" t="s">
        <v>858</v>
      </c>
      <c r="E643" t="s">
        <v>314</v>
      </c>
      <c r="F643" t="s">
        <v>10</v>
      </c>
      <c r="G643" t="s">
        <v>17</v>
      </c>
      <c r="H643" t="s">
        <v>235</v>
      </c>
      <c r="I643">
        <v>161.94</v>
      </c>
      <c r="J643">
        <v>3</v>
      </c>
      <c r="K643">
        <v>9.7200000000000006</v>
      </c>
    </row>
    <row r="644" spans="1:11" x14ac:dyDescent="0.3">
      <c r="A644" s="1">
        <v>41812</v>
      </c>
      <c r="B644" s="3">
        <f t="shared" si="20"/>
        <v>6</v>
      </c>
      <c r="C644" s="3">
        <f t="shared" si="21"/>
        <v>2014</v>
      </c>
      <c r="D644" t="s">
        <v>860</v>
      </c>
      <c r="E644" t="s">
        <v>22</v>
      </c>
      <c r="F644" t="s">
        <v>33</v>
      </c>
      <c r="G644" t="s">
        <v>34</v>
      </c>
      <c r="H644" t="s">
        <v>861</v>
      </c>
      <c r="I644">
        <v>170.06</v>
      </c>
      <c r="J644">
        <v>3</v>
      </c>
      <c r="K644">
        <v>-4.8600000000000003</v>
      </c>
    </row>
    <row r="645" spans="1:11" x14ac:dyDescent="0.3">
      <c r="A645" s="1">
        <v>41812</v>
      </c>
      <c r="B645" s="3">
        <f t="shared" si="20"/>
        <v>6</v>
      </c>
      <c r="C645" s="3">
        <f t="shared" si="21"/>
        <v>2014</v>
      </c>
      <c r="D645" t="s">
        <v>860</v>
      </c>
      <c r="E645" t="s">
        <v>22</v>
      </c>
      <c r="F645" t="s">
        <v>38</v>
      </c>
      <c r="G645" t="s">
        <v>39</v>
      </c>
      <c r="H645" t="s">
        <v>862</v>
      </c>
      <c r="I645">
        <v>82.78</v>
      </c>
      <c r="J645">
        <v>3</v>
      </c>
      <c r="K645">
        <v>-15.18</v>
      </c>
    </row>
    <row r="646" spans="1:11" x14ac:dyDescent="0.3">
      <c r="A646" s="1">
        <v>41812</v>
      </c>
      <c r="B646" s="3">
        <f t="shared" si="20"/>
        <v>6</v>
      </c>
      <c r="C646" s="3">
        <f t="shared" si="21"/>
        <v>2014</v>
      </c>
      <c r="D646" t="s">
        <v>860</v>
      </c>
      <c r="E646" t="s">
        <v>22</v>
      </c>
      <c r="F646" t="s">
        <v>33</v>
      </c>
      <c r="G646" t="s">
        <v>34</v>
      </c>
      <c r="H646" t="s">
        <v>863</v>
      </c>
      <c r="I646">
        <v>853.93</v>
      </c>
      <c r="J646">
        <v>5</v>
      </c>
      <c r="K646">
        <v>0</v>
      </c>
    </row>
    <row r="647" spans="1:11" x14ac:dyDescent="0.3">
      <c r="A647" s="1">
        <v>41812</v>
      </c>
      <c r="B647" s="3">
        <f t="shared" si="20"/>
        <v>6</v>
      </c>
      <c r="C647" s="3">
        <f t="shared" si="21"/>
        <v>2014</v>
      </c>
      <c r="D647" t="s">
        <v>852</v>
      </c>
      <c r="E647" t="s">
        <v>94</v>
      </c>
      <c r="F647" t="s">
        <v>10</v>
      </c>
      <c r="G647" t="s">
        <v>19</v>
      </c>
      <c r="H647" t="s">
        <v>864</v>
      </c>
      <c r="I647">
        <v>8.23</v>
      </c>
      <c r="J647">
        <v>3</v>
      </c>
      <c r="K647">
        <v>-6.03</v>
      </c>
    </row>
    <row r="648" spans="1:11" x14ac:dyDescent="0.3">
      <c r="A648" s="1">
        <v>41813</v>
      </c>
      <c r="B648" s="3">
        <f t="shared" si="20"/>
        <v>6</v>
      </c>
      <c r="C648" s="3">
        <f t="shared" si="21"/>
        <v>2014</v>
      </c>
      <c r="D648" t="s">
        <v>865</v>
      </c>
      <c r="E648" t="s">
        <v>22</v>
      </c>
      <c r="F648" t="s">
        <v>38</v>
      </c>
      <c r="G648" t="s">
        <v>51</v>
      </c>
      <c r="H648" t="s">
        <v>866</v>
      </c>
      <c r="I648">
        <v>86.38</v>
      </c>
      <c r="J648">
        <v>3</v>
      </c>
      <c r="K648">
        <v>1.08</v>
      </c>
    </row>
    <row r="649" spans="1:11" x14ac:dyDescent="0.3">
      <c r="A649" s="1">
        <v>41813</v>
      </c>
      <c r="B649" s="3">
        <f t="shared" si="20"/>
        <v>6</v>
      </c>
      <c r="C649" s="3">
        <f t="shared" si="21"/>
        <v>2014</v>
      </c>
      <c r="D649" t="s">
        <v>867</v>
      </c>
      <c r="E649" t="s">
        <v>244</v>
      </c>
      <c r="F649" t="s">
        <v>10</v>
      </c>
      <c r="G649" t="s">
        <v>23</v>
      </c>
      <c r="H649" t="s">
        <v>868</v>
      </c>
      <c r="I649">
        <v>20.02</v>
      </c>
      <c r="J649">
        <v>9</v>
      </c>
      <c r="K649">
        <v>1.75</v>
      </c>
    </row>
    <row r="650" spans="1:11" x14ac:dyDescent="0.3">
      <c r="A650" s="1">
        <v>41813</v>
      </c>
      <c r="B650" s="3">
        <f t="shared" si="20"/>
        <v>6</v>
      </c>
      <c r="C650" s="3">
        <f t="shared" si="21"/>
        <v>2014</v>
      </c>
      <c r="D650" t="s">
        <v>867</v>
      </c>
      <c r="E650" t="s">
        <v>244</v>
      </c>
      <c r="F650" t="s">
        <v>10</v>
      </c>
      <c r="G650" t="s">
        <v>199</v>
      </c>
      <c r="H650" t="s">
        <v>869</v>
      </c>
      <c r="I650">
        <v>3.1</v>
      </c>
      <c r="J650">
        <v>1</v>
      </c>
      <c r="K650">
        <v>0.35</v>
      </c>
    </row>
    <row r="651" spans="1:11" x14ac:dyDescent="0.3">
      <c r="A651" s="1">
        <v>41814</v>
      </c>
      <c r="B651" s="3">
        <f t="shared" si="20"/>
        <v>6</v>
      </c>
      <c r="C651" s="3">
        <f t="shared" si="21"/>
        <v>2014</v>
      </c>
      <c r="D651" t="s">
        <v>870</v>
      </c>
      <c r="E651" t="s">
        <v>94</v>
      </c>
      <c r="F651" t="s">
        <v>33</v>
      </c>
      <c r="G651" t="s">
        <v>46</v>
      </c>
      <c r="H651" t="s">
        <v>871</v>
      </c>
      <c r="I651">
        <v>4.2699999999999996</v>
      </c>
      <c r="J651">
        <v>2</v>
      </c>
      <c r="K651">
        <v>0.96</v>
      </c>
    </row>
    <row r="652" spans="1:11" x14ac:dyDescent="0.3">
      <c r="A652" s="1">
        <v>41815</v>
      </c>
      <c r="B652" s="3">
        <f t="shared" si="20"/>
        <v>6</v>
      </c>
      <c r="C652" s="3">
        <f t="shared" si="21"/>
        <v>2014</v>
      </c>
      <c r="D652" t="s">
        <v>872</v>
      </c>
      <c r="E652" t="s">
        <v>26</v>
      </c>
      <c r="F652" t="s">
        <v>33</v>
      </c>
      <c r="G652" t="s">
        <v>144</v>
      </c>
      <c r="H652" t="s">
        <v>873</v>
      </c>
      <c r="I652">
        <v>447.84</v>
      </c>
      <c r="J652">
        <v>5</v>
      </c>
      <c r="K652">
        <v>11.2</v>
      </c>
    </row>
    <row r="653" spans="1:11" x14ac:dyDescent="0.3">
      <c r="A653" s="1">
        <v>41815</v>
      </c>
      <c r="B653" s="3">
        <f t="shared" si="20"/>
        <v>6</v>
      </c>
      <c r="C653" s="3">
        <f t="shared" si="21"/>
        <v>2014</v>
      </c>
      <c r="D653" t="s">
        <v>874</v>
      </c>
      <c r="E653" t="s">
        <v>90</v>
      </c>
      <c r="F653" t="s">
        <v>38</v>
      </c>
      <c r="G653" t="s">
        <v>39</v>
      </c>
      <c r="H653" t="s">
        <v>875</v>
      </c>
      <c r="I653">
        <v>263.95999999999998</v>
      </c>
      <c r="J653">
        <v>5</v>
      </c>
      <c r="K653">
        <v>19.8</v>
      </c>
    </row>
    <row r="654" spans="1:11" x14ac:dyDescent="0.3">
      <c r="A654" s="1">
        <v>41815</v>
      </c>
      <c r="B654" s="3">
        <f t="shared" si="20"/>
        <v>6</v>
      </c>
      <c r="C654" s="3">
        <f t="shared" si="21"/>
        <v>2014</v>
      </c>
      <c r="D654" t="s">
        <v>874</v>
      </c>
      <c r="E654" t="s">
        <v>90</v>
      </c>
      <c r="F654" t="s">
        <v>10</v>
      </c>
      <c r="G654" t="s">
        <v>23</v>
      </c>
      <c r="H654" t="s">
        <v>24</v>
      </c>
      <c r="I654">
        <v>71.63</v>
      </c>
      <c r="J654">
        <v>11</v>
      </c>
      <c r="K654">
        <v>17.91</v>
      </c>
    </row>
    <row r="655" spans="1:11" x14ac:dyDescent="0.3">
      <c r="A655" s="1">
        <v>41815</v>
      </c>
      <c r="B655" s="3">
        <f t="shared" si="20"/>
        <v>6</v>
      </c>
      <c r="C655" s="3">
        <f t="shared" si="21"/>
        <v>2014</v>
      </c>
      <c r="D655" t="s">
        <v>874</v>
      </c>
      <c r="E655" t="s">
        <v>90</v>
      </c>
      <c r="F655" t="s">
        <v>10</v>
      </c>
      <c r="G655" t="s">
        <v>23</v>
      </c>
      <c r="H655" t="s">
        <v>876</v>
      </c>
      <c r="I655">
        <v>9.33</v>
      </c>
      <c r="J655">
        <v>1</v>
      </c>
      <c r="K655">
        <v>0.82</v>
      </c>
    </row>
    <row r="656" spans="1:11" x14ac:dyDescent="0.3">
      <c r="A656" s="1">
        <v>41817</v>
      </c>
      <c r="B656" s="3">
        <f t="shared" si="20"/>
        <v>6</v>
      </c>
      <c r="C656" s="3">
        <f t="shared" si="21"/>
        <v>2014</v>
      </c>
      <c r="D656" t="s">
        <v>877</v>
      </c>
      <c r="E656" t="s">
        <v>328</v>
      </c>
      <c r="F656" t="s">
        <v>10</v>
      </c>
      <c r="G656" t="s">
        <v>17</v>
      </c>
      <c r="H656" t="s">
        <v>132</v>
      </c>
      <c r="I656">
        <v>306.2</v>
      </c>
      <c r="J656">
        <v>5</v>
      </c>
      <c r="K656">
        <v>0</v>
      </c>
    </row>
    <row r="657" spans="1:11" x14ac:dyDescent="0.3">
      <c r="A657" s="1">
        <v>41817</v>
      </c>
      <c r="B657" s="3">
        <f t="shared" si="20"/>
        <v>6</v>
      </c>
      <c r="C657" s="3">
        <f t="shared" si="21"/>
        <v>2014</v>
      </c>
      <c r="D657" t="s">
        <v>877</v>
      </c>
      <c r="E657" t="s">
        <v>328</v>
      </c>
      <c r="F657" t="s">
        <v>33</v>
      </c>
      <c r="G657" t="s">
        <v>144</v>
      </c>
      <c r="H657" t="s">
        <v>472</v>
      </c>
      <c r="I657">
        <v>85.98</v>
      </c>
      <c r="J657">
        <v>1</v>
      </c>
      <c r="K657">
        <v>22.35</v>
      </c>
    </row>
    <row r="658" spans="1:11" x14ac:dyDescent="0.3">
      <c r="A658" s="1">
        <v>41817</v>
      </c>
      <c r="B658" s="3">
        <f t="shared" si="20"/>
        <v>6</v>
      </c>
      <c r="C658" s="3">
        <f t="shared" si="21"/>
        <v>2014</v>
      </c>
      <c r="D658" t="s">
        <v>877</v>
      </c>
      <c r="E658" t="s">
        <v>328</v>
      </c>
      <c r="F658" t="s">
        <v>38</v>
      </c>
      <c r="G658" t="s">
        <v>51</v>
      </c>
      <c r="H658" t="s">
        <v>635</v>
      </c>
      <c r="I658">
        <v>223.96</v>
      </c>
      <c r="J658">
        <v>4</v>
      </c>
      <c r="K658">
        <v>53.75</v>
      </c>
    </row>
    <row r="659" spans="1:11" x14ac:dyDescent="0.3">
      <c r="A659" s="1">
        <v>41818</v>
      </c>
      <c r="B659" s="3">
        <f t="shared" si="20"/>
        <v>6</v>
      </c>
      <c r="C659" s="3">
        <f t="shared" si="21"/>
        <v>2014</v>
      </c>
      <c r="D659" t="s">
        <v>878</v>
      </c>
      <c r="E659" t="s">
        <v>22</v>
      </c>
      <c r="F659" t="s">
        <v>10</v>
      </c>
      <c r="G659" t="s">
        <v>11</v>
      </c>
      <c r="H659" t="s">
        <v>879</v>
      </c>
      <c r="I659">
        <v>41.47</v>
      </c>
      <c r="J659">
        <v>8</v>
      </c>
      <c r="K659">
        <v>14.52</v>
      </c>
    </row>
    <row r="660" spans="1:11" x14ac:dyDescent="0.3">
      <c r="A660" s="1">
        <v>41818</v>
      </c>
      <c r="B660" s="3">
        <f t="shared" si="20"/>
        <v>6</v>
      </c>
      <c r="C660" s="3">
        <f t="shared" si="21"/>
        <v>2014</v>
      </c>
      <c r="D660" t="s">
        <v>878</v>
      </c>
      <c r="E660" t="s">
        <v>22</v>
      </c>
      <c r="F660" t="s">
        <v>10</v>
      </c>
      <c r="G660" t="s">
        <v>19</v>
      </c>
      <c r="H660" t="s">
        <v>880</v>
      </c>
      <c r="I660">
        <v>3.17</v>
      </c>
      <c r="J660">
        <v>3</v>
      </c>
      <c r="K660">
        <v>-2.4300000000000002</v>
      </c>
    </row>
    <row r="661" spans="1:11" x14ac:dyDescent="0.3">
      <c r="A661" s="1">
        <v>41818</v>
      </c>
      <c r="B661" s="3">
        <f t="shared" si="20"/>
        <v>6</v>
      </c>
      <c r="C661" s="3">
        <f t="shared" si="21"/>
        <v>2014</v>
      </c>
      <c r="D661" t="s">
        <v>878</v>
      </c>
      <c r="E661" t="s">
        <v>22</v>
      </c>
      <c r="F661" t="s">
        <v>33</v>
      </c>
      <c r="G661" t="s">
        <v>34</v>
      </c>
      <c r="H661" t="s">
        <v>593</v>
      </c>
      <c r="I661">
        <v>1228.47</v>
      </c>
      <c r="J661">
        <v>5</v>
      </c>
      <c r="K661">
        <v>0</v>
      </c>
    </row>
    <row r="662" spans="1:11" x14ac:dyDescent="0.3">
      <c r="A662" s="1">
        <v>41818</v>
      </c>
      <c r="B662" s="3">
        <f t="shared" si="20"/>
        <v>6</v>
      </c>
      <c r="C662" s="3">
        <f t="shared" si="21"/>
        <v>2014</v>
      </c>
      <c r="D662" t="s">
        <v>878</v>
      </c>
      <c r="E662" t="s">
        <v>22</v>
      </c>
      <c r="F662" t="s">
        <v>10</v>
      </c>
      <c r="G662" t="s">
        <v>19</v>
      </c>
      <c r="H662" t="s">
        <v>167</v>
      </c>
      <c r="I662">
        <v>31.09</v>
      </c>
      <c r="J662">
        <v>3</v>
      </c>
      <c r="K662">
        <v>-22.8</v>
      </c>
    </row>
    <row r="663" spans="1:11" x14ac:dyDescent="0.3">
      <c r="A663" s="1">
        <v>41818</v>
      </c>
      <c r="B663" s="3">
        <f t="shared" si="20"/>
        <v>6</v>
      </c>
      <c r="C663" s="3">
        <f t="shared" si="21"/>
        <v>2014</v>
      </c>
      <c r="D663" t="s">
        <v>878</v>
      </c>
      <c r="E663" t="s">
        <v>22</v>
      </c>
      <c r="F663" t="s">
        <v>10</v>
      </c>
      <c r="G663" t="s">
        <v>11</v>
      </c>
      <c r="H663" t="s">
        <v>881</v>
      </c>
      <c r="I663">
        <v>335.52</v>
      </c>
      <c r="J663">
        <v>4</v>
      </c>
      <c r="K663">
        <v>117.43</v>
      </c>
    </row>
    <row r="664" spans="1:11" x14ac:dyDescent="0.3">
      <c r="A664" s="1">
        <v>41818</v>
      </c>
      <c r="B664" s="3">
        <f t="shared" si="20"/>
        <v>6</v>
      </c>
      <c r="C664" s="3">
        <f t="shared" si="21"/>
        <v>2014</v>
      </c>
      <c r="D664" t="s">
        <v>882</v>
      </c>
      <c r="E664" t="s">
        <v>109</v>
      </c>
      <c r="F664" t="s">
        <v>10</v>
      </c>
      <c r="G664" t="s">
        <v>42</v>
      </c>
      <c r="H664" t="s">
        <v>159</v>
      </c>
      <c r="I664">
        <v>6.08</v>
      </c>
      <c r="J664">
        <v>1</v>
      </c>
      <c r="K664">
        <v>3.04</v>
      </c>
    </row>
    <row r="665" spans="1:11" x14ac:dyDescent="0.3">
      <c r="A665" s="1">
        <v>41819</v>
      </c>
      <c r="B665" s="3">
        <f t="shared" si="20"/>
        <v>6</v>
      </c>
      <c r="C665" s="3">
        <f t="shared" si="21"/>
        <v>2014</v>
      </c>
      <c r="D665" t="s">
        <v>883</v>
      </c>
      <c r="E665" t="s">
        <v>77</v>
      </c>
      <c r="F665" t="s">
        <v>10</v>
      </c>
      <c r="G665" t="s">
        <v>23</v>
      </c>
      <c r="H665" t="s">
        <v>884</v>
      </c>
      <c r="I665">
        <v>32.76</v>
      </c>
      <c r="J665">
        <v>7</v>
      </c>
      <c r="K665">
        <v>3.69</v>
      </c>
    </row>
    <row r="666" spans="1:11" x14ac:dyDescent="0.3">
      <c r="A666" s="1">
        <v>41819</v>
      </c>
      <c r="B666" s="3">
        <f t="shared" si="20"/>
        <v>6</v>
      </c>
      <c r="C666" s="3">
        <f t="shared" si="21"/>
        <v>2014</v>
      </c>
      <c r="D666" t="s">
        <v>748</v>
      </c>
      <c r="E666" t="s">
        <v>148</v>
      </c>
      <c r="F666" t="s">
        <v>10</v>
      </c>
      <c r="G666" t="s">
        <v>19</v>
      </c>
      <c r="H666" t="s">
        <v>885</v>
      </c>
      <c r="I666">
        <v>13.92</v>
      </c>
      <c r="J666">
        <v>3</v>
      </c>
      <c r="K666">
        <v>4.87</v>
      </c>
    </row>
    <row r="667" spans="1:11" x14ac:dyDescent="0.3">
      <c r="A667" s="1">
        <v>41820</v>
      </c>
      <c r="B667" s="3">
        <f t="shared" si="20"/>
        <v>6</v>
      </c>
      <c r="C667" s="3">
        <f t="shared" si="21"/>
        <v>2014</v>
      </c>
      <c r="D667" t="s">
        <v>886</v>
      </c>
      <c r="E667" t="s">
        <v>148</v>
      </c>
      <c r="F667" t="s">
        <v>10</v>
      </c>
      <c r="G667" t="s">
        <v>19</v>
      </c>
      <c r="H667" t="s">
        <v>887</v>
      </c>
      <c r="I667">
        <v>334.77</v>
      </c>
      <c r="J667">
        <v>7</v>
      </c>
      <c r="K667">
        <v>108.8</v>
      </c>
    </row>
    <row r="668" spans="1:11" x14ac:dyDescent="0.3">
      <c r="A668" s="1">
        <v>41820</v>
      </c>
      <c r="B668" s="3">
        <f t="shared" si="20"/>
        <v>6</v>
      </c>
      <c r="C668" s="3">
        <f t="shared" si="21"/>
        <v>2014</v>
      </c>
      <c r="D668" t="s">
        <v>888</v>
      </c>
      <c r="E668" t="s">
        <v>14</v>
      </c>
      <c r="F668" t="s">
        <v>10</v>
      </c>
      <c r="G668" t="s">
        <v>23</v>
      </c>
      <c r="H668" t="s">
        <v>889</v>
      </c>
      <c r="I668">
        <v>5.25</v>
      </c>
      <c r="J668">
        <v>4</v>
      </c>
      <c r="K668">
        <v>1.64</v>
      </c>
    </row>
    <row r="669" spans="1:11" x14ac:dyDescent="0.3">
      <c r="A669" s="1">
        <v>41820</v>
      </c>
      <c r="B669" s="3">
        <f t="shared" si="20"/>
        <v>6</v>
      </c>
      <c r="C669" s="3">
        <f t="shared" si="21"/>
        <v>2014</v>
      </c>
      <c r="D669" t="s">
        <v>890</v>
      </c>
      <c r="E669" t="s">
        <v>26</v>
      </c>
      <c r="F669" t="s">
        <v>10</v>
      </c>
      <c r="G669" t="s">
        <v>23</v>
      </c>
      <c r="H669" t="s">
        <v>257</v>
      </c>
      <c r="I669">
        <v>32.4</v>
      </c>
      <c r="J669">
        <v>5</v>
      </c>
      <c r="K669">
        <v>10.37</v>
      </c>
    </row>
    <row r="670" spans="1:11" x14ac:dyDescent="0.3">
      <c r="A670" s="1">
        <v>41820</v>
      </c>
      <c r="B670" s="3">
        <f t="shared" si="20"/>
        <v>6</v>
      </c>
      <c r="C670" s="3">
        <f t="shared" si="21"/>
        <v>2014</v>
      </c>
      <c r="D670" t="s">
        <v>891</v>
      </c>
      <c r="E670" t="s">
        <v>9</v>
      </c>
      <c r="F670" t="s">
        <v>10</v>
      </c>
      <c r="G670" t="s">
        <v>11</v>
      </c>
      <c r="H670" t="s">
        <v>27</v>
      </c>
      <c r="I670">
        <v>25.92</v>
      </c>
      <c r="J670">
        <v>5</v>
      </c>
      <c r="K670">
        <v>9.07</v>
      </c>
    </row>
    <row r="671" spans="1:11" x14ac:dyDescent="0.3">
      <c r="A671" s="1">
        <v>41820</v>
      </c>
      <c r="B671" s="3">
        <f t="shared" si="20"/>
        <v>6</v>
      </c>
      <c r="C671" s="3">
        <f t="shared" si="21"/>
        <v>2014</v>
      </c>
      <c r="D671" t="s">
        <v>891</v>
      </c>
      <c r="E671" t="s">
        <v>9</v>
      </c>
      <c r="F671" t="s">
        <v>10</v>
      </c>
      <c r="G671" t="s">
        <v>42</v>
      </c>
      <c r="H671" t="s">
        <v>159</v>
      </c>
      <c r="I671">
        <v>21.31</v>
      </c>
      <c r="J671">
        <v>6</v>
      </c>
      <c r="K671">
        <v>7.19</v>
      </c>
    </row>
    <row r="672" spans="1:11" x14ac:dyDescent="0.3">
      <c r="A672" s="1">
        <v>41820</v>
      </c>
      <c r="B672" s="3">
        <f t="shared" si="20"/>
        <v>6</v>
      </c>
      <c r="C672" s="3">
        <f t="shared" si="21"/>
        <v>2014</v>
      </c>
      <c r="D672" t="s">
        <v>601</v>
      </c>
      <c r="E672" t="s">
        <v>148</v>
      </c>
      <c r="F672" t="s">
        <v>10</v>
      </c>
      <c r="G672" t="s">
        <v>19</v>
      </c>
      <c r="H672" t="s">
        <v>892</v>
      </c>
      <c r="I672">
        <v>2.69</v>
      </c>
      <c r="J672">
        <v>1</v>
      </c>
      <c r="K672">
        <v>0.84</v>
      </c>
    </row>
    <row r="673" spans="1:11" x14ac:dyDescent="0.3">
      <c r="A673" s="1">
        <v>41820</v>
      </c>
      <c r="B673" s="3">
        <f t="shared" si="20"/>
        <v>6</v>
      </c>
      <c r="C673" s="3">
        <f t="shared" si="21"/>
        <v>2014</v>
      </c>
      <c r="D673" t="s">
        <v>601</v>
      </c>
      <c r="E673" t="s">
        <v>148</v>
      </c>
      <c r="F673" t="s">
        <v>10</v>
      </c>
      <c r="G673" t="s">
        <v>23</v>
      </c>
      <c r="H673" t="s">
        <v>893</v>
      </c>
      <c r="I673">
        <v>6.6</v>
      </c>
      <c r="J673">
        <v>3</v>
      </c>
      <c r="K673">
        <v>2.9</v>
      </c>
    </row>
    <row r="674" spans="1:11" x14ac:dyDescent="0.3">
      <c r="A674" s="1">
        <v>41820</v>
      </c>
      <c r="B674" s="3">
        <f t="shared" si="20"/>
        <v>6</v>
      </c>
      <c r="C674" s="3">
        <f t="shared" si="21"/>
        <v>2014</v>
      </c>
      <c r="D674" t="s">
        <v>894</v>
      </c>
      <c r="E674" t="s">
        <v>244</v>
      </c>
      <c r="F674" t="s">
        <v>10</v>
      </c>
      <c r="G674" t="s">
        <v>11</v>
      </c>
      <c r="H674" t="s">
        <v>895</v>
      </c>
      <c r="I674">
        <v>310.69</v>
      </c>
      <c r="J674">
        <v>7</v>
      </c>
      <c r="K674">
        <v>108.74</v>
      </c>
    </row>
    <row r="675" spans="1:11" x14ac:dyDescent="0.3">
      <c r="A675" s="1">
        <v>41821</v>
      </c>
      <c r="B675" s="3">
        <f t="shared" si="20"/>
        <v>7</v>
      </c>
      <c r="C675" s="3">
        <f t="shared" si="21"/>
        <v>2014</v>
      </c>
      <c r="D675" t="s">
        <v>406</v>
      </c>
      <c r="E675" t="s">
        <v>163</v>
      </c>
      <c r="F675" t="s">
        <v>10</v>
      </c>
      <c r="G675" t="s">
        <v>19</v>
      </c>
      <c r="H675" t="s">
        <v>896</v>
      </c>
      <c r="I675">
        <v>19.920000000000002</v>
      </c>
      <c r="J675">
        <v>5</v>
      </c>
      <c r="K675">
        <v>6.97</v>
      </c>
    </row>
    <row r="676" spans="1:11" x14ac:dyDescent="0.3">
      <c r="A676" s="1">
        <v>41821</v>
      </c>
      <c r="B676" s="3">
        <f t="shared" si="20"/>
        <v>7</v>
      </c>
      <c r="C676" s="3">
        <f t="shared" si="21"/>
        <v>2014</v>
      </c>
      <c r="D676" t="s">
        <v>742</v>
      </c>
      <c r="E676" t="s">
        <v>122</v>
      </c>
      <c r="F676" t="s">
        <v>38</v>
      </c>
      <c r="G676" t="s">
        <v>39</v>
      </c>
      <c r="H676" t="s">
        <v>897</v>
      </c>
      <c r="I676">
        <v>575.91999999999996</v>
      </c>
      <c r="J676">
        <v>2</v>
      </c>
      <c r="K676">
        <v>71.989999999999995</v>
      </c>
    </row>
    <row r="677" spans="1:11" x14ac:dyDescent="0.3">
      <c r="A677" s="1">
        <v>41821</v>
      </c>
      <c r="B677" s="3">
        <f t="shared" si="20"/>
        <v>7</v>
      </c>
      <c r="C677" s="3">
        <f t="shared" si="21"/>
        <v>2014</v>
      </c>
      <c r="D677" t="s">
        <v>742</v>
      </c>
      <c r="E677" t="s">
        <v>122</v>
      </c>
      <c r="F677" t="s">
        <v>10</v>
      </c>
      <c r="G677" t="s">
        <v>19</v>
      </c>
      <c r="H677" t="s">
        <v>898</v>
      </c>
      <c r="I677">
        <v>5.18</v>
      </c>
      <c r="J677">
        <v>6</v>
      </c>
      <c r="K677">
        <v>-3.63</v>
      </c>
    </row>
    <row r="678" spans="1:11" x14ac:dyDescent="0.3">
      <c r="A678" s="1">
        <v>41822</v>
      </c>
      <c r="B678" s="3">
        <f t="shared" si="20"/>
        <v>7</v>
      </c>
      <c r="C678" s="3">
        <f t="shared" si="21"/>
        <v>2014</v>
      </c>
      <c r="D678" t="s">
        <v>899</v>
      </c>
      <c r="E678" t="s">
        <v>176</v>
      </c>
      <c r="F678" t="s">
        <v>38</v>
      </c>
      <c r="G678" t="s">
        <v>39</v>
      </c>
      <c r="H678" t="s">
        <v>900</v>
      </c>
      <c r="I678">
        <v>73.98</v>
      </c>
      <c r="J678">
        <v>2</v>
      </c>
      <c r="K678">
        <v>19.97</v>
      </c>
    </row>
    <row r="679" spans="1:11" x14ac:dyDescent="0.3">
      <c r="A679" s="1">
        <v>41822</v>
      </c>
      <c r="B679" s="3">
        <f t="shared" si="20"/>
        <v>7</v>
      </c>
      <c r="C679" s="3">
        <f t="shared" si="21"/>
        <v>2014</v>
      </c>
      <c r="D679" t="s">
        <v>899</v>
      </c>
      <c r="E679" t="s">
        <v>176</v>
      </c>
      <c r="F679" t="s">
        <v>10</v>
      </c>
      <c r="G679" t="s">
        <v>23</v>
      </c>
      <c r="H679" t="s">
        <v>644</v>
      </c>
      <c r="I679">
        <v>5.58</v>
      </c>
      <c r="J679">
        <v>1</v>
      </c>
      <c r="K679">
        <v>2.1800000000000002</v>
      </c>
    </row>
    <row r="680" spans="1:11" x14ac:dyDescent="0.3">
      <c r="A680" s="1">
        <v>41824</v>
      </c>
      <c r="B680" s="3">
        <f t="shared" si="20"/>
        <v>7</v>
      </c>
      <c r="C680" s="3">
        <f t="shared" si="21"/>
        <v>2014</v>
      </c>
      <c r="D680" t="s">
        <v>444</v>
      </c>
      <c r="E680" t="s">
        <v>277</v>
      </c>
      <c r="F680" t="s">
        <v>10</v>
      </c>
      <c r="G680" t="s">
        <v>11</v>
      </c>
      <c r="H680" t="s">
        <v>481</v>
      </c>
      <c r="I680">
        <v>177.54</v>
      </c>
      <c r="J680">
        <v>4</v>
      </c>
      <c r="K680">
        <v>62.14</v>
      </c>
    </row>
    <row r="681" spans="1:11" x14ac:dyDescent="0.3">
      <c r="A681" s="1">
        <v>41824</v>
      </c>
      <c r="B681" s="3">
        <f t="shared" si="20"/>
        <v>7</v>
      </c>
      <c r="C681" s="3">
        <f t="shared" si="21"/>
        <v>2014</v>
      </c>
      <c r="D681" t="s">
        <v>444</v>
      </c>
      <c r="E681" t="s">
        <v>277</v>
      </c>
      <c r="F681" t="s">
        <v>10</v>
      </c>
      <c r="G681" t="s">
        <v>91</v>
      </c>
      <c r="H681" t="s">
        <v>92</v>
      </c>
      <c r="I681">
        <v>32.43</v>
      </c>
      <c r="J681">
        <v>2</v>
      </c>
      <c r="K681">
        <v>3.24</v>
      </c>
    </row>
    <row r="682" spans="1:11" x14ac:dyDescent="0.3">
      <c r="A682" s="1">
        <v>41824</v>
      </c>
      <c r="B682" s="3">
        <f t="shared" si="20"/>
        <v>7</v>
      </c>
      <c r="C682" s="3">
        <f t="shared" si="21"/>
        <v>2014</v>
      </c>
      <c r="D682" t="s">
        <v>901</v>
      </c>
      <c r="E682" t="s">
        <v>54</v>
      </c>
      <c r="F682" t="s">
        <v>10</v>
      </c>
      <c r="G682" t="s">
        <v>11</v>
      </c>
      <c r="H682" t="s">
        <v>902</v>
      </c>
      <c r="I682">
        <v>21.84</v>
      </c>
      <c r="J682">
        <v>3</v>
      </c>
      <c r="K682">
        <v>10.92</v>
      </c>
    </row>
    <row r="683" spans="1:11" x14ac:dyDescent="0.3">
      <c r="A683" s="1">
        <v>41824</v>
      </c>
      <c r="B683" s="3">
        <f t="shared" si="20"/>
        <v>7</v>
      </c>
      <c r="C683" s="3">
        <f t="shared" si="21"/>
        <v>2014</v>
      </c>
      <c r="D683" t="s">
        <v>901</v>
      </c>
      <c r="E683" t="s">
        <v>54</v>
      </c>
      <c r="F683" t="s">
        <v>10</v>
      </c>
      <c r="G683" t="s">
        <v>19</v>
      </c>
      <c r="H683" t="s">
        <v>435</v>
      </c>
      <c r="I683">
        <v>15.6</v>
      </c>
      <c r="J683">
        <v>5</v>
      </c>
      <c r="K683">
        <v>7.64</v>
      </c>
    </row>
    <row r="684" spans="1:11" x14ac:dyDescent="0.3">
      <c r="A684" s="1">
        <v>41825</v>
      </c>
      <c r="B684" s="3">
        <f t="shared" si="20"/>
        <v>7</v>
      </c>
      <c r="C684" s="3">
        <f t="shared" si="21"/>
        <v>2014</v>
      </c>
      <c r="D684" t="s">
        <v>903</v>
      </c>
      <c r="E684" t="s">
        <v>328</v>
      </c>
      <c r="F684" t="s">
        <v>38</v>
      </c>
      <c r="G684" t="s">
        <v>51</v>
      </c>
      <c r="H684" t="s">
        <v>904</v>
      </c>
      <c r="I684">
        <v>479.97</v>
      </c>
      <c r="J684">
        <v>3</v>
      </c>
      <c r="K684">
        <v>163.19</v>
      </c>
    </row>
    <row r="685" spans="1:11" x14ac:dyDescent="0.3">
      <c r="A685" s="1">
        <v>41825</v>
      </c>
      <c r="B685" s="3">
        <f t="shared" si="20"/>
        <v>7</v>
      </c>
      <c r="C685" s="3">
        <f t="shared" si="21"/>
        <v>2014</v>
      </c>
      <c r="D685" t="s">
        <v>903</v>
      </c>
      <c r="E685" t="s">
        <v>328</v>
      </c>
      <c r="F685" t="s">
        <v>10</v>
      </c>
      <c r="G685" t="s">
        <v>15</v>
      </c>
      <c r="H685" t="s">
        <v>905</v>
      </c>
      <c r="I685">
        <v>14.62</v>
      </c>
      <c r="J685">
        <v>2</v>
      </c>
      <c r="K685">
        <v>6.87</v>
      </c>
    </row>
    <row r="686" spans="1:11" x14ac:dyDescent="0.3">
      <c r="A686" s="1">
        <v>41825</v>
      </c>
      <c r="B686" s="3">
        <f t="shared" si="20"/>
        <v>7</v>
      </c>
      <c r="C686" s="3">
        <f t="shared" si="21"/>
        <v>2014</v>
      </c>
      <c r="D686" t="s">
        <v>903</v>
      </c>
      <c r="E686" t="s">
        <v>328</v>
      </c>
      <c r="F686" t="s">
        <v>10</v>
      </c>
      <c r="G686" t="s">
        <v>11</v>
      </c>
      <c r="H686" t="s">
        <v>879</v>
      </c>
      <c r="I686">
        <v>19.440000000000001</v>
      </c>
      <c r="J686">
        <v>3</v>
      </c>
      <c r="K686">
        <v>9.33</v>
      </c>
    </row>
    <row r="687" spans="1:11" x14ac:dyDescent="0.3">
      <c r="A687" s="1">
        <v>41825</v>
      </c>
      <c r="B687" s="3">
        <f t="shared" si="20"/>
        <v>7</v>
      </c>
      <c r="C687" s="3">
        <f t="shared" si="21"/>
        <v>2014</v>
      </c>
      <c r="D687" t="s">
        <v>906</v>
      </c>
      <c r="E687" t="s">
        <v>9</v>
      </c>
      <c r="F687" t="s">
        <v>10</v>
      </c>
      <c r="G687" t="s">
        <v>17</v>
      </c>
      <c r="H687" t="s">
        <v>907</v>
      </c>
      <c r="I687">
        <v>220.78</v>
      </c>
      <c r="J687">
        <v>3</v>
      </c>
      <c r="K687">
        <v>-44.16</v>
      </c>
    </row>
    <row r="688" spans="1:11" x14ac:dyDescent="0.3">
      <c r="A688" s="1">
        <v>41825</v>
      </c>
      <c r="B688" s="3">
        <f t="shared" si="20"/>
        <v>7</v>
      </c>
      <c r="C688" s="3">
        <f t="shared" si="21"/>
        <v>2014</v>
      </c>
      <c r="D688" t="s">
        <v>906</v>
      </c>
      <c r="E688" t="s">
        <v>9</v>
      </c>
      <c r="F688" t="s">
        <v>10</v>
      </c>
      <c r="G688" t="s">
        <v>17</v>
      </c>
      <c r="H688" t="s">
        <v>908</v>
      </c>
      <c r="I688">
        <v>281.42</v>
      </c>
      <c r="J688">
        <v>11</v>
      </c>
      <c r="K688">
        <v>-35.18</v>
      </c>
    </row>
    <row r="689" spans="1:11" x14ac:dyDescent="0.3">
      <c r="A689" s="1">
        <v>41825</v>
      </c>
      <c r="B689" s="3">
        <f t="shared" si="20"/>
        <v>7</v>
      </c>
      <c r="C689" s="3">
        <f t="shared" si="21"/>
        <v>2014</v>
      </c>
      <c r="D689" t="s">
        <v>909</v>
      </c>
      <c r="E689" t="s">
        <v>26</v>
      </c>
      <c r="F689" t="s">
        <v>10</v>
      </c>
      <c r="G689" t="s">
        <v>19</v>
      </c>
      <c r="H689" t="s">
        <v>910</v>
      </c>
      <c r="I689">
        <v>180.96</v>
      </c>
      <c r="J689">
        <v>6</v>
      </c>
      <c r="K689">
        <v>67.86</v>
      </c>
    </row>
    <row r="690" spans="1:11" x14ac:dyDescent="0.3">
      <c r="A690" s="1">
        <v>41825</v>
      </c>
      <c r="B690" s="3">
        <f t="shared" si="20"/>
        <v>7</v>
      </c>
      <c r="C690" s="3">
        <f t="shared" si="21"/>
        <v>2014</v>
      </c>
      <c r="D690" t="s">
        <v>89</v>
      </c>
      <c r="E690" t="s">
        <v>119</v>
      </c>
      <c r="F690" t="s">
        <v>10</v>
      </c>
      <c r="G690" t="s">
        <v>23</v>
      </c>
      <c r="H690" t="s">
        <v>797</v>
      </c>
      <c r="I690">
        <v>4.37</v>
      </c>
      <c r="J690">
        <v>3</v>
      </c>
      <c r="K690">
        <v>0.38</v>
      </c>
    </row>
    <row r="691" spans="1:11" x14ac:dyDescent="0.3">
      <c r="A691" s="1">
        <v>41825</v>
      </c>
      <c r="B691" s="3">
        <f t="shared" si="20"/>
        <v>7</v>
      </c>
      <c r="C691" s="3">
        <f t="shared" si="21"/>
        <v>2014</v>
      </c>
      <c r="D691" t="s">
        <v>911</v>
      </c>
      <c r="E691" t="s">
        <v>122</v>
      </c>
      <c r="F691" t="s">
        <v>33</v>
      </c>
      <c r="G691" t="s">
        <v>46</v>
      </c>
      <c r="H691" t="s">
        <v>912</v>
      </c>
      <c r="I691">
        <v>19.52</v>
      </c>
      <c r="J691">
        <v>2</v>
      </c>
      <c r="K691">
        <v>5.37</v>
      </c>
    </row>
    <row r="692" spans="1:11" x14ac:dyDescent="0.3">
      <c r="A692" s="1">
        <v>41825</v>
      </c>
      <c r="B692" s="3">
        <f t="shared" si="20"/>
        <v>7</v>
      </c>
      <c r="C692" s="3">
        <f t="shared" si="21"/>
        <v>2014</v>
      </c>
      <c r="D692" t="s">
        <v>911</v>
      </c>
      <c r="E692" t="s">
        <v>122</v>
      </c>
      <c r="F692" t="s">
        <v>10</v>
      </c>
      <c r="G692" t="s">
        <v>19</v>
      </c>
      <c r="H692" t="s">
        <v>913</v>
      </c>
      <c r="I692">
        <v>9.81</v>
      </c>
      <c r="J692">
        <v>5</v>
      </c>
      <c r="K692">
        <v>-6.87</v>
      </c>
    </row>
    <row r="693" spans="1:11" x14ac:dyDescent="0.3">
      <c r="A693" s="1">
        <v>41825</v>
      </c>
      <c r="B693" s="3">
        <f t="shared" si="20"/>
        <v>7</v>
      </c>
      <c r="C693" s="3">
        <f t="shared" si="21"/>
        <v>2014</v>
      </c>
      <c r="D693" t="s">
        <v>911</v>
      </c>
      <c r="E693" t="s">
        <v>122</v>
      </c>
      <c r="F693" t="s">
        <v>33</v>
      </c>
      <c r="G693" t="s">
        <v>46</v>
      </c>
      <c r="H693" t="s">
        <v>443</v>
      </c>
      <c r="I693">
        <v>213.22</v>
      </c>
      <c r="J693">
        <v>3</v>
      </c>
      <c r="K693">
        <v>15.99</v>
      </c>
    </row>
    <row r="694" spans="1:11" x14ac:dyDescent="0.3">
      <c r="A694" s="1">
        <v>41826</v>
      </c>
      <c r="B694" s="3">
        <f t="shared" si="20"/>
        <v>7</v>
      </c>
      <c r="C694" s="3">
        <f t="shared" si="21"/>
        <v>2014</v>
      </c>
      <c r="D694" t="s">
        <v>914</v>
      </c>
      <c r="E694" t="s">
        <v>148</v>
      </c>
      <c r="F694" t="s">
        <v>38</v>
      </c>
      <c r="G694" t="s">
        <v>602</v>
      </c>
      <c r="H694" t="s">
        <v>915</v>
      </c>
      <c r="I694">
        <v>559.99</v>
      </c>
      <c r="J694">
        <v>1</v>
      </c>
      <c r="K694">
        <v>175</v>
      </c>
    </row>
    <row r="695" spans="1:11" x14ac:dyDescent="0.3">
      <c r="A695" s="1">
        <v>41826</v>
      </c>
      <c r="B695" s="3">
        <f t="shared" si="20"/>
        <v>7</v>
      </c>
      <c r="C695" s="3">
        <f t="shared" si="21"/>
        <v>2014</v>
      </c>
      <c r="D695" t="s">
        <v>916</v>
      </c>
      <c r="E695" t="s">
        <v>26</v>
      </c>
      <c r="F695" t="s">
        <v>33</v>
      </c>
      <c r="G695" t="s">
        <v>34</v>
      </c>
      <c r="H695" t="s">
        <v>917</v>
      </c>
      <c r="I695">
        <v>478.48</v>
      </c>
      <c r="J695">
        <v>2</v>
      </c>
      <c r="K695">
        <v>47.85</v>
      </c>
    </row>
    <row r="696" spans="1:11" x14ac:dyDescent="0.3">
      <c r="A696" s="1">
        <v>41827</v>
      </c>
      <c r="B696" s="3">
        <f t="shared" si="20"/>
        <v>7</v>
      </c>
      <c r="C696" s="3">
        <f t="shared" si="21"/>
        <v>2014</v>
      </c>
      <c r="D696" t="s">
        <v>536</v>
      </c>
      <c r="E696" t="s">
        <v>22</v>
      </c>
      <c r="F696" t="s">
        <v>33</v>
      </c>
      <c r="G696" t="s">
        <v>34</v>
      </c>
      <c r="H696" t="s">
        <v>918</v>
      </c>
      <c r="I696">
        <v>172.19</v>
      </c>
      <c r="J696">
        <v>2</v>
      </c>
      <c r="K696">
        <v>-46.74</v>
      </c>
    </row>
    <row r="697" spans="1:11" x14ac:dyDescent="0.3">
      <c r="A697" s="1">
        <v>41827</v>
      </c>
      <c r="B697" s="3">
        <f t="shared" si="20"/>
        <v>7</v>
      </c>
      <c r="C697" s="3">
        <f t="shared" si="21"/>
        <v>2014</v>
      </c>
      <c r="D697" t="s">
        <v>536</v>
      </c>
      <c r="E697" t="s">
        <v>22</v>
      </c>
      <c r="F697" t="s">
        <v>33</v>
      </c>
      <c r="G697" t="s">
        <v>46</v>
      </c>
      <c r="H697" t="s">
        <v>919</v>
      </c>
      <c r="I697">
        <v>69.010000000000005</v>
      </c>
      <c r="J697">
        <v>2</v>
      </c>
      <c r="K697">
        <v>12.08</v>
      </c>
    </row>
    <row r="698" spans="1:11" x14ac:dyDescent="0.3">
      <c r="A698" s="1">
        <v>41828</v>
      </c>
      <c r="B698" s="3">
        <f t="shared" si="20"/>
        <v>7</v>
      </c>
      <c r="C698" s="3">
        <f t="shared" si="21"/>
        <v>2014</v>
      </c>
      <c r="D698" t="s">
        <v>920</v>
      </c>
      <c r="E698" t="s">
        <v>148</v>
      </c>
      <c r="F698" t="s">
        <v>33</v>
      </c>
      <c r="G698" t="s">
        <v>34</v>
      </c>
      <c r="H698" t="s">
        <v>792</v>
      </c>
      <c r="I698">
        <v>63.88</v>
      </c>
      <c r="J698">
        <v>1</v>
      </c>
      <c r="K698">
        <v>10.65</v>
      </c>
    </row>
    <row r="699" spans="1:11" x14ac:dyDescent="0.3">
      <c r="A699" s="1">
        <v>41828</v>
      </c>
      <c r="B699" s="3">
        <f t="shared" si="20"/>
        <v>7</v>
      </c>
      <c r="C699" s="3">
        <f t="shared" si="21"/>
        <v>2014</v>
      </c>
      <c r="D699" t="s">
        <v>921</v>
      </c>
      <c r="E699" t="s">
        <v>26</v>
      </c>
      <c r="F699" t="s">
        <v>33</v>
      </c>
      <c r="G699" t="s">
        <v>144</v>
      </c>
      <c r="H699" t="s">
        <v>182</v>
      </c>
      <c r="I699">
        <v>502.49</v>
      </c>
      <c r="J699">
        <v>3</v>
      </c>
      <c r="K699">
        <v>-87.94</v>
      </c>
    </row>
    <row r="700" spans="1:11" x14ac:dyDescent="0.3">
      <c r="A700" s="1">
        <v>41828</v>
      </c>
      <c r="B700" s="3">
        <f t="shared" si="20"/>
        <v>7</v>
      </c>
      <c r="C700" s="3">
        <f t="shared" si="21"/>
        <v>2014</v>
      </c>
      <c r="D700" t="s">
        <v>921</v>
      </c>
      <c r="E700" t="s">
        <v>26</v>
      </c>
      <c r="F700" t="s">
        <v>10</v>
      </c>
      <c r="G700" t="s">
        <v>19</v>
      </c>
      <c r="H700" t="s">
        <v>361</v>
      </c>
      <c r="I700">
        <v>196.7</v>
      </c>
      <c r="J700">
        <v>6</v>
      </c>
      <c r="K700">
        <v>68.849999999999994</v>
      </c>
    </row>
    <row r="701" spans="1:11" x14ac:dyDescent="0.3">
      <c r="A701" s="1">
        <v>41829</v>
      </c>
      <c r="B701" s="3">
        <f t="shared" si="20"/>
        <v>7</v>
      </c>
      <c r="C701" s="3">
        <f t="shared" si="21"/>
        <v>2014</v>
      </c>
      <c r="D701" t="s">
        <v>922</v>
      </c>
      <c r="E701" t="s">
        <v>9</v>
      </c>
      <c r="F701" t="s">
        <v>10</v>
      </c>
      <c r="G701" t="s">
        <v>11</v>
      </c>
      <c r="H701" t="s">
        <v>133</v>
      </c>
      <c r="I701">
        <v>10.37</v>
      </c>
      <c r="J701">
        <v>2</v>
      </c>
      <c r="K701">
        <v>3.63</v>
      </c>
    </row>
    <row r="702" spans="1:11" x14ac:dyDescent="0.3">
      <c r="A702" s="1">
        <v>41829</v>
      </c>
      <c r="B702" s="3">
        <f t="shared" si="20"/>
        <v>7</v>
      </c>
      <c r="C702" s="3">
        <f t="shared" si="21"/>
        <v>2014</v>
      </c>
      <c r="D702" t="s">
        <v>922</v>
      </c>
      <c r="E702" t="s">
        <v>9</v>
      </c>
      <c r="F702" t="s">
        <v>10</v>
      </c>
      <c r="G702" t="s">
        <v>11</v>
      </c>
      <c r="H702" t="s">
        <v>923</v>
      </c>
      <c r="I702">
        <v>14.35</v>
      </c>
      <c r="J702">
        <v>3</v>
      </c>
      <c r="K702">
        <v>4.49</v>
      </c>
    </row>
    <row r="703" spans="1:11" x14ac:dyDescent="0.3">
      <c r="A703" s="1">
        <v>41829</v>
      </c>
      <c r="B703" s="3">
        <f t="shared" si="20"/>
        <v>7</v>
      </c>
      <c r="C703" s="3">
        <f t="shared" si="21"/>
        <v>2014</v>
      </c>
      <c r="D703" t="s">
        <v>924</v>
      </c>
      <c r="E703" t="s">
        <v>26</v>
      </c>
      <c r="F703" t="s">
        <v>10</v>
      </c>
      <c r="G703" t="s">
        <v>15</v>
      </c>
      <c r="H703" t="s">
        <v>925</v>
      </c>
      <c r="I703">
        <v>2.88</v>
      </c>
      <c r="J703">
        <v>1</v>
      </c>
      <c r="K703">
        <v>1.41</v>
      </c>
    </row>
    <row r="704" spans="1:11" x14ac:dyDescent="0.3">
      <c r="A704" s="1">
        <v>41829</v>
      </c>
      <c r="B704" s="3">
        <f t="shared" si="20"/>
        <v>7</v>
      </c>
      <c r="C704" s="3">
        <f t="shared" si="21"/>
        <v>2014</v>
      </c>
      <c r="D704" t="s">
        <v>924</v>
      </c>
      <c r="E704" t="s">
        <v>26</v>
      </c>
      <c r="F704" t="s">
        <v>10</v>
      </c>
      <c r="G704" t="s">
        <v>19</v>
      </c>
      <c r="H704" t="s">
        <v>183</v>
      </c>
      <c r="I704">
        <v>41.9</v>
      </c>
      <c r="J704">
        <v>6</v>
      </c>
      <c r="K704">
        <v>14.14</v>
      </c>
    </row>
    <row r="705" spans="1:11" x14ac:dyDescent="0.3">
      <c r="A705" s="1">
        <v>41829</v>
      </c>
      <c r="B705" s="3">
        <f t="shared" si="20"/>
        <v>7</v>
      </c>
      <c r="C705" s="3">
        <f t="shared" si="21"/>
        <v>2014</v>
      </c>
      <c r="D705" t="s">
        <v>924</v>
      </c>
      <c r="E705" t="s">
        <v>26</v>
      </c>
      <c r="F705" t="s">
        <v>10</v>
      </c>
      <c r="G705" t="s">
        <v>17</v>
      </c>
      <c r="H705" t="s">
        <v>926</v>
      </c>
      <c r="I705">
        <v>23.92</v>
      </c>
      <c r="J705">
        <v>4</v>
      </c>
      <c r="K705">
        <v>4.07</v>
      </c>
    </row>
    <row r="706" spans="1:11" x14ac:dyDescent="0.3">
      <c r="A706" s="1">
        <v>41829</v>
      </c>
      <c r="B706" s="3">
        <f t="shared" ref="B706:B769" si="22">MONTH(A:A)</f>
        <v>7</v>
      </c>
      <c r="C706" s="3">
        <f t="shared" ref="C706:C769" si="23">YEAR(A:A)</f>
        <v>2014</v>
      </c>
      <c r="D706" t="s">
        <v>927</v>
      </c>
      <c r="E706" t="s">
        <v>26</v>
      </c>
      <c r="F706" t="s">
        <v>10</v>
      </c>
      <c r="G706" t="s">
        <v>19</v>
      </c>
      <c r="H706" t="s">
        <v>928</v>
      </c>
      <c r="I706">
        <v>14.3</v>
      </c>
      <c r="J706">
        <v>6</v>
      </c>
      <c r="K706">
        <v>4.6500000000000004</v>
      </c>
    </row>
    <row r="707" spans="1:11" x14ac:dyDescent="0.3">
      <c r="A707" s="1">
        <v>41829</v>
      </c>
      <c r="B707" s="3">
        <f t="shared" si="22"/>
        <v>7</v>
      </c>
      <c r="C707" s="3">
        <f t="shared" si="23"/>
        <v>2014</v>
      </c>
      <c r="D707" t="s">
        <v>927</v>
      </c>
      <c r="E707" t="s">
        <v>26</v>
      </c>
      <c r="F707" t="s">
        <v>33</v>
      </c>
      <c r="G707" t="s">
        <v>73</v>
      </c>
      <c r="H707" t="s">
        <v>341</v>
      </c>
      <c r="I707">
        <v>119.83</v>
      </c>
      <c r="J707">
        <v>1</v>
      </c>
      <c r="K707">
        <v>7.05</v>
      </c>
    </row>
    <row r="708" spans="1:11" x14ac:dyDescent="0.3">
      <c r="A708" s="1">
        <v>41829</v>
      </c>
      <c r="B708" s="3">
        <f t="shared" si="22"/>
        <v>7</v>
      </c>
      <c r="C708" s="3">
        <f t="shared" si="23"/>
        <v>2014</v>
      </c>
      <c r="D708" t="s">
        <v>927</v>
      </c>
      <c r="E708" t="s">
        <v>26</v>
      </c>
      <c r="F708" t="s">
        <v>10</v>
      </c>
      <c r="G708" t="s">
        <v>23</v>
      </c>
      <c r="H708" t="s">
        <v>868</v>
      </c>
      <c r="I708">
        <v>5.56</v>
      </c>
      <c r="J708">
        <v>2</v>
      </c>
      <c r="K708">
        <v>2.2200000000000002</v>
      </c>
    </row>
    <row r="709" spans="1:11" x14ac:dyDescent="0.3">
      <c r="A709" s="1">
        <v>41829</v>
      </c>
      <c r="B709" s="3">
        <f t="shared" si="22"/>
        <v>7</v>
      </c>
      <c r="C709" s="3">
        <f t="shared" si="23"/>
        <v>2014</v>
      </c>
      <c r="D709" t="s">
        <v>927</v>
      </c>
      <c r="E709" t="s">
        <v>26</v>
      </c>
      <c r="F709" t="s">
        <v>10</v>
      </c>
      <c r="G709" t="s">
        <v>11</v>
      </c>
      <c r="H709" t="s">
        <v>327</v>
      </c>
      <c r="I709">
        <v>32.4</v>
      </c>
      <c r="J709">
        <v>5</v>
      </c>
      <c r="K709">
        <v>15.55</v>
      </c>
    </row>
    <row r="710" spans="1:11" x14ac:dyDescent="0.3">
      <c r="A710" s="1">
        <v>41831</v>
      </c>
      <c r="B710" s="3">
        <f t="shared" si="22"/>
        <v>7</v>
      </c>
      <c r="C710" s="3">
        <f t="shared" si="23"/>
        <v>2014</v>
      </c>
      <c r="D710" t="s">
        <v>592</v>
      </c>
      <c r="E710" t="s">
        <v>176</v>
      </c>
      <c r="F710" t="s">
        <v>10</v>
      </c>
      <c r="G710" t="s">
        <v>11</v>
      </c>
      <c r="H710" t="s">
        <v>624</v>
      </c>
      <c r="I710">
        <v>177.2</v>
      </c>
      <c r="J710">
        <v>5</v>
      </c>
      <c r="K710">
        <v>83.28</v>
      </c>
    </row>
    <row r="711" spans="1:11" x14ac:dyDescent="0.3">
      <c r="A711" s="1">
        <v>41831</v>
      </c>
      <c r="B711" s="3">
        <f t="shared" si="22"/>
        <v>7</v>
      </c>
      <c r="C711" s="3">
        <f t="shared" si="23"/>
        <v>2014</v>
      </c>
      <c r="D711" t="s">
        <v>592</v>
      </c>
      <c r="E711" t="s">
        <v>176</v>
      </c>
      <c r="F711" t="s">
        <v>38</v>
      </c>
      <c r="G711" t="s">
        <v>39</v>
      </c>
      <c r="H711" t="s">
        <v>929</v>
      </c>
      <c r="I711">
        <v>197.97</v>
      </c>
      <c r="J711">
        <v>3</v>
      </c>
      <c r="K711">
        <v>57.41</v>
      </c>
    </row>
    <row r="712" spans="1:11" x14ac:dyDescent="0.3">
      <c r="A712" s="1">
        <v>41831</v>
      </c>
      <c r="B712" s="3">
        <f t="shared" si="22"/>
        <v>7</v>
      </c>
      <c r="C712" s="3">
        <f t="shared" si="23"/>
        <v>2014</v>
      </c>
      <c r="D712" t="s">
        <v>592</v>
      </c>
      <c r="E712" t="s">
        <v>176</v>
      </c>
      <c r="F712" t="s">
        <v>33</v>
      </c>
      <c r="G712" t="s">
        <v>34</v>
      </c>
      <c r="H712" t="s">
        <v>293</v>
      </c>
      <c r="I712">
        <v>854.94</v>
      </c>
      <c r="J712">
        <v>3</v>
      </c>
      <c r="K712">
        <v>213.74</v>
      </c>
    </row>
    <row r="713" spans="1:11" x14ac:dyDescent="0.3">
      <c r="A713" s="1">
        <v>41831</v>
      </c>
      <c r="B713" s="3">
        <f t="shared" si="22"/>
        <v>7</v>
      </c>
      <c r="C713" s="3">
        <f t="shared" si="23"/>
        <v>2014</v>
      </c>
      <c r="D713" t="s">
        <v>592</v>
      </c>
      <c r="E713" t="s">
        <v>176</v>
      </c>
      <c r="F713" t="s">
        <v>33</v>
      </c>
      <c r="G713" t="s">
        <v>46</v>
      </c>
      <c r="H713" t="s">
        <v>930</v>
      </c>
      <c r="I713">
        <v>124.11</v>
      </c>
      <c r="J713">
        <v>9</v>
      </c>
      <c r="K713">
        <v>52.13</v>
      </c>
    </row>
    <row r="714" spans="1:11" x14ac:dyDescent="0.3">
      <c r="A714" s="1">
        <v>41831</v>
      </c>
      <c r="B714" s="3">
        <f t="shared" si="22"/>
        <v>7</v>
      </c>
      <c r="C714" s="3">
        <f t="shared" si="23"/>
        <v>2014</v>
      </c>
      <c r="D714" t="s">
        <v>592</v>
      </c>
      <c r="E714" t="s">
        <v>176</v>
      </c>
      <c r="F714" t="s">
        <v>10</v>
      </c>
      <c r="G714" t="s">
        <v>15</v>
      </c>
      <c r="H714" t="s">
        <v>931</v>
      </c>
      <c r="I714">
        <v>14.4</v>
      </c>
      <c r="J714">
        <v>5</v>
      </c>
      <c r="K714">
        <v>7.06</v>
      </c>
    </row>
    <row r="715" spans="1:11" x14ac:dyDescent="0.3">
      <c r="A715" s="1">
        <v>41831</v>
      </c>
      <c r="B715" s="3">
        <f t="shared" si="22"/>
        <v>7</v>
      </c>
      <c r="C715" s="3">
        <f t="shared" si="23"/>
        <v>2014</v>
      </c>
      <c r="D715" t="s">
        <v>203</v>
      </c>
      <c r="E715" t="s">
        <v>9</v>
      </c>
      <c r="F715" t="s">
        <v>38</v>
      </c>
      <c r="G715" t="s">
        <v>39</v>
      </c>
      <c r="H715" t="s">
        <v>932</v>
      </c>
      <c r="I715">
        <v>575.97</v>
      </c>
      <c r="J715">
        <v>4</v>
      </c>
      <c r="K715">
        <v>43.2</v>
      </c>
    </row>
    <row r="716" spans="1:11" x14ac:dyDescent="0.3">
      <c r="A716" s="1">
        <v>41831</v>
      </c>
      <c r="B716" s="3">
        <f t="shared" si="22"/>
        <v>7</v>
      </c>
      <c r="C716" s="3">
        <f t="shared" si="23"/>
        <v>2014</v>
      </c>
      <c r="D716" t="s">
        <v>203</v>
      </c>
      <c r="E716" t="s">
        <v>9</v>
      </c>
      <c r="F716" t="s">
        <v>10</v>
      </c>
      <c r="G716" t="s">
        <v>11</v>
      </c>
      <c r="H716" t="s">
        <v>933</v>
      </c>
      <c r="I716">
        <v>10.37</v>
      </c>
      <c r="J716">
        <v>2</v>
      </c>
      <c r="K716">
        <v>3.63</v>
      </c>
    </row>
    <row r="717" spans="1:11" x14ac:dyDescent="0.3">
      <c r="A717" s="1">
        <v>41831</v>
      </c>
      <c r="B717" s="3">
        <f t="shared" si="22"/>
        <v>7</v>
      </c>
      <c r="C717" s="3">
        <f t="shared" si="23"/>
        <v>2014</v>
      </c>
      <c r="D717" t="s">
        <v>934</v>
      </c>
      <c r="E717" t="s">
        <v>148</v>
      </c>
      <c r="F717" t="s">
        <v>10</v>
      </c>
      <c r="G717" t="s">
        <v>11</v>
      </c>
      <c r="H717" t="s">
        <v>935</v>
      </c>
      <c r="I717">
        <v>49.12</v>
      </c>
      <c r="J717">
        <v>4</v>
      </c>
      <c r="K717">
        <v>23.09</v>
      </c>
    </row>
    <row r="718" spans="1:11" x14ac:dyDescent="0.3">
      <c r="A718" s="1">
        <v>41831</v>
      </c>
      <c r="B718" s="3">
        <f t="shared" si="22"/>
        <v>7</v>
      </c>
      <c r="C718" s="3">
        <f t="shared" si="23"/>
        <v>2014</v>
      </c>
      <c r="D718" t="s">
        <v>934</v>
      </c>
      <c r="E718" t="s">
        <v>148</v>
      </c>
      <c r="F718" t="s">
        <v>10</v>
      </c>
      <c r="G718" t="s">
        <v>19</v>
      </c>
      <c r="H718" t="s">
        <v>936</v>
      </c>
      <c r="I718">
        <v>18.28</v>
      </c>
      <c r="J718">
        <v>5</v>
      </c>
      <c r="K718">
        <v>6.4</v>
      </c>
    </row>
    <row r="719" spans="1:11" x14ac:dyDescent="0.3">
      <c r="A719" s="1">
        <v>41831</v>
      </c>
      <c r="B719" s="3">
        <f t="shared" si="22"/>
        <v>7</v>
      </c>
      <c r="C719" s="3">
        <f t="shared" si="23"/>
        <v>2014</v>
      </c>
      <c r="D719" t="s">
        <v>937</v>
      </c>
      <c r="E719" t="s">
        <v>148</v>
      </c>
      <c r="F719" t="s">
        <v>38</v>
      </c>
      <c r="G719" t="s">
        <v>39</v>
      </c>
      <c r="H719" t="s">
        <v>938</v>
      </c>
      <c r="I719">
        <v>164.85</v>
      </c>
      <c r="J719">
        <v>3</v>
      </c>
      <c r="K719">
        <v>47.81</v>
      </c>
    </row>
    <row r="720" spans="1:11" x14ac:dyDescent="0.3">
      <c r="A720" s="1">
        <v>41832</v>
      </c>
      <c r="B720" s="3">
        <f t="shared" si="22"/>
        <v>7</v>
      </c>
      <c r="C720" s="3">
        <f t="shared" si="23"/>
        <v>2014</v>
      </c>
      <c r="D720" t="s">
        <v>939</v>
      </c>
      <c r="E720" t="s">
        <v>26</v>
      </c>
      <c r="F720" t="s">
        <v>10</v>
      </c>
      <c r="G720" t="s">
        <v>19</v>
      </c>
      <c r="H720" t="s">
        <v>940</v>
      </c>
      <c r="I720">
        <v>7.71</v>
      </c>
      <c r="J720">
        <v>2</v>
      </c>
      <c r="K720">
        <v>2.8</v>
      </c>
    </row>
    <row r="721" spans="1:11" x14ac:dyDescent="0.3">
      <c r="A721" s="1">
        <v>41832</v>
      </c>
      <c r="B721" s="3">
        <f t="shared" si="22"/>
        <v>7</v>
      </c>
      <c r="C721" s="3">
        <f t="shared" si="23"/>
        <v>2014</v>
      </c>
      <c r="D721" t="s">
        <v>939</v>
      </c>
      <c r="E721" t="s">
        <v>26</v>
      </c>
      <c r="F721" t="s">
        <v>33</v>
      </c>
      <c r="G721" t="s">
        <v>144</v>
      </c>
      <c r="H721" t="s">
        <v>941</v>
      </c>
      <c r="I721">
        <v>698.35</v>
      </c>
      <c r="J721">
        <v>3</v>
      </c>
      <c r="K721">
        <v>-17.46</v>
      </c>
    </row>
    <row r="722" spans="1:11" x14ac:dyDescent="0.3">
      <c r="A722" s="1">
        <v>41832</v>
      </c>
      <c r="B722" s="3">
        <f t="shared" si="22"/>
        <v>7</v>
      </c>
      <c r="C722" s="3">
        <f t="shared" si="23"/>
        <v>2014</v>
      </c>
      <c r="D722" t="s">
        <v>529</v>
      </c>
      <c r="E722" t="s">
        <v>26</v>
      </c>
      <c r="F722" t="s">
        <v>10</v>
      </c>
      <c r="G722" t="s">
        <v>17</v>
      </c>
      <c r="H722" t="s">
        <v>637</v>
      </c>
      <c r="I722">
        <v>249.75</v>
      </c>
      <c r="J722">
        <v>9</v>
      </c>
      <c r="K722">
        <v>44.96</v>
      </c>
    </row>
    <row r="723" spans="1:11" x14ac:dyDescent="0.3">
      <c r="A723" s="1">
        <v>41832</v>
      </c>
      <c r="B723" s="3">
        <f t="shared" si="22"/>
        <v>7</v>
      </c>
      <c r="C723" s="3">
        <f t="shared" si="23"/>
        <v>2014</v>
      </c>
      <c r="D723" t="s">
        <v>529</v>
      </c>
      <c r="E723" t="s">
        <v>26</v>
      </c>
      <c r="F723" t="s">
        <v>38</v>
      </c>
      <c r="G723" t="s">
        <v>39</v>
      </c>
      <c r="H723" t="s">
        <v>942</v>
      </c>
      <c r="I723">
        <v>255.94</v>
      </c>
      <c r="J723">
        <v>8</v>
      </c>
      <c r="K723">
        <v>28.79</v>
      </c>
    </row>
    <row r="724" spans="1:11" x14ac:dyDescent="0.3">
      <c r="A724" s="1">
        <v>41832</v>
      </c>
      <c r="B724" s="3">
        <f t="shared" si="22"/>
        <v>7</v>
      </c>
      <c r="C724" s="3">
        <f t="shared" si="23"/>
        <v>2014</v>
      </c>
      <c r="D724" t="s">
        <v>255</v>
      </c>
      <c r="E724" t="s">
        <v>163</v>
      </c>
      <c r="F724" t="s">
        <v>33</v>
      </c>
      <c r="G724" t="s">
        <v>34</v>
      </c>
      <c r="H724" t="s">
        <v>943</v>
      </c>
      <c r="I724">
        <v>123.14</v>
      </c>
      <c r="J724">
        <v>4</v>
      </c>
      <c r="K724">
        <v>13.85</v>
      </c>
    </row>
    <row r="725" spans="1:11" x14ac:dyDescent="0.3">
      <c r="A725" s="1">
        <v>41832</v>
      </c>
      <c r="B725" s="3">
        <f t="shared" si="22"/>
        <v>7</v>
      </c>
      <c r="C725" s="3">
        <f t="shared" si="23"/>
        <v>2014</v>
      </c>
      <c r="D725" t="s">
        <v>255</v>
      </c>
      <c r="E725" t="s">
        <v>163</v>
      </c>
      <c r="F725" t="s">
        <v>10</v>
      </c>
      <c r="G725" t="s">
        <v>19</v>
      </c>
      <c r="H725" t="s">
        <v>880</v>
      </c>
      <c r="I725">
        <v>11.26</v>
      </c>
      <c r="J725">
        <v>4</v>
      </c>
      <c r="K725">
        <v>3.8</v>
      </c>
    </row>
    <row r="726" spans="1:11" x14ac:dyDescent="0.3">
      <c r="A726" s="1">
        <v>41832</v>
      </c>
      <c r="B726" s="3">
        <f t="shared" si="22"/>
        <v>7</v>
      </c>
      <c r="C726" s="3">
        <f t="shared" si="23"/>
        <v>2014</v>
      </c>
      <c r="D726" t="s">
        <v>944</v>
      </c>
      <c r="E726" t="s">
        <v>14</v>
      </c>
      <c r="F726" t="s">
        <v>10</v>
      </c>
      <c r="G726" t="s">
        <v>11</v>
      </c>
      <c r="H726" t="s">
        <v>678</v>
      </c>
      <c r="I726">
        <v>35.86</v>
      </c>
      <c r="J726">
        <v>9</v>
      </c>
      <c r="K726">
        <v>13</v>
      </c>
    </row>
    <row r="727" spans="1:11" x14ac:dyDescent="0.3">
      <c r="A727" s="1">
        <v>41832</v>
      </c>
      <c r="B727" s="3">
        <f t="shared" si="22"/>
        <v>7</v>
      </c>
      <c r="C727" s="3">
        <f t="shared" si="23"/>
        <v>2014</v>
      </c>
      <c r="D727" t="s">
        <v>944</v>
      </c>
      <c r="E727" t="s">
        <v>14</v>
      </c>
      <c r="F727" t="s">
        <v>38</v>
      </c>
      <c r="G727" t="s">
        <v>51</v>
      </c>
      <c r="H727" t="s">
        <v>945</v>
      </c>
      <c r="I727">
        <v>23.84</v>
      </c>
      <c r="J727">
        <v>4</v>
      </c>
      <c r="K727">
        <v>3.28</v>
      </c>
    </row>
    <row r="728" spans="1:11" x14ac:dyDescent="0.3">
      <c r="A728" s="1">
        <v>41832</v>
      </c>
      <c r="B728" s="3">
        <f t="shared" si="22"/>
        <v>7</v>
      </c>
      <c r="C728" s="3">
        <f t="shared" si="23"/>
        <v>2014</v>
      </c>
      <c r="D728" t="s">
        <v>946</v>
      </c>
      <c r="E728" t="s">
        <v>9</v>
      </c>
      <c r="F728" t="s">
        <v>33</v>
      </c>
      <c r="G728" t="s">
        <v>34</v>
      </c>
      <c r="H728" t="s">
        <v>947</v>
      </c>
      <c r="I728">
        <v>512.36</v>
      </c>
      <c r="J728">
        <v>3</v>
      </c>
      <c r="K728">
        <v>-14.64</v>
      </c>
    </row>
    <row r="729" spans="1:11" x14ac:dyDescent="0.3">
      <c r="A729" s="1">
        <v>41832</v>
      </c>
      <c r="B729" s="3">
        <f t="shared" si="22"/>
        <v>7</v>
      </c>
      <c r="C729" s="3">
        <f t="shared" si="23"/>
        <v>2014</v>
      </c>
      <c r="D729" t="s">
        <v>946</v>
      </c>
      <c r="E729" t="s">
        <v>9</v>
      </c>
      <c r="F729" t="s">
        <v>10</v>
      </c>
      <c r="G729" t="s">
        <v>42</v>
      </c>
      <c r="H729" t="s">
        <v>281</v>
      </c>
      <c r="I729">
        <v>3.49</v>
      </c>
      <c r="J729">
        <v>2</v>
      </c>
      <c r="K729">
        <v>0.56999999999999995</v>
      </c>
    </row>
    <row r="730" spans="1:11" x14ac:dyDescent="0.3">
      <c r="A730" s="1">
        <v>41832</v>
      </c>
      <c r="B730" s="3">
        <f t="shared" si="22"/>
        <v>7</v>
      </c>
      <c r="C730" s="3">
        <f t="shared" si="23"/>
        <v>2014</v>
      </c>
      <c r="D730" t="s">
        <v>946</v>
      </c>
      <c r="E730" t="s">
        <v>9</v>
      </c>
      <c r="F730" t="s">
        <v>10</v>
      </c>
      <c r="G730" t="s">
        <v>23</v>
      </c>
      <c r="H730" t="s">
        <v>948</v>
      </c>
      <c r="I730">
        <v>22.29</v>
      </c>
      <c r="J730">
        <v>7</v>
      </c>
      <c r="K730">
        <v>3.9</v>
      </c>
    </row>
    <row r="731" spans="1:11" x14ac:dyDescent="0.3">
      <c r="A731" s="1">
        <v>41832</v>
      </c>
      <c r="B731" s="3">
        <f t="shared" si="22"/>
        <v>7</v>
      </c>
      <c r="C731" s="3">
        <f t="shared" si="23"/>
        <v>2014</v>
      </c>
      <c r="D731" t="s">
        <v>946</v>
      </c>
      <c r="E731" t="s">
        <v>9</v>
      </c>
      <c r="F731" t="s">
        <v>10</v>
      </c>
      <c r="G731" t="s">
        <v>11</v>
      </c>
      <c r="H731" t="s">
        <v>126</v>
      </c>
      <c r="I731">
        <v>16.03</v>
      </c>
      <c r="J731">
        <v>3</v>
      </c>
      <c r="K731">
        <v>5.61</v>
      </c>
    </row>
    <row r="732" spans="1:11" x14ac:dyDescent="0.3">
      <c r="A732" s="1">
        <v>41833</v>
      </c>
      <c r="B732" s="3">
        <f t="shared" si="22"/>
        <v>7</v>
      </c>
      <c r="C732" s="3">
        <f t="shared" si="23"/>
        <v>2014</v>
      </c>
      <c r="D732" t="s">
        <v>874</v>
      </c>
      <c r="E732" t="s">
        <v>26</v>
      </c>
      <c r="F732" t="s">
        <v>33</v>
      </c>
      <c r="G732" t="s">
        <v>144</v>
      </c>
      <c r="H732" t="s">
        <v>949</v>
      </c>
      <c r="I732">
        <v>351.22</v>
      </c>
      <c r="J732">
        <v>3</v>
      </c>
      <c r="K732">
        <v>4.3899999999999997</v>
      </c>
    </row>
    <row r="733" spans="1:11" x14ac:dyDescent="0.3">
      <c r="A733" s="1">
        <v>41834</v>
      </c>
      <c r="B733" s="3">
        <f t="shared" si="22"/>
        <v>7</v>
      </c>
      <c r="C733" s="3">
        <f t="shared" si="23"/>
        <v>2014</v>
      </c>
      <c r="D733" t="s">
        <v>950</v>
      </c>
      <c r="E733" t="s">
        <v>14</v>
      </c>
      <c r="F733" t="s">
        <v>10</v>
      </c>
      <c r="G733" t="s">
        <v>19</v>
      </c>
      <c r="H733" t="s">
        <v>951</v>
      </c>
      <c r="I733">
        <v>29.93</v>
      </c>
      <c r="J733">
        <v>7</v>
      </c>
      <c r="K733">
        <v>-46.39</v>
      </c>
    </row>
    <row r="734" spans="1:11" x14ac:dyDescent="0.3">
      <c r="A734" s="1">
        <v>41834</v>
      </c>
      <c r="B734" s="3">
        <f t="shared" si="22"/>
        <v>7</v>
      </c>
      <c r="C734" s="3">
        <f t="shared" si="23"/>
        <v>2014</v>
      </c>
      <c r="D734" t="s">
        <v>950</v>
      </c>
      <c r="E734" t="s">
        <v>14</v>
      </c>
      <c r="F734" t="s">
        <v>38</v>
      </c>
      <c r="G734" t="s">
        <v>39</v>
      </c>
      <c r="H734" t="s">
        <v>734</v>
      </c>
      <c r="I734">
        <v>38.270000000000003</v>
      </c>
      <c r="J734">
        <v>4</v>
      </c>
      <c r="K734">
        <v>3.83</v>
      </c>
    </row>
    <row r="735" spans="1:11" x14ac:dyDescent="0.3">
      <c r="A735" s="1">
        <v>41834</v>
      </c>
      <c r="B735" s="3">
        <f t="shared" si="22"/>
        <v>7</v>
      </c>
      <c r="C735" s="3">
        <f t="shared" si="23"/>
        <v>2014</v>
      </c>
      <c r="D735" t="s">
        <v>952</v>
      </c>
      <c r="E735" t="s">
        <v>94</v>
      </c>
      <c r="F735" t="s">
        <v>10</v>
      </c>
      <c r="G735" t="s">
        <v>17</v>
      </c>
      <c r="H735" t="s">
        <v>110</v>
      </c>
      <c r="I735">
        <v>55.92</v>
      </c>
      <c r="J735">
        <v>5</v>
      </c>
      <c r="K735">
        <v>6.29</v>
      </c>
    </row>
    <row r="736" spans="1:11" x14ac:dyDescent="0.3">
      <c r="A736" s="1">
        <v>41834</v>
      </c>
      <c r="B736" s="3">
        <f t="shared" si="22"/>
        <v>7</v>
      </c>
      <c r="C736" s="3">
        <f t="shared" si="23"/>
        <v>2014</v>
      </c>
      <c r="D736" t="s">
        <v>194</v>
      </c>
      <c r="E736" t="s">
        <v>22</v>
      </c>
      <c r="F736" t="s">
        <v>38</v>
      </c>
      <c r="G736" t="s">
        <v>39</v>
      </c>
      <c r="H736" t="s">
        <v>953</v>
      </c>
      <c r="I736">
        <v>13.49</v>
      </c>
      <c r="J736">
        <v>1</v>
      </c>
      <c r="K736">
        <v>-2.25</v>
      </c>
    </row>
    <row r="737" spans="1:11" x14ac:dyDescent="0.3">
      <c r="A737" s="1">
        <v>41834</v>
      </c>
      <c r="B737" s="3">
        <f t="shared" si="22"/>
        <v>7</v>
      </c>
      <c r="C737" s="3">
        <f t="shared" si="23"/>
        <v>2014</v>
      </c>
      <c r="D737" t="s">
        <v>194</v>
      </c>
      <c r="E737" t="s">
        <v>22</v>
      </c>
      <c r="F737" t="s">
        <v>38</v>
      </c>
      <c r="G737" t="s">
        <v>39</v>
      </c>
      <c r="H737" t="s">
        <v>954</v>
      </c>
      <c r="I737">
        <v>23.99</v>
      </c>
      <c r="J737">
        <v>2</v>
      </c>
      <c r="K737">
        <v>-13.99</v>
      </c>
    </row>
    <row r="738" spans="1:11" x14ac:dyDescent="0.3">
      <c r="A738" s="1">
        <v>41834</v>
      </c>
      <c r="B738" s="3">
        <f t="shared" si="22"/>
        <v>7</v>
      </c>
      <c r="C738" s="3">
        <f t="shared" si="23"/>
        <v>2014</v>
      </c>
      <c r="D738" t="s">
        <v>194</v>
      </c>
      <c r="E738" t="s">
        <v>22</v>
      </c>
      <c r="F738" t="s">
        <v>33</v>
      </c>
      <c r="G738" t="s">
        <v>46</v>
      </c>
      <c r="H738" t="s">
        <v>955</v>
      </c>
      <c r="I738">
        <v>31.98</v>
      </c>
      <c r="J738">
        <v>2</v>
      </c>
      <c r="K738">
        <v>1.2</v>
      </c>
    </row>
    <row r="739" spans="1:11" x14ac:dyDescent="0.3">
      <c r="A739" s="1">
        <v>41834</v>
      </c>
      <c r="B739" s="3">
        <f t="shared" si="22"/>
        <v>7</v>
      </c>
      <c r="C739" s="3">
        <f t="shared" si="23"/>
        <v>2014</v>
      </c>
      <c r="D739" t="s">
        <v>194</v>
      </c>
      <c r="E739" t="s">
        <v>22</v>
      </c>
      <c r="F739" t="s">
        <v>10</v>
      </c>
      <c r="G739" t="s">
        <v>23</v>
      </c>
      <c r="H739" t="s">
        <v>278</v>
      </c>
      <c r="I739">
        <v>41.58</v>
      </c>
      <c r="J739">
        <v>2</v>
      </c>
      <c r="K739">
        <v>4.68</v>
      </c>
    </row>
    <row r="740" spans="1:11" x14ac:dyDescent="0.3">
      <c r="A740" s="1">
        <v>41834</v>
      </c>
      <c r="B740" s="3">
        <f t="shared" si="22"/>
        <v>7</v>
      </c>
      <c r="C740" s="3">
        <f t="shared" si="23"/>
        <v>2014</v>
      </c>
      <c r="D740" t="s">
        <v>956</v>
      </c>
      <c r="E740" t="s">
        <v>58</v>
      </c>
      <c r="F740" t="s">
        <v>10</v>
      </c>
      <c r="G740" t="s">
        <v>91</v>
      </c>
      <c r="H740" t="s">
        <v>957</v>
      </c>
      <c r="I740">
        <v>39.479999999999997</v>
      </c>
      <c r="J740">
        <v>1</v>
      </c>
      <c r="K740">
        <v>11.05</v>
      </c>
    </row>
    <row r="741" spans="1:11" x14ac:dyDescent="0.3">
      <c r="A741" s="1">
        <v>41834</v>
      </c>
      <c r="B741" s="3">
        <f t="shared" si="22"/>
        <v>7</v>
      </c>
      <c r="C741" s="3">
        <f t="shared" si="23"/>
        <v>2014</v>
      </c>
      <c r="D741" t="s">
        <v>958</v>
      </c>
      <c r="E741" t="s">
        <v>148</v>
      </c>
      <c r="F741" t="s">
        <v>10</v>
      </c>
      <c r="G741" t="s">
        <v>23</v>
      </c>
      <c r="H741" t="s">
        <v>959</v>
      </c>
      <c r="I741">
        <v>17.940000000000001</v>
      </c>
      <c r="J741">
        <v>3</v>
      </c>
      <c r="K741">
        <v>4.49</v>
      </c>
    </row>
    <row r="742" spans="1:11" x14ac:dyDescent="0.3">
      <c r="A742" s="1">
        <v>41835</v>
      </c>
      <c r="B742" s="3">
        <f t="shared" si="22"/>
        <v>7</v>
      </c>
      <c r="C742" s="3">
        <f t="shared" si="23"/>
        <v>2014</v>
      </c>
      <c r="D742" t="s">
        <v>658</v>
      </c>
      <c r="E742" t="s">
        <v>139</v>
      </c>
      <c r="F742" t="s">
        <v>38</v>
      </c>
      <c r="G742" t="s">
        <v>51</v>
      </c>
      <c r="H742" t="s">
        <v>960</v>
      </c>
      <c r="I742">
        <v>2.97</v>
      </c>
      <c r="J742">
        <v>3</v>
      </c>
      <c r="K742">
        <v>1.31</v>
      </c>
    </row>
    <row r="743" spans="1:11" x14ac:dyDescent="0.3">
      <c r="A743" s="1">
        <v>41835</v>
      </c>
      <c r="B743" s="3">
        <f t="shared" si="22"/>
        <v>7</v>
      </c>
      <c r="C743" s="3">
        <f t="shared" si="23"/>
        <v>2014</v>
      </c>
      <c r="D743" t="s">
        <v>658</v>
      </c>
      <c r="E743" t="s">
        <v>139</v>
      </c>
      <c r="F743" t="s">
        <v>10</v>
      </c>
      <c r="G743" t="s">
        <v>42</v>
      </c>
      <c r="H743" t="s">
        <v>961</v>
      </c>
      <c r="I743">
        <v>6.54</v>
      </c>
      <c r="J743">
        <v>3</v>
      </c>
      <c r="K743">
        <v>2.68</v>
      </c>
    </row>
    <row r="744" spans="1:11" x14ac:dyDescent="0.3">
      <c r="A744" s="1">
        <v>41838</v>
      </c>
      <c r="B744" s="3">
        <f t="shared" si="22"/>
        <v>7</v>
      </c>
      <c r="C744" s="3">
        <f t="shared" si="23"/>
        <v>2014</v>
      </c>
      <c r="D744" t="s">
        <v>962</v>
      </c>
      <c r="E744" t="s">
        <v>94</v>
      </c>
      <c r="F744" t="s">
        <v>33</v>
      </c>
      <c r="G744" t="s">
        <v>34</v>
      </c>
      <c r="H744" t="s">
        <v>963</v>
      </c>
      <c r="I744">
        <v>259.14</v>
      </c>
      <c r="J744">
        <v>4</v>
      </c>
      <c r="K744">
        <v>-25.91</v>
      </c>
    </row>
    <row r="745" spans="1:11" x14ac:dyDescent="0.3">
      <c r="A745" s="1">
        <v>41838</v>
      </c>
      <c r="B745" s="3">
        <f t="shared" si="22"/>
        <v>7</v>
      </c>
      <c r="C745" s="3">
        <f t="shared" si="23"/>
        <v>2014</v>
      </c>
      <c r="D745" t="s">
        <v>964</v>
      </c>
      <c r="E745" t="s">
        <v>148</v>
      </c>
      <c r="F745" t="s">
        <v>10</v>
      </c>
      <c r="G745" t="s">
        <v>19</v>
      </c>
      <c r="H745" t="s">
        <v>965</v>
      </c>
      <c r="I745">
        <v>13.9</v>
      </c>
      <c r="J745">
        <v>2</v>
      </c>
      <c r="K745">
        <v>4.5199999999999996</v>
      </c>
    </row>
    <row r="746" spans="1:11" x14ac:dyDescent="0.3">
      <c r="A746" s="1">
        <v>41839</v>
      </c>
      <c r="B746" s="3">
        <f t="shared" si="22"/>
        <v>7</v>
      </c>
      <c r="C746" s="3">
        <f t="shared" si="23"/>
        <v>2014</v>
      </c>
      <c r="D746" t="s">
        <v>966</v>
      </c>
      <c r="E746" t="s">
        <v>612</v>
      </c>
      <c r="F746" t="s">
        <v>38</v>
      </c>
      <c r="G746" t="s">
        <v>39</v>
      </c>
      <c r="H746" t="s">
        <v>932</v>
      </c>
      <c r="I746">
        <v>359.98</v>
      </c>
      <c r="J746">
        <v>2</v>
      </c>
      <c r="K746">
        <v>93.59</v>
      </c>
    </row>
    <row r="747" spans="1:11" x14ac:dyDescent="0.3">
      <c r="A747" s="1">
        <v>41839</v>
      </c>
      <c r="B747" s="3">
        <f t="shared" si="22"/>
        <v>7</v>
      </c>
      <c r="C747" s="3">
        <f t="shared" si="23"/>
        <v>2014</v>
      </c>
      <c r="D747" t="s">
        <v>966</v>
      </c>
      <c r="E747" t="s">
        <v>612</v>
      </c>
      <c r="F747" t="s">
        <v>33</v>
      </c>
      <c r="G747" t="s">
        <v>144</v>
      </c>
      <c r="H747" t="s">
        <v>967</v>
      </c>
      <c r="I747">
        <v>70.56</v>
      </c>
      <c r="J747">
        <v>1</v>
      </c>
      <c r="K747">
        <v>-4.03</v>
      </c>
    </row>
    <row r="748" spans="1:11" x14ac:dyDescent="0.3">
      <c r="A748" s="1">
        <v>41839</v>
      </c>
      <c r="B748" s="3">
        <f t="shared" si="22"/>
        <v>7</v>
      </c>
      <c r="C748" s="3">
        <f t="shared" si="23"/>
        <v>2014</v>
      </c>
      <c r="D748" t="s">
        <v>966</v>
      </c>
      <c r="E748" t="s">
        <v>612</v>
      </c>
      <c r="F748" t="s">
        <v>10</v>
      </c>
      <c r="G748" t="s">
        <v>19</v>
      </c>
      <c r="H748" t="s">
        <v>968</v>
      </c>
      <c r="I748">
        <v>20.88</v>
      </c>
      <c r="J748">
        <v>2</v>
      </c>
      <c r="K748">
        <v>9.6</v>
      </c>
    </row>
    <row r="749" spans="1:11" x14ac:dyDescent="0.3">
      <c r="A749" s="1">
        <v>41839</v>
      </c>
      <c r="B749" s="3">
        <f t="shared" si="22"/>
        <v>7</v>
      </c>
      <c r="C749" s="3">
        <f t="shared" si="23"/>
        <v>2014</v>
      </c>
      <c r="D749" t="s">
        <v>966</v>
      </c>
      <c r="E749" t="s">
        <v>612</v>
      </c>
      <c r="F749" t="s">
        <v>10</v>
      </c>
      <c r="G749" t="s">
        <v>19</v>
      </c>
      <c r="H749" t="s">
        <v>969</v>
      </c>
      <c r="I749">
        <v>3.81</v>
      </c>
      <c r="J749">
        <v>1</v>
      </c>
      <c r="K749">
        <v>1.83</v>
      </c>
    </row>
    <row r="750" spans="1:11" x14ac:dyDescent="0.3">
      <c r="A750" s="1">
        <v>41839</v>
      </c>
      <c r="B750" s="3">
        <f t="shared" si="22"/>
        <v>7</v>
      </c>
      <c r="C750" s="3">
        <f t="shared" si="23"/>
        <v>2014</v>
      </c>
      <c r="D750" t="s">
        <v>970</v>
      </c>
      <c r="E750" t="s">
        <v>514</v>
      </c>
      <c r="F750" t="s">
        <v>10</v>
      </c>
      <c r="G750" t="s">
        <v>19</v>
      </c>
      <c r="H750" t="s">
        <v>971</v>
      </c>
      <c r="I750">
        <v>6.1</v>
      </c>
      <c r="J750">
        <v>2</v>
      </c>
      <c r="K750">
        <v>2.21</v>
      </c>
    </row>
    <row r="751" spans="1:11" x14ac:dyDescent="0.3">
      <c r="A751" s="1">
        <v>41840</v>
      </c>
      <c r="B751" s="3">
        <f t="shared" si="22"/>
        <v>7</v>
      </c>
      <c r="C751" s="3">
        <f t="shared" si="23"/>
        <v>2014</v>
      </c>
      <c r="D751" t="s">
        <v>972</v>
      </c>
      <c r="E751" t="s">
        <v>9</v>
      </c>
      <c r="F751" t="s">
        <v>10</v>
      </c>
      <c r="G751" t="s">
        <v>17</v>
      </c>
      <c r="H751" t="s">
        <v>973</v>
      </c>
      <c r="I751">
        <v>342.86</v>
      </c>
      <c r="J751">
        <v>3</v>
      </c>
      <c r="K751">
        <v>38.57</v>
      </c>
    </row>
    <row r="752" spans="1:11" x14ac:dyDescent="0.3">
      <c r="A752" s="1">
        <v>41840</v>
      </c>
      <c r="B752" s="3">
        <f t="shared" si="22"/>
        <v>7</v>
      </c>
      <c r="C752" s="3">
        <f t="shared" si="23"/>
        <v>2014</v>
      </c>
      <c r="D752" t="s">
        <v>972</v>
      </c>
      <c r="E752" t="s">
        <v>9</v>
      </c>
      <c r="F752" t="s">
        <v>33</v>
      </c>
      <c r="G752" t="s">
        <v>46</v>
      </c>
      <c r="H752" t="s">
        <v>974</v>
      </c>
      <c r="I752">
        <v>16.739999999999998</v>
      </c>
      <c r="J752">
        <v>5</v>
      </c>
      <c r="K752">
        <v>-14.23</v>
      </c>
    </row>
    <row r="753" spans="1:11" x14ac:dyDescent="0.3">
      <c r="A753" s="1">
        <v>41840</v>
      </c>
      <c r="B753" s="3">
        <f t="shared" si="22"/>
        <v>7</v>
      </c>
      <c r="C753" s="3">
        <f t="shared" si="23"/>
        <v>2014</v>
      </c>
      <c r="D753" t="s">
        <v>972</v>
      </c>
      <c r="E753" t="s">
        <v>9</v>
      </c>
      <c r="F753" t="s">
        <v>33</v>
      </c>
      <c r="G753" t="s">
        <v>34</v>
      </c>
      <c r="H753" t="s">
        <v>975</v>
      </c>
      <c r="I753">
        <v>981.37</v>
      </c>
      <c r="J753">
        <v>2</v>
      </c>
      <c r="K753">
        <v>-140.19999999999999</v>
      </c>
    </row>
    <row r="754" spans="1:11" x14ac:dyDescent="0.3">
      <c r="A754" s="1">
        <v>41840</v>
      </c>
      <c r="B754" s="3">
        <f t="shared" si="22"/>
        <v>7</v>
      </c>
      <c r="C754" s="3">
        <f t="shared" si="23"/>
        <v>2014</v>
      </c>
      <c r="D754" t="s">
        <v>976</v>
      </c>
      <c r="E754" t="s">
        <v>77</v>
      </c>
      <c r="F754" t="s">
        <v>10</v>
      </c>
      <c r="G754" t="s">
        <v>17</v>
      </c>
      <c r="H754" t="s">
        <v>191</v>
      </c>
      <c r="I754">
        <v>25.98</v>
      </c>
      <c r="J754">
        <v>1</v>
      </c>
      <c r="K754">
        <v>-5.2</v>
      </c>
    </row>
    <row r="755" spans="1:11" x14ac:dyDescent="0.3">
      <c r="A755" s="1">
        <v>41840</v>
      </c>
      <c r="B755" s="3">
        <f t="shared" si="22"/>
        <v>7</v>
      </c>
      <c r="C755" s="3">
        <f t="shared" si="23"/>
        <v>2014</v>
      </c>
      <c r="D755" t="s">
        <v>976</v>
      </c>
      <c r="E755" t="s">
        <v>77</v>
      </c>
      <c r="F755" t="s">
        <v>10</v>
      </c>
      <c r="G755" t="s">
        <v>19</v>
      </c>
      <c r="H755" t="s">
        <v>700</v>
      </c>
      <c r="I755">
        <v>27.36</v>
      </c>
      <c r="J755">
        <v>3</v>
      </c>
      <c r="K755">
        <v>-21.89</v>
      </c>
    </row>
    <row r="756" spans="1:11" x14ac:dyDescent="0.3">
      <c r="A756" s="1">
        <v>41840</v>
      </c>
      <c r="B756" s="3">
        <f t="shared" si="22"/>
        <v>7</v>
      </c>
      <c r="C756" s="3">
        <f t="shared" si="23"/>
        <v>2014</v>
      </c>
      <c r="D756" t="s">
        <v>977</v>
      </c>
      <c r="E756" t="s">
        <v>26</v>
      </c>
      <c r="F756" t="s">
        <v>10</v>
      </c>
      <c r="G756" t="s">
        <v>11</v>
      </c>
      <c r="H756" t="s">
        <v>978</v>
      </c>
      <c r="I756">
        <v>104.85</v>
      </c>
      <c r="J756">
        <v>1</v>
      </c>
      <c r="K756">
        <v>50.33</v>
      </c>
    </row>
    <row r="757" spans="1:11" x14ac:dyDescent="0.3">
      <c r="A757" s="1">
        <v>41840</v>
      </c>
      <c r="B757" s="3">
        <f t="shared" si="22"/>
        <v>7</v>
      </c>
      <c r="C757" s="3">
        <f t="shared" si="23"/>
        <v>2014</v>
      </c>
      <c r="D757" t="s">
        <v>977</v>
      </c>
      <c r="E757" t="s">
        <v>26</v>
      </c>
      <c r="F757" t="s">
        <v>10</v>
      </c>
      <c r="G757" t="s">
        <v>19</v>
      </c>
      <c r="H757" t="s">
        <v>979</v>
      </c>
      <c r="I757">
        <v>8.6999999999999993</v>
      </c>
      <c r="J757">
        <v>2</v>
      </c>
      <c r="K757">
        <v>3.16</v>
      </c>
    </row>
    <row r="758" spans="1:11" x14ac:dyDescent="0.3">
      <c r="A758" s="1">
        <v>41840</v>
      </c>
      <c r="B758" s="3">
        <f t="shared" si="22"/>
        <v>7</v>
      </c>
      <c r="C758" s="3">
        <f t="shared" si="23"/>
        <v>2014</v>
      </c>
      <c r="D758" t="s">
        <v>977</v>
      </c>
      <c r="E758" t="s">
        <v>26</v>
      </c>
      <c r="F758" t="s">
        <v>10</v>
      </c>
      <c r="G758" t="s">
        <v>11</v>
      </c>
      <c r="H758" t="s">
        <v>980</v>
      </c>
      <c r="I758">
        <v>19.920000000000002</v>
      </c>
      <c r="J758">
        <v>4</v>
      </c>
      <c r="K758">
        <v>9.76</v>
      </c>
    </row>
    <row r="759" spans="1:11" x14ac:dyDescent="0.3">
      <c r="A759" s="1">
        <v>41840</v>
      </c>
      <c r="B759" s="3">
        <f t="shared" si="22"/>
        <v>7</v>
      </c>
      <c r="C759" s="3">
        <f t="shared" si="23"/>
        <v>2014</v>
      </c>
      <c r="D759" t="s">
        <v>977</v>
      </c>
      <c r="E759" t="s">
        <v>26</v>
      </c>
      <c r="F759" t="s">
        <v>33</v>
      </c>
      <c r="G759" t="s">
        <v>46</v>
      </c>
      <c r="H759" t="s">
        <v>981</v>
      </c>
      <c r="I759">
        <v>43.02</v>
      </c>
      <c r="J759">
        <v>3</v>
      </c>
      <c r="K759">
        <v>15.49</v>
      </c>
    </row>
    <row r="760" spans="1:11" x14ac:dyDescent="0.3">
      <c r="A760" s="1">
        <v>41840</v>
      </c>
      <c r="B760" s="3">
        <f t="shared" si="22"/>
        <v>7</v>
      </c>
      <c r="C760" s="3">
        <f t="shared" si="23"/>
        <v>2014</v>
      </c>
      <c r="D760" t="s">
        <v>982</v>
      </c>
      <c r="E760" t="s">
        <v>26</v>
      </c>
      <c r="F760" t="s">
        <v>10</v>
      </c>
      <c r="G760" t="s">
        <v>19</v>
      </c>
      <c r="H760" t="s">
        <v>983</v>
      </c>
      <c r="I760">
        <v>89.71</v>
      </c>
      <c r="J760">
        <v>6</v>
      </c>
      <c r="K760">
        <v>30.28</v>
      </c>
    </row>
    <row r="761" spans="1:11" x14ac:dyDescent="0.3">
      <c r="A761" s="1">
        <v>41840</v>
      </c>
      <c r="B761" s="3">
        <f t="shared" si="22"/>
        <v>7</v>
      </c>
      <c r="C761" s="3">
        <f t="shared" si="23"/>
        <v>2014</v>
      </c>
      <c r="D761" t="s">
        <v>982</v>
      </c>
      <c r="E761" t="s">
        <v>26</v>
      </c>
      <c r="F761" t="s">
        <v>10</v>
      </c>
      <c r="G761" t="s">
        <v>11</v>
      </c>
      <c r="H761" t="s">
        <v>984</v>
      </c>
      <c r="I761">
        <v>22.83</v>
      </c>
      <c r="J761">
        <v>3</v>
      </c>
      <c r="K761">
        <v>10.73</v>
      </c>
    </row>
    <row r="762" spans="1:11" x14ac:dyDescent="0.3">
      <c r="A762" s="1">
        <v>41840</v>
      </c>
      <c r="B762" s="3">
        <f t="shared" si="22"/>
        <v>7</v>
      </c>
      <c r="C762" s="3">
        <f t="shared" si="23"/>
        <v>2014</v>
      </c>
      <c r="D762" t="s">
        <v>386</v>
      </c>
      <c r="E762" t="s">
        <v>26</v>
      </c>
      <c r="F762" t="s">
        <v>38</v>
      </c>
      <c r="G762" t="s">
        <v>51</v>
      </c>
      <c r="H762" t="s">
        <v>985</v>
      </c>
      <c r="I762">
        <v>41.94</v>
      </c>
      <c r="J762">
        <v>2</v>
      </c>
      <c r="K762">
        <v>15.1</v>
      </c>
    </row>
    <row r="763" spans="1:11" x14ac:dyDescent="0.3">
      <c r="A763" s="1">
        <v>41840</v>
      </c>
      <c r="B763" s="3">
        <f t="shared" si="22"/>
        <v>7</v>
      </c>
      <c r="C763" s="3">
        <f t="shared" si="23"/>
        <v>2014</v>
      </c>
      <c r="D763" t="s">
        <v>386</v>
      </c>
      <c r="E763" t="s">
        <v>26</v>
      </c>
      <c r="F763" t="s">
        <v>10</v>
      </c>
      <c r="G763" t="s">
        <v>11</v>
      </c>
      <c r="H763" t="s">
        <v>986</v>
      </c>
      <c r="I763">
        <v>11.96</v>
      </c>
      <c r="J763">
        <v>2</v>
      </c>
      <c r="K763">
        <v>5.86</v>
      </c>
    </row>
    <row r="764" spans="1:11" x14ac:dyDescent="0.3">
      <c r="A764" s="1">
        <v>41840</v>
      </c>
      <c r="B764" s="3">
        <f t="shared" si="22"/>
        <v>7</v>
      </c>
      <c r="C764" s="3">
        <f t="shared" si="23"/>
        <v>2014</v>
      </c>
      <c r="D764" t="s">
        <v>386</v>
      </c>
      <c r="E764" t="s">
        <v>26</v>
      </c>
      <c r="F764" t="s">
        <v>10</v>
      </c>
      <c r="G764" t="s">
        <v>23</v>
      </c>
      <c r="H764" t="s">
        <v>987</v>
      </c>
      <c r="I764">
        <v>13.12</v>
      </c>
      <c r="J764">
        <v>4</v>
      </c>
      <c r="K764">
        <v>3.8</v>
      </c>
    </row>
    <row r="765" spans="1:11" x14ac:dyDescent="0.3">
      <c r="A765" s="1">
        <v>41840</v>
      </c>
      <c r="B765" s="3">
        <f t="shared" si="22"/>
        <v>7</v>
      </c>
      <c r="C765" s="3">
        <f t="shared" si="23"/>
        <v>2014</v>
      </c>
      <c r="D765" t="s">
        <v>386</v>
      </c>
      <c r="E765" t="s">
        <v>26</v>
      </c>
      <c r="F765" t="s">
        <v>10</v>
      </c>
      <c r="G765" t="s">
        <v>17</v>
      </c>
      <c r="H765" t="s">
        <v>307</v>
      </c>
      <c r="I765">
        <v>535.41</v>
      </c>
      <c r="J765">
        <v>3</v>
      </c>
      <c r="K765">
        <v>160.62</v>
      </c>
    </row>
    <row r="766" spans="1:11" x14ac:dyDescent="0.3">
      <c r="A766" s="1">
        <v>41841</v>
      </c>
      <c r="B766" s="3">
        <f t="shared" si="22"/>
        <v>7</v>
      </c>
      <c r="C766" s="3">
        <f t="shared" si="23"/>
        <v>2014</v>
      </c>
      <c r="D766" t="s">
        <v>988</v>
      </c>
      <c r="E766" t="s">
        <v>26</v>
      </c>
      <c r="F766" t="s">
        <v>10</v>
      </c>
      <c r="G766" t="s">
        <v>23</v>
      </c>
      <c r="H766" t="s">
        <v>989</v>
      </c>
      <c r="I766">
        <v>99.2</v>
      </c>
      <c r="J766">
        <v>5</v>
      </c>
      <c r="K766">
        <v>25.79</v>
      </c>
    </row>
    <row r="767" spans="1:11" x14ac:dyDescent="0.3">
      <c r="A767" s="1">
        <v>41841</v>
      </c>
      <c r="B767" s="3">
        <f t="shared" si="22"/>
        <v>7</v>
      </c>
      <c r="C767" s="3">
        <f t="shared" si="23"/>
        <v>2014</v>
      </c>
      <c r="D767" t="s">
        <v>988</v>
      </c>
      <c r="E767" t="s">
        <v>26</v>
      </c>
      <c r="F767" t="s">
        <v>33</v>
      </c>
      <c r="G767" t="s">
        <v>34</v>
      </c>
      <c r="H767" t="s">
        <v>990</v>
      </c>
      <c r="I767">
        <v>801.57</v>
      </c>
      <c r="J767">
        <v>2</v>
      </c>
      <c r="K767">
        <v>50.1</v>
      </c>
    </row>
    <row r="768" spans="1:11" x14ac:dyDescent="0.3">
      <c r="A768" s="1">
        <v>41841</v>
      </c>
      <c r="B768" s="3">
        <f t="shared" si="22"/>
        <v>7</v>
      </c>
      <c r="C768" s="3">
        <f t="shared" si="23"/>
        <v>2014</v>
      </c>
      <c r="D768" t="s">
        <v>988</v>
      </c>
      <c r="E768" t="s">
        <v>26</v>
      </c>
      <c r="F768" t="s">
        <v>33</v>
      </c>
      <c r="G768" t="s">
        <v>144</v>
      </c>
      <c r="H768" t="s">
        <v>321</v>
      </c>
      <c r="I768">
        <v>272.85000000000002</v>
      </c>
      <c r="J768">
        <v>1</v>
      </c>
      <c r="K768">
        <v>27.28</v>
      </c>
    </row>
    <row r="769" spans="1:11" x14ac:dyDescent="0.3">
      <c r="A769" s="1">
        <v>41841</v>
      </c>
      <c r="B769" s="3">
        <f t="shared" si="22"/>
        <v>7</v>
      </c>
      <c r="C769" s="3">
        <f t="shared" si="23"/>
        <v>2014</v>
      </c>
      <c r="D769" t="s">
        <v>991</v>
      </c>
      <c r="E769" t="s">
        <v>9</v>
      </c>
      <c r="F769" t="s">
        <v>10</v>
      </c>
      <c r="G769" t="s">
        <v>91</v>
      </c>
      <c r="H769" t="s">
        <v>685</v>
      </c>
      <c r="I769">
        <v>4.99</v>
      </c>
      <c r="J769">
        <v>3</v>
      </c>
      <c r="K769">
        <v>-12.98</v>
      </c>
    </row>
    <row r="770" spans="1:11" x14ac:dyDescent="0.3">
      <c r="A770" s="1">
        <v>41841</v>
      </c>
      <c r="B770" s="3">
        <f t="shared" ref="B770:B833" si="24">MONTH(A:A)</f>
        <v>7</v>
      </c>
      <c r="C770" s="3">
        <f t="shared" ref="C770:C833" si="25">YEAR(A:A)</f>
        <v>2014</v>
      </c>
      <c r="D770" t="s">
        <v>991</v>
      </c>
      <c r="E770" t="s">
        <v>9</v>
      </c>
      <c r="F770" t="s">
        <v>10</v>
      </c>
      <c r="G770" t="s">
        <v>62</v>
      </c>
      <c r="H770" t="s">
        <v>992</v>
      </c>
      <c r="I770">
        <v>87.92</v>
      </c>
      <c r="J770">
        <v>5</v>
      </c>
      <c r="K770">
        <v>29.67</v>
      </c>
    </row>
    <row r="771" spans="1:11" x14ac:dyDescent="0.3">
      <c r="A771" s="1">
        <v>41841</v>
      </c>
      <c r="B771" s="3">
        <f t="shared" si="24"/>
        <v>7</v>
      </c>
      <c r="C771" s="3">
        <f t="shared" si="25"/>
        <v>2014</v>
      </c>
      <c r="D771" t="s">
        <v>991</v>
      </c>
      <c r="E771" t="s">
        <v>9</v>
      </c>
      <c r="F771" t="s">
        <v>33</v>
      </c>
      <c r="G771" t="s">
        <v>34</v>
      </c>
      <c r="H771" t="s">
        <v>993</v>
      </c>
      <c r="I771">
        <v>657.93</v>
      </c>
      <c r="J771">
        <v>5</v>
      </c>
      <c r="K771">
        <v>-93.99</v>
      </c>
    </row>
    <row r="772" spans="1:11" x14ac:dyDescent="0.3">
      <c r="A772" s="1">
        <v>41841</v>
      </c>
      <c r="B772" s="3">
        <f t="shared" si="24"/>
        <v>7</v>
      </c>
      <c r="C772" s="3">
        <f t="shared" si="25"/>
        <v>2014</v>
      </c>
      <c r="D772" t="s">
        <v>991</v>
      </c>
      <c r="E772" t="s">
        <v>9</v>
      </c>
      <c r="F772" t="s">
        <v>10</v>
      </c>
      <c r="G772" t="s">
        <v>19</v>
      </c>
      <c r="H772" t="s">
        <v>994</v>
      </c>
      <c r="I772">
        <v>1.04</v>
      </c>
      <c r="J772">
        <v>1</v>
      </c>
      <c r="K772">
        <v>-1.83</v>
      </c>
    </row>
    <row r="773" spans="1:11" x14ac:dyDescent="0.3">
      <c r="A773" s="1">
        <v>41841</v>
      </c>
      <c r="B773" s="3">
        <f t="shared" si="24"/>
        <v>7</v>
      </c>
      <c r="C773" s="3">
        <f t="shared" si="25"/>
        <v>2014</v>
      </c>
      <c r="D773" t="s">
        <v>634</v>
      </c>
      <c r="E773" t="s">
        <v>995</v>
      </c>
      <c r="F773" t="s">
        <v>38</v>
      </c>
      <c r="G773" t="s">
        <v>39</v>
      </c>
      <c r="H773" t="s">
        <v>390</v>
      </c>
      <c r="I773">
        <v>35.979999999999997</v>
      </c>
      <c r="J773">
        <v>2</v>
      </c>
      <c r="K773">
        <v>10.07</v>
      </c>
    </row>
    <row r="774" spans="1:11" x14ac:dyDescent="0.3">
      <c r="A774" s="1">
        <v>41842</v>
      </c>
      <c r="B774" s="3">
        <f t="shared" si="24"/>
        <v>7</v>
      </c>
      <c r="C774" s="3">
        <f t="shared" si="25"/>
        <v>2014</v>
      </c>
      <c r="D774" t="s">
        <v>996</v>
      </c>
      <c r="E774" t="s">
        <v>148</v>
      </c>
      <c r="F774" t="s">
        <v>10</v>
      </c>
      <c r="G774" t="s">
        <v>23</v>
      </c>
      <c r="H774" t="s">
        <v>997</v>
      </c>
      <c r="I774">
        <v>5.96</v>
      </c>
      <c r="J774">
        <v>2</v>
      </c>
      <c r="K774">
        <v>1.67</v>
      </c>
    </row>
    <row r="775" spans="1:11" x14ac:dyDescent="0.3">
      <c r="A775" s="1">
        <v>41842</v>
      </c>
      <c r="B775" s="3">
        <f t="shared" si="24"/>
        <v>7</v>
      </c>
      <c r="C775" s="3">
        <f t="shared" si="25"/>
        <v>2014</v>
      </c>
      <c r="D775" t="s">
        <v>996</v>
      </c>
      <c r="E775" t="s">
        <v>148</v>
      </c>
      <c r="F775" t="s">
        <v>38</v>
      </c>
      <c r="G775" t="s">
        <v>51</v>
      </c>
      <c r="H775" t="s">
        <v>998</v>
      </c>
      <c r="I775">
        <v>159.97999999999999</v>
      </c>
      <c r="J775">
        <v>2</v>
      </c>
      <c r="K775">
        <v>57.59</v>
      </c>
    </row>
    <row r="776" spans="1:11" x14ac:dyDescent="0.3">
      <c r="A776" s="1">
        <v>41842</v>
      </c>
      <c r="B776" s="3">
        <f t="shared" si="24"/>
        <v>7</v>
      </c>
      <c r="C776" s="3">
        <f t="shared" si="25"/>
        <v>2014</v>
      </c>
      <c r="D776" t="s">
        <v>666</v>
      </c>
      <c r="E776" t="s">
        <v>26</v>
      </c>
      <c r="F776" t="s">
        <v>10</v>
      </c>
      <c r="G776" t="s">
        <v>23</v>
      </c>
      <c r="H776" t="s">
        <v>999</v>
      </c>
      <c r="I776">
        <v>11.52</v>
      </c>
      <c r="J776">
        <v>4</v>
      </c>
      <c r="K776">
        <v>3.23</v>
      </c>
    </row>
    <row r="777" spans="1:11" x14ac:dyDescent="0.3">
      <c r="A777" s="1">
        <v>41842</v>
      </c>
      <c r="B777" s="3">
        <f t="shared" si="24"/>
        <v>7</v>
      </c>
      <c r="C777" s="3">
        <f t="shared" si="25"/>
        <v>2014</v>
      </c>
      <c r="D777" t="s">
        <v>666</v>
      </c>
      <c r="E777" t="s">
        <v>26</v>
      </c>
      <c r="F777" t="s">
        <v>33</v>
      </c>
      <c r="G777" t="s">
        <v>34</v>
      </c>
      <c r="H777" t="s">
        <v>917</v>
      </c>
      <c r="I777">
        <v>717.72</v>
      </c>
      <c r="J777">
        <v>3</v>
      </c>
      <c r="K777">
        <v>71.77</v>
      </c>
    </row>
    <row r="778" spans="1:11" x14ac:dyDescent="0.3">
      <c r="A778" s="1">
        <v>41842</v>
      </c>
      <c r="B778" s="3">
        <f t="shared" si="24"/>
        <v>7</v>
      </c>
      <c r="C778" s="3">
        <f t="shared" si="25"/>
        <v>2014</v>
      </c>
      <c r="D778" t="s">
        <v>666</v>
      </c>
      <c r="E778" t="s">
        <v>26</v>
      </c>
      <c r="F778" t="s">
        <v>10</v>
      </c>
      <c r="G778" t="s">
        <v>17</v>
      </c>
      <c r="H778" t="s">
        <v>1000</v>
      </c>
      <c r="I778">
        <v>236.5</v>
      </c>
      <c r="J778">
        <v>10</v>
      </c>
      <c r="K778">
        <v>68.59</v>
      </c>
    </row>
    <row r="779" spans="1:11" x14ac:dyDescent="0.3">
      <c r="A779" s="1">
        <v>41842</v>
      </c>
      <c r="B779" s="3">
        <f t="shared" si="24"/>
        <v>7</v>
      </c>
      <c r="C779" s="3">
        <f t="shared" si="25"/>
        <v>2014</v>
      </c>
      <c r="D779" t="s">
        <v>666</v>
      </c>
      <c r="E779" t="s">
        <v>26</v>
      </c>
      <c r="F779" t="s">
        <v>33</v>
      </c>
      <c r="G779" t="s">
        <v>144</v>
      </c>
      <c r="H779" t="s">
        <v>1001</v>
      </c>
      <c r="I779">
        <v>170.35</v>
      </c>
      <c r="J779">
        <v>3</v>
      </c>
      <c r="K779">
        <v>19.16</v>
      </c>
    </row>
    <row r="780" spans="1:11" x14ac:dyDescent="0.3">
      <c r="A780" s="1">
        <v>41842</v>
      </c>
      <c r="B780" s="3">
        <f t="shared" si="24"/>
        <v>7</v>
      </c>
      <c r="C780" s="3">
        <f t="shared" si="25"/>
        <v>2014</v>
      </c>
      <c r="D780" t="s">
        <v>1002</v>
      </c>
      <c r="E780" t="s">
        <v>26</v>
      </c>
      <c r="F780" t="s">
        <v>10</v>
      </c>
      <c r="G780" t="s">
        <v>23</v>
      </c>
      <c r="H780" t="s">
        <v>458</v>
      </c>
      <c r="I780">
        <v>19.68</v>
      </c>
      <c r="J780">
        <v>6</v>
      </c>
      <c r="K780">
        <v>6.49</v>
      </c>
    </row>
    <row r="781" spans="1:11" x14ac:dyDescent="0.3">
      <c r="A781" s="1">
        <v>41842</v>
      </c>
      <c r="B781" s="3">
        <f t="shared" si="24"/>
        <v>7</v>
      </c>
      <c r="C781" s="3">
        <f t="shared" si="25"/>
        <v>2014</v>
      </c>
      <c r="D781" t="s">
        <v>1003</v>
      </c>
      <c r="E781" t="s">
        <v>9</v>
      </c>
      <c r="F781" t="s">
        <v>10</v>
      </c>
      <c r="G781" t="s">
        <v>17</v>
      </c>
      <c r="H781" t="s">
        <v>114</v>
      </c>
      <c r="I781">
        <v>26.63</v>
      </c>
      <c r="J781">
        <v>1</v>
      </c>
      <c r="K781">
        <v>1.33</v>
      </c>
    </row>
    <row r="782" spans="1:11" x14ac:dyDescent="0.3">
      <c r="A782" s="1">
        <v>41843</v>
      </c>
      <c r="B782" s="3">
        <f t="shared" si="24"/>
        <v>7</v>
      </c>
      <c r="C782" s="3">
        <f t="shared" si="25"/>
        <v>2014</v>
      </c>
      <c r="D782" t="s">
        <v>1004</v>
      </c>
      <c r="E782" t="s">
        <v>94</v>
      </c>
      <c r="F782" t="s">
        <v>10</v>
      </c>
      <c r="G782" t="s">
        <v>19</v>
      </c>
      <c r="H782" t="s">
        <v>979</v>
      </c>
      <c r="I782">
        <v>8.16</v>
      </c>
      <c r="J782">
        <v>5</v>
      </c>
      <c r="K782">
        <v>-5.71</v>
      </c>
    </row>
    <row r="783" spans="1:11" x14ac:dyDescent="0.3">
      <c r="A783" s="1">
        <v>41843</v>
      </c>
      <c r="B783" s="3">
        <f t="shared" si="24"/>
        <v>7</v>
      </c>
      <c r="C783" s="3">
        <f t="shared" si="25"/>
        <v>2014</v>
      </c>
      <c r="D783" t="s">
        <v>1004</v>
      </c>
      <c r="E783" t="s">
        <v>94</v>
      </c>
      <c r="F783" t="s">
        <v>38</v>
      </c>
      <c r="G783" t="s">
        <v>51</v>
      </c>
      <c r="H783" t="s">
        <v>904</v>
      </c>
      <c r="I783">
        <v>1023.94</v>
      </c>
      <c r="J783">
        <v>8</v>
      </c>
      <c r="K783">
        <v>179.19</v>
      </c>
    </row>
    <row r="784" spans="1:11" x14ac:dyDescent="0.3">
      <c r="A784" s="1">
        <v>41843</v>
      </c>
      <c r="B784" s="3">
        <f t="shared" si="24"/>
        <v>7</v>
      </c>
      <c r="C784" s="3">
        <f t="shared" si="25"/>
        <v>2014</v>
      </c>
      <c r="D784" t="s">
        <v>1004</v>
      </c>
      <c r="E784" t="s">
        <v>94</v>
      </c>
      <c r="F784" t="s">
        <v>10</v>
      </c>
      <c r="G784" t="s">
        <v>23</v>
      </c>
      <c r="H784" t="s">
        <v>1005</v>
      </c>
      <c r="I784">
        <v>9.24</v>
      </c>
      <c r="J784">
        <v>1</v>
      </c>
      <c r="K784">
        <v>0.92</v>
      </c>
    </row>
    <row r="785" spans="1:11" x14ac:dyDescent="0.3">
      <c r="A785" s="1">
        <v>41843</v>
      </c>
      <c r="B785" s="3">
        <f t="shared" si="24"/>
        <v>7</v>
      </c>
      <c r="C785" s="3">
        <f t="shared" si="25"/>
        <v>2014</v>
      </c>
      <c r="D785" t="s">
        <v>1004</v>
      </c>
      <c r="E785" t="s">
        <v>94</v>
      </c>
      <c r="F785" t="s">
        <v>38</v>
      </c>
      <c r="G785" t="s">
        <v>51</v>
      </c>
      <c r="H785" t="s">
        <v>1006</v>
      </c>
      <c r="I785">
        <v>479.04</v>
      </c>
      <c r="J785">
        <v>10</v>
      </c>
      <c r="K785">
        <v>-29.94</v>
      </c>
    </row>
    <row r="786" spans="1:11" x14ac:dyDescent="0.3">
      <c r="A786" s="1">
        <v>41843</v>
      </c>
      <c r="B786" s="3">
        <f t="shared" si="24"/>
        <v>7</v>
      </c>
      <c r="C786" s="3">
        <f t="shared" si="25"/>
        <v>2014</v>
      </c>
      <c r="D786" t="s">
        <v>663</v>
      </c>
      <c r="E786" t="s">
        <v>148</v>
      </c>
      <c r="F786" t="s">
        <v>38</v>
      </c>
      <c r="G786" t="s">
        <v>51</v>
      </c>
      <c r="H786" t="s">
        <v>1007</v>
      </c>
      <c r="I786">
        <v>99.98</v>
      </c>
      <c r="J786">
        <v>2</v>
      </c>
      <c r="K786">
        <v>8</v>
      </c>
    </row>
    <row r="787" spans="1:11" x14ac:dyDescent="0.3">
      <c r="A787" s="1">
        <v>41843</v>
      </c>
      <c r="B787" s="3">
        <f t="shared" si="24"/>
        <v>7</v>
      </c>
      <c r="C787" s="3">
        <f t="shared" si="25"/>
        <v>2014</v>
      </c>
      <c r="D787" t="s">
        <v>1008</v>
      </c>
      <c r="E787" t="s">
        <v>26</v>
      </c>
      <c r="F787" t="s">
        <v>38</v>
      </c>
      <c r="G787" t="s">
        <v>39</v>
      </c>
      <c r="H787" t="s">
        <v>719</v>
      </c>
      <c r="I787">
        <v>604.75</v>
      </c>
      <c r="J787">
        <v>6</v>
      </c>
      <c r="K787">
        <v>60.48</v>
      </c>
    </row>
    <row r="788" spans="1:11" x14ac:dyDescent="0.3">
      <c r="A788" s="1">
        <v>41843</v>
      </c>
      <c r="B788" s="3">
        <f t="shared" si="24"/>
        <v>7</v>
      </c>
      <c r="C788" s="3">
        <f t="shared" si="25"/>
        <v>2014</v>
      </c>
      <c r="D788" t="s">
        <v>1008</v>
      </c>
      <c r="E788" t="s">
        <v>26</v>
      </c>
      <c r="F788" t="s">
        <v>10</v>
      </c>
      <c r="G788" t="s">
        <v>199</v>
      </c>
      <c r="H788" t="s">
        <v>1009</v>
      </c>
      <c r="I788">
        <v>40.700000000000003</v>
      </c>
      <c r="J788">
        <v>5</v>
      </c>
      <c r="K788">
        <v>11.8</v>
      </c>
    </row>
    <row r="789" spans="1:11" x14ac:dyDescent="0.3">
      <c r="A789" s="1">
        <v>41843</v>
      </c>
      <c r="B789" s="3">
        <f t="shared" si="24"/>
        <v>7</v>
      </c>
      <c r="C789" s="3">
        <f t="shared" si="25"/>
        <v>2014</v>
      </c>
      <c r="D789" t="s">
        <v>1008</v>
      </c>
      <c r="E789" t="s">
        <v>26</v>
      </c>
      <c r="F789" t="s">
        <v>38</v>
      </c>
      <c r="G789" t="s">
        <v>39</v>
      </c>
      <c r="H789" t="s">
        <v>567</v>
      </c>
      <c r="I789">
        <v>302.38</v>
      </c>
      <c r="J789">
        <v>3</v>
      </c>
      <c r="K789">
        <v>37.799999999999997</v>
      </c>
    </row>
    <row r="790" spans="1:11" x14ac:dyDescent="0.3">
      <c r="A790" s="1">
        <v>41843</v>
      </c>
      <c r="B790" s="3">
        <f t="shared" si="24"/>
        <v>7</v>
      </c>
      <c r="C790" s="3">
        <f t="shared" si="25"/>
        <v>2014</v>
      </c>
      <c r="D790" t="s">
        <v>1008</v>
      </c>
      <c r="E790" t="s">
        <v>26</v>
      </c>
      <c r="F790" t="s">
        <v>38</v>
      </c>
      <c r="G790" t="s">
        <v>51</v>
      </c>
      <c r="H790" t="s">
        <v>1010</v>
      </c>
      <c r="I790">
        <v>45</v>
      </c>
      <c r="J790">
        <v>3</v>
      </c>
      <c r="K790">
        <v>4.95</v>
      </c>
    </row>
    <row r="791" spans="1:11" x14ac:dyDescent="0.3">
      <c r="A791" s="1">
        <v>41845</v>
      </c>
      <c r="B791" s="3">
        <f t="shared" si="24"/>
        <v>7</v>
      </c>
      <c r="C791" s="3">
        <f t="shared" si="25"/>
        <v>2014</v>
      </c>
      <c r="D791" t="s">
        <v>1011</v>
      </c>
      <c r="E791" t="s">
        <v>26</v>
      </c>
      <c r="F791" t="s">
        <v>10</v>
      </c>
      <c r="G791" t="s">
        <v>17</v>
      </c>
      <c r="H791" t="s">
        <v>1012</v>
      </c>
      <c r="I791">
        <v>53.72</v>
      </c>
      <c r="J791">
        <v>4</v>
      </c>
      <c r="K791">
        <v>15.04</v>
      </c>
    </row>
    <row r="792" spans="1:11" x14ac:dyDescent="0.3">
      <c r="A792" s="1">
        <v>41845</v>
      </c>
      <c r="B792" s="3">
        <f t="shared" si="24"/>
        <v>7</v>
      </c>
      <c r="C792" s="3">
        <f t="shared" si="25"/>
        <v>2014</v>
      </c>
      <c r="D792" t="s">
        <v>1011</v>
      </c>
      <c r="E792" t="s">
        <v>26</v>
      </c>
      <c r="F792" t="s">
        <v>10</v>
      </c>
      <c r="G792" t="s">
        <v>199</v>
      </c>
      <c r="H792" t="s">
        <v>1013</v>
      </c>
      <c r="I792">
        <v>8187.65</v>
      </c>
      <c r="J792">
        <v>5</v>
      </c>
      <c r="K792">
        <v>327.51</v>
      </c>
    </row>
    <row r="793" spans="1:11" x14ac:dyDescent="0.3">
      <c r="A793" s="1">
        <v>41845</v>
      </c>
      <c r="B793" s="3">
        <f t="shared" si="24"/>
        <v>7</v>
      </c>
      <c r="C793" s="3">
        <f t="shared" si="25"/>
        <v>2014</v>
      </c>
      <c r="D793" t="s">
        <v>1011</v>
      </c>
      <c r="E793" t="s">
        <v>26</v>
      </c>
      <c r="F793" t="s">
        <v>33</v>
      </c>
      <c r="G793" t="s">
        <v>46</v>
      </c>
      <c r="H793" t="s">
        <v>1014</v>
      </c>
      <c r="I793">
        <v>77.92</v>
      </c>
      <c r="J793">
        <v>8</v>
      </c>
      <c r="K793">
        <v>34.28</v>
      </c>
    </row>
    <row r="794" spans="1:11" x14ac:dyDescent="0.3">
      <c r="A794" s="1">
        <v>41845</v>
      </c>
      <c r="B794" s="3">
        <f t="shared" si="24"/>
        <v>7</v>
      </c>
      <c r="C794" s="3">
        <f t="shared" si="25"/>
        <v>2014</v>
      </c>
      <c r="D794" t="s">
        <v>229</v>
      </c>
      <c r="E794" t="s">
        <v>26</v>
      </c>
      <c r="F794" t="s">
        <v>10</v>
      </c>
      <c r="G794" t="s">
        <v>11</v>
      </c>
      <c r="H794" t="s">
        <v>326</v>
      </c>
      <c r="I794">
        <v>6.48</v>
      </c>
      <c r="J794">
        <v>1</v>
      </c>
      <c r="K794">
        <v>3.18</v>
      </c>
    </row>
    <row r="795" spans="1:11" x14ac:dyDescent="0.3">
      <c r="A795" s="1">
        <v>41845</v>
      </c>
      <c r="B795" s="3">
        <f t="shared" si="24"/>
        <v>7</v>
      </c>
      <c r="C795" s="3">
        <f t="shared" si="25"/>
        <v>2014</v>
      </c>
      <c r="D795" t="s">
        <v>229</v>
      </c>
      <c r="E795" t="s">
        <v>26</v>
      </c>
      <c r="F795" t="s">
        <v>10</v>
      </c>
      <c r="G795" t="s">
        <v>199</v>
      </c>
      <c r="H795" t="s">
        <v>869</v>
      </c>
      <c r="I795">
        <v>15.52</v>
      </c>
      <c r="J795">
        <v>4</v>
      </c>
      <c r="K795">
        <v>4.5</v>
      </c>
    </row>
    <row r="796" spans="1:11" x14ac:dyDescent="0.3">
      <c r="A796" s="1">
        <v>41846</v>
      </c>
      <c r="B796" s="3">
        <f t="shared" si="24"/>
        <v>7</v>
      </c>
      <c r="C796" s="3">
        <f t="shared" si="25"/>
        <v>2014</v>
      </c>
      <c r="D796" t="s">
        <v>1015</v>
      </c>
      <c r="E796" t="s">
        <v>14</v>
      </c>
      <c r="F796" t="s">
        <v>10</v>
      </c>
      <c r="G796" t="s">
        <v>17</v>
      </c>
      <c r="H796" t="s">
        <v>1016</v>
      </c>
      <c r="I796">
        <v>123.55</v>
      </c>
      <c r="J796">
        <v>3</v>
      </c>
      <c r="K796">
        <v>-29.34</v>
      </c>
    </row>
    <row r="797" spans="1:11" x14ac:dyDescent="0.3">
      <c r="A797" s="1">
        <v>41846</v>
      </c>
      <c r="B797" s="3">
        <f t="shared" si="24"/>
        <v>7</v>
      </c>
      <c r="C797" s="3">
        <f t="shared" si="25"/>
        <v>2014</v>
      </c>
      <c r="D797" t="s">
        <v>404</v>
      </c>
      <c r="E797" t="s">
        <v>125</v>
      </c>
      <c r="F797" t="s">
        <v>38</v>
      </c>
      <c r="G797" t="s">
        <v>39</v>
      </c>
      <c r="H797" t="s">
        <v>1017</v>
      </c>
      <c r="I797">
        <v>911.98</v>
      </c>
      <c r="J797">
        <v>2</v>
      </c>
      <c r="K797">
        <v>114</v>
      </c>
    </row>
    <row r="798" spans="1:11" x14ac:dyDescent="0.3">
      <c r="A798" s="1">
        <v>41846</v>
      </c>
      <c r="B798" s="3">
        <f t="shared" si="24"/>
        <v>7</v>
      </c>
      <c r="C798" s="3">
        <f t="shared" si="25"/>
        <v>2014</v>
      </c>
      <c r="D798" t="s">
        <v>404</v>
      </c>
      <c r="E798" t="s">
        <v>125</v>
      </c>
      <c r="F798" t="s">
        <v>33</v>
      </c>
      <c r="G798" t="s">
        <v>34</v>
      </c>
      <c r="H798" t="s">
        <v>1018</v>
      </c>
      <c r="I798">
        <v>674.35</v>
      </c>
      <c r="J798">
        <v>3</v>
      </c>
      <c r="K798">
        <v>-109.58</v>
      </c>
    </row>
    <row r="799" spans="1:11" x14ac:dyDescent="0.3">
      <c r="A799" s="1">
        <v>41846</v>
      </c>
      <c r="B799" s="3">
        <f t="shared" si="24"/>
        <v>7</v>
      </c>
      <c r="C799" s="3">
        <f t="shared" si="25"/>
        <v>2014</v>
      </c>
      <c r="D799" t="s">
        <v>404</v>
      </c>
      <c r="E799" t="s">
        <v>125</v>
      </c>
      <c r="F799" t="s">
        <v>33</v>
      </c>
      <c r="G799" t="s">
        <v>46</v>
      </c>
      <c r="H799" t="s">
        <v>1019</v>
      </c>
      <c r="I799">
        <v>134.01</v>
      </c>
      <c r="J799">
        <v>9</v>
      </c>
      <c r="K799">
        <v>36.18</v>
      </c>
    </row>
    <row r="800" spans="1:11" x14ac:dyDescent="0.3">
      <c r="A800" s="1">
        <v>41846</v>
      </c>
      <c r="B800" s="3">
        <f t="shared" si="24"/>
        <v>7</v>
      </c>
      <c r="C800" s="3">
        <f t="shared" si="25"/>
        <v>2014</v>
      </c>
      <c r="D800" t="s">
        <v>404</v>
      </c>
      <c r="E800" t="s">
        <v>125</v>
      </c>
      <c r="F800" t="s">
        <v>38</v>
      </c>
      <c r="G800" t="s">
        <v>51</v>
      </c>
      <c r="H800" t="s">
        <v>1020</v>
      </c>
      <c r="I800">
        <v>170.97</v>
      </c>
      <c r="J800">
        <v>3</v>
      </c>
      <c r="K800">
        <v>70.099999999999994</v>
      </c>
    </row>
    <row r="801" spans="1:11" x14ac:dyDescent="0.3">
      <c r="A801" s="1">
        <v>41846</v>
      </c>
      <c r="B801" s="3">
        <f t="shared" si="24"/>
        <v>7</v>
      </c>
      <c r="C801" s="3">
        <f t="shared" si="25"/>
        <v>2014</v>
      </c>
      <c r="D801" t="s">
        <v>28</v>
      </c>
      <c r="E801" t="s">
        <v>295</v>
      </c>
      <c r="F801" t="s">
        <v>38</v>
      </c>
      <c r="G801" t="s">
        <v>51</v>
      </c>
      <c r="H801" t="s">
        <v>1021</v>
      </c>
      <c r="I801">
        <v>111.93</v>
      </c>
      <c r="J801">
        <v>7</v>
      </c>
      <c r="K801">
        <v>34.700000000000003</v>
      </c>
    </row>
    <row r="802" spans="1:11" x14ac:dyDescent="0.3">
      <c r="A802" s="1">
        <v>41846</v>
      </c>
      <c r="B802" s="3">
        <f t="shared" si="24"/>
        <v>7</v>
      </c>
      <c r="C802" s="3">
        <f t="shared" si="25"/>
        <v>2014</v>
      </c>
      <c r="D802" t="s">
        <v>1022</v>
      </c>
      <c r="E802" t="s">
        <v>29</v>
      </c>
      <c r="F802" t="s">
        <v>33</v>
      </c>
      <c r="G802" t="s">
        <v>34</v>
      </c>
      <c r="H802" t="s">
        <v>1023</v>
      </c>
      <c r="I802">
        <v>67.88</v>
      </c>
      <c r="J802">
        <v>2</v>
      </c>
      <c r="K802">
        <v>18.329999999999998</v>
      </c>
    </row>
    <row r="803" spans="1:11" x14ac:dyDescent="0.3">
      <c r="A803" s="1">
        <v>41846</v>
      </c>
      <c r="B803" s="3">
        <f t="shared" si="24"/>
        <v>7</v>
      </c>
      <c r="C803" s="3">
        <f t="shared" si="25"/>
        <v>2014</v>
      </c>
      <c r="D803" t="s">
        <v>1022</v>
      </c>
      <c r="E803" t="s">
        <v>29</v>
      </c>
      <c r="F803" t="s">
        <v>10</v>
      </c>
      <c r="G803" t="s">
        <v>15</v>
      </c>
      <c r="H803" t="s">
        <v>1024</v>
      </c>
      <c r="I803">
        <v>162.88999999999999</v>
      </c>
      <c r="J803">
        <v>13</v>
      </c>
      <c r="K803">
        <v>76.56</v>
      </c>
    </row>
    <row r="804" spans="1:11" x14ac:dyDescent="0.3">
      <c r="A804" s="1">
        <v>41846</v>
      </c>
      <c r="B804" s="3">
        <f t="shared" si="24"/>
        <v>7</v>
      </c>
      <c r="C804" s="3">
        <f t="shared" si="25"/>
        <v>2014</v>
      </c>
      <c r="D804" t="s">
        <v>1022</v>
      </c>
      <c r="E804" t="s">
        <v>29</v>
      </c>
      <c r="F804" t="s">
        <v>33</v>
      </c>
      <c r="G804" t="s">
        <v>46</v>
      </c>
      <c r="H804" t="s">
        <v>1025</v>
      </c>
      <c r="I804">
        <v>25.71</v>
      </c>
      <c r="J804">
        <v>3</v>
      </c>
      <c r="K804">
        <v>9.26</v>
      </c>
    </row>
    <row r="805" spans="1:11" x14ac:dyDescent="0.3">
      <c r="A805" s="1">
        <v>41846</v>
      </c>
      <c r="B805" s="3">
        <f t="shared" si="24"/>
        <v>7</v>
      </c>
      <c r="C805" s="3">
        <f t="shared" si="25"/>
        <v>2014</v>
      </c>
      <c r="D805" t="s">
        <v>1026</v>
      </c>
      <c r="E805" t="s">
        <v>9</v>
      </c>
      <c r="F805" t="s">
        <v>10</v>
      </c>
      <c r="G805" t="s">
        <v>19</v>
      </c>
      <c r="H805" t="s">
        <v>827</v>
      </c>
      <c r="I805">
        <v>2177.58</v>
      </c>
      <c r="J805">
        <v>8</v>
      </c>
      <c r="K805">
        <v>-3701.89</v>
      </c>
    </row>
    <row r="806" spans="1:11" x14ac:dyDescent="0.3">
      <c r="A806" s="1">
        <v>41846</v>
      </c>
      <c r="B806" s="3">
        <f t="shared" si="24"/>
        <v>7</v>
      </c>
      <c r="C806" s="3">
        <f t="shared" si="25"/>
        <v>2014</v>
      </c>
      <c r="D806" t="s">
        <v>1026</v>
      </c>
      <c r="E806" t="s">
        <v>9</v>
      </c>
      <c r="F806" t="s">
        <v>33</v>
      </c>
      <c r="G806" t="s">
        <v>46</v>
      </c>
      <c r="H806" t="s">
        <v>1027</v>
      </c>
      <c r="I806">
        <v>17.5</v>
      </c>
      <c r="J806">
        <v>3</v>
      </c>
      <c r="K806">
        <v>-10.06</v>
      </c>
    </row>
    <row r="807" spans="1:11" x14ac:dyDescent="0.3">
      <c r="A807" s="1">
        <v>41846</v>
      </c>
      <c r="B807" s="3">
        <f t="shared" si="24"/>
        <v>7</v>
      </c>
      <c r="C807" s="3">
        <f t="shared" si="25"/>
        <v>2014</v>
      </c>
      <c r="D807" t="s">
        <v>1026</v>
      </c>
      <c r="E807" t="s">
        <v>9</v>
      </c>
      <c r="F807" t="s">
        <v>10</v>
      </c>
      <c r="G807" t="s">
        <v>19</v>
      </c>
      <c r="H807" t="s">
        <v>1028</v>
      </c>
      <c r="I807">
        <v>16.78</v>
      </c>
      <c r="J807">
        <v>4</v>
      </c>
      <c r="K807">
        <v>-26.85</v>
      </c>
    </row>
    <row r="808" spans="1:11" x14ac:dyDescent="0.3">
      <c r="A808" s="1">
        <v>41846</v>
      </c>
      <c r="B808" s="3">
        <f t="shared" si="24"/>
        <v>7</v>
      </c>
      <c r="C808" s="3">
        <f t="shared" si="25"/>
        <v>2014</v>
      </c>
      <c r="D808" t="s">
        <v>1026</v>
      </c>
      <c r="E808" t="s">
        <v>9</v>
      </c>
      <c r="F808" t="s">
        <v>38</v>
      </c>
      <c r="G808" t="s">
        <v>51</v>
      </c>
      <c r="H808" t="s">
        <v>1006</v>
      </c>
      <c r="I808">
        <v>431.14</v>
      </c>
      <c r="J808">
        <v>9</v>
      </c>
      <c r="K808">
        <v>-26.95</v>
      </c>
    </row>
    <row r="809" spans="1:11" x14ac:dyDescent="0.3">
      <c r="A809" s="1">
        <v>41846</v>
      </c>
      <c r="B809" s="3">
        <f t="shared" si="24"/>
        <v>7</v>
      </c>
      <c r="C809" s="3">
        <f t="shared" si="25"/>
        <v>2014</v>
      </c>
      <c r="D809" t="s">
        <v>1026</v>
      </c>
      <c r="E809" t="s">
        <v>9</v>
      </c>
      <c r="F809" t="s">
        <v>10</v>
      </c>
      <c r="G809" t="s">
        <v>19</v>
      </c>
      <c r="H809" t="s">
        <v>1029</v>
      </c>
      <c r="I809">
        <v>8.8800000000000008</v>
      </c>
      <c r="J809">
        <v>5</v>
      </c>
      <c r="K809">
        <v>-13.32</v>
      </c>
    </row>
    <row r="810" spans="1:11" x14ac:dyDescent="0.3">
      <c r="A810" s="1">
        <v>41846</v>
      </c>
      <c r="B810" s="3">
        <f t="shared" si="24"/>
        <v>7</v>
      </c>
      <c r="C810" s="3">
        <f t="shared" si="25"/>
        <v>2014</v>
      </c>
      <c r="D810" t="s">
        <v>1026</v>
      </c>
      <c r="E810" t="s">
        <v>9</v>
      </c>
      <c r="F810" t="s">
        <v>10</v>
      </c>
      <c r="G810" t="s">
        <v>91</v>
      </c>
      <c r="H810" t="s">
        <v>1030</v>
      </c>
      <c r="I810">
        <v>4.84</v>
      </c>
      <c r="J810">
        <v>2</v>
      </c>
      <c r="K810">
        <v>-12.09</v>
      </c>
    </row>
    <row r="811" spans="1:11" x14ac:dyDescent="0.3">
      <c r="A811" s="1">
        <v>41847</v>
      </c>
      <c r="B811" s="3">
        <f t="shared" si="24"/>
        <v>7</v>
      </c>
      <c r="C811" s="3">
        <f t="shared" si="25"/>
        <v>2014</v>
      </c>
      <c r="D811" t="s">
        <v>236</v>
      </c>
      <c r="E811" t="s">
        <v>26</v>
      </c>
      <c r="F811" t="s">
        <v>38</v>
      </c>
      <c r="G811" t="s">
        <v>51</v>
      </c>
      <c r="H811" t="s">
        <v>1031</v>
      </c>
      <c r="I811">
        <v>238</v>
      </c>
      <c r="J811">
        <v>2</v>
      </c>
      <c r="K811">
        <v>38.08</v>
      </c>
    </row>
    <row r="812" spans="1:11" x14ac:dyDescent="0.3">
      <c r="A812" s="1">
        <v>41847</v>
      </c>
      <c r="B812" s="3">
        <f t="shared" si="24"/>
        <v>7</v>
      </c>
      <c r="C812" s="3">
        <f t="shared" si="25"/>
        <v>2014</v>
      </c>
      <c r="D812" t="s">
        <v>1032</v>
      </c>
      <c r="E812" t="s">
        <v>148</v>
      </c>
      <c r="F812" t="s">
        <v>10</v>
      </c>
      <c r="G812" t="s">
        <v>11</v>
      </c>
      <c r="H812" t="s">
        <v>1033</v>
      </c>
      <c r="I812">
        <v>65.78</v>
      </c>
      <c r="J812">
        <v>11</v>
      </c>
      <c r="K812">
        <v>32.229999999999997</v>
      </c>
    </row>
    <row r="813" spans="1:11" x14ac:dyDescent="0.3">
      <c r="A813" s="1">
        <v>41847</v>
      </c>
      <c r="B813" s="3">
        <f t="shared" si="24"/>
        <v>7</v>
      </c>
      <c r="C813" s="3">
        <f t="shared" si="25"/>
        <v>2014</v>
      </c>
      <c r="D813" t="s">
        <v>1034</v>
      </c>
      <c r="E813" t="s">
        <v>26</v>
      </c>
      <c r="F813" t="s">
        <v>10</v>
      </c>
      <c r="G813" t="s">
        <v>17</v>
      </c>
      <c r="H813" t="s">
        <v>556</v>
      </c>
      <c r="I813">
        <v>276.27999999999997</v>
      </c>
      <c r="J813">
        <v>2</v>
      </c>
      <c r="K813">
        <v>0</v>
      </c>
    </row>
    <row r="814" spans="1:11" x14ac:dyDescent="0.3">
      <c r="A814" s="1">
        <v>41848</v>
      </c>
      <c r="B814" s="3">
        <f t="shared" si="24"/>
        <v>7</v>
      </c>
      <c r="C814" s="3">
        <f t="shared" si="25"/>
        <v>2014</v>
      </c>
      <c r="D814" t="s">
        <v>279</v>
      </c>
      <c r="E814" t="s">
        <v>122</v>
      </c>
      <c r="F814" t="s">
        <v>10</v>
      </c>
      <c r="G814" t="s">
        <v>42</v>
      </c>
      <c r="H814" t="s">
        <v>1035</v>
      </c>
      <c r="I814">
        <v>14.32</v>
      </c>
      <c r="J814">
        <v>5</v>
      </c>
      <c r="K814">
        <v>5.19</v>
      </c>
    </row>
    <row r="815" spans="1:11" x14ac:dyDescent="0.3">
      <c r="A815" s="1">
        <v>41848</v>
      </c>
      <c r="B815" s="3">
        <f t="shared" si="24"/>
        <v>7</v>
      </c>
      <c r="C815" s="3">
        <f t="shared" si="25"/>
        <v>2014</v>
      </c>
      <c r="D815" t="s">
        <v>279</v>
      </c>
      <c r="E815" t="s">
        <v>122</v>
      </c>
      <c r="F815" t="s">
        <v>33</v>
      </c>
      <c r="G815" t="s">
        <v>46</v>
      </c>
      <c r="H815" t="s">
        <v>1036</v>
      </c>
      <c r="I815">
        <v>129.88999999999999</v>
      </c>
      <c r="J815">
        <v>6</v>
      </c>
      <c r="K815">
        <v>12.99</v>
      </c>
    </row>
    <row r="816" spans="1:11" x14ac:dyDescent="0.3">
      <c r="A816" s="1">
        <v>41848</v>
      </c>
      <c r="B816" s="3">
        <f t="shared" si="24"/>
        <v>7</v>
      </c>
      <c r="C816" s="3">
        <f t="shared" si="25"/>
        <v>2014</v>
      </c>
      <c r="D816" t="s">
        <v>279</v>
      </c>
      <c r="E816" t="s">
        <v>122</v>
      </c>
      <c r="F816" t="s">
        <v>10</v>
      </c>
      <c r="G816" t="s">
        <v>62</v>
      </c>
      <c r="H816" t="s">
        <v>784</v>
      </c>
      <c r="I816">
        <v>48.94</v>
      </c>
      <c r="J816">
        <v>7</v>
      </c>
      <c r="K816">
        <v>16.52</v>
      </c>
    </row>
    <row r="817" spans="1:11" x14ac:dyDescent="0.3">
      <c r="A817" s="1">
        <v>41850</v>
      </c>
      <c r="B817" s="3">
        <f t="shared" si="24"/>
        <v>7</v>
      </c>
      <c r="C817" s="3">
        <f t="shared" si="25"/>
        <v>2014</v>
      </c>
      <c r="D817" t="s">
        <v>1037</v>
      </c>
      <c r="E817" t="s">
        <v>163</v>
      </c>
      <c r="F817" t="s">
        <v>33</v>
      </c>
      <c r="G817" t="s">
        <v>73</v>
      </c>
      <c r="H817" t="s">
        <v>1038</v>
      </c>
      <c r="I817">
        <v>1367.84</v>
      </c>
      <c r="J817">
        <v>8</v>
      </c>
      <c r="K817">
        <v>259.89</v>
      </c>
    </row>
    <row r="818" spans="1:11" x14ac:dyDescent="0.3">
      <c r="A818" s="1">
        <v>41852</v>
      </c>
      <c r="B818" s="3">
        <f t="shared" si="24"/>
        <v>8</v>
      </c>
      <c r="C818" s="3">
        <f t="shared" si="25"/>
        <v>2014</v>
      </c>
      <c r="D818" t="s">
        <v>958</v>
      </c>
      <c r="E818" t="s">
        <v>244</v>
      </c>
      <c r="F818" t="s">
        <v>10</v>
      </c>
      <c r="G818" t="s">
        <v>15</v>
      </c>
      <c r="H818" t="s">
        <v>1039</v>
      </c>
      <c r="I818">
        <v>17.54</v>
      </c>
      <c r="J818">
        <v>3</v>
      </c>
      <c r="K818">
        <v>5.92</v>
      </c>
    </row>
    <row r="819" spans="1:11" x14ac:dyDescent="0.3">
      <c r="A819" s="1">
        <v>41852</v>
      </c>
      <c r="B819" s="3">
        <f t="shared" si="24"/>
        <v>8</v>
      </c>
      <c r="C819" s="3">
        <f t="shared" si="25"/>
        <v>2014</v>
      </c>
      <c r="D819" t="s">
        <v>958</v>
      </c>
      <c r="E819" t="s">
        <v>244</v>
      </c>
      <c r="F819" t="s">
        <v>33</v>
      </c>
      <c r="G819" t="s">
        <v>46</v>
      </c>
      <c r="H819" t="s">
        <v>930</v>
      </c>
      <c r="I819">
        <v>44.13</v>
      </c>
      <c r="J819">
        <v>4</v>
      </c>
      <c r="K819">
        <v>12.14</v>
      </c>
    </row>
    <row r="820" spans="1:11" x14ac:dyDescent="0.3">
      <c r="A820" s="1">
        <v>41852</v>
      </c>
      <c r="B820" s="3">
        <f t="shared" si="24"/>
        <v>8</v>
      </c>
      <c r="C820" s="3">
        <f t="shared" si="25"/>
        <v>2014</v>
      </c>
      <c r="D820" t="s">
        <v>958</v>
      </c>
      <c r="E820" t="s">
        <v>244</v>
      </c>
      <c r="F820" t="s">
        <v>10</v>
      </c>
      <c r="G820" t="s">
        <v>91</v>
      </c>
      <c r="H820" t="s">
        <v>745</v>
      </c>
      <c r="I820">
        <v>62.92</v>
      </c>
      <c r="J820">
        <v>1</v>
      </c>
      <c r="K820">
        <v>10.220000000000001</v>
      </c>
    </row>
    <row r="821" spans="1:11" x14ac:dyDescent="0.3">
      <c r="A821" s="1">
        <v>41852</v>
      </c>
      <c r="B821" s="3">
        <f t="shared" si="24"/>
        <v>8</v>
      </c>
      <c r="C821" s="3">
        <f t="shared" si="25"/>
        <v>2014</v>
      </c>
      <c r="D821" t="s">
        <v>958</v>
      </c>
      <c r="E821" t="s">
        <v>244</v>
      </c>
      <c r="F821" t="s">
        <v>10</v>
      </c>
      <c r="G821" t="s">
        <v>11</v>
      </c>
      <c r="H821" t="s">
        <v>1040</v>
      </c>
      <c r="I821">
        <v>78.3</v>
      </c>
      <c r="J821">
        <v>2</v>
      </c>
      <c r="K821">
        <v>29.36</v>
      </c>
    </row>
    <row r="822" spans="1:11" x14ac:dyDescent="0.3">
      <c r="A822" s="1">
        <v>41852</v>
      </c>
      <c r="B822" s="3">
        <f t="shared" si="24"/>
        <v>8</v>
      </c>
      <c r="C822" s="3">
        <f t="shared" si="25"/>
        <v>2014</v>
      </c>
      <c r="D822" t="s">
        <v>1041</v>
      </c>
      <c r="E822" t="s">
        <v>26</v>
      </c>
      <c r="F822" t="s">
        <v>10</v>
      </c>
      <c r="G822" t="s">
        <v>19</v>
      </c>
      <c r="H822" t="s">
        <v>1042</v>
      </c>
      <c r="I822">
        <v>19.75</v>
      </c>
      <c r="J822">
        <v>3</v>
      </c>
      <c r="K822">
        <v>6.91</v>
      </c>
    </row>
    <row r="823" spans="1:11" x14ac:dyDescent="0.3">
      <c r="A823" s="1">
        <v>41852</v>
      </c>
      <c r="B823" s="3">
        <f t="shared" si="24"/>
        <v>8</v>
      </c>
      <c r="C823" s="3">
        <f t="shared" si="25"/>
        <v>2014</v>
      </c>
      <c r="D823" t="s">
        <v>1043</v>
      </c>
      <c r="E823" t="s">
        <v>22</v>
      </c>
      <c r="F823" t="s">
        <v>10</v>
      </c>
      <c r="G823" t="s">
        <v>42</v>
      </c>
      <c r="H823" t="s">
        <v>1044</v>
      </c>
      <c r="I823">
        <v>5.68</v>
      </c>
      <c r="J823">
        <v>2</v>
      </c>
      <c r="K823">
        <v>1.92</v>
      </c>
    </row>
    <row r="824" spans="1:11" x14ac:dyDescent="0.3">
      <c r="A824" s="1">
        <v>41853</v>
      </c>
      <c r="B824" s="3">
        <f t="shared" si="24"/>
        <v>8</v>
      </c>
      <c r="C824" s="3">
        <f t="shared" si="25"/>
        <v>2014</v>
      </c>
      <c r="D824" t="s">
        <v>1045</v>
      </c>
      <c r="E824" t="s">
        <v>185</v>
      </c>
      <c r="F824" t="s">
        <v>10</v>
      </c>
      <c r="G824" t="s">
        <v>19</v>
      </c>
      <c r="H824" t="s">
        <v>140</v>
      </c>
      <c r="I824">
        <v>26.7</v>
      </c>
      <c r="J824">
        <v>5</v>
      </c>
      <c r="K824">
        <v>12.55</v>
      </c>
    </row>
    <row r="825" spans="1:11" x14ac:dyDescent="0.3">
      <c r="A825" s="1">
        <v>41853</v>
      </c>
      <c r="B825" s="3">
        <f t="shared" si="24"/>
        <v>8</v>
      </c>
      <c r="C825" s="3">
        <f t="shared" si="25"/>
        <v>2014</v>
      </c>
      <c r="D825" t="s">
        <v>1045</v>
      </c>
      <c r="E825" t="s">
        <v>185</v>
      </c>
      <c r="F825" t="s">
        <v>38</v>
      </c>
      <c r="G825" t="s">
        <v>51</v>
      </c>
      <c r="H825" t="s">
        <v>1046</v>
      </c>
      <c r="I825">
        <v>21.2</v>
      </c>
      <c r="J825">
        <v>2</v>
      </c>
      <c r="K825">
        <v>9.1199999999999992</v>
      </c>
    </row>
    <row r="826" spans="1:11" x14ac:dyDescent="0.3">
      <c r="A826" s="1">
        <v>41853</v>
      </c>
      <c r="B826" s="3">
        <f t="shared" si="24"/>
        <v>8</v>
      </c>
      <c r="C826" s="3">
        <f t="shared" si="25"/>
        <v>2014</v>
      </c>
      <c r="D826" t="s">
        <v>1045</v>
      </c>
      <c r="E826" t="s">
        <v>185</v>
      </c>
      <c r="F826" t="s">
        <v>10</v>
      </c>
      <c r="G826" t="s">
        <v>17</v>
      </c>
      <c r="H826" t="s">
        <v>1047</v>
      </c>
      <c r="I826">
        <v>838.38</v>
      </c>
      <c r="J826">
        <v>2</v>
      </c>
      <c r="K826">
        <v>226.36</v>
      </c>
    </row>
    <row r="827" spans="1:11" x14ac:dyDescent="0.3">
      <c r="A827" s="1">
        <v>41854</v>
      </c>
      <c r="B827" s="3">
        <f t="shared" si="24"/>
        <v>8</v>
      </c>
      <c r="C827" s="3">
        <f t="shared" si="25"/>
        <v>2014</v>
      </c>
      <c r="D827" t="s">
        <v>674</v>
      </c>
      <c r="E827" t="s">
        <v>277</v>
      </c>
      <c r="F827" t="s">
        <v>33</v>
      </c>
      <c r="G827" t="s">
        <v>144</v>
      </c>
      <c r="H827" t="s">
        <v>1048</v>
      </c>
      <c r="I827">
        <v>218.75</v>
      </c>
      <c r="J827">
        <v>2</v>
      </c>
      <c r="K827">
        <v>-161.88</v>
      </c>
    </row>
    <row r="828" spans="1:11" x14ac:dyDescent="0.3">
      <c r="A828" s="1">
        <v>41854</v>
      </c>
      <c r="B828" s="3">
        <f t="shared" si="24"/>
        <v>8</v>
      </c>
      <c r="C828" s="3">
        <f t="shared" si="25"/>
        <v>2014</v>
      </c>
      <c r="D828" t="s">
        <v>674</v>
      </c>
      <c r="E828" t="s">
        <v>277</v>
      </c>
      <c r="F828" t="s">
        <v>10</v>
      </c>
      <c r="G828" t="s">
        <v>91</v>
      </c>
      <c r="H828" t="s">
        <v>1049</v>
      </c>
      <c r="I828">
        <v>2.6</v>
      </c>
      <c r="J828">
        <v>1</v>
      </c>
      <c r="K828">
        <v>0.28999999999999998</v>
      </c>
    </row>
    <row r="829" spans="1:11" x14ac:dyDescent="0.3">
      <c r="A829" s="1">
        <v>41854</v>
      </c>
      <c r="B829" s="3">
        <f t="shared" si="24"/>
        <v>8</v>
      </c>
      <c r="C829" s="3">
        <f t="shared" si="25"/>
        <v>2014</v>
      </c>
      <c r="D829" t="s">
        <v>1050</v>
      </c>
      <c r="E829" t="s">
        <v>148</v>
      </c>
      <c r="F829" t="s">
        <v>10</v>
      </c>
      <c r="G829" t="s">
        <v>11</v>
      </c>
      <c r="H829" t="s">
        <v>1051</v>
      </c>
      <c r="I829">
        <v>39.96</v>
      </c>
      <c r="J829">
        <v>2</v>
      </c>
      <c r="K829">
        <v>18.78</v>
      </c>
    </row>
    <row r="830" spans="1:11" x14ac:dyDescent="0.3">
      <c r="A830" s="1">
        <v>41854</v>
      </c>
      <c r="B830" s="3">
        <f t="shared" si="24"/>
        <v>8</v>
      </c>
      <c r="C830" s="3">
        <f t="shared" si="25"/>
        <v>2014</v>
      </c>
      <c r="D830" t="s">
        <v>1050</v>
      </c>
      <c r="E830" t="s">
        <v>148</v>
      </c>
      <c r="F830" t="s">
        <v>10</v>
      </c>
      <c r="G830" t="s">
        <v>199</v>
      </c>
      <c r="H830" t="s">
        <v>1052</v>
      </c>
      <c r="I830">
        <v>102.3</v>
      </c>
      <c r="J830">
        <v>10</v>
      </c>
      <c r="K830">
        <v>26.6</v>
      </c>
    </row>
    <row r="831" spans="1:11" x14ac:dyDescent="0.3">
      <c r="A831" s="1">
        <v>41854</v>
      </c>
      <c r="B831" s="3">
        <f t="shared" si="24"/>
        <v>8</v>
      </c>
      <c r="C831" s="3">
        <f t="shared" si="25"/>
        <v>2014</v>
      </c>
      <c r="D831" t="s">
        <v>1050</v>
      </c>
      <c r="E831" t="s">
        <v>148</v>
      </c>
      <c r="F831" t="s">
        <v>10</v>
      </c>
      <c r="G831" t="s">
        <v>17</v>
      </c>
      <c r="H831" t="s">
        <v>298</v>
      </c>
      <c r="I831">
        <v>21.36</v>
      </c>
      <c r="J831">
        <v>2</v>
      </c>
      <c r="K831">
        <v>5.77</v>
      </c>
    </row>
    <row r="832" spans="1:11" x14ac:dyDescent="0.3">
      <c r="A832" s="1">
        <v>41854</v>
      </c>
      <c r="B832" s="3">
        <f t="shared" si="24"/>
        <v>8</v>
      </c>
      <c r="C832" s="3">
        <f t="shared" si="25"/>
        <v>2014</v>
      </c>
      <c r="D832" t="s">
        <v>924</v>
      </c>
      <c r="E832" t="s">
        <v>94</v>
      </c>
      <c r="F832" t="s">
        <v>10</v>
      </c>
      <c r="G832" t="s">
        <v>11</v>
      </c>
      <c r="H832" t="s">
        <v>1053</v>
      </c>
      <c r="I832">
        <v>93.02</v>
      </c>
      <c r="J832">
        <v>3</v>
      </c>
      <c r="K832">
        <v>33.72</v>
      </c>
    </row>
    <row r="833" spans="1:11" x14ac:dyDescent="0.3">
      <c r="A833" s="1">
        <v>41855</v>
      </c>
      <c r="B833" s="3">
        <f t="shared" si="24"/>
        <v>8</v>
      </c>
      <c r="C833" s="3">
        <f t="shared" si="25"/>
        <v>2014</v>
      </c>
      <c r="D833" t="s">
        <v>1054</v>
      </c>
      <c r="E833" t="s">
        <v>295</v>
      </c>
      <c r="F833" t="s">
        <v>10</v>
      </c>
      <c r="G833" t="s">
        <v>91</v>
      </c>
      <c r="H833" t="s">
        <v>1055</v>
      </c>
      <c r="I833">
        <v>1089.75</v>
      </c>
      <c r="J833">
        <v>3</v>
      </c>
      <c r="K833">
        <v>305.13</v>
      </c>
    </row>
    <row r="834" spans="1:11" x14ac:dyDescent="0.3">
      <c r="A834" s="1">
        <v>41855</v>
      </c>
      <c r="B834" s="3">
        <f t="shared" ref="B834:B897" si="26">MONTH(A:A)</f>
        <v>8</v>
      </c>
      <c r="C834" s="3">
        <f t="shared" ref="C834:C897" si="27">YEAR(A:A)</f>
        <v>2014</v>
      </c>
      <c r="D834" t="s">
        <v>1054</v>
      </c>
      <c r="E834" t="s">
        <v>295</v>
      </c>
      <c r="F834" t="s">
        <v>10</v>
      </c>
      <c r="G834" t="s">
        <v>11</v>
      </c>
      <c r="H834" t="s">
        <v>1056</v>
      </c>
      <c r="I834">
        <v>447.84</v>
      </c>
      <c r="J834">
        <v>8</v>
      </c>
      <c r="K834">
        <v>219.44</v>
      </c>
    </row>
    <row r="835" spans="1:11" x14ac:dyDescent="0.3">
      <c r="A835" s="1">
        <v>41855</v>
      </c>
      <c r="B835" s="3">
        <f t="shared" si="26"/>
        <v>8</v>
      </c>
      <c r="C835" s="3">
        <f t="shared" si="27"/>
        <v>2014</v>
      </c>
      <c r="D835" t="s">
        <v>1054</v>
      </c>
      <c r="E835" t="s">
        <v>295</v>
      </c>
      <c r="F835" t="s">
        <v>10</v>
      </c>
      <c r="G835" t="s">
        <v>23</v>
      </c>
      <c r="H835" t="s">
        <v>1057</v>
      </c>
      <c r="I835">
        <v>16.399999999999999</v>
      </c>
      <c r="J835">
        <v>5</v>
      </c>
      <c r="K835">
        <v>4.26</v>
      </c>
    </row>
    <row r="836" spans="1:11" x14ac:dyDescent="0.3">
      <c r="A836" s="1">
        <v>41855</v>
      </c>
      <c r="B836" s="3">
        <f t="shared" si="26"/>
        <v>8</v>
      </c>
      <c r="C836" s="3">
        <f t="shared" si="27"/>
        <v>2014</v>
      </c>
      <c r="D836" t="s">
        <v>1054</v>
      </c>
      <c r="E836" t="s">
        <v>295</v>
      </c>
      <c r="F836" t="s">
        <v>38</v>
      </c>
      <c r="G836" t="s">
        <v>39</v>
      </c>
      <c r="H836" t="s">
        <v>1058</v>
      </c>
      <c r="I836">
        <v>399.96</v>
      </c>
      <c r="J836">
        <v>5</v>
      </c>
      <c r="K836">
        <v>35</v>
      </c>
    </row>
    <row r="837" spans="1:11" x14ac:dyDescent="0.3">
      <c r="A837" s="1">
        <v>41855</v>
      </c>
      <c r="B837" s="3">
        <f t="shared" si="26"/>
        <v>8</v>
      </c>
      <c r="C837" s="3">
        <f t="shared" si="27"/>
        <v>2014</v>
      </c>
      <c r="D837" t="s">
        <v>1054</v>
      </c>
      <c r="E837" t="s">
        <v>295</v>
      </c>
      <c r="F837" t="s">
        <v>10</v>
      </c>
      <c r="G837" t="s">
        <v>17</v>
      </c>
      <c r="H837" t="s">
        <v>1059</v>
      </c>
      <c r="I837">
        <v>158.9</v>
      </c>
      <c r="J837">
        <v>5</v>
      </c>
      <c r="K837">
        <v>7.95</v>
      </c>
    </row>
    <row r="838" spans="1:11" x14ac:dyDescent="0.3">
      <c r="A838" s="1">
        <v>41855</v>
      </c>
      <c r="B838" s="3">
        <f t="shared" si="26"/>
        <v>8</v>
      </c>
      <c r="C838" s="3">
        <f t="shared" si="27"/>
        <v>2014</v>
      </c>
      <c r="D838" t="s">
        <v>1054</v>
      </c>
      <c r="E838" t="s">
        <v>295</v>
      </c>
      <c r="F838" t="s">
        <v>10</v>
      </c>
      <c r="G838" t="s">
        <v>19</v>
      </c>
      <c r="H838" t="s">
        <v>468</v>
      </c>
      <c r="I838">
        <v>13.18</v>
      </c>
      <c r="J838">
        <v>1</v>
      </c>
      <c r="K838">
        <v>4.78</v>
      </c>
    </row>
    <row r="839" spans="1:11" x14ac:dyDescent="0.3">
      <c r="A839" s="1">
        <v>41855</v>
      </c>
      <c r="B839" s="3">
        <f t="shared" si="26"/>
        <v>8</v>
      </c>
      <c r="C839" s="3">
        <f t="shared" si="27"/>
        <v>2014</v>
      </c>
      <c r="D839" t="s">
        <v>196</v>
      </c>
      <c r="E839" t="s">
        <v>1060</v>
      </c>
      <c r="F839" t="s">
        <v>10</v>
      </c>
      <c r="G839" t="s">
        <v>91</v>
      </c>
      <c r="H839" t="s">
        <v>1061</v>
      </c>
      <c r="I839">
        <v>101.96</v>
      </c>
      <c r="J839">
        <v>2</v>
      </c>
      <c r="K839">
        <v>27.53</v>
      </c>
    </row>
    <row r="840" spans="1:11" x14ac:dyDescent="0.3">
      <c r="A840" s="1">
        <v>41855</v>
      </c>
      <c r="B840" s="3">
        <f t="shared" si="26"/>
        <v>8</v>
      </c>
      <c r="C840" s="3">
        <f t="shared" si="27"/>
        <v>2014</v>
      </c>
      <c r="D840" t="s">
        <v>196</v>
      </c>
      <c r="E840" t="s">
        <v>1060</v>
      </c>
      <c r="F840" t="s">
        <v>10</v>
      </c>
      <c r="G840" t="s">
        <v>11</v>
      </c>
      <c r="H840" t="s">
        <v>646</v>
      </c>
      <c r="I840">
        <v>259.74</v>
      </c>
      <c r="J840">
        <v>13</v>
      </c>
      <c r="K840">
        <v>124.68</v>
      </c>
    </row>
    <row r="841" spans="1:11" x14ac:dyDescent="0.3">
      <c r="A841" s="1">
        <v>41855</v>
      </c>
      <c r="B841" s="3">
        <f t="shared" si="26"/>
        <v>8</v>
      </c>
      <c r="C841" s="3">
        <f t="shared" si="27"/>
        <v>2014</v>
      </c>
      <c r="D841" t="s">
        <v>196</v>
      </c>
      <c r="E841" t="s">
        <v>1060</v>
      </c>
      <c r="F841" t="s">
        <v>38</v>
      </c>
      <c r="G841" t="s">
        <v>51</v>
      </c>
      <c r="H841" t="s">
        <v>1062</v>
      </c>
      <c r="I841">
        <v>255.42</v>
      </c>
      <c r="J841">
        <v>9</v>
      </c>
      <c r="K841">
        <v>104.72</v>
      </c>
    </row>
    <row r="842" spans="1:11" x14ac:dyDescent="0.3">
      <c r="A842" s="1">
        <v>41856</v>
      </c>
      <c r="B842" s="3">
        <f t="shared" si="26"/>
        <v>8</v>
      </c>
      <c r="C842" s="3">
        <f t="shared" si="27"/>
        <v>2014</v>
      </c>
      <c r="D842" t="s">
        <v>1063</v>
      </c>
      <c r="E842" t="s">
        <v>26</v>
      </c>
      <c r="F842" t="s">
        <v>10</v>
      </c>
      <c r="G842" t="s">
        <v>11</v>
      </c>
      <c r="H842" t="s">
        <v>1064</v>
      </c>
      <c r="I842">
        <v>20.94</v>
      </c>
      <c r="J842">
        <v>3</v>
      </c>
      <c r="K842">
        <v>9.84</v>
      </c>
    </row>
    <row r="843" spans="1:11" x14ac:dyDescent="0.3">
      <c r="A843" s="1">
        <v>41856</v>
      </c>
      <c r="B843" s="3">
        <f t="shared" si="26"/>
        <v>8</v>
      </c>
      <c r="C843" s="3">
        <f t="shared" si="27"/>
        <v>2014</v>
      </c>
      <c r="D843" t="s">
        <v>1063</v>
      </c>
      <c r="E843" t="s">
        <v>26</v>
      </c>
      <c r="F843" t="s">
        <v>10</v>
      </c>
      <c r="G843" t="s">
        <v>11</v>
      </c>
      <c r="H843" t="s">
        <v>895</v>
      </c>
      <c r="I843">
        <v>110.96</v>
      </c>
      <c r="J843">
        <v>2</v>
      </c>
      <c r="K843">
        <v>53.26</v>
      </c>
    </row>
    <row r="844" spans="1:11" x14ac:dyDescent="0.3">
      <c r="A844" s="1">
        <v>41856</v>
      </c>
      <c r="B844" s="3">
        <f t="shared" si="26"/>
        <v>8</v>
      </c>
      <c r="C844" s="3">
        <f t="shared" si="27"/>
        <v>2014</v>
      </c>
      <c r="D844" t="s">
        <v>1063</v>
      </c>
      <c r="E844" t="s">
        <v>26</v>
      </c>
      <c r="F844" t="s">
        <v>33</v>
      </c>
      <c r="G844" t="s">
        <v>34</v>
      </c>
      <c r="H844" t="s">
        <v>1065</v>
      </c>
      <c r="I844">
        <v>340.14</v>
      </c>
      <c r="J844">
        <v>7</v>
      </c>
      <c r="K844">
        <v>21.26</v>
      </c>
    </row>
    <row r="845" spans="1:11" x14ac:dyDescent="0.3">
      <c r="A845" s="1">
        <v>41856</v>
      </c>
      <c r="B845" s="3">
        <f t="shared" si="26"/>
        <v>8</v>
      </c>
      <c r="C845" s="3">
        <f t="shared" si="27"/>
        <v>2014</v>
      </c>
      <c r="D845" t="s">
        <v>1066</v>
      </c>
      <c r="E845" t="s">
        <v>26</v>
      </c>
      <c r="F845" t="s">
        <v>38</v>
      </c>
      <c r="G845" t="s">
        <v>51</v>
      </c>
      <c r="H845" t="s">
        <v>1067</v>
      </c>
      <c r="I845">
        <v>16.36</v>
      </c>
      <c r="J845">
        <v>1</v>
      </c>
      <c r="K845">
        <v>1.64</v>
      </c>
    </row>
    <row r="846" spans="1:11" x14ac:dyDescent="0.3">
      <c r="A846" s="1">
        <v>41856</v>
      </c>
      <c r="B846" s="3">
        <f t="shared" si="26"/>
        <v>8</v>
      </c>
      <c r="C846" s="3">
        <f t="shared" si="27"/>
        <v>2014</v>
      </c>
      <c r="D846" t="s">
        <v>1066</v>
      </c>
      <c r="E846" t="s">
        <v>26</v>
      </c>
      <c r="F846" t="s">
        <v>10</v>
      </c>
      <c r="G846" t="s">
        <v>17</v>
      </c>
      <c r="H846" t="s">
        <v>210</v>
      </c>
      <c r="I846">
        <v>15.78</v>
      </c>
      <c r="J846">
        <v>2</v>
      </c>
      <c r="K846">
        <v>0.63</v>
      </c>
    </row>
    <row r="847" spans="1:11" x14ac:dyDescent="0.3">
      <c r="A847" s="1">
        <v>41856</v>
      </c>
      <c r="B847" s="3">
        <f t="shared" si="26"/>
        <v>8</v>
      </c>
      <c r="C847" s="3">
        <f t="shared" si="27"/>
        <v>2014</v>
      </c>
      <c r="D847" t="s">
        <v>1066</v>
      </c>
      <c r="E847" t="s">
        <v>26</v>
      </c>
      <c r="F847" t="s">
        <v>10</v>
      </c>
      <c r="G847" t="s">
        <v>23</v>
      </c>
      <c r="H847" t="s">
        <v>1068</v>
      </c>
      <c r="I847">
        <v>45.98</v>
      </c>
      <c r="J847">
        <v>2</v>
      </c>
      <c r="K847">
        <v>12.87</v>
      </c>
    </row>
    <row r="848" spans="1:11" x14ac:dyDescent="0.3">
      <c r="A848" s="1">
        <v>41856</v>
      </c>
      <c r="B848" s="3">
        <f t="shared" si="26"/>
        <v>8</v>
      </c>
      <c r="C848" s="3">
        <f t="shared" si="27"/>
        <v>2014</v>
      </c>
      <c r="D848" t="s">
        <v>1069</v>
      </c>
      <c r="E848" t="s">
        <v>612</v>
      </c>
      <c r="F848" t="s">
        <v>10</v>
      </c>
      <c r="G848" t="s">
        <v>91</v>
      </c>
      <c r="H848" t="s">
        <v>420</v>
      </c>
      <c r="I848">
        <v>79.47</v>
      </c>
      <c r="J848">
        <v>3</v>
      </c>
      <c r="K848">
        <v>22.25</v>
      </c>
    </row>
    <row r="849" spans="1:11" x14ac:dyDescent="0.3">
      <c r="A849" s="1">
        <v>41856</v>
      </c>
      <c r="B849" s="3">
        <f t="shared" si="26"/>
        <v>8</v>
      </c>
      <c r="C849" s="3">
        <f t="shared" si="27"/>
        <v>2014</v>
      </c>
      <c r="D849" t="s">
        <v>1069</v>
      </c>
      <c r="E849" t="s">
        <v>612</v>
      </c>
      <c r="F849" t="s">
        <v>10</v>
      </c>
      <c r="G849" t="s">
        <v>23</v>
      </c>
      <c r="H849" t="s">
        <v>1070</v>
      </c>
      <c r="I849">
        <v>4.5599999999999996</v>
      </c>
      <c r="J849">
        <v>2</v>
      </c>
      <c r="K849">
        <v>2.0099999999999998</v>
      </c>
    </row>
    <row r="850" spans="1:11" x14ac:dyDescent="0.3">
      <c r="A850" s="1">
        <v>41856</v>
      </c>
      <c r="B850" s="3">
        <f t="shared" si="26"/>
        <v>8</v>
      </c>
      <c r="C850" s="3">
        <f t="shared" si="27"/>
        <v>2014</v>
      </c>
      <c r="D850" t="s">
        <v>1069</v>
      </c>
      <c r="E850" t="s">
        <v>612</v>
      </c>
      <c r="F850" t="s">
        <v>33</v>
      </c>
      <c r="G850" t="s">
        <v>34</v>
      </c>
      <c r="H850" t="s">
        <v>1071</v>
      </c>
      <c r="I850">
        <v>1133.3499999999999</v>
      </c>
      <c r="J850">
        <v>5</v>
      </c>
      <c r="K850">
        <v>294.67</v>
      </c>
    </row>
    <row r="851" spans="1:11" x14ac:dyDescent="0.3">
      <c r="A851" s="1">
        <v>41856</v>
      </c>
      <c r="B851" s="3">
        <f t="shared" si="26"/>
        <v>8</v>
      </c>
      <c r="C851" s="3">
        <f t="shared" si="27"/>
        <v>2014</v>
      </c>
      <c r="D851" t="s">
        <v>535</v>
      </c>
      <c r="E851" t="s">
        <v>148</v>
      </c>
      <c r="F851" t="s">
        <v>38</v>
      </c>
      <c r="G851" t="s">
        <v>39</v>
      </c>
      <c r="H851" t="s">
        <v>1072</v>
      </c>
      <c r="I851">
        <v>135.99</v>
      </c>
      <c r="J851">
        <v>1</v>
      </c>
      <c r="K851">
        <v>36.72</v>
      </c>
    </row>
    <row r="852" spans="1:11" x14ac:dyDescent="0.3">
      <c r="A852" s="1">
        <v>41856</v>
      </c>
      <c r="B852" s="3">
        <f t="shared" si="26"/>
        <v>8</v>
      </c>
      <c r="C852" s="3">
        <f t="shared" si="27"/>
        <v>2014</v>
      </c>
      <c r="D852" t="s">
        <v>535</v>
      </c>
      <c r="E852" t="s">
        <v>148</v>
      </c>
      <c r="F852" t="s">
        <v>10</v>
      </c>
      <c r="G852" t="s">
        <v>23</v>
      </c>
      <c r="H852" t="s">
        <v>1070</v>
      </c>
      <c r="I852">
        <v>15.96</v>
      </c>
      <c r="J852">
        <v>7</v>
      </c>
      <c r="K852">
        <v>7.02</v>
      </c>
    </row>
    <row r="853" spans="1:11" x14ac:dyDescent="0.3">
      <c r="A853" s="1">
        <v>41856</v>
      </c>
      <c r="B853" s="3">
        <f t="shared" si="26"/>
        <v>8</v>
      </c>
      <c r="C853" s="3">
        <f t="shared" si="27"/>
        <v>2014</v>
      </c>
      <c r="D853" t="s">
        <v>1073</v>
      </c>
      <c r="E853" t="s">
        <v>9</v>
      </c>
      <c r="F853" t="s">
        <v>33</v>
      </c>
      <c r="G853" t="s">
        <v>144</v>
      </c>
      <c r="H853" t="s">
        <v>1074</v>
      </c>
      <c r="I853">
        <v>489.23</v>
      </c>
      <c r="J853">
        <v>2</v>
      </c>
      <c r="K853">
        <v>41.93</v>
      </c>
    </row>
    <row r="854" spans="1:11" x14ac:dyDescent="0.3">
      <c r="A854" s="1">
        <v>41857</v>
      </c>
      <c r="B854" s="3">
        <f t="shared" si="26"/>
        <v>8</v>
      </c>
      <c r="C854" s="3">
        <f t="shared" si="27"/>
        <v>2014</v>
      </c>
      <c r="D854" t="s">
        <v>1075</v>
      </c>
      <c r="E854" t="s">
        <v>69</v>
      </c>
      <c r="F854" t="s">
        <v>38</v>
      </c>
      <c r="G854" t="s">
        <v>51</v>
      </c>
      <c r="H854" t="s">
        <v>985</v>
      </c>
      <c r="I854">
        <v>62.91</v>
      </c>
      <c r="J854">
        <v>3</v>
      </c>
      <c r="K854">
        <v>22.65</v>
      </c>
    </row>
    <row r="855" spans="1:11" x14ac:dyDescent="0.3">
      <c r="A855" s="1">
        <v>41857</v>
      </c>
      <c r="B855" s="3">
        <f t="shared" si="26"/>
        <v>8</v>
      </c>
      <c r="C855" s="3">
        <f t="shared" si="27"/>
        <v>2014</v>
      </c>
      <c r="D855" t="s">
        <v>1076</v>
      </c>
      <c r="E855" t="s">
        <v>148</v>
      </c>
      <c r="F855" t="s">
        <v>38</v>
      </c>
      <c r="G855" t="s">
        <v>51</v>
      </c>
      <c r="H855" t="s">
        <v>1077</v>
      </c>
      <c r="I855">
        <v>199.98</v>
      </c>
      <c r="J855">
        <v>2</v>
      </c>
      <c r="K855">
        <v>83.99</v>
      </c>
    </row>
    <row r="856" spans="1:11" x14ac:dyDescent="0.3">
      <c r="A856" s="1">
        <v>41859</v>
      </c>
      <c r="B856" s="3">
        <f t="shared" si="26"/>
        <v>8</v>
      </c>
      <c r="C856" s="3">
        <f t="shared" si="27"/>
        <v>2014</v>
      </c>
      <c r="D856" t="s">
        <v>1078</v>
      </c>
      <c r="E856" t="s">
        <v>26</v>
      </c>
      <c r="F856" t="s">
        <v>10</v>
      </c>
      <c r="G856" t="s">
        <v>91</v>
      </c>
      <c r="H856" t="s">
        <v>1079</v>
      </c>
      <c r="I856">
        <v>76.12</v>
      </c>
      <c r="J856">
        <v>2</v>
      </c>
      <c r="K856">
        <v>22.07</v>
      </c>
    </row>
    <row r="857" spans="1:11" x14ac:dyDescent="0.3">
      <c r="A857" s="1">
        <v>41859</v>
      </c>
      <c r="B857" s="3">
        <f t="shared" si="26"/>
        <v>8</v>
      </c>
      <c r="C857" s="3">
        <f t="shared" si="27"/>
        <v>2014</v>
      </c>
      <c r="D857" t="s">
        <v>1078</v>
      </c>
      <c r="E857" t="s">
        <v>26</v>
      </c>
      <c r="F857" t="s">
        <v>38</v>
      </c>
      <c r="G857" t="s">
        <v>602</v>
      </c>
      <c r="H857" t="s">
        <v>1080</v>
      </c>
      <c r="I857">
        <v>1199.98</v>
      </c>
      <c r="J857">
        <v>3</v>
      </c>
      <c r="K857">
        <v>434.99</v>
      </c>
    </row>
    <row r="858" spans="1:11" x14ac:dyDescent="0.3">
      <c r="A858" s="1">
        <v>41859</v>
      </c>
      <c r="B858" s="3">
        <f t="shared" si="26"/>
        <v>8</v>
      </c>
      <c r="C858" s="3">
        <f t="shared" si="27"/>
        <v>2014</v>
      </c>
      <c r="D858" t="s">
        <v>1078</v>
      </c>
      <c r="E858" t="s">
        <v>26</v>
      </c>
      <c r="F858" t="s">
        <v>38</v>
      </c>
      <c r="G858" t="s">
        <v>39</v>
      </c>
      <c r="H858" t="s">
        <v>1081</v>
      </c>
      <c r="I858">
        <v>445.96</v>
      </c>
      <c r="J858">
        <v>5</v>
      </c>
      <c r="K858">
        <v>55.75</v>
      </c>
    </row>
    <row r="859" spans="1:11" x14ac:dyDescent="0.3">
      <c r="A859" s="1">
        <v>41859</v>
      </c>
      <c r="B859" s="3">
        <f t="shared" si="26"/>
        <v>8</v>
      </c>
      <c r="C859" s="3">
        <f t="shared" si="27"/>
        <v>2014</v>
      </c>
      <c r="D859" t="s">
        <v>1078</v>
      </c>
      <c r="E859" t="s">
        <v>26</v>
      </c>
      <c r="F859" t="s">
        <v>33</v>
      </c>
      <c r="G859" t="s">
        <v>46</v>
      </c>
      <c r="H859" t="s">
        <v>1082</v>
      </c>
      <c r="I859">
        <v>327.76</v>
      </c>
      <c r="J859">
        <v>8</v>
      </c>
      <c r="K859">
        <v>91.77</v>
      </c>
    </row>
    <row r="860" spans="1:11" x14ac:dyDescent="0.3">
      <c r="A860" s="1">
        <v>41859</v>
      </c>
      <c r="B860" s="3">
        <f t="shared" si="26"/>
        <v>8</v>
      </c>
      <c r="C860" s="3">
        <f t="shared" si="27"/>
        <v>2014</v>
      </c>
      <c r="D860" t="s">
        <v>1083</v>
      </c>
      <c r="E860" t="s">
        <v>94</v>
      </c>
      <c r="F860" t="s">
        <v>33</v>
      </c>
      <c r="G860" t="s">
        <v>46</v>
      </c>
      <c r="H860" t="s">
        <v>1084</v>
      </c>
      <c r="I860">
        <v>121.38</v>
      </c>
      <c r="J860">
        <v>4</v>
      </c>
      <c r="K860">
        <v>-3.03</v>
      </c>
    </row>
    <row r="861" spans="1:11" x14ac:dyDescent="0.3">
      <c r="A861" s="1">
        <v>41859</v>
      </c>
      <c r="B861" s="3">
        <f t="shared" si="26"/>
        <v>8</v>
      </c>
      <c r="C861" s="3">
        <f t="shared" si="27"/>
        <v>2014</v>
      </c>
      <c r="D861" t="s">
        <v>1083</v>
      </c>
      <c r="E861" t="s">
        <v>94</v>
      </c>
      <c r="F861" t="s">
        <v>38</v>
      </c>
      <c r="G861" t="s">
        <v>51</v>
      </c>
      <c r="H861" t="s">
        <v>1085</v>
      </c>
      <c r="I861">
        <v>95.98</v>
      </c>
      <c r="J861">
        <v>3</v>
      </c>
      <c r="K861">
        <v>-10.8</v>
      </c>
    </row>
    <row r="862" spans="1:11" x14ac:dyDescent="0.3">
      <c r="A862" s="1">
        <v>41859</v>
      </c>
      <c r="B862" s="3">
        <f t="shared" si="26"/>
        <v>8</v>
      </c>
      <c r="C862" s="3">
        <f t="shared" si="27"/>
        <v>2014</v>
      </c>
      <c r="D862" t="s">
        <v>216</v>
      </c>
      <c r="E862" t="s">
        <v>26</v>
      </c>
      <c r="F862" t="s">
        <v>10</v>
      </c>
      <c r="G862" t="s">
        <v>17</v>
      </c>
      <c r="H862" t="s">
        <v>1086</v>
      </c>
      <c r="I862">
        <v>423.28</v>
      </c>
      <c r="J862">
        <v>11</v>
      </c>
      <c r="K862">
        <v>110.05</v>
      </c>
    </row>
    <row r="863" spans="1:11" x14ac:dyDescent="0.3">
      <c r="A863" s="1">
        <v>41859</v>
      </c>
      <c r="B863" s="3">
        <f t="shared" si="26"/>
        <v>8</v>
      </c>
      <c r="C863" s="3">
        <f t="shared" si="27"/>
        <v>2014</v>
      </c>
      <c r="D863" t="s">
        <v>1087</v>
      </c>
      <c r="E863" t="s">
        <v>109</v>
      </c>
      <c r="F863" t="s">
        <v>38</v>
      </c>
      <c r="G863" t="s">
        <v>602</v>
      </c>
      <c r="H863" t="s">
        <v>1088</v>
      </c>
      <c r="I863">
        <v>549.99</v>
      </c>
      <c r="J863">
        <v>1</v>
      </c>
      <c r="K863">
        <v>275</v>
      </c>
    </row>
    <row r="864" spans="1:11" x14ac:dyDescent="0.3">
      <c r="A864" s="1">
        <v>41859</v>
      </c>
      <c r="B864" s="3">
        <f t="shared" si="26"/>
        <v>8</v>
      </c>
      <c r="C864" s="3">
        <f t="shared" si="27"/>
        <v>2014</v>
      </c>
      <c r="D864" t="s">
        <v>1087</v>
      </c>
      <c r="E864" t="s">
        <v>109</v>
      </c>
      <c r="F864" t="s">
        <v>10</v>
      </c>
      <c r="G864" t="s">
        <v>91</v>
      </c>
      <c r="H864" t="s">
        <v>1089</v>
      </c>
      <c r="I864">
        <v>167.54</v>
      </c>
      <c r="J864">
        <v>3</v>
      </c>
      <c r="K864">
        <v>37.229999999999997</v>
      </c>
    </row>
    <row r="865" spans="1:11" x14ac:dyDescent="0.3">
      <c r="A865" s="1">
        <v>41859</v>
      </c>
      <c r="B865" s="3">
        <f t="shared" si="26"/>
        <v>8</v>
      </c>
      <c r="C865" s="3">
        <f t="shared" si="27"/>
        <v>2014</v>
      </c>
      <c r="D865" t="s">
        <v>1087</v>
      </c>
      <c r="E865" t="s">
        <v>109</v>
      </c>
      <c r="F865" t="s">
        <v>10</v>
      </c>
      <c r="G865" t="s">
        <v>62</v>
      </c>
      <c r="H865" t="s">
        <v>1090</v>
      </c>
      <c r="I865">
        <v>38.340000000000003</v>
      </c>
      <c r="J865">
        <v>3</v>
      </c>
      <c r="K865">
        <v>17.25</v>
      </c>
    </row>
    <row r="866" spans="1:11" x14ac:dyDescent="0.3">
      <c r="A866" s="1">
        <v>41859</v>
      </c>
      <c r="B866" s="3">
        <f t="shared" si="26"/>
        <v>8</v>
      </c>
      <c r="C866" s="3">
        <f t="shared" si="27"/>
        <v>2014</v>
      </c>
      <c r="D866" t="s">
        <v>1087</v>
      </c>
      <c r="E866" t="s">
        <v>109</v>
      </c>
      <c r="F866" t="s">
        <v>33</v>
      </c>
      <c r="G866" t="s">
        <v>46</v>
      </c>
      <c r="H866" t="s">
        <v>1091</v>
      </c>
      <c r="I866">
        <v>53.88</v>
      </c>
      <c r="J866">
        <v>6</v>
      </c>
      <c r="K866">
        <v>22.63</v>
      </c>
    </row>
    <row r="867" spans="1:11" x14ac:dyDescent="0.3">
      <c r="A867" s="1">
        <v>41859</v>
      </c>
      <c r="B867" s="3">
        <f t="shared" si="26"/>
        <v>8</v>
      </c>
      <c r="C867" s="3">
        <f t="shared" si="27"/>
        <v>2014</v>
      </c>
      <c r="D867" t="s">
        <v>1087</v>
      </c>
      <c r="E867" t="s">
        <v>109</v>
      </c>
      <c r="F867" t="s">
        <v>38</v>
      </c>
      <c r="G867" t="s">
        <v>39</v>
      </c>
      <c r="H867" t="s">
        <v>438</v>
      </c>
      <c r="I867">
        <v>299.98</v>
      </c>
      <c r="J867">
        <v>2</v>
      </c>
      <c r="K867">
        <v>83.99</v>
      </c>
    </row>
    <row r="868" spans="1:11" x14ac:dyDescent="0.3">
      <c r="A868" s="1">
        <v>41859</v>
      </c>
      <c r="B868" s="3">
        <f t="shared" si="26"/>
        <v>8</v>
      </c>
      <c r="C868" s="3">
        <f t="shared" si="27"/>
        <v>2014</v>
      </c>
      <c r="D868" t="s">
        <v>1092</v>
      </c>
      <c r="E868" t="s">
        <v>122</v>
      </c>
      <c r="F868" t="s">
        <v>33</v>
      </c>
      <c r="G868" t="s">
        <v>73</v>
      </c>
      <c r="H868" t="s">
        <v>1093</v>
      </c>
      <c r="I868">
        <v>155.46</v>
      </c>
      <c r="J868">
        <v>4</v>
      </c>
      <c r="K868">
        <v>-7.77</v>
      </c>
    </row>
    <row r="869" spans="1:11" x14ac:dyDescent="0.3">
      <c r="A869" s="1">
        <v>41860</v>
      </c>
      <c r="B869" s="3">
        <f t="shared" si="26"/>
        <v>8</v>
      </c>
      <c r="C869" s="3">
        <f t="shared" si="27"/>
        <v>2014</v>
      </c>
      <c r="D869" t="s">
        <v>1094</v>
      </c>
      <c r="E869" t="s">
        <v>122</v>
      </c>
      <c r="F869" t="s">
        <v>38</v>
      </c>
      <c r="G869" t="s">
        <v>39</v>
      </c>
      <c r="H869" t="s">
        <v>1081</v>
      </c>
      <c r="I869">
        <v>178.38</v>
      </c>
      <c r="J869">
        <v>2</v>
      </c>
      <c r="K869">
        <v>22.3</v>
      </c>
    </row>
    <row r="870" spans="1:11" x14ac:dyDescent="0.3">
      <c r="A870" s="1">
        <v>41860</v>
      </c>
      <c r="B870" s="3">
        <f t="shared" si="26"/>
        <v>8</v>
      </c>
      <c r="C870" s="3">
        <f t="shared" si="27"/>
        <v>2014</v>
      </c>
      <c r="D870" t="s">
        <v>1094</v>
      </c>
      <c r="E870" t="s">
        <v>122</v>
      </c>
      <c r="F870" t="s">
        <v>10</v>
      </c>
      <c r="G870" t="s">
        <v>11</v>
      </c>
      <c r="H870" t="s">
        <v>1095</v>
      </c>
      <c r="I870">
        <v>15.55</v>
      </c>
      <c r="J870">
        <v>3</v>
      </c>
      <c r="K870">
        <v>5.44</v>
      </c>
    </row>
    <row r="871" spans="1:11" x14ac:dyDescent="0.3">
      <c r="A871" s="1">
        <v>41860</v>
      </c>
      <c r="B871" s="3">
        <f t="shared" si="26"/>
        <v>8</v>
      </c>
      <c r="C871" s="3">
        <f t="shared" si="27"/>
        <v>2014</v>
      </c>
      <c r="D871" t="s">
        <v>1096</v>
      </c>
      <c r="E871" t="s">
        <v>26</v>
      </c>
      <c r="F871" t="s">
        <v>10</v>
      </c>
      <c r="G871" t="s">
        <v>15</v>
      </c>
      <c r="H871" t="s">
        <v>1097</v>
      </c>
      <c r="I871">
        <v>20.88</v>
      </c>
      <c r="J871">
        <v>8</v>
      </c>
      <c r="K871">
        <v>9.6</v>
      </c>
    </row>
    <row r="872" spans="1:11" x14ac:dyDescent="0.3">
      <c r="A872" s="1">
        <v>41860</v>
      </c>
      <c r="B872" s="3">
        <f t="shared" si="26"/>
        <v>8</v>
      </c>
      <c r="C872" s="3">
        <f t="shared" si="27"/>
        <v>2014</v>
      </c>
      <c r="D872" t="s">
        <v>1098</v>
      </c>
      <c r="E872" t="s">
        <v>163</v>
      </c>
      <c r="F872" t="s">
        <v>38</v>
      </c>
      <c r="G872" t="s">
        <v>39</v>
      </c>
      <c r="H872" t="s">
        <v>1099</v>
      </c>
      <c r="I872">
        <v>1091.17</v>
      </c>
      <c r="J872">
        <v>4</v>
      </c>
      <c r="K872">
        <v>68.2</v>
      </c>
    </row>
    <row r="873" spans="1:11" x14ac:dyDescent="0.3">
      <c r="A873" s="1">
        <v>41860</v>
      </c>
      <c r="B873" s="3">
        <f t="shared" si="26"/>
        <v>8</v>
      </c>
      <c r="C873" s="3">
        <f t="shared" si="27"/>
        <v>2014</v>
      </c>
      <c r="D873" t="s">
        <v>1098</v>
      </c>
      <c r="E873" t="s">
        <v>163</v>
      </c>
      <c r="F873" t="s">
        <v>38</v>
      </c>
      <c r="G873" t="s">
        <v>39</v>
      </c>
      <c r="H873" t="s">
        <v>1100</v>
      </c>
      <c r="I873">
        <v>219.17</v>
      </c>
      <c r="J873">
        <v>2</v>
      </c>
      <c r="K873">
        <v>-43.83</v>
      </c>
    </row>
    <row r="874" spans="1:11" x14ac:dyDescent="0.3">
      <c r="A874" s="1">
        <v>41860</v>
      </c>
      <c r="B874" s="3">
        <f t="shared" si="26"/>
        <v>8</v>
      </c>
      <c r="C874" s="3">
        <f t="shared" si="27"/>
        <v>2014</v>
      </c>
      <c r="D874" t="s">
        <v>1101</v>
      </c>
      <c r="E874" t="s">
        <v>163</v>
      </c>
      <c r="F874" t="s">
        <v>10</v>
      </c>
      <c r="G874" t="s">
        <v>19</v>
      </c>
      <c r="H874" t="s">
        <v>1102</v>
      </c>
      <c r="I874">
        <v>2060.7399999999998</v>
      </c>
      <c r="J874">
        <v>7</v>
      </c>
      <c r="K874">
        <v>643.98</v>
      </c>
    </row>
    <row r="875" spans="1:11" x14ac:dyDescent="0.3">
      <c r="A875" s="1">
        <v>41860</v>
      </c>
      <c r="B875" s="3">
        <f t="shared" si="26"/>
        <v>8</v>
      </c>
      <c r="C875" s="3">
        <f t="shared" si="27"/>
        <v>2014</v>
      </c>
      <c r="D875" t="s">
        <v>1103</v>
      </c>
      <c r="E875" t="s">
        <v>26</v>
      </c>
      <c r="F875" t="s">
        <v>10</v>
      </c>
      <c r="G875" t="s">
        <v>11</v>
      </c>
      <c r="H875" t="s">
        <v>1104</v>
      </c>
      <c r="I875">
        <v>5.98</v>
      </c>
      <c r="J875">
        <v>1</v>
      </c>
      <c r="K875">
        <v>2.69</v>
      </c>
    </row>
    <row r="876" spans="1:11" x14ac:dyDescent="0.3">
      <c r="A876" s="1">
        <v>41860</v>
      </c>
      <c r="B876" s="3">
        <f t="shared" si="26"/>
        <v>8</v>
      </c>
      <c r="C876" s="3">
        <f t="shared" si="27"/>
        <v>2014</v>
      </c>
      <c r="D876" t="s">
        <v>982</v>
      </c>
      <c r="E876" t="s">
        <v>94</v>
      </c>
      <c r="F876" t="s">
        <v>10</v>
      </c>
      <c r="G876" t="s">
        <v>42</v>
      </c>
      <c r="H876" t="s">
        <v>1105</v>
      </c>
      <c r="I876">
        <v>4.46</v>
      </c>
      <c r="J876">
        <v>3</v>
      </c>
      <c r="K876">
        <v>-0.95</v>
      </c>
    </row>
    <row r="877" spans="1:11" x14ac:dyDescent="0.3">
      <c r="A877" s="1">
        <v>41860</v>
      </c>
      <c r="B877" s="3">
        <f t="shared" si="26"/>
        <v>8</v>
      </c>
      <c r="C877" s="3">
        <f t="shared" si="27"/>
        <v>2014</v>
      </c>
      <c r="D877" t="s">
        <v>982</v>
      </c>
      <c r="E877" t="s">
        <v>94</v>
      </c>
      <c r="F877" t="s">
        <v>10</v>
      </c>
      <c r="G877" t="s">
        <v>19</v>
      </c>
      <c r="H877" t="s">
        <v>427</v>
      </c>
      <c r="I877">
        <v>9.35</v>
      </c>
      <c r="J877">
        <v>5</v>
      </c>
      <c r="K877">
        <v>-6.54</v>
      </c>
    </row>
    <row r="878" spans="1:11" x14ac:dyDescent="0.3">
      <c r="A878" s="1">
        <v>41862</v>
      </c>
      <c r="B878" s="3">
        <f t="shared" si="26"/>
        <v>8</v>
      </c>
      <c r="C878" s="3">
        <f t="shared" si="27"/>
        <v>2014</v>
      </c>
      <c r="D878" t="s">
        <v>645</v>
      </c>
      <c r="E878" t="s">
        <v>163</v>
      </c>
      <c r="F878" t="s">
        <v>33</v>
      </c>
      <c r="G878" t="s">
        <v>46</v>
      </c>
      <c r="H878" t="s">
        <v>1106</v>
      </c>
      <c r="I878">
        <v>12.35</v>
      </c>
      <c r="J878">
        <v>1</v>
      </c>
      <c r="K878">
        <v>5.43</v>
      </c>
    </row>
    <row r="879" spans="1:11" x14ac:dyDescent="0.3">
      <c r="A879" s="1">
        <v>41862</v>
      </c>
      <c r="B879" s="3">
        <f t="shared" si="26"/>
        <v>8</v>
      </c>
      <c r="C879" s="3">
        <f t="shared" si="27"/>
        <v>2014</v>
      </c>
      <c r="D879" t="s">
        <v>645</v>
      </c>
      <c r="E879" t="s">
        <v>163</v>
      </c>
      <c r="F879" t="s">
        <v>10</v>
      </c>
      <c r="G879" t="s">
        <v>23</v>
      </c>
      <c r="H879" t="s">
        <v>1107</v>
      </c>
      <c r="I879">
        <v>40.97</v>
      </c>
      <c r="J879">
        <v>1</v>
      </c>
      <c r="K879">
        <v>10.65</v>
      </c>
    </row>
    <row r="880" spans="1:11" x14ac:dyDescent="0.3">
      <c r="A880" s="1">
        <v>41862</v>
      </c>
      <c r="B880" s="3">
        <f t="shared" si="26"/>
        <v>8</v>
      </c>
      <c r="C880" s="3">
        <f t="shared" si="27"/>
        <v>2014</v>
      </c>
      <c r="D880" t="s">
        <v>645</v>
      </c>
      <c r="E880" t="s">
        <v>163</v>
      </c>
      <c r="F880" t="s">
        <v>10</v>
      </c>
      <c r="G880" t="s">
        <v>42</v>
      </c>
      <c r="H880" t="s">
        <v>1108</v>
      </c>
      <c r="I880">
        <v>22.96</v>
      </c>
      <c r="J880">
        <v>2</v>
      </c>
      <c r="K880">
        <v>10.79</v>
      </c>
    </row>
    <row r="881" spans="1:11" x14ac:dyDescent="0.3">
      <c r="A881" s="1">
        <v>41862</v>
      </c>
      <c r="B881" s="3">
        <f t="shared" si="26"/>
        <v>8</v>
      </c>
      <c r="C881" s="3">
        <f t="shared" si="27"/>
        <v>2014</v>
      </c>
      <c r="D881" t="s">
        <v>1011</v>
      </c>
      <c r="E881" t="s">
        <v>148</v>
      </c>
      <c r="F881" t="s">
        <v>10</v>
      </c>
      <c r="G881" t="s">
        <v>17</v>
      </c>
      <c r="H881" t="s">
        <v>1109</v>
      </c>
      <c r="I881">
        <v>375.34</v>
      </c>
      <c r="J881">
        <v>1</v>
      </c>
      <c r="K881">
        <v>18.77</v>
      </c>
    </row>
    <row r="882" spans="1:11" x14ac:dyDescent="0.3">
      <c r="A882" s="1">
        <v>41863</v>
      </c>
      <c r="B882" s="3">
        <f t="shared" si="26"/>
        <v>8</v>
      </c>
      <c r="C882" s="3">
        <f t="shared" si="27"/>
        <v>2014</v>
      </c>
      <c r="D882" t="s">
        <v>1110</v>
      </c>
      <c r="E882" t="s">
        <v>176</v>
      </c>
      <c r="F882" t="s">
        <v>10</v>
      </c>
      <c r="G882" t="s">
        <v>19</v>
      </c>
      <c r="H882" t="s">
        <v>1111</v>
      </c>
      <c r="I882">
        <v>196.21</v>
      </c>
      <c r="J882">
        <v>7</v>
      </c>
      <c r="K882">
        <v>98.11</v>
      </c>
    </row>
    <row r="883" spans="1:11" x14ac:dyDescent="0.3">
      <c r="A883" s="1">
        <v>41863</v>
      </c>
      <c r="B883" s="3">
        <f t="shared" si="26"/>
        <v>8</v>
      </c>
      <c r="C883" s="3">
        <f t="shared" si="27"/>
        <v>2014</v>
      </c>
      <c r="D883" t="s">
        <v>1112</v>
      </c>
      <c r="E883" t="s">
        <v>26</v>
      </c>
      <c r="F883" t="s">
        <v>38</v>
      </c>
      <c r="G883" t="s">
        <v>39</v>
      </c>
      <c r="H883" t="s">
        <v>1113</v>
      </c>
      <c r="I883">
        <v>806.34</v>
      </c>
      <c r="J883">
        <v>8</v>
      </c>
      <c r="K883">
        <v>50.4</v>
      </c>
    </row>
    <row r="884" spans="1:11" x14ac:dyDescent="0.3">
      <c r="A884" s="1">
        <v>41863</v>
      </c>
      <c r="B884" s="3">
        <f t="shared" si="26"/>
        <v>8</v>
      </c>
      <c r="C884" s="3">
        <f t="shared" si="27"/>
        <v>2014</v>
      </c>
      <c r="D884" t="s">
        <v>1112</v>
      </c>
      <c r="E884" t="s">
        <v>26</v>
      </c>
      <c r="F884" t="s">
        <v>33</v>
      </c>
      <c r="G884" t="s">
        <v>46</v>
      </c>
      <c r="H884" t="s">
        <v>774</v>
      </c>
      <c r="I884">
        <v>85.44</v>
      </c>
      <c r="J884">
        <v>3</v>
      </c>
      <c r="K884">
        <v>31.61</v>
      </c>
    </row>
    <row r="885" spans="1:11" x14ac:dyDescent="0.3">
      <c r="A885" s="1">
        <v>41863</v>
      </c>
      <c r="B885" s="3">
        <f t="shared" si="26"/>
        <v>8</v>
      </c>
      <c r="C885" s="3">
        <f t="shared" si="27"/>
        <v>2014</v>
      </c>
      <c r="D885" t="s">
        <v>1114</v>
      </c>
      <c r="E885" t="s">
        <v>122</v>
      </c>
      <c r="F885" t="s">
        <v>10</v>
      </c>
      <c r="G885" t="s">
        <v>11</v>
      </c>
      <c r="H885" t="s">
        <v>1115</v>
      </c>
      <c r="I885">
        <v>31.1</v>
      </c>
      <c r="J885">
        <v>6</v>
      </c>
      <c r="K885">
        <v>10.89</v>
      </c>
    </row>
    <row r="886" spans="1:11" x14ac:dyDescent="0.3">
      <c r="A886" s="1">
        <v>41863</v>
      </c>
      <c r="B886" s="3">
        <f t="shared" si="26"/>
        <v>8</v>
      </c>
      <c r="C886" s="3">
        <f t="shared" si="27"/>
        <v>2014</v>
      </c>
      <c r="D886" t="s">
        <v>1114</v>
      </c>
      <c r="E886" t="s">
        <v>122</v>
      </c>
      <c r="F886" t="s">
        <v>10</v>
      </c>
      <c r="G886" t="s">
        <v>23</v>
      </c>
      <c r="H886" t="s">
        <v>1116</v>
      </c>
      <c r="I886">
        <v>47.96</v>
      </c>
      <c r="J886">
        <v>5</v>
      </c>
      <c r="K886">
        <v>4.2</v>
      </c>
    </row>
    <row r="887" spans="1:11" x14ac:dyDescent="0.3">
      <c r="A887" s="1">
        <v>41863</v>
      </c>
      <c r="B887" s="3">
        <f t="shared" si="26"/>
        <v>8</v>
      </c>
      <c r="C887" s="3">
        <f t="shared" si="27"/>
        <v>2014</v>
      </c>
      <c r="D887" t="s">
        <v>1114</v>
      </c>
      <c r="E887" t="s">
        <v>122</v>
      </c>
      <c r="F887" t="s">
        <v>38</v>
      </c>
      <c r="G887" t="s">
        <v>51</v>
      </c>
      <c r="H887" t="s">
        <v>1062</v>
      </c>
      <c r="I887">
        <v>158.93</v>
      </c>
      <c r="J887">
        <v>7</v>
      </c>
      <c r="K887">
        <v>41.72</v>
      </c>
    </row>
    <row r="888" spans="1:11" x14ac:dyDescent="0.3">
      <c r="A888" s="1">
        <v>41863</v>
      </c>
      <c r="B888" s="3">
        <f t="shared" si="26"/>
        <v>8</v>
      </c>
      <c r="C888" s="3">
        <f t="shared" si="27"/>
        <v>2014</v>
      </c>
      <c r="D888" t="s">
        <v>1114</v>
      </c>
      <c r="E888" t="s">
        <v>122</v>
      </c>
      <c r="F888" t="s">
        <v>10</v>
      </c>
      <c r="G888" t="s">
        <v>91</v>
      </c>
      <c r="H888" t="s">
        <v>1117</v>
      </c>
      <c r="I888">
        <v>211.25</v>
      </c>
      <c r="J888">
        <v>6</v>
      </c>
      <c r="K888">
        <v>15.84</v>
      </c>
    </row>
    <row r="889" spans="1:11" x14ac:dyDescent="0.3">
      <c r="A889" s="1">
        <v>41863</v>
      </c>
      <c r="B889" s="3">
        <f t="shared" si="26"/>
        <v>8</v>
      </c>
      <c r="C889" s="3">
        <f t="shared" si="27"/>
        <v>2014</v>
      </c>
      <c r="D889" t="s">
        <v>1114</v>
      </c>
      <c r="E889" t="s">
        <v>122</v>
      </c>
      <c r="F889" t="s">
        <v>10</v>
      </c>
      <c r="G889" t="s">
        <v>199</v>
      </c>
      <c r="H889" t="s">
        <v>1118</v>
      </c>
      <c r="I889">
        <v>5.55</v>
      </c>
      <c r="J889">
        <v>2</v>
      </c>
      <c r="K889">
        <v>-1.04</v>
      </c>
    </row>
    <row r="890" spans="1:11" x14ac:dyDescent="0.3">
      <c r="A890" s="1">
        <v>41863</v>
      </c>
      <c r="B890" s="3">
        <f t="shared" si="26"/>
        <v>8</v>
      </c>
      <c r="C890" s="3">
        <f t="shared" si="27"/>
        <v>2014</v>
      </c>
      <c r="D890" t="s">
        <v>1114</v>
      </c>
      <c r="E890" t="s">
        <v>122</v>
      </c>
      <c r="F890" t="s">
        <v>10</v>
      </c>
      <c r="G890" t="s">
        <v>15</v>
      </c>
      <c r="H890" t="s">
        <v>347</v>
      </c>
      <c r="I890">
        <v>2.95</v>
      </c>
      <c r="J890">
        <v>1</v>
      </c>
      <c r="K890">
        <v>1</v>
      </c>
    </row>
    <row r="891" spans="1:11" x14ac:dyDescent="0.3">
      <c r="A891" s="1">
        <v>41863</v>
      </c>
      <c r="B891" s="3">
        <f t="shared" si="26"/>
        <v>8</v>
      </c>
      <c r="C891" s="3">
        <f t="shared" si="27"/>
        <v>2014</v>
      </c>
      <c r="D891" t="s">
        <v>589</v>
      </c>
      <c r="E891" t="s">
        <v>29</v>
      </c>
      <c r="F891" t="s">
        <v>10</v>
      </c>
      <c r="G891" t="s">
        <v>19</v>
      </c>
      <c r="H891" t="s">
        <v>1119</v>
      </c>
      <c r="I891">
        <v>14.04</v>
      </c>
      <c r="J891">
        <v>3</v>
      </c>
      <c r="K891">
        <v>6.74</v>
      </c>
    </row>
    <row r="892" spans="1:11" x14ac:dyDescent="0.3">
      <c r="A892" s="1">
        <v>41863</v>
      </c>
      <c r="B892" s="3">
        <f t="shared" si="26"/>
        <v>8</v>
      </c>
      <c r="C892" s="3">
        <f t="shared" si="27"/>
        <v>2014</v>
      </c>
      <c r="D892" t="s">
        <v>589</v>
      </c>
      <c r="E892" t="s">
        <v>29</v>
      </c>
      <c r="F892" t="s">
        <v>38</v>
      </c>
      <c r="G892" t="s">
        <v>51</v>
      </c>
      <c r="H892" t="s">
        <v>985</v>
      </c>
      <c r="I892">
        <v>272.61</v>
      </c>
      <c r="J892">
        <v>13</v>
      </c>
      <c r="K892">
        <v>98.14</v>
      </c>
    </row>
    <row r="893" spans="1:11" x14ac:dyDescent="0.3">
      <c r="A893" s="1">
        <v>41866</v>
      </c>
      <c r="B893" s="3">
        <f t="shared" si="26"/>
        <v>8</v>
      </c>
      <c r="C893" s="3">
        <f t="shared" si="27"/>
        <v>2014</v>
      </c>
      <c r="D893" t="s">
        <v>1120</v>
      </c>
      <c r="E893" t="s">
        <v>9</v>
      </c>
      <c r="F893" t="s">
        <v>10</v>
      </c>
      <c r="G893" t="s">
        <v>19</v>
      </c>
      <c r="H893" t="s">
        <v>547</v>
      </c>
      <c r="I893">
        <v>30.96</v>
      </c>
      <c r="J893">
        <v>8</v>
      </c>
      <c r="K893">
        <v>-52.63</v>
      </c>
    </row>
    <row r="894" spans="1:11" x14ac:dyDescent="0.3">
      <c r="A894" s="1">
        <v>41866</v>
      </c>
      <c r="B894" s="3">
        <f t="shared" si="26"/>
        <v>8</v>
      </c>
      <c r="C894" s="3">
        <f t="shared" si="27"/>
        <v>2014</v>
      </c>
      <c r="D894" t="s">
        <v>1121</v>
      </c>
      <c r="E894" t="s">
        <v>612</v>
      </c>
      <c r="F894" t="s">
        <v>10</v>
      </c>
      <c r="G894" t="s">
        <v>19</v>
      </c>
      <c r="H894" t="s">
        <v>1122</v>
      </c>
      <c r="I894">
        <v>62.94</v>
      </c>
      <c r="J894">
        <v>3</v>
      </c>
      <c r="K894">
        <v>30.21</v>
      </c>
    </row>
    <row r="895" spans="1:11" x14ac:dyDescent="0.3">
      <c r="A895" s="1">
        <v>41866</v>
      </c>
      <c r="B895" s="3">
        <f t="shared" si="26"/>
        <v>8</v>
      </c>
      <c r="C895" s="3">
        <f t="shared" si="27"/>
        <v>2014</v>
      </c>
      <c r="D895" t="s">
        <v>1121</v>
      </c>
      <c r="E895" t="s">
        <v>122</v>
      </c>
      <c r="F895" t="s">
        <v>10</v>
      </c>
      <c r="G895" t="s">
        <v>11</v>
      </c>
      <c r="H895" t="s">
        <v>1123</v>
      </c>
      <c r="I895">
        <v>91.36</v>
      </c>
      <c r="J895">
        <v>5</v>
      </c>
      <c r="K895">
        <v>29.69</v>
      </c>
    </row>
    <row r="896" spans="1:11" x14ac:dyDescent="0.3">
      <c r="A896" s="1">
        <v>41866</v>
      </c>
      <c r="B896" s="3">
        <f t="shared" si="26"/>
        <v>8</v>
      </c>
      <c r="C896" s="3">
        <f t="shared" si="27"/>
        <v>2014</v>
      </c>
      <c r="D896" t="s">
        <v>1121</v>
      </c>
      <c r="E896" t="s">
        <v>122</v>
      </c>
      <c r="F896" t="s">
        <v>10</v>
      </c>
      <c r="G896" t="s">
        <v>91</v>
      </c>
      <c r="H896" t="s">
        <v>1079</v>
      </c>
      <c r="I896">
        <v>152.24</v>
      </c>
      <c r="J896">
        <v>5</v>
      </c>
      <c r="K896">
        <v>17.13</v>
      </c>
    </row>
    <row r="897" spans="1:11" x14ac:dyDescent="0.3">
      <c r="A897" s="1">
        <v>41866</v>
      </c>
      <c r="B897" s="3">
        <f t="shared" si="26"/>
        <v>8</v>
      </c>
      <c r="C897" s="3">
        <f t="shared" si="27"/>
        <v>2014</v>
      </c>
      <c r="D897" t="s">
        <v>71</v>
      </c>
      <c r="E897" t="s">
        <v>26</v>
      </c>
      <c r="F897" t="s">
        <v>10</v>
      </c>
      <c r="G897" t="s">
        <v>91</v>
      </c>
      <c r="H897" t="s">
        <v>1124</v>
      </c>
      <c r="I897">
        <v>152.91</v>
      </c>
      <c r="J897">
        <v>3</v>
      </c>
      <c r="K897">
        <v>42.81</v>
      </c>
    </row>
    <row r="898" spans="1:11" x14ac:dyDescent="0.3">
      <c r="A898" s="1">
        <v>41866</v>
      </c>
      <c r="B898" s="3">
        <f t="shared" ref="B898:B961" si="28">MONTH(A:A)</f>
        <v>8</v>
      </c>
      <c r="C898" s="3">
        <f t="shared" ref="C898:C961" si="29">YEAR(A:A)</f>
        <v>2014</v>
      </c>
      <c r="D898" t="s">
        <v>71</v>
      </c>
      <c r="E898" t="s">
        <v>26</v>
      </c>
      <c r="F898" t="s">
        <v>10</v>
      </c>
      <c r="G898" t="s">
        <v>11</v>
      </c>
      <c r="H898" t="s">
        <v>1125</v>
      </c>
      <c r="I898">
        <v>92.94</v>
      </c>
      <c r="J898">
        <v>3</v>
      </c>
      <c r="K898">
        <v>41.82</v>
      </c>
    </row>
    <row r="899" spans="1:11" x14ac:dyDescent="0.3">
      <c r="A899" s="1">
        <v>41866</v>
      </c>
      <c r="B899" s="3">
        <f t="shared" si="28"/>
        <v>8</v>
      </c>
      <c r="C899" s="3">
        <f t="shared" si="29"/>
        <v>2014</v>
      </c>
      <c r="D899" t="s">
        <v>71</v>
      </c>
      <c r="E899" t="s">
        <v>26</v>
      </c>
      <c r="F899" t="s">
        <v>10</v>
      </c>
      <c r="G899" t="s">
        <v>19</v>
      </c>
      <c r="H899" t="s">
        <v>1126</v>
      </c>
      <c r="I899">
        <v>17.86</v>
      </c>
      <c r="J899">
        <v>4</v>
      </c>
      <c r="K899">
        <v>6.25</v>
      </c>
    </row>
    <row r="900" spans="1:11" x14ac:dyDescent="0.3">
      <c r="A900" s="1">
        <v>41866</v>
      </c>
      <c r="B900" s="3">
        <f t="shared" si="28"/>
        <v>8</v>
      </c>
      <c r="C900" s="3">
        <f t="shared" si="29"/>
        <v>2014</v>
      </c>
      <c r="D900" t="s">
        <v>71</v>
      </c>
      <c r="E900" t="s">
        <v>26</v>
      </c>
      <c r="F900" t="s">
        <v>10</v>
      </c>
      <c r="G900" t="s">
        <v>19</v>
      </c>
      <c r="H900" t="s">
        <v>547</v>
      </c>
      <c r="I900">
        <v>46.44</v>
      </c>
      <c r="J900">
        <v>3</v>
      </c>
      <c r="K900">
        <v>15.09</v>
      </c>
    </row>
    <row r="901" spans="1:11" x14ac:dyDescent="0.3">
      <c r="A901" s="1">
        <v>41866</v>
      </c>
      <c r="B901" s="3">
        <f t="shared" si="28"/>
        <v>8</v>
      </c>
      <c r="C901" s="3">
        <f t="shared" si="29"/>
        <v>2014</v>
      </c>
      <c r="D901" t="s">
        <v>71</v>
      </c>
      <c r="E901" t="s">
        <v>26</v>
      </c>
      <c r="F901" t="s">
        <v>33</v>
      </c>
      <c r="G901" t="s">
        <v>34</v>
      </c>
      <c r="H901" t="s">
        <v>1127</v>
      </c>
      <c r="I901">
        <v>195.14</v>
      </c>
      <c r="J901">
        <v>4</v>
      </c>
      <c r="K901">
        <v>-12.2</v>
      </c>
    </row>
    <row r="902" spans="1:11" x14ac:dyDescent="0.3">
      <c r="A902" s="1">
        <v>41867</v>
      </c>
      <c r="B902" s="3">
        <f t="shared" si="28"/>
        <v>8</v>
      </c>
      <c r="C902" s="3">
        <f t="shared" si="29"/>
        <v>2014</v>
      </c>
      <c r="D902" t="s">
        <v>1128</v>
      </c>
      <c r="E902" t="s">
        <v>22</v>
      </c>
      <c r="F902" t="s">
        <v>33</v>
      </c>
      <c r="G902" t="s">
        <v>144</v>
      </c>
      <c r="H902" t="s">
        <v>740</v>
      </c>
      <c r="I902">
        <v>853.09</v>
      </c>
      <c r="J902">
        <v>6</v>
      </c>
      <c r="K902">
        <v>-227.49</v>
      </c>
    </row>
    <row r="903" spans="1:11" x14ac:dyDescent="0.3">
      <c r="A903" s="1">
        <v>41868</v>
      </c>
      <c r="B903" s="3">
        <f t="shared" si="28"/>
        <v>8</v>
      </c>
      <c r="C903" s="3">
        <f t="shared" si="29"/>
        <v>2014</v>
      </c>
      <c r="D903" t="s">
        <v>451</v>
      </c>
      <c r="E903" t="s">
        <v>9</v>
      </c>
      <c r="F903" t="s">
        <v>10</v>
      </c>
      <c r="G903" t="s">
        <v>11</v>
      </c>
      <c r="H903" t="s">
        <v>1129</v>
      </c>
      <c r="I903">
        <v>15.55</v>
      </c>
      <c r="J903">
        <v>3</v>
      </c>
      <c r="K903">
        <v>5.44</v>
      </c>
    </row>
    <row r="904" spans="1:11" x14ac:dyDescent="0.3">
      <c r="A904" s="1">
        <v>41868</v>
      </c>
      <c r="B904" s="3">
        <f t="shared" si="28"/>
        <v>8</v>
      </c>
      <c r="C904" s="3">
        <f t="shared" si="29"/>
        <v>2014</v>
      </c>
      <c r="D904" t="s">
        <v>1130</v>
      </c>
      <c r="E904" t="s">
        <v>100</v>
      </c>
      <c r="F904" t="s">
        <v>10</v>
      </c>
      <c r="G904" t="s">
        <v>11</v>
      </c>
      <c r="H904" t="s">
        <v>1131</v>
      </c>
      <c r="I904">
        <v>114.2</v>
      </c>
      <c r="J904">
        <v>5</v>
      </c>
      <c r="K904">
        <v>52.53</v>
      </c>
    </row>
    <row r="905" spans="1:11" x14ac:dyDescent="0.3">
      <c r="A905" s="1">
        <v>41868</v>
      </c>
      <c r="B905" s="3">
        <f t="shared" si="28"/>
        <v>8</v>
      </c>
      <c r="C905" s="3">
        <f t="shared" si="29"/>
        <v>2014</v>
      </c>
      <c r="D905" t="s">
        <v>1130</v>
      </c>
      <c r="E905" t="s">
        <v>100</v>
      </c>
      <c r="F905" t="s">
        <v>10</v>
      </c>
      <c r="G905" t="s">
        <v>19</v>
      </c>
      <c r="H905" t="s">
        <v>450</v>
      </c>
      <c r="I905">
        <v>17.96</v>
      </c>
      <c r="J905">
        <v>4</v>
      </c>
      <c r="K905">
        <v>8.26</v>
      </c>
    </row>
    <row r="906" spans="1:11" x14ac:dyDescent="0.3">
      <c r="A906" s="1">
        <v>41868</v>
      </c>
      <c r="B906" s="3">
        <f t="shared" si="28"/>
        <v>8</v>
      </c>
      <c r="C906" s="3">
        <f t="shared" si="29"/>
        <v>2014</v>
      </c>
      <c r="D906" t="s">
        <v>1130</v>
      </c>
      <c r="E906" t="s">
        <v>100</v>
      </c>
      <c r="F906" t="s">
        <v>10</v>
      </c>
      <c r="G906" t="s">
        <v>42</v>
      </c>
      <c r="H906" t="s">
        <v>1132</v>
      </c>
      <c r="I906">
        <v>12.67</v>
      </c>
      <c r="J906">
        <v>7</v>
      </c>
      <c r="K906">
        <v>4.5599999999999996</v>
      </c>
    </row>
    <row r="907" spans="1:11" x14ac:dyDescent="0.3">
      <c r="A907" s="1">
        <v>41868</v>
      </c>
      <c r="B907" s="3">
        <f t="shared" si="28"/>
        <v>8</v>
      </c>
      <c r="C907" s="3">
        <f t="shared" si="29"/>
        <v>2014</v>
      </c>
      <c r="D907" t="s">
        <v>1130</v>
      </c>
      <c r="E907" t="s">
        <v>100</v>
      </c>
      <c r="F907" t="s">
        <v>38</v>
      </c>
      <c r="G907" t="s">
        <v>51</v>
      </c>
      <c r="H907" t="s">
        <v>1133</v>
      </c>
      <c r="I907">
        <v>339.96</v>
      </c>
      <c r="J907">
        <v>4</v>
      </c>
      <c r="K907">
        <v>122.39</v>
      </c>
    </row>
    <row r="908" spans="1:11" x14ac:dyDescent="0.3">
      <c r="A908" s="1">
        <v>41870</v>
      </c>
      <c r="B908" s="3">
        <f t="shared" si="28"/>
        <v>8</v>
      </c>
      <c r="C908" s="3">
        <f t="shared" si="29"/>
        <v>2014</v>
      </c>
      <c r="D908" t="s">
        <v>748</v>
      </c>
      <c r="E908" t="s">
        <v>77</v>
      </c>
      <c r="F908" t="s">
        <v>10</v>
      </c>
      <c r="G908" t="s">
        <v>23</v>
      </c>
      <c r="H908" t="s">
        <v>1134</v>
      </c>
      <c r="I908">
        <v>10.72</v>
      </c>
      <c r="J908">
        <v>2</v>
      </c>
      <c r="K908">
        <v>1.74</v>
      </c>
    </row>
    <row r="909" spans="1:11" x14ac:dyDescent="0.3">
      <c r="A909" s="1">
        <v>41870</v>
      </c>
      <c r="B909" s="3">
        <f t="shared" si="28"/>
        <v>8</v>
      </c>
      <c r="C909" s="3">
        <f t="shared" si="29"/>
        <v>2014</v>
      </c>
      <c r="D909" t="s">
        <v>901</v>
      </c>
      <c r="E909" t="s">
        <v>77</v>
      </c>
      <c r="F909" t="s">
        <v>10</v>
      </c>
      <c r="G909" t="s">
        <v>19</v>
      </c>
      <c r="H909" t="s">
        <v>1135</v>
      </c>
      <c r="I909">
        <v>76.78</v>
      </c>
      <c r="J909">
        <v>4</v>
      </c>
      <c r="K909">
        <v>-58.86</v>
      </c>
    </row>
    <row r="910" spans="1:11" x14ac:dyDescent="0.3">
      <c r="A910" s="1">
        <v>41870</v>
      </c>
      <c r="B910" s="3">
        <f t="shared" si="28"/>
        <v>8</v>
      </c>
      <c r="C910" s="3">
        <f t="shared" si="29"/>
        <v>2014</v>
      </c>
      <c r="D910" t="s">
        <v>901</v>
      </c>
      <c r="E910" t="s">
        <v>77</v>
      </c>
      <c r="F910" t="s">
        <v>10</v>
      </c>
      <c r="G910" t="s">
        <v>199</v>
      </c>
      <c r="H910" t="s">
        <v>1136</v>
      </c>
      <c r="I910">
        <v>9.18</v>
      </c>
      <c r="J910">
        <v>2</v>
      </c>
      <c r="K910">
        <v>1.1499999999999999</v>
      </c>
    </row>
    <row r="911" spans="1:11" x14ac:dyDescent="0.3">
      <c r="A911" s="1">
        <v>41870</v>
      </c>
      <c r="B911" s="3">
        <f t="shared" si="28"/>
        <v>8</v>
      </c>
      <c r="C911" s="3">
        <f t="shared" si="29"/>
        <v>2014</v>
      </c>
      <c r="D911" t="s">
        <v>1137</v>
      </c>
      <c r="E911" t="s">
        <v>100</v>
      </c>
      <c r="F911" t="s">
        <v>33</v>
      </c>
      <c r="G911" t="s">
        <v>73</v>
      </c>
      <c r="H911" t="s">
        <v>815</v>
      </c>
      <c r="I911">
        <v>638.82000000000005</v>
      </c>
      <c r="J911">
        <v>9</v>
      </c>
      <c r="K911">
        <v>172.48</v>
      </c>
    </row>
    <row r="912" spans="1:11" x14ac:dyDescent="0.3">
      <c r="A912" s="1">
        <v>41870</v>
      </c>
      <c r="B912" s="3">
        <f t="shared" si="28"/>
        <v>8</v>
      </c>
      <c r="C912" s="3">
        <f t="shared" si="29"/>
        <v>2014</v>
      </c>
      <c r="D912" t="s">
        <v>89</v>
      </c>
      <c r="E912" t="s">
        <v>26</v>
      </c>
      <c r="F912" t="s">
        <v>33</v>
      </c>
      <c r="G912" t="s">
        <v>46</v>
      </c>
      <c r="H912" t="s">
        <v>653</v>
      </c>
      <c r="I912">
        <v>289.24</v>
      </c>
      <c r="J912">
        <v>7</v>
      </c>
      <c r="K912">
        <v>26.03</v>
      </c>
    </row>
    <row r="913" spans="1:11" x14ac:dyDescent="0.3">
      <c r="A913" s="1">
        <v>41870</v>
      </c>
      <c r="B913" s="3">
        <f t="shared" si="28"/>
        <v>8</v>
      </c>
      <c r="C913" s="3">
        <f t="shared" si="29"/>
        <v>2014</v>
      </c>
      <c r="D913" t="s">
        <v>89</v>
      </c>
      <c r="E913" t="s">
        <v>26</v>
      </c>
      <c r="F913" t="s">
        <v>10</v>
      </c>
      <c r="G913" t="s">
        <v>19</v>
      </c>
      <c r="H913" t="s">
        <v>1138</v>
      </c>
      <c r="I913">
        <v>69.459999999999994</v>
      </c>
      <c r="J913">
        <v>2</v>
      </c>
      <c r="K913">
        <v>22.57</v>
      </c>
    </row>
    <row r="914" spans="1:11" x14ac:dyDescent="0.3">
      <c r="A914" s="1">
        <v>41870</v>
      </c>
      <c r="B914" s="3">
        <f t="shared" si="28"/>
        <v>8</v>
      </c>
      <c r="C914" s="3">
        <f t="shared" si="29"/>
        <v>2014</v>
      </c>
      <c r="D914" t="s">
        <v>614</v>
      </c>
      <c r="E914" t="s">
        <v>29</v>
      </c>
      <c r="F914" t="s">
        <v>10</v>
      </c>
      <c r="G914" t="s">
        <v>17</v>
      </c>
      <c r="H914" t="s">
        <v>152</v>
      </c>
      <c r="I914">
        <v>344.91</v>
      </c>
      <c r="J914">
        <v>3</v>
      </c>
      <c r="K914">
        <v>10.35</v>
      </c>
    </row>
    <row r="915" spans="1:11" x14ac:dyDescent="0.3">
      <c r="A915" s="1">
        <v>41871</v>
      </c>
      <c r="B915" s="3">
        <f t="shared" si="28"/>
        <v>8</v>
      </c>
      <c r="C915" s="3">
        <f t="shared" si="29"/>
        <v>2014</v>
      </c>
      <c r="D915" t="s">
        <v>1139</v>
      </c>
      <c r="E915" t="s">
        <v>14</v>
      </c>
      <c r="F915" t="s">
        <v>33</v>
      </c>
      <c r="G915" t="s">
        <v>34</v>
      </c>
      <c r="H915" t="s">
        <v>273</v>
      </c>
      <c r="I915">
        <v>421.37</v>
      </c>
      <c r="J915">
        <v>2</v>
      </c>
      <c r="K915">
        <v>-6.02</v>
      </c>
    </row>
    <row r="916" spans="1:11" x14ac:dyDescent="0.3">
      <c r="A916" s="1">
        <v>41871</v>
      </c>
      <c r="B916" s="3">
        <f t="shared" si="28"/>
        <v>8</v>
      </c>
      <c r="C916" s="3">
        <f t="shared" si="29"/>
        <v>2014</v>
      </c>
      <c r="D916" t="s">
        <v>1008</v>
      </c>
      <c r="E916" t="s">
        <v>54</v>
      </c>
      <c r="F916" t="s">
        <v>33</v>
      </c>
      <c r="G916" t="s">
        <v>34</v>
      </c>
      <c r="H916" t="s">
        <v>943</v>
      </c>
      <c r="I916">
        <v>500.24</v>
      </c>
      <c r="J916">
        <v>13</v>
      </c>
      <c r="K916">
        <v>145.07</v>
      </c>
    </row>
    <row r="917" spans="1:11" x14ac:dyDescent="0.3">
      <c r="A917" s="1">
        <v>41871</v>
      </c>
      <c r="B917" s="3">
        <f t="shared" si="28"/>
        <v>8</v>
      </c>
      <c r="C917" s="3">
        <f t="shared" si="29"/>
        <v>2014</v>
      </c>
      <c r="D917" t="s">
        <v>1008</v>
      </c>
      <c r="E917" t="s">
        <v>54</v>
      </c>
      <c r="F917" t="s">
        <v>10</v>
      </c>
      <c r="G917" t="s">
        <v>11</v>
      </c>
      <c r="H917" t="s">
        <v>1140</v>
      </c>
      <c r="I917">
        <v>20.12</v>
      </c>
      <c r="J917">
        <v>2</v>
      </c>
      <c r="K917">
        <v>9.26</v>
      </c>
    </row>
    <row r="918" spans="1:11" x14ac:dyDescent="0.3">
      <c r="A918" s="1">
        <v>41871</v>
      </c>
      <c r="B918" s="3">
        <f t="shared" si="28"/>
        <v>8</v>
      </c>
      <c r="C918" s="3">
        <f t="shared" si="29"/>
        <v>2014</v>
      </c>
      <c r="D918" t="s">
        <v>1008</v>
      </c>
      <c r="E918" t="s">
        <v>54</v>
      </c>
      <c r="F918" t="s">
        <v>10</v>
      </c>
      <c r="G918" t="s">
        <v>19</v>
      </c>
      <c r="H918" t="s">
        <v>1141</v>
      </c>
      <c r="I918">
        <v>896.99</v>
      </c>
      <c r="J918">
        <v>1</v>
      </c>
      <c r="K918">
        <v>421.59</v>
      </c>
    </row>
    <row r="919" spans="1:11" x14ac:dyDescent="0.3">
      <c r="A919" s="1">
        <v>41873</v>
      </c>
      <c r="B919" s="3">
        <f t="shared" si="28"/>
        <v>8</v>
      </c>
      <c r="C919" s="3">
        <f t="shared" si="29"/>
        <v>2014</v>
      </c>
      <c r="D919" t="s">
        <v>1142</v>
      </c>
      <c r="E919" t="s">
        <v>77</v>
      </c>
      <c r="F919" t="s">
        <v>10</v>
      </c>
      <c r="G919" t="s">
        <v>23</v>
      </c>
      <c r="H919" t="s">
        <v>1143</v>
      </c>
      <c r="I919">
        <v>3.91</v>
      </c>
      <c r="J919">
        <v>1</v>
      </c>
      <c r="K919">
        <v>1.03</v>
      </c>
    </row>
    <row r="920" spans="1:11" x14ac:dyDescent="0.3">
      <c r="A920" s="1">
        <v>41873</v>
      </c>
      <c r="B920" s="3">
        <f t="shared" si="28"/>
        <v>8</v>
      </c>
      <c r="C920" s="3">
        <f t="shared" si="29"/>
        <v>2014</v>
      </c>
      <c r="D920" t="s">
        <v>1144</v>
      </c>
      <c r="E920" t="s">
        <v>122</v>
      </c>
      <c r="F920" t="s">
        <v>10</v>
      </c>
      <c r="G920" t="s">
        <v>199</v>
      </c>
      <c r="H920" t="s">
        <v>1145</v>
      </c>
      <c r="I920">
        <v>7.63</v>
      </c>
      <c r="J920">
        <v>3</v>
      </c>
      <c r="K920">
        <v>-1.81</v>
      </c>
    </row>
    <row r="921" spans="1:11" x14ac:dyDescent="0.3">
      <c r="A921" s="1">
        <v>41873</v>
      </c>
      <c r="B921" s="3">
        <f t="shared" si="28"/>
        <v>8</v>
      </c>
      <c r="C921" s="3">
        <f t="shared" si="29"/>
        <v>2014</v>
      </c>
      <c r="D921" t="s">
        <v>828</v>
      </c>
      <c r="E921" t="s">
        <v>185</v>
      </c>
      <c r="F921" t="s">
        <v>10</v>
      </c>
      <c r="G921" t="s">
        <v>11</v>
      </c>
      <c r="H921" t="s">
        <v>1146</v>
      </c>
      <c r="I921">
        <v>11.56</v>
      </c>
      <c r="J921">
        <v>2</v>
      </c>
      <c r="K921">
        <v>5.66</v>
      </c>
    </row>
    <row r="922" spans="1:11" x14ac:dyDescent="0.3">
      <c r="A922" s="1">
        <v>41874</v>
      </c>
      <c r="B922" s="3">
        <f t="shared" si="28"/>
        <v>8</v>
      </c>
      <c r="C922" s="3">
        <f t="shared" si="29"/>
        <v>2014</v>
      </c>
      <c r="D922" t="s">
        <v>1147</v>
      </c>
      <c r="E922" t="s">
        <v>148</v>
      </c>
      <c r="F922" t="s">
        <v>10</v>
      </c>
      <c r="G922" t="s">
        <v>11</v>
      </c>
      <c r="H922" t="s">
        <v>1148</v>
      </c>
      <c r="I922">
        <v>25.92</v>
      </c>
      <c r="J922">
        <v>4</v>
      </c>
      <c r="K922">
        <v>12.44</v>
      </c>
    </row>
    <row r="923" spans="1:11" x14ac:dyDescent="0.3">
      <c r="A923" s="1">
        <v>41874</v>
      </c>
      <c r="B923" s="3">
        <f t="shared" si="28"/>
        <v>8</v>
      </c>
      <c r="C923" s="3">
        <f t="shared" si="29"/>
        <v>2014</v>
      </c>
      <c r="D923" t="s">
        <v>1147</v>
      </c>
      <c r="E923" t="s">
        <v>148</v>
      </c>
      <c r="F923" t="s">
        <v>10</v>
      </c>
      <c r="G923" t="s">
        <v>11</v>
      </c>
      <c r="H923" t="s">
        <v>1149</v>
      </c>
      <c r="I923">
        <v>45.92</v>
      </c>
      <c r="J923">
        <v>4</v>
      </c>
      <c r="K923">
        <v>22.5</v>
      </c>
    </row>
    <row r="924" spans="1:11" x14ac:dyDescent="0.3">
      <c r="A924" s="1">
        <v>41874</v>
      </c>
      <c r="B924" s="3">
        <f t="shared" si="28"/>
        <v>8</v>
      </c>
      <c r="C924" s="3">
        <f t="shared" si="29"/>
        <v>2014</v>
      </c>
      <c r="D924" t="s">
        <v>1150</v>
      </c>
      <c r="E924" t="s">
        <v>26</v>
      </c>
      <c r="F924" t="s">
        <v>10</v>
      </c>
      <c r="G924" t="s">
        <v>19</v>
      </c>
      <c r="H924" t="s">
        <v>87</v>
      </c>
      <c r="I924">
        <v>49.57</v>
      </c>
      <c r="J924">
        <v>2</v>
      </c>
      <c r="K924">
        <v>17.350000000000001</v>
      </c>
    </row>
    <row r="925" spans="1:11" x14ac:dyDescent="0.3">
      <c r="A925" s="1">
        <v>41874</v>
      </c>
      <c r="B925" s="3">
        <f t="shared" si="28"/>
        <v>8</v>
      </c>
      <c r="C925" s="3">
        <f t="shared" si="29"/>
        <v>2014</v>
      </c>
      <c r="D925" t="s">
        <v>1151</v>
      </c>
      <c r="E925" t="s">
        <v>277</v>
      </c>
      <c r="F925" t="s">
        <v>10</v>
      </c>
      <c r="G925" t="s">
        <v>11</v>
      </c>
      <c r="H925" t="s">
        <v>1152</v>
      </c>
      <c r="I925">
        <v>15.55</v>
      </c>
      <c r="J925">
        <v>3</v>
      </c>
      <c r="K925">
        <v>5.44</v>
      </c>
    </row>
    <row r="926" spans="1:11" x14ac:dyDescent="0.3">
      <c r="A926" s="1">
        <v>41874</v>
      </c>
      <c r="B926" s="3">
        <f t="shared" si="28"/>
        <v>8</v>
      </c>
      <c r="C926" s="3">
        <f t="shared" si="29"/>
        <v>2014</v>
      </c>
      <c r="D926" t="s">
        <v>1151</v>
      </c>
      <c r="E926" t="s">
        <v>277</v>
      </c>
      <c r="F926" t="s">
        <v>10</v>
      </c>
      <c r="G926" t="s">
        <v>199</v>
      </c>
      <c r="H926" t="s">
        <v>1153</v>
      </c>
      <c r="I926">
        <v>6.8</v>
      </c>
      <c r="J926">
        <v>1</v>
      </c>
      <c r="K926">
        <v>0.51</v>
      </c>
    </row>
    <row r="927" spans="1:11" x14ac:dyDescent="0.3">
      <c r="A927" s="1">
        <v>41874</v>
      </c>
      <c r="B927" s="3">
        <f t="shared" si="28"/>
        <v>8</v>
      </c>
      <c r="C927" s="3">
        <f t="shared" si="29"/>
        <v>2014</v>
      </c>
      <c r="D927" t="s">
        <v>1151</v>
      </c>
      <c r="E927" t="s">
        <v>277</v>
      </c>
      <c r="F927" t="s">
        <v>33</v>
      </c>
      <c r="G927" t="s">
        <v>46</v>
      </c>
      <c r="H927" t="s">
        <v>1154</v>
      </c>
      <c r="I927">
        <v>4.22</v>
      </c>
      <c r="J927">
        <v>3</v>
      </c>
      <c r="K927">
        <v>1.27</v>
      </c>
    </row>
    <row r="928" spans="1:11" x14ac:dyDescent="0.3">
      <c r="A928" s="1">
        <v>41874</v>
      </c>
      <c r="B928" s="3">
        <f t="shared" si="28"/>
        <v>8</v>
      </c>
      <c r="C928" s="3">
        <f t="shared" si="29"/>
        <v>2014</v>
      </c>
      <c r="D928" t="s">
        <v>1151</v>
      </c>
      <c r="E928" t="s">
        <v>277</v>
      </c>
      <c r="F928" t="s">
        <v>38</v>
      </c>
      <c r="G928" t="s">
        <v>39</v>
      </c>
      <c r="H928" t="s">
        <v>1155</v>
      </c>
      <c r="I928">
        <v>143.63999999999999</v>
      </c>
      <c r="J928">
        <v>9</v>
      </c>
      <c r="K928">
        <v>10.77</v>
      </c>
    </row>
    <row r="929" spans="1:11" x14ac:dyDescent="0.3">
      <c r="A929" s="1">
        <v>41874</v>
      </c>
      <c r="B929" s="3">
        <f t="shared" si="28"/>
        <v>8</v>
      </c>
      <c r="C929" s="3">
        <f t="shared" si="29"/>
        <v>2014</v>
      </c>
      <c r="D929" t="s">
        <v>1151</v>
      </c>
      <c r="E929" t="s">
        <v>277</v>
      </c>
      <c r="F929" t="s">
        <v>10</v>
      </c>
      <c r="G929" t="s">
        <v>11</v>
      </c>
      <c r="H929" t="s">
        <v>1156</v>
      </c>
      <c r="I929">
        <v>31.1</v>
      </c>
      <c r="J929">
        <v>6</v>
      </c>
      <c r="K929">
        <v>10.89</v>
      </c>
    </row>
    <row r="930" spans="1:11" x14ac:dyDescent="0.3">
      <c r="A930" s="1">
        <v>41874</v>
      </c>
      <c r="B930" s="3">
        <f t="shared" si="28"/>
        <v>8</v>
      </c>
      <c r="C930" s="3">
        <f t="shared" si="29"/>
        <v>2014</v>
      </c>
      <c r="D930" t="s">
        <v>1151</v>
      </c>
      <c r="E930" t="s">
        <v>277</v>
      </c>
      <c r="F930" t="s">
        <v>10</v>
      </c>
      <c r="G930" t="s">
        <v>11</v>
      </c>
      <c r="H930" t="s">
        <v>1157</v>
      </c>
      <c r="I930">
        <v>223.06</v>
      </c>
      <c r="J930">
        <v>9</v>
      </c>
      <c r="K930">
        <v>69.709999999999994</v>
      </c>
    </row>
    <row r="931" spans="1:11" x14ac:dyDescent="0.3">
      <c r="A931" s="1">
        <v>41874</v>
      </c>
      <c r="B931" s="3">
        <f t="shared" si="28"/>
        <v>8</v>
      </c>
      <c r="C931" s="3">
        <f t="shared" si="29"/>
        <v>2014</v>
      </c>
      <c r="D931" t="s">
        <v>756</v>
      </c>
      <c r="E931" t="s">
        <v>109</v>
      </c>
      <c r="F931" t="s">
        <v>10</v>
      </c>
      <c r="G931" t="s">
        <v>11</v>
      </c>
      <c r="H931" t="s">
        <v>1158</v>
      </c>
      <c r="I931">
        <v>19.440000000000001</v>
      </c>
      <c r="J931">
        <v>3</v>
      </c>
      <c r="K931">
        <v>9.5299999999999994</v>
      </c>
    </row>
    <row r="932" spans="1:11" x14ac:dyDescent="0.3">
      <c r="A932" s="1">
        <v>41875</v>
      </c>
      <c r="B932" s="3">
        <f t="shared" si="28"/>
        <v>8</v>
      </c>
      <c r="C932" s="3">
        <f t="shared" si="29"/>
        <v>2014</v>
      </c>
      <c r="D932" t="s">
        <v>1150</v>
      </c>
      <c r="E932" t="s">
        <v>514</v>
      </c>
      <c r="F932" t="s">
        <v>10</v>
      </c>
      <c r="G932" t="s">
        <v>19</v>
      </c>
      <c r="H932" t="s">
        <v>1159</v>
      </c>
      <c r="I932">
        <v>8.2899999999999991</v>
      </c>
      <c r="J932">
        <v>2</v>
      </c>
      <c r="K932">
        <v>2.69</v>
      </c>
    </row>
    <row r="933" spans="1:11" x14ac:dyDescent="0.3">
      <c r="A933" s="1">
        <v>41875</v>
      </c>
      <c r="B933" s="3">
        <f t="shared" si="28"/>
        <v>8</v>
      </c>
      <c r="C933" s="3">
        <f t="shared" si="29"/>
        <v>2014</v>
      </c>
      <c r="D933" t="s">
        <v>1160</v>
      </c>
      <c r="E933" t="s">
        <v>148</v>
      </c>
      <c r="F933" t="s">
        <v>33</v>
      </c>
      <c r="G933" t="s">
        <v>46</v>
      </c>
      <c r="H933" t="s">
        <v>1161</v>
      </c>
      <c r="I933">
        <v>13.28</v>
      </c>
      <c r="J933">
        <v>2</v>
      </c>
      <c r="K933">
        <v>6.37</v>
      </c>
    </row>
    <row r="934" spans="1:11" x14ac:dyDescent="0.3">
      <c r="A934" s="1">
        <v>41875</v>
      </c>
      <c r="B934" s="3">
        <f t="shared" si="28"/>
        <v>8</v>
      </c>
      <c r="C934" s="3">
        <f t="shared" si="29"/>
        <v>2014</v>
      </c>
      <c r="D934" t="s">
        <v>1160</v>
      </c>
      <c r="E934" t="s">
        <v>148</v>
      </c>
      <c r="F934" t="s">
        <v>10</v>
      </c>
      <c r="G934" t="s">
        <v>19</v>
      </c>
      <c r="H934" t="s">
        <v>845</v>
      </c>
      <c r="I934">
        <v>12.67</v>
      </c>
      <c r="J934">
        <v>3</v>
      </c>
      <c r="K934">
        <v>4.4400000000000004</v>
      </c>
    </row>
    <row r="935" spans="1:11" x14ac:dyDescent="0.3">
      <c r="A935" s="1">
        <v>41875</v>
      </c>
      <c r="B935" s="3">
        <f t="shared" si="28"/>
        <v>8</v>
      </c>
      <c r="C935" s="3">
        <f t="shared" si="29"/>
        <v>2014</v>
      </c>
      <c r="D935" t="s">
        <v>1162</v>
      </c>
      <c r="E935" t="s">
        <v>32</v>
      </c>
      <c r="F935" t="s">
        <v>10</v>
      </c>
      <c r="G935" t="s">
        <v>199</v>
      </c>
      <c r="H935" t="s">
        <v>1153</v>
      </c>
      <c r="I935">
        <v>25.5</v>
      </c>
      <c r="J935">
        <v>3</v>
      </c>
      <c r="K935">
        <v>6.63</v>
      </c>
    </row>
    <row r="936" spans="1:11" x14ac:dyDescent="0.3">
      <c r="A936" s="1">
        <v>41876</v>
      </c>
      <c r="B936" s="3">
        <f t="shared" si="28"/>
        <v>8</v>
      </c>
      <c r="C936" s="3">
        <f t="shared" si="29"/>
        <v>2014</v>
      </c>
      <c r="D936" t="s">
        <v>1163</v>
      </c>
      <c r="E936" t="s">
        <v>77</v>
      </c>
      <c r="F936" t="s">
        <v>10</v>
      </c>
      <c r="G936" t="s">
        <v>42</v>
      </c>
      <c r="H936" t="s">
        <v>1035</v>
      </c>
      <c r="I936">
        <v>40.1</v>
      </c>
      <c r="J936">
        <v>14</v>
      </c>
      <c r="K936">
        <v>14.53</v>
      </c>
    </row>
    <row r="937" spans="1:11" x14ac:dyDescent="0.3">
      <c r="A937" s="1">
        <v>41876</v>
      </c>
      <c r="B937" s="3">
        <f t="shared" si="28"/>
        <v>8</v>
      </c>
      <c r="C937" s="3">
        <f t="shared" si="29"/>
        <v>2014</v>
      </c>
      <c r="D937" t="s">
        <v>1163</v>
      </c>
      <c r="E937" t="s">
        <v>77</v>
      </c>
      <c r="F937" t="s">
        <v>10</v>
      </c>
      <c r="G937" t="s">
        <v>62</v>
      </c>
      <c r="H937" t="s">
        <v>1164</v>
      </c>
      <c r="I937">
        <v>4.72</v>
      </c>
      <c r="J937">
        <v>2</v>
      </c>
      <c r="K937">
        <v>1.65</v>
      </c>
    </row>
    <row r="938" spans="1:11" x14ac:dyDescent="0.3">
      <c r="A938" s="1">
        <v>41876</v>
      </c>
      <c r="B938" s="3">
        <f t="shared" si="28"/>
        <v>8</v>
      </c>
      <c r="C938" s="3">
        <f t="shared" si="29"/>
        <v>2014</v>
      </c>
      <c r="D938" t="s">
        <v>1163</v>
      </c>
      <c r="E938" t="s">
        <v>77</v>
      </c>
      <c r="F938" t="s">
        <v>10</v>
      </c>
      <c r="G938" t="s">
        <v>11</v>
      </c>
      <c r="H938" t="s">
        <v>1165</v>
      </c>
      <c r="I938">
        <v>23.98</v>
      </c>
      <c r="J938">
        <v>3</v>
      </c>
      <c r="K938">
        <v>7.49</v>
      </c>
    </row>
    <row r="939" spans="1:11" x14ac:dyDescent="0.3">
      <c r="A939" s="1">
        <v>41876</v>
      </c>
      <c r="B939" s="3">
        <f t="shared" si="28"/>
        <v>8</v>
      </c>
      <c r="C939" s="3">
        <f t="shared" si="29"/>
        <v>2014</v>
      </c>
      <c r="D939" t="s">
        <v>1163</v>
      </c>
      <c r="E939" t="s">
        <v>77</v>
      </c>
      <c r="F939" t="s">
        <v>10</v>
      </c>
      <c r="G939" t="s">
        <v>62</v>
      </c>
      <c r="H939" t="s">
        <v>97</v>
      </c>
      <c r="I939">
        <v>130.46</v>
      </c>
      <c r="J939">
        <v>6</v>
      </c>
      <c r="K939">
        <v>44.03</v>
      </c>
    </row>
    <row r="940" spans="1:11" x14ac:dyDescent="0.3">
      <c r="A940" s="1">
        <v>41876</v>
      </c>
      <c r="B940" s="3">
        <f t="shared" si="28"/>
        <v>8</v>
      </c>
      <c r="C940" s="3">
        <f t="shared" si="29"/>
        <v>2014</v>
      </c>
      <c r="D940" t="s">
        <v>1166</v>
      </c>
      <c r="E940" t="s">
        <v>26</v>
      </c>
      <c r="F940" t="s">
        <v>33</v>
      </c>
      <c r="G940" t="s">
        <v>46</v>
      </c>
      <c r="H940" t="s">
        <v>1167</v>
      </c>
      <c r="I940">
        <v>6.28</v>
      </c>
      <c r="J940">
        <v>1</v>
      </c>
      <c r="K940">
        <v>2.64</v>
      </c>
    </row>
    <row r="941" spans="1:11" x14ac:dyDescent="0.3">
      <c r="A941" s="1">
        <v>41876</v>
      </c>
      <c r="B941" s="3">
        <f t="shared" si="28"/>
        <v>8</v>
      </c>
      <c r="C941" s="3">
        <f t="shared" si="29"/>
        <v>2014</v>
      </c>
      <c r="D941" t="s">
        <v>1166</v>
      </c>
      <c r="E941" t="s">
        <v>26</v>
      </c>
      <c r="F941" t="s">
        <v>38</v>
      </c>
      <c r="G941" t="s">
        <v>51</v>
      </c>
      <c r="H941" t="s">
        <v>1168</v>
      </c>
      <c r="I941">
        <v>95.1</v>
      </c>
      <c r="J941">
        <v>5</v>
      </c>
      <c r="K941">
        <v>30.43</v>
      </c>
    </row>
    <row r="942" spans="1:11" x14ac:dyDescent="0.3">
      <c r="A942" s="1">
        <v>41876</v>
      </c>
      <c r="B942" s="3">
        <f t="shared" si="28"/>
        <v>8</v>
      </c>
      <c r="C942" s="3">
        <f t="shared" si="29"/>
        <v>2014</v>
      </c>
      <c r="D942" t="s">
        <v>1166</v>
      </c>
      <c r="E942" t="s">
        <v>26</v>
      </c>
      <c r="F942" t="s">
        <v>10</v>
      </c>
      <c r="G942" t="s">
        <v>11</v>
      </c>
      <c r="H942" t="s">
        <v>1169</v>
      </c>
      <c r="I942">
        <v>25.92</v>
      </c>
      <c r="J942">
        <v>4</v>
      </c>
      <c r="K942">
        <v>12.44</v>
      </c>
    </row>
    <row r="943" spans="1:11" x14ac:dyDescent="0.3">
      <c r="A943" s="1">
        <v>41876</v>
      </c>
      <c r="B943" s="3">
        <f t="shared" si="28"/>
        <v>8</v>
      </c>
      <c r="C943" s="3">
        <f t="shared" si="29"/>
        <v>2014</v>
      </c>
      <c r="D943" t="s">
        <v>1166</v>
      </c>
      <c r="E943" t="s">
        <v>26</v>
      </c>
      <c r="F943" t="s">
        <v>10</v>
      </c>
      <c r="G943" t="s">
        <v>17</v>
      </c>
      <c r="H943" t="s">
        <v>1170</v>
      </c>
      <c r="I943">
        <v>48.84</v>
      </c>
      <c r="J943">
        <v>4</v>
      </c>
      <c r="K943">
        <v>13.19</v>
      </c>
    </row>
    <row r="944" spans="1:11" x14ac:dyDescent="0.3">
      <c r="A944" s="1">
        <v>41876</v>
      </c>
      <c r="B944" s="3">
        <f t="shared" si="28"/>
        <v>8</v>
      </c>
      <c r="C944" s="3">
        <f t="shared" si="29"/>
        <v>2014</v>
      </c>
      <c r="D944" t="s">
        <v>1171</v>
      </c>
      <c r="E944" t="s">
        <v>163</v>
      </c>
      <c r="F944" t="s">
        <v>38</v>
      </c>
      <c r="G944" t="s">
        <v>39</v>
      </c>
      <c r="H944" t="s">
        <v>932</v>
      </c>
      <c r="I944">
        <v>1007.94</v>
      </c>
      <c r="J944">
        <v>7</v>
      </c>
      <c r="K944">
        <v>75.599999999999994</v>
      </c>
    </row>
    <row r="945" spans="1:11" x14ac:dyDescent="0.3">
      <c r="A945" s="1">
        <v>41876</v>
      </c>
      <c r="B945" s="3">
        <f t="shared" si="28"/>
        <v>8</v>
      </c>
      <c r="C945" s="3">
        <f t="shared" si="29"/>
        <v>2014</v>
      </c>
      <c r="D945" t="s">
        <v>1172</v>
      </c>
      <c r="E945" t="s">
        <v>9</v>
      </c>
      <c r="F945" t="s">
        <v>10</v>
      </c>
      <c r="G945" t="s">
        <v>19</v>
      </c>
      <c r="H945" t="s">
        <v>1173</v>
      </c>
      <c r="I945">
        <v>25.68</v>
      </c>
      <c r="J945">
        <v>3</v>
      </c>
      <c r="K945">
        <v>-39.799999999999997</v>
      </c>
    </row>
    <row r="946" spans="1:11" x14ac:dyDescent="0.3">
      <c r="A946" s="1">
        <v>41876</v>
      </c>
      <c r="B946" s="3">
        <f t="shared" si="28"/>
        <v>8</v>
      </c>
      <c r="C946" s="3">
        <f t="shared" si="29"/>
        <v>2014</v>
      </c>
      <c r="D946" t="s">
        <v>1172</v>
      </c>
      <c r="E946" t="s">
        <v>9</v>
      </c>
      <c r="F946" t="s">
        <v>10</v>
      </c>
      <c r="G946" t="s">
        <v>19</v>
      </c>
      <c r="H946" t="s">
        <v>1174</v>
      </c>
      <c r="I946">
        <v>12.38</v>
      </c>
      <c r="J946">
        <v>3</v>
      </c>
      <c r="K946">
        <v>-19.809999999999999</v>
      </c>
    </row>
    <row r="947" spans="1:11" x14ac:dyDescent="0.3">
      <c r="A947" s="1">
        <v>41876</v>
      </c>
      <c r="B947" s="3">
        <f t="shared" si="28"/>
        <v>8</v>
      </c>
      <c r="C947" s="3">
        <f t="shared" si="29"/>
        <v>2014</v>
      </c>
      <c r="D947" t="s">
        <v>80</v>
      </c>
      <c r="E947" t="s">
        <v>77</v>
      </c>
      <c r="F947" t="s">
        <v>10</v>
      </c>
      <c r="G947" t="s">
        <v>19</v>
      </c>
      <c r="H947" t="s">
        <v>979</v>
      </c>
      <c r="I947">
        <v>6.53</v>
      </c>
      <c r="J947">
        <v>4</v>
      </c>
      <c r="K947">
        <v>-4.57</v>
      </c>
    </row>
    <row r="948" spans="1:11" x14ac:dyDescent="0.3">
      <c r="A948" s="1">
        <v>41876</v>
      </c>
      <c r="B948" s="3">
        <f t="shared" si="28"/>
        <v>8</v>
      </c>
      <c r="C948" s="3">
        <f t="shared" si="29"/>
        <v>2014</v>
      </c>
      <c r="D948" t="s">
        <v>80</v>
      </c>
      <c r="E948" t="s">
        <v>77</v>
      </c>
      <c r="F948" t="s">
        <v>10</v>
      </c>
      <c r="G948" t="s">
        <v>19</v>
      </c>
      <c r="H948" t="s">
        <v>1175</v>
      </c>
      <c r="I948">
        <v>2.86</v>
      </c>
      <c r="J948">
        <v>3</v>
      </c>
      <c r="K948">
        <v>-2.29</v>
      </c>
    </row>
    <row r="949" spans="1:11" x14ac:dyDescent="0.3">
      <c r="A949" s="1">
        <v>41876</v>
      </c>
      <c r="B949" s="3">
        <f t="shared" si="28"/>
        <v>8</v>
      </c>
      <c r="C949" s="3">
        <f t="shared" si="29"/>
        <v>2014</v>
      </c>
      <c r="D949" t="s">
        <v>80</v>
      </c>
      <c r="E949" t="s">
        <v>77</v>
      </c>
      <c r="F949" t="s">
        <v>10</v>
      </c>
      <c r="G949" t="s">
        <v>19</v>
      </c>
      <c r="H949" t="s">
        <v>965</v>
      </c>
      <c r="I949">
        <v>20.86</v>
      </c>
      <c r="J949">
        <v>8</v>
      </c>
      <c r="K949">
        <v>-16.68</v>
      </c>
    </row>
    <row r="950" spans="1:11" x14ac:dyDescent="0.3">
      <c r="A950" s="1">
        <v>41877</v>
      </c>
      <c r="B950" s="3">
        <f t="shared" si="28"/>
        <v>8</v>
      </c>
      <c r="C950" s="3">
        <f t="shared" si="29"/>
        <v>2014</v>
      </c>
      <c r="D950" t="s">
        <v>1176</v>
      </c>
      <c r="E950" t="s">
        <v>26</v>
      </c>
      <c r="F950" t="s">
        <v>38</v>
      </c>
      <c r="G950" t="s">
        <v>51</v>
      </c>
      <c r="H950" t="s">
        <v>387</v>
      </c>
      <c r="I950">
        <v>176.8</v>
      </c>
      <c r="J950">
        <v>8</v>
      </c>
      <c r="K950">
        <v>22.98</v>
      </c>
    </row>
    <row r="951" spans="1:11" x14ac:dyDescent="0.3">
      <c r="A951" s="1">
        <v>41877</v>
      </c>
      <c r="B951" s="3">
        <f t="shared" si="28"/>
        <v>8</v>
      </c>
      <c r="C951" s="3">
        <f t="shared" si="29"/>
        <v>2014</v>
      </c>
      <c r="D951" t="s">
        <v>1177</v>
      </c>
      <c r="E951" t="s">
        <v>58</v>
      </c>
      <c r="F951" t="s">
        <v>33</v>
      </c>
      <c r="G951" t="s">
        <v>46</v>
      </c>
      <c r="H951" t="s">
        <v>871</v>
      </c>
      <c r="I951">
        <v>10.68</v>
      </c>
      <c r="J951">
        <v>4</v>
      </c>
      <c r="K951">
        <v>4.0599999999999996</v>
      </c>
    </row>
    <row r="952" spans="1:11" x14ac:dyDescent="0.3">
      <c r="A952" s="1">
        <v>41877</v>
      </c>
      <c r="B952" s="3">
        <f t="shared" si="28"/>
        <v>8</v>
      </c>
      <c r="C952" s="3">
        <f t="shared" si="29"/>
        <v>2014</v>
      </c>
      <c r="D952" t="s">
        <v>1177</v>
      </c>
      <c r="E952" t="s">
        <v>58</v>
      </c>
      <c r="F952" t="s">
        <v>10</v>
      </c>
      <c r="G952" t="s">
        <v>11</v>
      </c>
      <c r="H952" t="s">
        <v>1178</v>
      </c>
      <c r="I952">
        <v>17.34</v>
      </c>
      <c r="J952">
        <v>3</v>
      </c>
      <c r="K952">
        <v>8.5</v>
      </c>
    </row>
    <row r="953" spans="1:11" x14ac:dyDescent="0.3">
      <c r="A953" s="1">
        <v>41877</v>
      </c>
      <c r="B953" s="3">
        <f t="shared" si="28"/>
        <v>8</v>
      </c>
      <c r="C953" s="3">
        <f t="shared" si="29"/>
        <v>2014</v>
      </c>
      <c r="D953" t="s">
        <v>1177</v>
      </c>
      <c r="E953" t="s">
        <v>58</v>
      </c>
      <c r="F953" t="s">
        <v>10</v>
      </c>
      <c r="G953" t="s">
        <v>11</v>
      </c>
      <c r="H953" t="s">
        <v>1179</v>
      </c>
      <c r="I953">
        <v>3.38</v>
      </c>
      <c r="J953">
        <v>1</v>
      </c>
      <c r="K953">
        <v>1.55</v>
      </c>
    </row>
    <row r="954" spans="1:11" x14ac:dyDescent="0.3">
      <c r="A954" s="1">
        <v>41877</v>
      </c>
      <c r="B954" s="3">
        <f t="shared" si="28"/>
        <v>8</v>
      </c>
      <c r="C954" s="3">
        <f t="shared" si="29"/>
        <v>2014</v>
      </c>
      <c r="D954" t="s">
        <v>1180</v>
      </c>
      <c r="E954" t="s">
        <v>58</v>
      </c>
      <c r="F954" t="s">
        <v>10</v>
      </c>
      <c r="G954" t="s">
        <v>23</v>
      </c>
      <c r="H954" t="s">
        <v>1181</v>
      </c>
      <c r="I954">
        <v>8.64</v>
      </c>
      <c r="J954">
        <v>3</v>
      </c>
      <c r="K954">
        <v>2.5099999999999998</v>
      </c>
    </row>
    <row r="955" spans="1:11" x14ac:dyDescent="0.3">
      <c r="A955" s="1">
        <v>41877</v>
      </c>
      <c r="B955" s="3">
        <f t="shared" si="28"/>
        <v>8</v>
      </c>
      <c r="C955" s="3">
        <f t="shared" si="29"/>
        <v>2014</v>
      </c>
      <c r="D955" t="s">
        <v>1180</v>
      </c>
      <c r="E955" t="s">
        <v>58</v>
      </c>
      <c r="F955" t="s">
        <v>38</v>
      </c>
      <c r="G955" t="s">
        <v>51</v>
      </c>
      <c r="H955" t="s">
        <v>667</v>
      </c>
      <c r="I955">
        <v>149.97</v>
      </c>
      <c r="J955">
        <v>3</v>
      </c>
      <c r="K955">
        <v>52.49</v>
      </c>
    </row>
    <row r="956" spans="1:11" x14ac:dyDescent="0.3">
      <c r="A956" s="1">
        <v>41878</v>
      </c>
      <c r="B956" s="3">
        <f t="shared" si="28"/>
        <v>8</v>
      </c>
      <c r="C956" s="3">
        <f t="shared" si="29"/>
        <v>2014</v>
      </c>
      <c r="D956" t="s">
        <v>1182</v>
      </c>
      <c r="E956" t="s">
        <v>26</v>
      </c>
      <c r="F956" t="s">
        <v>10</v>
      </c>
      <c r="G956" t="s">
        <v>23</v>
      </c>
      <c r="H956" t="s">
        <v>844</v>
      </c>
      <c r="I956">
        <v>8.56</v>
      </c>
      <c r="J956">
        <v>2</v>
      </c>
      <c r="K956">
        <v>2.48</v>
      </c>
    </row>
    <row r="957" spans="1:11" x14ac:dyDescent="0.3">
      <c r="A957" s="1">
        <v>41878</v>
      </c>
      <c r="B957" s="3">
        <f t="shared" si="28"/>
        <v>8</v>
      </c>
      <c r="C957" s="3">
        <f t="shared" si="29"/>
        <v>2014</v>
      </c>
      <c r="D957" t="s">
        <v>1182</v>
      </c>
      <c r="E957" t="s">
        <v>26</v>
      </c>
      <c r="F957" t="s">
        <v>38</v>
      </c>
      <c r="G957" t="s">
        <v>39</v>
      </c>
      <c r="H957" t="s">
        <v>1183</v>
      </c>
      <c r="I957">
        <v>213.48</v>
      </c>
      <c r="J957">
        <v>3</v>
      </c>
      <c r="K957">
        <v>16.010000000000002</v>
      </c>
    </row>
    <row r="958" spans="1:11" x14ac:dyDescent="0.3">
      <c r="A958" s="1">
        <v>41878</v>
      </c>
      <c r="B958" s="3">
        <f t="shared" si="28"/>
        <v>8</v>
      </c>
      <c r="C958" s="3">
        <f t="shared" si="29"/>
        <v>2014</v>
      </c>
      <c r="D958" t="s">
        <v>1182</v>
      </c>
      <c r="E958" t="s">
        <v>26</v>
      </c>
      <c r="F958" t="s">
        <v>10</v>
      </c>
      <c r="G958" t="s">
        <v>19</v>
      </c>
      <c r="H958" t="s">
        <v>1184</v>
      </c>
      <c r="I958">
        <v>22.72</v>
      </c>
      <c r="J958">
        <v>4</v>
      </c>
      <c r="K958">
        <v>7.38</v>
      </c>
    </row>
    <row r="959" spans="1:11" x14ac:dyDescent="0.3">
      <c r="A959" s="1">
        <v>41878</v>
      </c>
      <c r="B959" s="3">
        <f t="shared" si="28"/>
        <v>8</v>
      </c>
      <c r="C959" s="3">
        <f t="shared" si="29"/>
        <v>2014</v>
      </c>
      <c r="D959" t="s">
        <v>1185</v>
      </c>
      <c r="E959" t="s">
        <v>54</v>
      </c>
      <c r="F959" t="s">
        <v>38</v>
      </c>
      <c r="G959" t="s">
        <v>39</v>
      </c>
      <c r="H959" t="s">
        <v>1186</v>
      </c>
      <c r="I959">
        <v>579.95000000000005</v>
      </c>
      <c r="J959">
        <v>5</v>
      </c>
      <c r="K959">
        <v>168.19</v>
      </c>
    </row>
    <row r="960" spans="1:11" x14ac:dyDescent="0.3">
      <c r="A960" s="1">
        <v>41878</v>
      </c>
      <c r="B960" s="3">
        <f t="shared" si="28"/>
        <v>8</v>
      </c>
      <c r="C960" s="3">
        <f t="shared" si="29"/>
        <v>2014</v>
      </c>
      <c r="D960" t="s">
        <v>1185</v>
      </c>
      <c r="E960" t="s">
        <v>54</v>
      </c>
      <c r="F960" t="s">
        <v>33</v>
      </c>
      <c r="G960" t="s">
        <v>46</v>
      </c>
      <c r="H960" t="s">
        <v>1187</v>
      </c>
      <c r="I960">
        <v>29.12</v>
      </c>
      <c r="J960">
        <v>4</v>
      </c>
      <c r="K960">
        <v>12.52</v>
      </c>
    </row>
    <row r="961" spans="1:11" x14ac:dyDescent="0.3">
      <c r="A961" s="1">
        <v>41878</v>
      </c>
      <c r="B961" s="3">
        <f t="shared" si="28"/>
        <v>8</v>
      </c>
      <c r="C961" s="3">
        <f t="shared" si="29"/>
        <v>2014</v>
      </c>
      <c r="D961" t="s">
        <v>1185</v>
      </c>
      <c r="E961" t="s">
        <v>54</v>
      </c>
      <c r="F961" t="s">
        <v>33</v>
      </c>
      <c r="G961" t="s">
        <v>144</v>
      </c>
      <c r="H961" t="s">
        <v>1188</v>
      </c>
      <c r="I961">
        <v>1202.94</v>
      </c>
      <c r="J961">
        <v>3</v>
      </c>
      <c r="K961">
        <v>300.74</v>
      </c>
    </row>
    <row r="962" spans="1:11" x14ac:dyDescent="0.3">
      <c r="A962" s="1">
        <v>41878</v>
      </c>
      <c r="B962" s="3">
        <f t="shared" ref="B962:B1025" si="30">MONTH(A:A)</f>
        <v>8</v>
      </c>
      <c r="C962" s="3">
        <f t="shared" ref="C962:C1025" si="31">YEAR(A:A)</f>
        <v>2014</v>
      </c>
      <c r="D962" t="s">
        <v>76</v>
      </c>
      <c r="E962" t="s">
        <v>54</v>
      </c>
      <c r="F962" t="s">
        <v>10</v>
      </c>
      <c r="G962" t="s">
        <v>11</v>
      </c>
      <c r="H962" t="s">
        <v>440</v>
      </c>
      <c r="I962">
        <v>13.36</v>
      </c>
      <c r="J962">
        <v>2</v>
      </c>
      <c r="K962">
        <v>6.41</v>
      </c>
    </row>
    <row r="963" spans="1:11" x14ac:dyDescent="0.3">
      <c r="A963" s="1">
        <v>41880</v>
      </c>
      <c r="B963" s="3">
        <f t="shared" si="30"/>
        <v>8</v>
      </c>
      <c r="C963" s="3">
        <f t="shared" si="31"/>
        <v>2014</v>
      </c>
      <c r="D963" t="s">
        <v>1189</v>
      </c>
      <c r="E963" t="s">
        <v>26</v>
      </c>
      <c r="F963" t="s">
        <v>10</v>
      </c>
      <c r="G963" t="s">
        <v>11</v>
      </c>
      <c r="H963" t="s">
        <v>1190</v>
      </c>
      <c r="I963">
        <v>109.92</v>
      </c>
      <c r="J963">
        <v>2</v>
      </c>
      <c r="K963">
        <v>53.86</v>
      </c>
    </row>
    <row r="964" spans="1:11" x14ac:dyDescent="0.3">
      <c r="A964" s="1">
        <v>41880</v>
      </c>
      <c r="B964" s="3">
        <f t="shared" si="30"/>
        <v>8</v>
      </c>
      <c r="C964" s="3">
        <f t="shared" si="31"/>
        <v>2014</v>
      </c>
      <c r="D964" t="s">
        <v>1189</v>
      </c>
      <c r="E964" t="s">
        <v>26</v>
      </c>
      <c r="F964" t="s">
        <v>10</v>
      </c>
      <c r="G964" t="s">
        <v>11</v>
      </c>
      <c r="H964" t="s">
        <v>1191</v>
      </c>
      <c r="I964">
        <v>13.36</v>
      </c>
      <c r="J964">
        <v>2</v>
      </c>
      <c r="K964">
        <v>6.41</v>
      </c>
    </row>
    <row r="965" spans="1:11" x14ac:dyDescent="0.3">
      <c r="A965" s="1">
        <v>41880</v>
      </c>
      <c r="B965" s="3">
        <f t="shared" si="30"/>
        <v>8</v>
      </c>
      <c r="C965" s="3">
        <f t="shared" si="31"/>
        <v>2014</v>
      </c>
      <c r="D965" t="s">
        <v>1192</v>
      </c>
      <c r="E965" t="s">
        <v>122</v>
      </c>
      <c r="F965" t="s">
        <v>10</v>
      </c>
      <c r="G965" t="s">
        <v>62</v>
      </c>
      <c r="H965" t="s">
        <v>1193</v>
      </c>
      <c r="I965">
        <v>29.81</v>
      </c>
      <c r="J965">
        <v>2</v>
      </c>
      <c r="K965">
        <v>10.81</v>
      </c>
    </row>
    <row r="966" spans="1:11" x14ac:dyDescent="0.3">
      <c r="A966" s="1">
        <v>41880</v>
      </c>
      <c r="B966" s="3">
        <f t="shared" si="30"/>
        <v>8</v>
      </c>
      <c r="C966" s="3">
        <f t="shared" si="31"/>
        <v>2014</v>
      </c>
      <c r="D966" t="s">
        <v>1192</v>
      </c>
      <c r="E966" t="s">
        <v>122</v>
      </c>
      <c r="F966" t="s">
        <v>10</v>
      </c>
      <c r="G966" t="s">
        <v>19</v>
      </c>
      <c r="H966" t="s">
        <v>419</v>
      </c>
      <c r="I966">
        <v>505.18</v>
      </c>
      <c r="J966">
        <v>4</v>
      </c>
      <c r="K966">
        <v>-336.78</v>
      </c>
    </row>
    <row r="967" spans="1:11" x14ac:dyDescent="0.3">
      <c r="A967" s="1">
        <v>41880</v>
      </c>
      <c r="B967" s="3">
        <f t="shared" si="30"/>
        <v>8</v>
      </c>
      <c r="C967" s="3">
        <f t="shared" si="31"/>
        <v>2014</v>
      </c>
      <c r="D967" t="s">
        <v>1192</v>
      </c>
      <c r="E967" t="s">
        <v>122</v>
      </c>
      <c r="F967" t="s">
        <v>33</v>
      </c>
      <c r="G967" t="s">
        <v>144</v>
      </c>
      <c r="H967" t="s">
        <v>1194</v>
      </c>
      <c r="I967">
        <v>174.06</v>
      </c>
      <c r="J967">
        <v>3</v>
      </c>
      <c r="K967">
        <v>-110.76</v>
      </c>
    </row>
    <row r="968" spans="1:11" x14ac:dyDescent="0.3">
      <c r="A968" s="1">
        <v>41881</v>
      </c>
      <c r="B968" s="3">
        <f t="shared" si="30"/>
        <v>8</v>
      </c>
      <c r="C968" s="3">
        <f t="shared" si="31"/>
        <v>2014</v>
      </c>
      <c r="D968" t="s">
        <v>1195</v>
      </c>
      <c r="E968" t="s">
        <v>612</v>
      </c>
      <c r="F968" t="s">
        <v>10</v>
      </c>
      <c r="G968" t="s">
        <v>19</v>
      </c>
      <c r="H968" t="s">
        <v>1196</v>
      </c>
      <c r="I968">
        <v>25.3</v>
      </c>
      <c r="J968">
        <v>5</v>
      </c>
      <c r="K968">
        <v>11.89</v>
      </c>
    </row>
    <row r="969" spans="1:11" x14ac:dyDescent="0.3">
      <c r="A969" s="1">
        <v>41881</v>
      </c>
      <c r="B969" s="3">
        <f t="shared" si="30"/>
        <v>8</v>
      </c>
      <c r="C969" s="3">
        <f t="shared" si="31"/>
        <v>2014</v>
      </c>
      <c r="D969" t="s">
        <v>1195</v>
      </c>
      <c r="E969" t="s">
        <v>612</v>
      </c>
      <c r="F969" t="s">
        <v>10</v>
      </c>
      <c r="G969" t="s">
        <v>17</v>
      </c>
      <c r="H969" t="s">
        <v>908</v>
      </c>
      <c r="I969">
        <v>95.94</v>
      </c>
      <c r="J969">
        <v>3</v>
      </c>
      <c r="K969">
        <v>9.59</v>
      </c>
    </row>
    <row r="970" spans="1:11" x14ac:dyDescent="0.3">
      <c r="A970" s="1">
        <v>41882</v>
      </c>
      <c r="B970" s="3">
        <f t="shared" si="30"/>
        <v>8</v>
      </c>
      <c r="C970" s="3">
        <f t="shared" si="31"/>
        <v>2014</v>
      </c>
      <c r="D970" t="s">
        <v>1197</v>
      </c>
      <c r="E970" t="s">
        <v>398</v>
      </c>
      <c r="F970" t="s">
        <v>38</v>
      </c>
      <c r="G970" t="s">
        <v>51</v>
      </c>
      <c r="H970" t="s">
        <v>1198</v>
      </c>
      <c r="I970">
        <v>92.52</v>
      </c>
      <c r="J970">
        <v>9</v>
      </c>
      <c r="K970">
        <v>18.5</v>
      </c>
    </row>
    <row r="971" spans="1:11" x14ac:dyDescent="0.3">
      <c r="A971" s="1">
        <v>41883</v>
      </c>
      <c r="B971" s="3">
        <f t="shared" si="30"/>
        <v>9</v>
      </c>
      <c r="C971" s="3">
        <f t="shared" si="31"/>
        <v>2014</v>
      </c>
      <c r="D971" t="s">
        <v>1199</v>
      </c>
      <c r="E971" t="s">
        <v>26</v>
      </c>
      <c r="F971" t="s">
        <v>10</v>
      </c>
      <c r="G971" t="s">
        <v>23</v>
      </c>
      <c r="H971" t="s">
        <v>1200</v>
      </c>
      <c r="I971">
        <v>53.94</v>
      </c>
      <c r="J971">
        <v>3</v>
      </c>
      <c r="K971">
        <v>15.64</v>
      </c>
    </row>
    <row r="972" spans="1:11" x14ac:dyDescent="0.3">
      <c r="A972" s="1">
        <v>41883</v>
      </c>
      <c r="B972" s="3">
        <f t="shared" si="30"/>
        <v>9</v>
      </c>
      <c r="C972" s="3">
        <f t="shared" si="31"/>
        <v>2014</v>
      </c>
      <c r="D972" t="s">
        <v>964</v>
      </c>
      <c r="E972" t="s">
        <v>9</v>
      </c>
      <c r="F972" t="s">
        <v>10</v>
      </c>
      <c r="G972" t="s">
        <v>19</v>
      </c>
      <c r="H972" t="s">
        <v>1201</v>
      </c>
      <c r="I972">
        <v>3.65</v>
      </c>
      <c r="J972">
        <v>3</v>
      </c>
      <c r="K972">
        <v>-6.02</v>
      </c>
    </row>
    <row r="973" spans="1:11" x14ac:dyDescent="0.3">
      <c r="A973" s="1">
        <v>41883</v>
      </c>
      <c r="B973" s="3">
        <f t="shared" si="30"/>
        <v>9</v>
      </c>
      <c r="C973" s="3">
        <f t="shared" si="31"/>
        <v>2014</v>
      </c>
      <c r="D973" t="s">
        <v>964</v>
      </c>
      <c r="E973" t="s">
        <v>9</v>
      </c>
      <c r="F973" t="s">
        <v>10</v>
      </c>
      <c r="G973" t="s">
        <v>11</v>
      </c>
      <c r="H973" t="s">
        <v>1202</v>
      </c>
      <c r="I973">
        <v>31.1</v>
      </c>
      <c r="J973">
        <v>6</v>
      </c>
      <c r="K973">
        <v>10.89</v>
      </c>
    </row>
    <row r="974" spans="1:11" x14ac:dyDescent="0.3">
      <c r="A974" s="1">
        <v>41883</v>
      </c>
      <c r="B974" s="3">
        <f t="shared" si="30"/>
        <v>9</v>
      </c>
      <c r="C974" s="3">
        <f t="shared" si="31"/>
        <v>2014</v>
      </c>
      <c r="D974" t="s">
        <v>1137</v>
      </c>
      <c r="E974" t="s">
        <v>148</v>
      </c>
      <c r="F974" t="s">
        <v>10</v>
      </c>
      <c r="G974" t="s">
        <v>19</v>
      </c>
      <c r="H974" t="s">
        <v>1203</v>
      </c>
      <c r="I974">
        <v>23.74</v>
      </c>
      <c r="J974">
        <v>2</v>
      </c>
      <c r="K974">
        <v>8.31</v>
      </c>
    </row>
    <row r="975" spans="1:11" x14ac:dyDescent="0.3">
      <c r="A975" s="1">
        <v>41883</v>
      </c>
      <c r="B975" s="3">
        <f t="shared" si="30"/>
        <v>9</v>
      </c>
      <c r="C975" s="3">
        <f t="shared" si="31"/>
        <v>2014</v>
      </c>
      <c r="D975" t="s">
        <v>1137</v>
      </c>
      <c r="E975" t="s">
        <v>148</v>
      </c>
      <c r="F975" t="s">
        <v>38</v>
      </c>
      <c r="G975" t="s">
        <v>51</v>
      </c>
      <c r="H975" t="s">
        <v>1031</v>
      </c>
      <c r="I975">
        <v>357</v>
      </c>
      <c r="J975">
        <v>3</v>
      </c>
      <c r="K975">
        <v>57.12</v>
      </c>
    </row>
    <row r="976" spans="1:11" x14ac:dyDescent="0.3">
      <c r="A976" s="1">
        <v>41884</v>
      </c>
      <c r="B976" s="3">
        <f t="shared" si="30"/>
        <v>9</v>
      </c>
      <c r="C976" s="3">
        <f t="shared" si="31"/>
        <v>2014</v>
      </c>
      <c r="D976" t="s">
        <v>598</v>
      </c>
      <c r="E976" t="s">
        <v>148</v>
      </c>
      <c r="F976" t="s">
        <v>10</v>
      </c>
      <c r="G976" t="s">
        <v>91</v>
      </c>
      <c r="H976" t="s">
        <v>205</v>
      </c>
      <c r="I976">
        <v>19.899999999999999</v>
      </c>
      <c r="J976">
        <v>1</v>
      </c>
      <c r="K976">
        <v>8.9600000000000009</v>
      </c>
    </row>
    <row r="977" spans="1:11" x14ac:dyDescent="0.3">
      <c r="A977" s="1">
        <v>41884</v>
      </c>
      <c r="B977" s="3">
        <f t="shared" si="30"/>
        <v>9</v>
      </c>
      <c r="C977" s="3">
        <f t="shared" si="31"/>
        <v>2014</v>
      </c>
      <c r="D977" t="s">
        <v>598</v>
      </c>
      <c r="E977" t="s">
        <v>148</v>
      </c>
      <c r="F977" t="s">
        <v>33</v>
      </c>
      <c r="G977" t="s">
        <v>46</v>
      </c>
      <c r="H977" t="s">
        <v>1204</v>
      </c>
      <c r="I977">
        <v>70.709999999999994</v>
      </c>
      <c r="J977">
        <v>1</v>
      </c>
      <c r="K977">
        <v>4.95</v>
      </c>
    </row>
    <row r="978" spans="1:11" x14ac:dyDescent="0.3">
      <c r="A978" s="1">
        <v>41884</v>
      </c>
      <c r="B978" s="3">
        <f t="shared" si="30"/>
        <v>9</v>
      </c>
      <c r="C978" s="3">
        <f t="shared" si="31"/>
        <v>2014</v>
      </c>
      <c r="D978" t="s">
        <v>255</v>
      </c>
      <c r="E978" t="s">
        <v>148</v>
      </c>
      <c r="F978" t="s">
        <v>10</v>
      </c>
      <c r="G978" t="s">
        <v>23</v>
      </c>
      <c r="H978" t="s">
        <v>1205</v>
      </c>
      <c r="I978">
        <v>21.24</v>
      </c>
      <c r="J978">
        <v>3</v>
      </c>
      <c r="K978">
        <v>8.07</v>
      </c>
    </row>
    <row r="979" spans="1:11" x14ac:dyDescent="0.3">
      <c r="A979" s="1">
        <v>41884</v>
      </c>
      <c r="B979" s="3">
        <f t="shared" si="30"/>
        <v>9</v>
      </c>
      <c r="C979" s="3">
        <f t="shared" si="31"/>
        <v>2014</v>
      </c>
      <c r="D979" t="s">
        <v>1206</v>
      </c>
      <c r="E979" t="s">
        <v>148</v>
      </c>
      <c r="F979" t="s">
        <v>10</v>
      </c>
      <c r="G979" t="s">
        <v>23</v>
      </c>
      <c r="H979" t="s">
        <v>1005</v>
      </c>
      <c r="I979">
        <v>57.75</v>
      </c>
      <c r="J979">
        <v>5</v>
      </c>
      <c r="K979">
        <v>16.170000000000002</v>
      </c>
    </row>
    <row r="980" spans="1:11" x14ac:dyDescent="0.3">
      <c r="A980" s="1">
        <v>41884</v>
      </c>
      <c r="B980" s="3">
        <f t="shared" si="30"/>
        <v>9</v>
      </c>
      <c r="C980" s="3">
        <f t="shared" si="31"/>
        <v>2014</v>
      </c>
      <c r="D980" t="s">
        <v>1206</v>
      </c>
      <c r="E980" t="s">
        <v>148</v>
      </c>
      <c r="F980" t="s">
        <v>10</v>
      </c>
      <c r="G980" t="s">
        <v>11</v>
      </c>
      <c r="H980" t="s">
        <v>624</v>
      </c>
      <c r="I980">
        <v>14.94</v>
      </c>
      <c r="J980">
        <v>3</v>
      </c>
      <c r="K980">
        <v>7.02</v>
      </c>
    </row>
    <row r="981" spans="1:11" x14ac:dyDescent="0.3">
      <c r="A981" s="1">
        <v>41884</v>
      </c>
      <c r="B981" s="3">
        <f t="shared" si="30"/>
        <v>9</v>
      </c>
      <c r="C981" s="3">
        <f t="shared" si="31"/>
        <v>2014</v>
      </c>
      <c r="D981" t="s">
        <v>393</v>
      </c>
      <c r="E981" t="s">
        <v>14</v>
      </c>
      <c r="F981" t="s">
        <v>38</v>
      </c>
      <c r="G981" t="s">
        <v>51</v>
      </c>
      <c r="H981" t="s">
        <v>730</v>
      </c>
      <c r="I981">
        <v>239.98</v>
      </c>
      <c r="J981">
        <v>3</v>
      </c>
      <c r="K981">
        <v>53.99</v>
      </c>
    </row>
    <row r="982" spans="1:11" x14ac:dyDescent="0.3">
      <c r="A982" s="1">
        <v>41884</v>
      </c>
      <c r="B982" s="3">
        <f t="shared" si="30"/>
        <v>9</v>
      </c>
      <c r="C982" s="3">
        <f t="shared" si="31"/>
        <v>2014</v>
      </c>
      <c r="D982" t="s">
        <v>1094</v>
      </c>
      <c r="E982" t="s">
        <v>9</v>
      </c>
      <c r="F982" t="s">
        <v>38</v>
      </c>
      <c r="G982" t="s">
        <v>301</v>
      </c>
      <c r="H982" t="s">
        <v>1207</v>
      </c>
      <c r="I982">
        <v>559.71</v>
      </c>
      <c r="J982">
        <v>3</v>
      </c>
      <c r="K982">
        <v>-121.27</v>
      </c>
    </row>
    <row r="983" spans="1:11" x14ac:dyDescent="0.3">
      <c r="A983" s="1">
        <v>41884</v>
      </c>
      <c r="B983" s="3">
        <f t="shared" si="30"/>
        <v>9</v>
      </c>
      <c r="C983" s="3">
        <f t="shared" si="31"/>
        <v>2014</v>
      </c>
      <c r="D983" t="s">
        <v>192</v>
      </c>
      <c r="E983" t="s">
        <v>100</v>
      </c>
      <c r="F983" t="s">
        <v>10</v>
      </c>
      <c r="G983" t="s">
        <v>19</v>
      </c>
      <c r="H983" t="s">
        <v>1141</v>
      </c>
      <c r="I983">
        <v>1793.98</v>
      </c>
      <c r="J983">
        <v>2</v>
      </c>
      <c r="K983">
        <v>843.17</v>
      </c>
    </row>
    <row r="984" spans="1:11" x14ac:dyDescent="0.3">
      <c r="A984" s="1">
        <v>41884</v>
      </c>
      <c r="B984" s="3">
        <f t="shared" si="30"/>
        <v>9</v>
      </c>
      <c r="C984" s="3">
        <f t="shared" si="31"/>
        <v>2014</v>
      </c>
      <c r="D984" t="s">
        <v>777</v>
      </c>
      <c r="E984" t="s">
        <v>14</v>
      </c>
      <c r="F984" t="s">
        <v>38</v>
      </c>
      <c r="G984" t="s">
        <v>51</v>
      </c>
      <c r="H984" t="s">
        <v>1133</v>
      </c>
      <c r="I984">
        <v>475.94</v>
      </c>
      <c r="J984">
        <v>7</v>
      </c>
      <c r="K984">
        <v>95.19</v>
      </c>
    </row>
    <row r="985" spans="1:11" x14ac:dyDescent="0.3">
      <c r="A985" s="1">
        <v>41885</v>
      </c>
      <c r="B985" s="3">
        <f t="shared" si="30"/>
        <v>9</v>
      </c>
      <c r="C985" s="3">
        <f t="shared" si="31"/>
        <v>2014</v>
      </c>
      <c r="D985" t="s">
        <v>546</v>
      </c>
      <c r="E985" t="s">
        <v>148</v>
      </c>
      <c r="F985" t="s">
        <v>10</v>
      </c>
      <c r="G985" t="s">
        <v>15</v>
      </c>
      <c r="H985" t="s">
        <v>931</v>
      </c>
      <c r="I985">
        <v>14.4</v>
      </c>
      <c r="J985">
        <v>5</v>
      </c>
      <c r="K985">
        <v>7.06</v>
      </c>
    </row>
    <row r="986" spans="1:11" x14ac:dyDescent="0.3">
      <c r="A986" s="1">
        <v>41885</v>
      </c>
      <c r="B986" s="3">
        <f t="shared" si="30"/>
        <v>9</v>
      </c>
      <c r="C986" s="3">
        <f t="shared" si="31"/>
        <v>2014</v>
      </c>
      <c r="D986" t="s">
        <v>1208</v>
      </c>
      <c r="E986" t="s">
        <v>9</v>
      </c>
      <c r="F986" t="s">
        <v>10</v>
      </c>
      <c r="G986" t="s">
        <v>19</v>
      </c>
      <c r="H986" t="s">
        <v>1209</v>
      </c>
      <c r="I986">
        <v>7.68</v>
      </c>
      <c r="J986">
        <v>5</v>
      </c>
      <c r="K986">
        <v>-11.52</v>
      </c>
    </row>
    <row r="987" spans="1:11" x14ac:dyDescent="0.3">
      <c r="A987" s="1">
        <v>41887</v>
      </c>
      <c r="B987" s="3">
        <f t="shared" si="30"/>
        <v>9</v>
      </c>
      <c r="C987" s="3">
        <f t="shared" si="31"/>
        <v>2014</v>
      </c>
      <c r="D987" t="s">
        <v>1210</v>
      </c>
      <c r="E987" t="s">
        <v>77</v>
      </c>
      <c r="F987" t="s">
        <v>10</v>
      </c>
      <c r="G987" t="s">
        <v>17</v>
      </c>
      <c r="H987" t="s">
        <v>373</v>
      </c>
      <c r="I987">
        <v>264.32</v>
      </c>
      <c r="J987">
        <v>2</v>
      </c>
      <c r="K987">
        <v>19.82</v>
      </c>
    </row>
    <row r="988" spans="1:11" x14ac:dyDescent="0.3">
      <c r="A988" s="1">
        <v>41887</v>
      </c>
      <c r="B988" s="3">
        <f t="shared" si="30"/>
        <v>9</v>
      </c>
      <c r="C988" s="3">
        <f t="shared" si="31"/>
        <v>2014</v>
      </c>
      <c r="D988" t="s">
        <v>1211</v>
      </c>
      <c r="E988" t="s">
        <v>122</v>
      </c>
      <c r="F988" t="s">
        <v>33</v>
      </c>
      <c r="G988" t="s">
        <v>46</v>
      </c>
      <c r="H988" t="s">
        <v>1212</v>
      </c>
      <c r="I988">
        <v>31.98</v>
      </c>
      <c r="J988">
        <v>2</v>
      </c>
      <c r="K988">
        <v>2</v>
      </c>
    </row>
    <row r="989" spans="1:11" x14ac:dyDescent="0.3">
      <c r="A989" s="1">
        <v>41888</v>
      </c>
      <c r="B989" s="3">
        <f t="shared" si="30"/>
        <v>9</v>
      </c>
      <c r="C989" s="3">
        <f t="shared" si="31"/>
        <v>2014</v>
      </c>
      <c r="D989" t="s">
        <v>1213</v>
      </c>
      <c r="E989" t="s">
        <v>26</v>
      </c>
      <c r="F989" t="s">
        <v>33</v>
      </c>
      <c r="G989" t="s">
        <v>46</v>
      </c>
      <c r="H989" t="s">
        <v>796</v>
      </c>
      <c r="I989">
        <v>41.88</v>
      </c>
      <c r="J989">
        <v>6</v>
      </c>
      <c r="K989">
        <v>12.15</v>
      </c>
    </row>
    <row r="990" spans="1:11" x14ac:dyDescent="0.3">
      <c r="A990" s="1">
        <v>41888</v>
      </c>
      <c r="B990" s="3">
        <f t="shared" si="30"/>
        <v>9</v>
      </c>
      <c r="C990" s="3">
        <f t="shared" si="31"/>
        <v>2014</v>
      </c>
      <c r="D990" t="s">
        <v>1213</v>
      </c>
      <c r="E990" t="s">
        <v>26</v>
      </c>
      <c r="F990" t="s">
        <v>10</v>
      </c>
      <c r="G990" t="s">
        <v>15</v>
      </c>
      <c r="H990" t="s">
        <v>905</v>
      </c>
      <c r="I990">
        <v>58.48</v>
      </c>
      <c r="J990">
        <v>8</v>
      </c>
      <c r="K990">
        <v>27.49</v>
      </c>
    </row>
    <row r="991" spans="1:11" x14ac:dyDescent="0.3">
      <c r="A991" s="1">
        <v>41889</v>
      </c>
      <c r="B991" s="3">
        <f t="shared" si="30"/>
        <v>9</v>
      </c>
      <c r="C991" s="3">
        <f t="shared" si="31"/>
        <v>2014</v>
      </c>
      <c r="D991" t="s">
        <v>636</v>
      </c>
      <c r="E991" t="s">
        <v>22</v>
      </c>
      <c r="F991" t="s">
        <v>10</v>
      </c>
      <c r="G991" t="s">
        <v>17</v>
      </c>
      <c r="H991" t="s">
        <v>266</v>
      </c>
      <c r="I991">
        <v>64.78</v>
      </c>
      <c r="J991">
        <v>1</v>
      </c>
      <c r="K991">
        <v>-14.58</v>
      </c>
    </row>
    <row r="992" spans="1:11" x14ac:dyDescent="0.3">
      <c r="A992" s="1">
        <v>41889</v>
      </c>
      <c r="B992" s="3">
        <f t="shared" si="30"/>
        <v>9</v>
      </c>
      <c r="C992" s="3">
        <f t="shared" si="31"/>
        <v>2014</v>
      </c>
      <c r="D992" t="s">
        <v>636</v>
      </c>
      <c r="E992" t="s">
        <v>22</v>
      </c>
      <c r="F992" t="s">
        <v>38</v>
      </c>
      <c r="G992" t="s">
        <v>39</v>
      </c>
      <c r="H992" t="s">
        <v>1214</v>
      </c>
      <c r="I992">
        <v>32.380000000000003</v>
      </c>
      <c r="J992">
        <v>3</v>
      </c>
      <c r="K992">
        <v>4.32</v>
      </c>
    </row>
    <row r="993" spans="1:11" x14ac:dyDescent="0.3">
      <c r="A993" s="1">
        <v>41889</v>
      </c>
      <c r="B993" s="3">
        <f t="shared" si="30"/>
        <v>9</v>
      </c>
      <c r="C993" s="3">
        <f t="shared" si="31"/>
        <v>2014</v>
      </c>
      <c r="D993" t="s">
        <v>636</v>
      </c>
      <c r="E993" t="s">
        <v>22</v>
      </c>
      <c r="F993" t="s">
        <v>33</v>
      </c>
      <c r="G993" t="s">
        <v>46</v>
      </c>
      <c r="H993" t="s">
        <v>1215</v>
      </c>
      <c r="I993">
        <v>42.37</v>
      </c>
      <c r="J993">
        <v>2</v>
      </c>
      <c r="K993">
        <v>8.4700000000000006</v>
      </c>
    </row>
    <row r="994" spans="1:11" x14ac:dyDescent="0.3">
      <c r="A994" s="1">
        <v>41889</v>
      </c>
      <c r="B994" s="3">
        <f t="shared" si="30"/>
        <v>9</v>
      </c>
      <c r="C994" s="3">
        <f t="shared" si="31"/>
        <v>2014</v>
      </c>
      <c r="D994" t="s">
        <v>636</v>
      </c>
      <c r="E994" t="s">
        <v>22</v>
      </c>
      <c r="F994" t="s">
        <v>38</v>
      </c>
      <c r="G994" t="s">
        <v>301</v>
      </c>
      <c r="H994" t="s">
        <v>1216</v>
      </c>
      <c r="I994">
        <v>399.54</v>
      </c>
      <c r="J994">
        <v>4</v>
      </c>
      <c r="K994">
        <v>-559.36</v>
      </c>
    </row>
    <row r="995" spans="1:11" x14ac:dyDescent="0.3">
      <c r="A995" s="1">
        <v>41889</v>
      </c>
      <c r="B995" s="3">
        <f t="shared" si="30"/>
        <v>9</v>
      </c>
      <c r="C995" s="3">
        <f t="shared" si="31"/>
        <v>2014</v>
      </c>
      <c r="D995" t="s">
        <v>121</v>
      </c>
      <c r="E995" t="s">
        <v>839</v>
      </c>
      <c r="F995" t="s">
        <v>33</v>
      </c>
      <c r="G995" t="s">
        <v>46</v>
      </c>
      <c r="H995" t="s">
        <v>338</v>
      </c>
      <c r="I995">
        <v>57.69</v>
      </c>
      <c r="J995">
        <v>3</v>
      </c>
      <c r="K995">
        <v>23.65</v>
      </c>
    </row>
    <row r="996" spans="1:11" x14ac:dyDescent="0.3">
      <c r="A996" s="1">
        <v>41889</v>
      </c>
      <c r="B996" s="3">
        <f t="shared" si="30"/>
        <v>9</v>
      </c>
      <c r="C996" s="3">
        <f t="shared" si="31"/>
        <v>2014</v>
      </c>
      <c r="D996" t="s">
        <v>121</v>
      </c>
      <c r="E996" t="s">
        <v>839</v>
      </c>
      <c r="F996" t="s">
        <v>10</v>
      </c>
      <c r="G996" t="s">
        <v>19</v>
      </c>
      <c r="H996" t="s">
        <v>1217</v>
      </c>
      <c r="I996">
        <v>42.81</v>
      </c>
      <c r="J996">
        <v>3</v>
      </c>
      <c r="K996">
        <v>20.12</v>
      </c>
    </row>
    <row r="997" spans="1:11" x14ac:dyDescent="0.3">
      <c r="A997" s="1">
        <v>41889</v>
      </c>
      <c r="B997" s="3">
        <f t="shared" si="30"/>
        <v>9</v>
      </c>
      <c r="C997" s="3">
        <f t="shared" si="31"/>
        <v>2014</v>
      </c>
      <c r="D997" t="s">
        <v>121</v>
      </c>
      <c r="E997" t="s">
        <v>839</v>
      </c>
      <c r="F997" t="s">
        <v>10</v>
      </c>
      <c r="G997" t="s">
        <v>11</v>
      </c>
      <c r="H997" t="s">
        <v>1218</v>
      </c>
      <c r="I997">
        <v>12.96</v>
      </c>
      <c r="J997">
        <v>2</v>
      </c>
      <c r="K997">
        <v>6.22</v>
      </c>
    </row>
    <row r="998" spans="1:11" x14ac:dyDescent="0.3">
      <c r="A998" s="1">
        <v>41889</v>
      </c>
      <c r="B998" s="3">
        <f t="shared" si="30"/>
        <v>9</v>
      </c>
      <c r="C998" s="3">
        <f t="shared" si="31"/>
        <v>2014</v>
      </c>
      <c r="D998" t="s">
        <v>121</v>
      </c>
      <c r="E998" t="s">
        <v>839</v>
      </c>
      <c r="F998" t="s">
        <v>33</v>
      </c>
      <c r="G998" t="s">
        <v>46</v>
      </c>
      <c r="H998" t="s">
        <v>1219</v>
      </c>
      <c r="I998">
        <v>821.88</v>
      </c>
      <c r="J998">
        <v>6</v>
      </c>
      <c r="K998">
        <v>213.69</v>
      </c>
    </row>
    <row r="999" spans="1:11" x14ac:dyDescent="0.3">
      <c r="A999" s="1">
        <v>41889</v>
      </c>
      <c r="B999" s="3">
        <f t="shared" si="30"/>
        <v>9</v>
      </c>
      <c r="C999" s="3">
        <f t="shared" si="31"/>
        <v>2014</v>
      </c>
      <c r="D999" t="s">
        <v>121</v>
      </c>
      <c r="E999" t="s">
        <v>839</v>
      </c>
      <c r="F999" t="s">
        <v>38</v>
      </c>
      <c r="G999" t="s">
        <v>39</v>
      </c>
      <c r="H999" t="s">
        <v>831</v>
      </c>
      <c r="I999">
        <v>104.85</v>
      </c>
      <c r="J999">
        <v>3</v>
      </c>
      <c r="K999">
        <v>28.31</v>
      </c>
    </row>
    <row r="1000" spans="1:11" x14ac:dyDescent="0.3">
      <c r="A1000" s="1">
        <v>41889</v>
      </c>
      <c r="B1000" s="3">
        <f t="shared" si="30"/>
        <v>9</v>
      </c>
      <c r="C1000" s="3">
        <f t="shared" si="31"/>
        <v>2014</v>
      </c>
      <c r="D1000" t="s">
        <v>1220</v>
      </c>
      <c r="E1000" t="s">
        <v>148</v>
      </c>
      <c r="F1000" t="s">
        <v>38</v>
      </c>
      <c r="G1000" t="s">
        <v>39</v>
      </c>
      <c r="H1000" t="s">
        <v>1221</v>
      </c>
      <c r="I1000">
        <v>377.97</v>
      </c>
      <c r="J1000">
        <v>3</v>
      </c>
      <c r="K1000">
        <v>109.61</v>
      </c>
    </row>
    <row r="1001" spans="1:11" x14ac:dyDescent="0.3">
      <c r="A1001" s="1">
        <v>41889</v>
      </c>
      <c r="B1001" s="3">
        <f t="shared" si="30"/>
        <v>9</v>
      </c>
      <c r="C1001" s="3">
        <f t="shared" si="31"/>
        <v>2014</v>
      </c>
      <c r="D1001" t="s">
        <v>1222</v>
      </c>
      <c r="E1001" t="s">
        <v>9</v>
      </c>
      <c r="F1001" t="s">
        <v>38</v>
      </c>
      <c r="G1001" t="s">
        <v>39</v>
      </c>
      <c r="H1001" t="s">
        <v>1223</v>
      </c>
      <c r="I1001">
        <v>196.78</v>
      </c>
      <c r="J1001">
        <v>3</v>
      </c>
      <c r="K1001">
        <v>14.76</v>
      </c>
    </row>
    <row r="1002" spans="1:11" x14ac:dyDescent="0.3">
      <c r="A1002" s="1">
        <v>41889</v>
      </c>
      <c r="B1002" s="3">
        <f t="shared" si="30"/>
        <v>9</v>
      </c>
      <c r="C1002" s="3">
        <f t="shared" si="31"/>
        <v>2014</v>
      </c>
      <c r="D1002" t="s">
        <v>1222</v>
      </c>
      <c r="E1002" t="s">
        <v>9</v>
      </c>
      <c r="F1002" t="s">
        <v>10</v>
      </c>
      <c r="G1002" t="s">
        <v>19</v>
      </c>
      <c r="H1002" t="s">
        <v>1224</v>
      </c>
      <c r="I1002">
        <v>2.92</v>
      </c>
      <c r="J1002">
        <v>2</v>
      </c>
      <c r="K1002">
        <v>-4.82</v>
      </c>
    </row>
    <row r="1003" spans="1:11" x14ac:dyDescent="0.3">
      <c r="A1003" s="1">
        <v>41889</v>
      </c>
      <c r="B1003" s="3">
        <f t="shared" si="30"/>
        <v>9</v>
      </c>
      <c r="C1003" s="3">
        <f t="shared" si="31"/>
        <v>2014</v>
      </c>
      <c r="D1003" t="s">
        <v>1222</v>
      </c>
      <c r="E1003" t="s">
        <v>9</v>
      </c>
      <c r="F1003" t="s">
        <v>33</v>
      </c>
      <c r="G1003" t="s">
        <v>144</v>
      </c>
      <c r="H1003" t="s">
        <v>1225</v>
      </c>
      <c r="I1003">
        <v>200.8</v>
      </c>
      <c r="J1003">
        <v>1</v>
      </c>
      <c r="K1003">
        <v>-22.95</v>
      </c>
    </row>
    <row r="1004" spans="1:11" x14ac:dyDescent="0.3">
      <c r="A1004" s="1">
        <v>41889</v>
      </c>
      <c r="B1004" s="3">
        <f t="shared" si="30"/>
        <v>9</v>
      </c>
      <c r="C1004" s="3">
        <f t="shared" si="31"/>
        <v>2014</v>
      </c>
      <c r="D1004" t="s">
        <v>1222</v>
      </c>
      <c r="E1004" t="s">
        <v>9</v>
      </c>
      <c r="F1004" t="s">
        <v>38</v>
      </c>
      <c r="G1004" t="s">
        <v>51</v>
      </c>
      <c r="H1004" t="s">
        <v>1226</v>
      </c>
      <c r="I1004">
        <v>46.69</v>
      </c>
      <c r="J1004">
        <v>4</v>
      </c>
      <c r="K1004">
        <v>-2.92</v>
      </c>
    </row>
    <row r="1005" spans="1:11" x14ac:dyDescent="0.3">
      <c r="A1005" s="1">
        <v>41889</v>
      </c>
      <c r="B1005" s="3">
        <f t="shared" si="30"/>
        <v>9</v>
      </c>
      <c r="C1005" s="3">
        <f t="shared" si="31"/>
        <v>2014</v>
      </c>
      <c r="D1005" t="s">
        <v>1222</v>
      </c>
      <c r="E1005" t="s">
        <v>9</v>
      </c>
      <c r="F1005" t="s">
        <v>10</v>
      </c>
      <c r="G1005" t="s">
        <v>23</v>
      </c>
      <c r="H1005" t="s">
        <v>146</v>
      </c>
      <c r="I1005">
        <v>21.86</v>
      </c>
      <c r="J1005">
        <v>3</v>
      </c>
      <c r="K1005">
        <v>3.55</v>
      </c>
    </row>
    <row r="1006" spans="1:11" x14ac:dyDescent="0.3">
      <c r="A1006" s="1">
        <v>41889</v>
      </c>
      <c r="B1006" s="3">
        <f t="shared" si="30"/>
        <v>9</v>
      </c>
      <c r="C1006" s="3">
        <f t="shared" si="31"/>
        <v>2014</v>
      </c>
      <c r="D1006" t="s">
        <v>300</v>
      </c>
      <c r="E1006" t="s">
        <v>839</v>
      </c>
      <c r="F1006" t="s">
        <v>33</v>
      </c>
      <c r="G1006" t="s">
        <v>144</v>
      </c>
      <c r="H1006" t="s">
        <v>472</v>
      </c>
      <c r="I1006">
        <v>429.9</v>
      </c>
      <c r="J1006">
        <v>5</v>
      </c>
      <c r="K1006">
        <v>111.77</v>
      </c>
    </row>
    <row r="1007" spans="1:11" x14ac:dyDescent="0.3">
      <c r="A1007" s="1">
        <v>41889</v>
      </c>
      <c r="B1007" s="3">
        <f t="shared" si="30"/>
        <v>9</v>
      </c>
      <c r="C1007" s="3">
        <f t="shared" si="31"/>
        <v>2014</v>
      </c>
      <c r="D1007" t="s">
        <v>300</v>
      </c>
      <c r="E1007" t="s">
        <v>839</v>
      </c>
      <c r="F1007" t="s">
        <v>10</v>
      </c>
      <c r="G1007" t="s">
        <v>19</v>
      </c>
      <c r="H1007" t="s">
        <v>1227</v>
      </c>
      <c r="I1007">
        <v>32.06</v>
      </c>
      <c r="J1007">
        <v>2</v>
      </c>
      <c r="K1007">
        <v>15.39</v>
      </c>
    </row>
    <row r="1008" spans="1:11" x14ac:dyDescent="0.3">
      <c r="A1008" s="1">
        <v>41889</v>
      </c>
      <c r="B1008" s="3">
        <f t="shared" si="30"/>
        <v>9</v>
      </c>
      <c r="C1008" s="3">
        <f t="shared" si="31"/>
        <v>2014</v>
      </c>
      <c r="D1008" t="s">
        <v>300</v>
      </c>
      <c r="E1008" t="s">
        <v>839</v>
      </c>
      <c r="F1008" t="s">
        <v>33</v>
      </c>
      <c r="G1008" t="s">
        <v>34</v>
      </c>
      <c r="H1008" t="s">
        <v>861</v>
      </c>
      <c r="I1008">
        <v>161.96</v>
      </c>
      <c r="J1008">
        <v>2</v>
      </c>
      <c r="K1008">
        <v>45.35</v>
      </c>
    </row>
    <row r="1009" spans="1:11" x14ac:dyDescent="0.3">
      <c r="A1009" s="1">
        <v>41889</v>
      </c>
      <c r="B1009" s="3">
        <f t="shared" si="30"/>
        <v>9</v>
      </c>
      <c r="C1009" s="3">
        <f t="shared" si="31"/>
        <v>2014</v>
      </c>
      <c r="D1009" t="s">
        <v>300</v>
      </c>
      <c r="E1009" t="s">
        <v>839</v>
      </c>
      <c r="F1009" t="s">
        <v>10</v>
      </c>
      <c r="G1009" t="s">
        <v>17</v>
      </c>
      <c r="H1009" t="s">
        <v>1228</v>
      </c>
      <c r="I1009">
        <v>19.86</v>
      </c>
      <c r="J1009">
        <v>2</v>
      </c>
      <c r="K1009">
        <v>5.76</v>
      </c>
    </row>
    <row r="1010" spans="1:11" x14ac:dyDescent="0.3">
      <c r="A1010" s="1">
        <v>41889</v>
      </c>
      <c r="B1010" s="3">
        <f t="shared" si="30"/>
        <v>9</v>
      </c>
      <c r="C1010" s="3">
        <f t="shared" si="31"/>
        <v>2014</v>
      </c>
      <c r="D1010" t="s">
        <v>1229</v>
      </c>
      <c r="E1010" t="s">
        <v>26</v>
      </c>
      <c r="F1010" t="s">
        <v>10</v>
      </c>
      <c r="G1010" t="s">
        <v>199</v>
      </c>
      <c r="H1010" t="s">
        <v>1230</v>
      </c>
      <c r="I1010">
        <v>27.36</v>
      </c>
      <c r="J1010">
        <v>4</v>
      </c>
      <c r="K1010">
        <v>7.39</v>
      </c>
    </row>
    <row r="1011" spans="1:11" x14ac:dyDescent="0.3">
      <c r="A1011" s="1">
        <v>41889</v>
      </c>
      <c r="B1011" s="3">
        <f t="shared" si="30"/>
        <v>9</v>
      </c>
      <c r="C1011" s="3">
        <f t="shared" si="31"/>
        <v>2014</v>
      </c>
      <c r="D1011" t="s">
        <v>1229</v>
      </c>
      <c r="E1011" t="s">
        <v>26</v>
      </c>
      <c r="F1011" t="s">
        <v>10</v>
      </c>
      <c r="G1011" t="s">
        <v>11</v>
      </c>
      <c r="H1011" t="s">
        <v>12</v>
      </c>
      <c r="I1011">
        <v>20.56</v>
      </c>
      <c r="J1011">
        <v>2</v>
      </c>
      <c r="K1011">
        <v>9.66</v>
      </c>
    </row>
    <row r="1012" spans="1:11" x14ac:dyDescent="0.3">
      <c r="A1012" s="1">
        <v>41889</v>
      </c>
      <c r="B1012" s="3">
        <f t="shared" si="30"/>
        <v>9</v>
      </c>
      <c r="C1012" s="3">
        <f t="shared" si="31"/>
        <v>2014</v>
      </c>
      <c r="D1012" t="s">
        <v>1229</v>
      </c>
      <c r="E1012" t="s">
        <v>26</v>
      </c>
      <c r="F1012" t="s">
        <v>10</v>
      </c>
      <c r="G1012" t="s">
        <v>19</v>
      </c>
      <c r="H1012" t="s">
        <v>1231</v>
      </c>
      <c r="I1012">
        <v>83.92</v>
      </c>
      <c r="J1012">
        <v>5</v>
      </c>
      <c r="K1012">
        <v>31.47</v>
      </c>
    </row>
    <row r="1013" spans="1:11" x14ac:dyDescent="0.3">
      <c r="A1013" s="1">
        <v>41889</v>
      </c>
      <c r="B1013" s="3">
        <f t="shared" si="30"/>
        <v>9</v>
      </c>
      <c r="C1013" s="3">
        <f t="shared" si="31"/>
        <v>2014</v>
      </c>
      <c r="D1013" t="s">
        <v>739</v>
      </c>
      <c r="E1013" t="s">
        <v>14</v>
      </c>
      <c r="F1013" t="s">
        <v>10</v>
      </c>
      <c r="G1013" t="s">
        <v>42</v>
      </c>
      <c r="H1013" t="s">
        <v>1232</v>
      </c>
      <c r="I1013">
        <v>13.16</v>
      </c>
      <c r="J1013">
        <v>5</v>
      </c>
      <c r="K1013">
        <v>4.1100000000000003</v>
      </c>
    </row>
    <row r="1014" spans="1:11" x14ac:dyDescent="0.3">
      <c r="A1014" s="1">
        <v>41889</v>
      </c>
      <c r="B1014" s="3">
        <f t="shared" si="30"/>
        <v>9</v>
      </c>
      <c r="C1014" s="3">
        <f t="shared" si="31"/>
        <v>2014</v>
      </c>
      <c r="D1014" t="s">
        <v>739</v>
      </c>
      <c r="E1014" t="s">
        <v>14</v>
      </c>
      <c r="F1014" t="s">
        <v>10</v>
      </c>
      <c r="G1014" t="s">
        <v>19</v>
      </c>
      <c r="H1014" t="s">
        <v>681</v>
      </c>
      <c r="I1014">
        <v>3.83</v>
      </c>
      <c r="J1014">
        <v>3</v>
      </c>
      <c r="K1014">
        <v>-6.51</v>
      </c>
    </row>
    <row r="1015" spans="1:11" x14ac:dyDescent="0.3">
      <c r="A1015" s="1">
        <v>41889</v>
      </c>
      <c r="B1015" s="3">
        <f t="shared" si="30"/>
        <v>9</v>
      </c>
      <c r="C1015" s="3">
        <f t="shared" si="31"/>
        <v>2014</v>
      </c>
      <c r="D1015" t="s">
        <v>739</v>
      </c>
      <c r="E1015" t="s">
        <v>14</v>
      </c>
      <c r="F1015" t="s">
        <v>10</v>
      </c>
      <c r="G1015" t="s">
        <v>19</v>
      </c>
      <c r="H1015" t="s">
        <v>36</v>
      </c>
      <c r="I1015">
        <v>304.99</v>
      </c>
      <c r="J1015">
        <v>5</v>
      </c>
      <c r="K1015">
        <v>-533.73</v>
      </c>
    </row>
    <row r="1016" spans="1:11" x14ac:dyDescent="0.3">
      <c r="A1016" s="1">
        <v>41890</v>
      </c>
      <c r="B1016" s="3">
        <f t="shared" si="30"/>
        <v>9</v>
      </c>
      <c r="C1016" s="3">
        <f t="shared" si="31"/>
        <v>2014</v>
      </c>
      <c r="D1016" t="s">
        <v>1233</v>
      </c>
      <c r="E1016" t="s">
        <v>9</v>
      </c>
      <c r="F1016" t="s">
        <v>10</v>
      </c>
      <c r="G1016" t="s">
        <v>23</v>
      </c>
      <c r="H1016" t="s">
        <v>1234</v>
      </c>
      <c r="I1016">
        <v>9.94</v>
      </c>
      <c r="J1016">
        <v>3</v>
      </c>
      <c r="K1016">
        <v>2.73</v>
      </c>
    </row>
    <row r="1017" spans="1:11" x14ac:dyDescent="0.3">
      <c r="A1017" s="1">
        <v>41890</v>
      </c>
      <c r="B1017" s="3">
        <f t="shared" si="30"/>
        <v>9</v>
      </c>
      <c r="C1017" s="3">
        <f t="shared" si="31"/>
        <v>2014</v>
      </c>
      <c r="D1017" t="s">
        <v>1233</v>
      </c>
      <c r="E1017" t="s">
        <v>9</v>
      </c>
      <c r="F1017" t="s">
        <v>38</v>
      </c>
      <c r="G1017" t="s">
        <v>301</v>
      </c>
      <c r="H1017" t="s">
        <v>1235</v>
      </c>
      <c r="I1017">
        <v>8159.95</v>
      </c>
      <c r="J1017">
        <v>8</v>
      </c>
      <c r="K1017">
        <v>-1359.99</v>
      </c>
    </row>
    <row r="1018" spans="1:11" x14ac:dyDescent="0.3">
      <c r="A1018" s="1">
        <v>41890</v>
      </c>
      <c r="B1018" s="3">
        <f t="shared" si="30"/>
        <v>9</v>
      </c>
      <c r="C1018" s="3">
        <f t="shared" si="31"/>
        <v>2014</v>
      </c>
      <c r="D1018" t="s">
        <v>1233</v>
      </c>
      <c r="E1018" t="s">
        <v>9</v>
      </c>
      <c r="F1018" t="s">
        <v>10</v>
      </c>
      <c r="G1018" t="s">
        <v>17</v>
      </c>
      <c r="H1018" t="s">
        <v>152</v>
      </c>
      <c r="I1018">
        <v>275.93</v>
      </c>
      <c r="J1018">
        <v>3</v>
      </c>
      <c r="K1018">
        <v>-58.63</v>
      </c>
    </row>
    <row r="1019" spans="1:11" x14ac:dyDescent="0.3">
      <c r="A1019" s="1">
        <v>41890</v>
      </c>
      <c r="B1019" s="3">
        <f t="shared" si="30"/>
        <v>9</v>
      </c>
      <c r="C1019" s="3">
        <f t="shared" si="31"/>
        <v>2014</v>
      </c>
      <c r="D1019" t="s">
        <v>1233</v>
      </c>
      <c r="E1019" t="s">
        <v>9</v>
      </c>
      <c r="F1019" t="s">
        <v>33</v>
      </c>
      <c r="G1019" t="s">
        <v>34</v>
      </c>
      <c r="H1019" t="s">
        <v>1236</v>
      </c>
      <c r="I1019">
        <v>1740.06</v>
      </c>
      <c r="J1019">
        <v>9</v>
      </c>
      <c r="K1019">
        <v>-24.86</v>
      </c>
    </row>
    <row r="1020" spans="1:11" x14ac:dyDescent="0.3">
      <c r="A1020" s="1">
        <v>41890</v>
      </c>
      <c r="B1020" s="3">
        <f t="shared" si="30"/>
        <v>9</v>
      </c>
      <c r="C1020" s="3">
        <f t="shared" si="31"/>
        <v>2014</v>
      </c>
      <c r="D1020" t="s">
        <v>1233</v>
      </c>
      <c r="E1020" t="s">
        <v>9</v>
      </c>
      <c r="F1020" t="s">
        <v>10</v>
      </c>
      <c r="G1020" t="s">
        <v>23</v>
      </c>
      <c r="H1020" t="s">
        <v>778</v>
      </c>
      <c r="I1020">
        <v>32.06</v>
      </c>
      <c r="J1020">
        <v>6</v>
      </c>
      <c r="K1020">
        <v>6.81</v>
      </c>
    </row>
    <row r="1021" spans="1:11" x14ac:dyDescent="0.3">
      <c r="A1021" s="1">
        <v>41890</v>
      </c>
      <c r="B1021" s="3">
        <f t="shared" si="30"/>
        <v>9</v>
      </c>
      <c r="C1021" s="3">
        <f t="shared" si="31"/>
        <v>2014</v>
      </c>
      <c r="D1021" t="s">
        <v>1233</v>
      </c>
      <c r="E1021" t="s">
        <v>9</v>
      </c>
      <c r="F1021" t="s">
        <v>10</v>
      </c>
      <c r="G1021" t="s">
        <v>91</v>
      </c>
      <c r="H1021" t="s">
        <v>1237</v>
      </c>
      <c r="I1021">
        <v>177.98</v>
      </c>
      <c r="J1021">
        <v>5</v>
      </c>
      <c r="K1021">
        <v>-453.85</v>
      </c>
    </row>
    <row r="1022" spans="1:11" x14ac:dyDescent="0.3">
      <c r="A1022" s="1">
        <v>41890</v>
      </c>
      <c r="B1022" s="3">
        <f t="shared" si="30"/>
        <v>9</v>
      </c>
      <c r="C1022" s="3">
        <f t="shared" si="31"/>
        <v>2014</v>
      </c>
      <c r="D1022" t="s">
        <v>1233</v>
      </c>
      <c r="E1022" t="s">
        <v>9</v>
      </c>
      <c r="F1022" t="s">
        <v>38</v>
      </c>
      <c r="G1022" t="s">
        <v>39</v>
      </c>
      <c r="H1022" t="s">
        <v>1238</v>
      </c>
      <c r="I1022">
        <v>143.97999999999999</v>
      </c>
      <c r="J1022">
        <v>3</v>
      </c>
      <c r="K1022">
        <v>9</v>
      </c>
    </row>
    <row r="1023" spans="1:11" x14ac:dyDescent="0.3">
      <c r="A1023" s="1">
        <v>41890</v>
      </c>
      <c r="B1023" s="3">
        <f t="shared" si="30"/>
        <v>9</v>
      </c>
      <c r="C1023" s="3">
        <f t="shared" si="31"/>
        <v>2014</v>
      </c>
      <c r="D1023" t="s">
        <v>1073</v>
      </c>
      <c r="E1023" t="s">
        <v>26</v>
      </c>
      <c r="F1023" t="s">
        <v>38</v>
      </c>
      <c r="G1023" t="s">
        <v>51</v>
      </c>
      <c r="H1023" t="s">
        <v>1239</v>
      </c>
      <c r="I1023">
        <v>49.98</v>
      </c>
      <c r="J1023">
        <v>2</v>
      </c>
      <c r="K1023">
        <v>8.5</v>
      </c>
    </row>
    <row r="1024" spans="1:11" x14ac:dyDescent="0.3">
      <c r="A1024" s="1">
        <v>41890</v>
      </c>
      <c r="B1024" s="3">
        <f t="shared" si="30"/>
        <v>9</v>
      </c>
      <c r="C1024" s="3">
        <f t="shared" si="31"/>
        <v>2014</v>
      </c>
      <c r="D1024" t="s">
        <v>1240</v>
      </c>
      <c r="E1024" t="s">
        <v>9</v>
      </c>
      <c r="F1024" t="s">
        <v>10</v>
      </c>
      <c r="G1024" t="s">
        <v>19</v>
      </c>
      <c r="H1024" t="s">
        <v>696</v>
      </c>
      <c r="I1024">
        <v>51.18</v>
      </c>
      <c r="J1024">
        <v>4</v>
      </c>
      <c r="K1024">
        <v>-79.34</v>
      </c>
    </row>
    <row r="1025" spans="1:11" x14ac:dyDescent="0.3">
      <c r="A1025" s="1">
        <v>41890</v>
      </c>
      <c r="B1025" s="3">
        <f t="shared" si="30"/>
        <v>9</v>
      </c>
      <c r="C1025" s="3">
        <f t="shared" si="31"/>
        <v>2014</v>
      </c>
      <c r="D1025" t="s">
        <v>1241</v>
      </c>
      <c r="E1025" t="s">
        <v>29</v>
      </c>
      <c r="F1025" t="s">
        <v>38</v>
      </c>
      <c r="G1025" t="s">
        <v>51</v>
      </c>
      <c r="H1025" t="s">
        <v>1242</v>
      </c>
      <c r="I1025">
        <v>32.97</v>
      </c>
      <c r="J1025">
        <v>3</v>
      </c>
      <c r="K1025">
        <v>12.86</v>
      </c>
    </row>
    <row r="1026" spans="1:11" x14ac:dyDescent="0.3">
      <c r="A1026" s="1">
        <v>41890</v>
      </c>
      <c r="B1026" s="3">
        <f t="shared" ref="B1026:B1089" si="32">MONTH(A:A)</f>
        <v>9</v>
      </c>
      <c r="C1026" s="3">
        <f t="shared" ref="C1026:C1089" si="33">YEAR(A:A)</f>
        <v>2014</v>
      </c>
      <c r="D1026" t="s">
        <v>1241</v>
      </c>
      <c r="E1026" t="s">
        <v>29</v>
      </c>
      <c r="F1026" t="s">
        <v>38</v>
      </c>
      <c r="G1026" t="s">
        <v>51</v>
      </c>
      <c r="H1026" t="s">
        <v>985</v>
      </c>
      <c r="I1026">
        <v>83.88</v>
      </c>
      <c r="J1026">
        <v>4</v>
      </c>
      <c r="K1026">
        <v>30.2</v>
      </c>
    </row>
    <row r="1027" spans="1:11" x14ac:dyDescent="0.3">
      <c r="A1027" s="1">
        <v>41890</v>
      </c>
      <c r="B1027" s="3">
        <f t="shared" si="32"/>
        <v>9</v>
      </c>
      <c r="C1027" s="3">
        <f t="shared" si="33"/>
        <v>2014</v>
      </c>
      <c r="D1027" t="s">
        <v>909</v>
      </c>
      <c r="E1027" t="s">
        <v>26</v>
      </c>
      <c r="F1027" t="s">
        <v>10</v>
      </c>
      <c r="G1027" t="s">
        <v>91</v>
      </c>
      <c r="H1027" t="s">
        <v>1243</v>
      </c>
      <c r="I1027">
        <v>56.65</v>
      </c>
      <c r="J1027">
        <v>5</v>
      </c>
      <c r="K1027">
        <v>24.36</v>
      </c>
    </row>
    <row r="1028" spans="1:11" x14ac:dyDescent="0.3">
      <c r="A1028" s="1">
        <v>41890</v>
      </c>
      <c r="B1028" s="3">
        <f t="shared" si="32"/>
        <v>9</v>
      </c>
      <c r="C1028" s="3">
        <f t="shared" si="33"/>
        <v>2014</v>
      </c>
      <c r="D1028" t="s">
        <v>909</v>
      </c>
      <c r="E1028" t="s">
        <v>26</v>
      </c>
      <c r="F1028" t="s">
        <v>10</v>
      </c>
      <c r="G1028" t="s">
        <v>17</v>
      </c>
      <c r="H1028" t="s">
        <v>1244</v>
      </c>
      <c r="I1028">
        <v>14.97</v>
      </c>
      <c r="J1028">
        <v>1</v>
      </c>
      <c r="K1028">
        <v>4.1900000000000004</v>
      </c>
    </row>
    <row r="1029" spans="1:11" x14ac:dyDescent="0.3">
      <c r="A1029" s="1">
        <v>41890</v>
      </c>
      <c r="B1029" s="3">
        <f t="shared" si="32"/>
        <v>9</v>
      </c>
      <c r="C1029" s="3">
        <f t="shared" si="33"/>
        <v>2014</v>
      </c>
      <c r="D1029" t="s">
        <v>909</v>
      </c>
      <c r="E1029" t="s">
        <v>26</v>
      </c>
      <c r="F1029" t="s">
        <v>10</v>
      </c>
      <c r="G1029" t="s">
        <v>42</v>
      </c>
      <c r="H1029" t="s">
        <v>1245</v>
      </c>
      <c r="I1029">
        <v>4.0199999999999996</v>
      </c>
      <c r="J1029">
        <v>2</v>
      </c>
      <c r="K1029">
        <v>1.97</v>
      </c>
    </row>
    <row r="1030" spans="1:11" x14ac:dyDescent="0.3">
      <c r="A1030" s="1">
        <v>41890</v>
      </c>
      <c r="B1030" s="3">
        <f t="shared" si="32"/>
        <v>9</v>
      </c>
      <c r="C1030" s="3">
        <f t="shared" si="33"/>
        <v>2014</v>
      </c>
      <c r="D1030" t="s">
        <v>676</v>
      </c>
      <c r="E1030" t="s">
        <v>54</v>
      </c>
      <c r="F1030" t="s">
        <v>10</v>
      </c>
      <c r="G1030" t="s">
        <v>42</v>
      </c>
      <c r="H1030" t="s">
        <v>1246</v>
      </c>
      <c r="I1030">
        <v>45</v>
      </c>
      <c r="J1030">
        <v>9</v>
      </c>
      <c r="K1030">
        <v>21.6</v>
      </c>
    </row>
    <row r="1031" spans="1:11" x14ac:dyDescent="0.3">
      <c r="A1031" s="1">
        <v>41890</v>
      </c>
      <c r="B1031" s="3">
        <f t="shared" si="32"/>
        <v>9</v>
      </c>
      <c r="C1031" s="3">
        <f t="shared" si="33"/>
        <v>2014</v>
      </c>
      <c r="D1031" t="s">
        <v>676</v>
      </c>
      <c r="E1031" t="s">
        <v>54</v>
      </c>
      <c r="F1031" t="s">
        <v>38</v>
      </c>
      <c r="G1031" t="s">
        <v>301</v>
      </c>
      <c r="H1031" t="s">
        <v>1247</v>
      </c>
      <c r="I1031">
        <v>209.97</v>
      </c>
      <c r="J1031">
        <v>3</v>
      </c>
      <c r="K1031">
        <v>90.29</v>
      </c>
    </row>
    <row r="1032" spans="1:11" x14ac:dyDescent="0.3">
      <c r="A1032" s="1">
        <v>41890</v>
      </c>
      <c r="B1032" s="3">
        <f t="shared" si="32"/>
        <v>9</v>
      </c>
      <c r="C1032" s="3">
        <f t="shared" si="33"/>
        <v>2014</v>
      </c>
      <c r="D1032" t="s">
        <v>1248</v>
      </c>
      <c r="E1032" t="s">
        <v>148</v>
      </c>
      <c r="F1032" t="s">
        <v>10</v>
      </c>
      <c r="G1032" t="s">
        <v>91</v>
      </c>
      <c r="H1032" t="s">
        <v>1249</v>
      </c>
      <c r="I1032">
        <v>16.78</v>
      </c>
      <c r="J1032">
        <v>2</v>
      </c>
      <c r="K1032">
        <v>4.2</v>
      </c>
    </row>
    <row r="1033" spans="1:11" x14ac:dyDescent="0.3">
      <c r="A1033" s="1">
        <v>41890</v>
      </c>
      <c r="B1033" s="3">
        <f t="shared" si="32"/>
        <v>9</v>
      </c>
      <c r="C1033" s="3">
        <f t="shared" si="33"/>
        <v>2014</v>
      </c>
      <c r="D1033" t="s">
        <v>1250</v>
      </c>
      <c r="E1033" t="s">
        <v>163</v>
      </c>
      <c r="F1033" t="s">
        <v>10</v>
      </c>
      <c r="G1033" t="s">
        <v>23</v>
      </c>
      <c r="H1033" t="s">
        <v>1251</v>
      </c>
      <c r="I1033">
        <v>5.88</v>
      </c>
      <c r="J1033">
        <v>2</v>
      </c>
      <c r="K1033">
        <v>2.65</v>
      </c>
    </row>
    <row r="1034" spans="1:11" x14ac:dyDescent="0.3">
      <c r="A1034" s="1">
        <v>41890</v>
      </c>
      <c r="B1034" s="3">
        <f t="shared" si="32"/>
        <v>9</v>
      </c>
      <c r="C1034" s="3">
        <f t="shared" si="33"/>
        <v>2014</v>
      </c>
      <c r="D1034" t="s">
        <v>1250</v>
      </c>
      <c r="E1034" t="s">
        <v>163</v>
      </c>
      <c r="F1034" t="s">
        <v>33</v>
      </c>
      <c r="G1034" t="s">
        <v>34</v>
      </c>
      <c r="H1034" t="s">
        <v>863</v>
      </c>
      <c r="I1034">
        <v>975.92</v>
      </c>
      <c r="J1034">
        <v>5</v>
      </c>
      <c r="K1034">
        <v>121.99</v>
      </c>
    </row>
    <row r="1035" spans="1:11" x14ac:dyDescent="0.3">
      <c r="A1035" s="1">
        <v>41890</v>
      </c>
      <c r="B1035" s="3">
        <f t="shared" si="32"/>
        <v>9</v>
      </c>
      <c r="C1035" s="3">
        <f t="shared" si="33"/>
        <v>2014</v>
      </c>
      <c r="D1035" t="s">
        <v>1250</v>
      </c>
      <c r="E1035" t="s">
        <v>163</v>
      </c>
      <c r="F1035" t="s">
        <v>10</v>
      </c>
      <c r="G1035" t="s">
        <v>23</v>
      </c>
      <c r="H1035" t="s">
        <v>1252</v>
      </c>
      <c r="I1035">
        <v>303.83999999999997</v>
      </c>
      <c r="J1035">
        <v>8</v>
      </c>
      <c r="K1035">
        <v>91.15</v>
      </c>
    </row>
    <row r="1036" spans="1:11" x14ac:dyDescent="0.3">
      <c r="A1036" s="1">
        <v>41890</v>
      </c>
      <c r="B1036" s="3">
        <f t="shared" si="32"/>
        <v>9</v>
      </c>
      <c r="C1036" s="3">
        <f t="shared" si="33"/>
        <v>2014</v>
      </c>
      <c r="D1036" t="s">
        <v>1250</v>
      </c>
      <c r="E1036" t="s">
        <v>163</v>
      </c>
      <c r="F1036" t="s">
        <v>10</v>
      </c>
      <c r="G1036" t="s">
        <v>17</v>
      </c>
      <c r="H1036" t="s">
        <v>296</v>
      </c>
      <c r="I1036">
        <v>485.88</v>
      </c>
      <c r="J1036">
        <v>6</v>
      </c>
      <c r="K1036">
        <v>19.440000000000001</v>
      </c>
    </row>
    <row r="1037" spans="1:11" x14ac:dyDescent="0.3">
      <c r="A1037" s="1">
        <v>41890</v>
      </c>
      <c r="B1037" s="3">
        <f t="shared" si="32"/>
        <v>9</v>
      </c>
      <c r="C1037" s="3">
        <f t="shared" si="33"/>
        <v>2014</v>
      </c>
      <c r="D1037" t="s">
        <v>1253</v>
      </c>
      <c r="E1037" t="s">
        <v>9</v>
      </c>
      <c r="F1037" t="s">
        <v>10</v>
      </c>
      <c r="G1037" t="s">
        <v>11</v>
      </c>
      <c r="H1037" t="s">
        <v>275</v>
      </c>
      <c r="I1037">
        <v>17.899999999999999</v>
      </c>
      <c r="J1037">
        <v>2</v>
      </c>
      <c r="K1037">
        <v>6.27</v>
      </c>
    </row>
    <row r="1038" spans="1:11" x14ac:dyDescent="0.3">
      <c r="A1038" s="1">
        <v>41890</v>
      </c>
      <c r="B1038" s="3">
        <f t="shared" si="32"/>
        <v>9</v>
      </c>
      <c r="C1038" s="3">
        <f t="shared" si="33"/>
        <v>2014</v>
      </c>
      <c r="D1038" t="s">
        <v>1253</v>
      </c>
      <c r="E1038" t="s">
        <v>9</v>
      </c>
      <c r="F1038" t="s">
        <v>33</v>
      </c>
      <c r="G1038" t="s">
        <v>34</v>
      </c>
      <c r="H1038" t="s">
        <v>1236</v>
      </c>
      <c r="I1038">
        <v>966.7</v>
      </c>
      <c r="J1038">
        <v>5</v>
      </c>
      <c r="K1038">
        <v>-13.81</v>
      </c>
    </row>
    <row r="1039" spans="1:11" x14ac:dyDescent="0.3">
      <c r="A1039" s="1">
        <v>41890</v>
      </c>
      <c r="B1039" s="3">
        <f t="shared" si="32"/>
        <v>9</v>
      </c>
      <c r="C1039" s="3">
        <f t="shared" si="33"/>
        <v>2014</v>
      </c>
      <c r="D1039" t="s">
        <v>1253</v>
      </c>
      <c r="E1039" t="s">
        <v>9</v>
      </c>
      <c r="F1039" t="s">
        <v>10</v>
      </c>
      <c r="G1039" t="s">
        <v>11</v>
      </c>
      <c r="H1039" t="s">
        <v>1254</v>
      </c>
      <c r="I1039">
        <v>182.11</v>
      </c>
      <c r="J1039">
        <v>6</v>
      </c>
      <c r="K1039">
        <v>61.46</v>
      </c>
    </row>
    <row r="1040" spans="1:11" x14ac:dyDescent="0.3">
      <c r="A1040" s="1">
        <v>41890</v>
      </c>
      <c r="B1040" s="3">
        <f t="shared" si="32"/>
        <v>9</v>
      </c>
      <c r="C1040" s="3">
        <f t="shared" si="33"/>
        <v>2014</v>
      </c>
      <c r="D1040" t="s">
        <v>1180</v>
      </c>
      <c r="E1040" t="s">
        <v>148</v>
      </c>
      <c r="F1040" t="s">
        <v>33</v>
      </c>
      <c r="G1040" t="s">
        <v>34</v>
      </c>
      <c r="H1040" t="s">
        <v>1255</v>
      </c>
      <c r="I1040">
        <v>172.76</v>
      </c>
      <c r="J1040">
        <v>2</v>
      </c>
      <c r="K1040">
        <v>13.44</v>
      </c>
    </row>
    <row r="1041" spans="1:11" x14ac:dyDescent="0.3">
      <c r="A1041" s="1">
        <v>41890</v>
      </c>
      <c r="B1041" s="3">
        <f t="shared" si="32"/>
        <v>9</v>
      </c>
      <c r="C1041" s="3">
        <f t="shared" si="33"/>
        <v>2014</v>
      </c>
      <c r="D1041" t="s">
        <v>1180</v>
      </c>
      <c r="E1041" t="s">
        <v>148</v>
      </c>
      <c r="F1041" t="s">
        <v>10</v>
      </c>
      <c r="G1041" t="s">
        <v>23</v>
      </c>
      <c r="H1041" t="s">
        <v>840</v>
      </c>
      <c r="I1041">
        <v>3.52</v>
      </c>
      <c r="J1041">
        <v>2</v>
      </c>
      <c r="K1041">
        <v>1.69</v>
      </c>
    </row>
    <row r="1042" spans="1:11" x14ac:dyDescent="0.3">
      <c r="A1042" s="1">
        <v>41890</v>
      </c>
      <c r="B1042" s="3">
        <f t="shared" si="32"/>
        <v>9</v>
      </c>
      <c r="C1042" s="3">
        <f t="shared" si="33"/>
        <v>2014</v>
      </c>
      <c r="D1042" t="s">
        <v>93</v>
      </c>
      <c r="E1042" t="s">
        <v>26</v>
      </c>
      <c r="F1042" t="s">
        <v>10</v>
      </c>
      <c r="G1042" t="s">
        <v>19</v>
      </c>
      <c r="H1042" t="s">
        <v>1256</v>
      </c>
      <c r="I1042">
        <v>8.61</v>
      </c>
      <c r="J1042">
        <v>2</v>
      </c>
      <c r="K1042">
        <v>3.01</v>
      </c>
    </row>
    <row r="1043" spans="1:11" x14ac:dyDescent="0.3">
      <c r="A1043" s="1">
        <v>41891</v>
      </c>
      <c r="B1043" s="3">
        <f t="shared" si="32"/>
        <v>9</v>
      </c>
      <c r="C1043" s="3">
        <f t="shared" si="33"/>
        <v>2014</v>
      </c>
      <c r="D1043" t="s">
        <v>1257</v>
      </c>
      <c r="E1043" t="s">
        <v>109</v>
      </c>
      <c r="F1043" t="s">
        <v>10</v>
      </c>
      <c r="G1043" t="s">
        <v>15</v>
      </c>
      <c r="H1043" t="s">
        <v>1258</v>
      </c>
      <c r="I1043">
        <v>103.6</v>
      </c>
      <c r="J1043">
        <v>7</v>
      </c>
      <c r="K1043">
        <v>51.8</v>
      </c>
    </row>
    <row r="1044" spans="1:11" x14ac:dyDescent="0.3">
      <c r="A1044" s="1">
        <v>41891</v>
      </c>
      <c r="B1044" s="3">
        <f t="shared" si="32"/>
        <v>9</v>
      </c>
      <c r="C1044" s="3">
        <f t="shared" si="33"/>
        <v>2014</v>
      </c>
      <c r="D1044" t="s">
        <v>1259</v>
      </c>
      <c r="E1044" t="s">
        <v>433</v>
      </c>
      <c r="F1044" t="s">
        <v>10</v>
      </c>
      <c r="G1044" t="s">
        <v>11</v>
      </c>
      <c r="H1044" t="s">
        <v>895</v>
      </c>
      <c r="I1044">
        <v>166.44</v>
      </c>
      <c r="J1044">
        <v>3</v>
      </c>
      <c r="K1044">
        <v>79.89</v>
      </c>
    </row>
    <row r="1045" spans="1:11" x14ac:dyDescent="0.3">
      <c r="A1045" s="1">
        <v>41891</v>
      </c>
      <c r="B1045" s="3">
        <f t="shared" si="32"/>
        <v>9</v>
      </c>
      <c r="C1045" s="3">
        <f t="shared" si="33"/>
        <v>2014</v>
      </c>
      <c r="D1045" t="s">
        <v>1259</v>
      </c>
      <c r="E1045" t="s">
        <v>433</v>
      </c>
      <c r="F1045" t="s">
        <v>33</v>
      </c>
      <c r="G1045" t="s">
        <v>34</v>
      </c>
      <c r="H1045" t="s">
        <v>1260</v>
      </c>
      <c r="I1045">
        <v>785.88</v>
      </c>
      <c r="J1045">
        <v>6</v>
      </c>
      <c r="K1045">
        <v>212.19</v>
      </c>
    </row>
    <row r="1046" spans="1:11" x14ac:dyDescent="0.3">
      <c r="A1046" s="1">
        <v>41891</v>
      </c>
      <c r="B1046" s="3">
        <f t="shared" si="32"/>
        <v>9</v>
      </c>
      <c r="C1046" s="3">
        <f t="shared" si="33"/>
        <v>2014</v>
      </c>
      <c r="D1046" t="s">
        <v>1259</v>
      </c>
      <c r="E1046" t="s">
        <v>433</v>
      </c>
      <c r="F1046" t="s">
        <v>10</v>
      </c>
      <c r="G1046" t="s">
        <v>11</v>
      </c>
      <c r="H1046" t="s">
        <v>1261</v>
      </c>
      <c r="I1046">
        <v>26.2</v>
      </c>
      <c r="J1046">
        <v>2</v>
      </c>
      <c r="K1046">
        <v>12.84</v>
      </c>
    </row>
    <row r="1047" spans="1:11" x14ac:dyDescent="0.3">
      <c r="A1047" s="1">
        <v>41891</v>
      </c>
      <c r="B1047" s="3">
        <f t="shared" si="32"/>
        <v>9</v>
      </c>
      <c r="C1047" s="3">
        <f t="shared" si="33"/>
        <v>2014</v>
      </c>
      <c r="D1047" t="s">
        <v>1259</v>
      </c>
      <c r="E1047" t="s">
        <v>433</v>
      </c>
      <c r="F1047" t="s">
        <v>10</v>
      </c>
      <c r="G1047" t="s">
        <v>17</v>
      </c>
      <c r="H1047" t="s">
        <v>72</v>
      </c>
      <c r="I1047">
        <v>1325.85</v>
      </c>
      <c r="J1047">
        <v>5</v>
      </c>
      <c r="K1047">
        <v>238.65</v>
      </c>
    </row>
    <row r="1048" spans="1:11" x14ac:dyDescent="0.3">
      <c r="A1048" s="1">
        <v>41891</v>
      </c>
      <c r="B1048" s="3">
        <f t="shared" si="32"/>
        <v>9</v>
      </c>
      <c r="C1048" s="3">
        <f t="shared" si="33"/>
        <v>2014</v>
      </c>
      <c r="D1048" t="s">
        <v>1262</v>
      </c>
      <c r="E1048" t="s">
        <v>22</v>
      </c>
      <c r="F1048" t="s">
        <v>10</v>
      </c>
      <c r="G1048" t="s">
        <v>11</v>
      </c>
      <c r="H1048" t="s">
        <v>1263</v>
      </c>
      <c r="I1048">
        <v>15.55</v>
      </c>
      <c r="J1048">
        <v>3</v>
      </c>
      <c r="K1048">
        <v>5.44</v>
      </c>
    </row>
    <row r="1049" spans="1:11" x14ac:dyDescent="0.3">
      <c r="A1049" s="1">
        <v>41891</v>
      </c>
      <c r="B1049" s="3">
        <f t="shared" si="32"/>
        <v>9</v>
      </c>
      <c r="C1049" s="3">
        <f t="shared" si="33"/>
        <v>2014</v>
      </c>
      <c r="D1049" t="s">
        <v>1262</v>
      </c>
      <c r="E1049" t="s">
        <v>22</v>
      </c>
      <c r="F1049" t="s">
        <v>38</v>
      </c>
      <c r="G1049" t="s">
        <v>51</v>
      </c>
      <c r="H1049" t="s">
        <v>1264</v>
      </c>
      <c r="I1049">
        <v>64.7</v>
      </c>
      <c r="J1049">
        <v>6</v>
      </c>
      <c r="K1049">
        <v>-4.8499999999999996</v>
      </c>
    </row>
    <row r="1050" spans="1:11" x14ac:dyDescent="0.3">
      <c r="A1050" s="1">
        <v>41891</v>
      </c>
      <c r="B1050" s="3">
        <f t="shared" si="32"/>
        <v>9</v>
      </c>
      <c r="C1050" s="3">
        <f t="shared" si="33"/>
        <v>2014</v>
      </c>
      <c r="D1050" t="s">
        <v>1262</v>
      </c>
      <c r="E1050" t="s">
        <v>22</v>
      </c>
      <c r="F1050" t="s">
        <v>33</v>
      </c>
      <c r="G1050" t="s">
        <v>46</v>
      </c>
      <c r="H1050" t="s">
        <v>1187</v>
      </c>
      <c r="I1050">
        <v>17.47</v>
      </c>
      <c r="J1050">
        <v>3</v>
      </c>
      <c r="K1050">
        <v>5.0199999999999996</v>
      </c>
    </row>
    <row r="1051" spans="1:11" x14ac:dyDescent="0.3">
      <c r="A1051" s="1">
        <v>41891</v>
      </c>
      <c r="B1051" s="3">
        <f t="shared" si="32"/>
        <v>9</v>
      </c>
      <c r="C1051" s="3">
        <f t="shared" si="33"/>
        <v>2014</v>
      </c>
      <c r="D1051" t="s">
        <v>1262</v>
      </c>
      <c r="E1051" t="s">
        <v>22</v>
      </c>
      <c r="F1051" t="s">
        <v>38</v>
      </c>
      <c r="G1051" t="s">
        <v>39</v>
      </c>
      <c r="H1051" t="s">
        <v>1265</v>
      </c>
      <c r="I1051">
        <v>135.52000000000001</v>
      </c>
      <c r="J1051">
        <v>1</v>
      </c>
      <c r="K1051">
        <v>-31.62</v>
      </c>
    </row>
    <row r="1052" spans="1:11" x14ac:dyDescent="0.3">
      <c r="A1052" s="1">
        <v>41891</v>
      </c>
      <c r="B1052" s="3">
        <f t="shared" si="32"/>
        <v>9</v>
      </c>
      <c r="C1052" s="3">
        <f t="shared" si="33"/>
        <v>2014</v>
      </c>
      <c r="D1052" t="s">
        <v>1266</v>
      </c>
      <c r="E1052" t="s">
        <v>244</v>
      </c>
      <c r="F1052" t="s">
        <v>38</v>
      </c>
      <c r="G1052" t="s">
        <v>301</v>
      </c>
      <c r="H1052" t="s">
        <v>1267</v>
      </c>
      <c r="I1052">
        <v>1299.99</v>
      </c>
      <c r="J1052">
        <v>2</v>
      </c>
      <c r="K1052">
        <v>-572</v>
      </c>
    </row>
    <row r="1053" spans="1:11" x14ac:dyDescent="0.3">
      <c r="A1053" s="1">
        <v>41891</v>
      </c>
      <c r="B1053" s="3">
        <f t="shared" si="32"/>
        <v>9</v>
      </c>
      <c r="C1053" s="3">
        <f t="shared" si="33"/>
        <v>2014</v>
      </c>
      <c r="D1053" t="s">
        <v>544</v>
      </c>
      <c r="E1053" t="s">
        <v>77</v>
      </c>
      <c r="F1053" t="s">
        <v>33</v>
      </c>
      <c r="G1053" t="s">
        <v>46</v>
      </c>
      <c r="H1053" t="s">
        <v>1268</v>
      </c>
      <c r="I1053">
        <v>60.67</v>
      </c>
      <c r="J1053">
        <v>6</v>
      </c>
      <c r="K1053">
        <v>12.89</v>
      </c>
    </row>
    <row r="1054" spans="1:11" x14ac:dyDescent="0.3">
      <c r="A1054" s="1">
        <v>41891</v>
      </c>
      <c r="B1054" s="3">
        <f t="shared" si="32"/>
        <v>9</v>
      </c>
      <c r="C1054" s="3">
        <f t="shared" si="33"/>
        <v>2014</v>
      </c>
      <c r="D1054" t="s">
        <v>544</v>
      </c>
      <c r="E1054" t="s">
        <v>77</v>
      </c>
      <c r="F1054" t="s">
        <v>10</v>
      </c>
      <c r="G1054" t="s">
        <v>23</v>
      </c>
      <c r="H1054" t="s">
        <v>1269</v>
      </c>
      <c r="I1054">
        <v>30.82</v>
      </c>
      <c r="J1054">
        <v>9</v>
      </c>
      <c r="K1054">
        <v>2.7</v>
      </c>
    </row>
    <row r="1055" spans="1:11" x14ac:dyDescent="0.3">
      <c r="A1055" s="1">
        <v>41891</v>
      </c>
      <c r="B1055" s="3">
        <f t="shared" si="32"/>
        <v>9</v>
      </c>
      <c r="C1055" s="3">
        <f t="shared" si="33"/>
        <v>2014</v>
      </c>
      <c r="D1055" t="s">
        <v>1270</v>
      </c>
      <c r="E1055" t="s">
        <v>14</v>
      </c>
      <c r="F1055" t="s">
        <v>10</v>
      </c>
      <c r="G1055" t="s">
        <v>11</v>
      </c>
      <c r="H1055" t="s">
        <v>738</v>
      </c>
      <c r="I1055">
        <v>10.9</v>
      </c>
      <c r="J1055">
        <v>3</v>
      </c>
      <c r="K1055">
        <v>3.41</v>
      </c>
    </row>
    <row r="1056" spans="1:11" x14ac:dyDescent="0.3">
      <c r="A1056" s="1">
        <v>41892</v>
      </c>
      <c r="B1056" s="3">
        <f t="shared" si="32"/>
        <v>9</v>
      </c>
      <c r="C1056" s="3">
        <f t="shared" si="33"/>
        <v>2014</v>
      </c>
      <c r="D1056" t="s">
        <v>563</v>
      </c>
      <c r="E1056" t="s">
        <v>54</v>
      </c>
      <c r="F1056" t="s">
        <v>10</v>
      </c>
      <c r="G1056" t="s">
        <v>19</v>
      </c>
      <c r="H1056" t="s">
        <v>940</v>
      </c>
      <c r="I1056">
        <v>9.64</v>
      </c>
      <c r="J1056">
        <v>2</v>
      </c>
      <c r="K1056">
        <v>4.72</v>
      </c>
    </row>
    <row r="1057" spans="1:11" x14ac:dyDescent="0.3">
      <c r="A1057" s="1">
        <v>41892</v>
      </c>
      <c r="B1057" s="3">
        <f t="shared" si="32"/>
        <v>9</v>
      </c>
      <c r="C1057" s="3">
        <f t="shared" si="33"/>
        <v>2014</v>
      </c>
      <c r="D1057" t="s">
        <v>255</v>
      </c>
      <c r="E1057" t="s">
        <v>90</v>
      </c>
      <c r="F1057" t="s">
        <v>10</v>
      </c>
      <c r="G1057" t="s">
        <v>62</v>
      </c>
      <c r="H1057" t="s">
        <v>1271</v>
      </c>
      <c r="I1057">
        <v>21.73</v>
      </c>
      <c r="J1057">
        <v>7</v>
      </c>
      <c r="K1057">
        <v>7.6</v>
      </c>
    </row>
    <row r="1058" spans="1:11" x14ac:dyDescent="0.3">
      <c r="A1058" s="1">
        <v>41892</v>
      </c>
      <c r="B1058" s="3">
        <f t="shared" si="32"/>
        <v>9</v>
      </c>
      <c r="C1058" s="3">
        <f t="shared" si="33"/>
        <v>2014</v>
      </c>
      <c r="D1058" t="s">
        <v>255</v>
      </c>
      <c r="E1058" t="s">
        <v>90</v>
      </c>
      <c r="F1058" t="s">
        <v>33</v>
      </c>
      <c r="G1058" t="s">
        <v>34</v>
      </c>
      <c r="H1058" t="s">
        <v>571</v>
      </c>
      <c r="I1058">
        <v>1487.04</v>
      </c>
      <c r="J1058">
        <v>5</v>
      </c>
      <c r="K1058">
        <v>148.69999999999999</v>
      </c>
    </row>
    <row r="1059" spans="1:11" x14ac:dyDescent="0.3">
      <c r="A1059" s="1">
        <v>41892</v>
      </c>
      <c r="B1059" s="3">
        <f t="shared" si="32"/>
        <v>9</v>
      </c>
      <c r="C1059" s="3">
        <f t="shared" si="33"/>
        <v>2014</v>
      </c>
      <c r="D1059" t="s">
        <v>1272</v>
      </c>
      <c r="E1059" t="s">
        <v>176</v>
      </c>
      <c r="F1059" t="s">
        <v>10</v>
      </c>
      <c r="G1059" t="s">
        <v>91</v>
      </c>
      <c r="H1059" t="s">
        <v>1273</v>
      </c>
      <c r="I1059">
        <v>81.92</v>
      </c>
      <c r="J1059">
        <v>4</v>
      </c>
      <c r="K1059">
        <v>22.12</v>
      </c>
    </row>
    <row r="1060" spans="1:11" x14ac:dyDescent="0.3">
      <c r="A1060" s="1">
        <v>41892</v>
      </c>
      <c r="B1060" s="3">
        <f t="shared" si="32"/>
        <v>9</v>
      </c>
      <c r="C1060" s="3">
        <f t="shared" si="33"/>
        <v>2014</v>
      </c>
      <c r="D1060" t="s">
        <v>1272</v>
      </c>
      <c r="E1060" t="s">
        <v>176</v>
      </c>
      <c r="F1060" t="s">
        <v>33</v>
      </c>
      <c r="G1060" t="s">
        <v>46</v>
      </c>
      <c r="H1060" t="s">
        <v>339</v>
      </c>
      <c r="I1060">
        <v>254.9</v>
      </c>
      <c r="J1060">
        <v>5</v>
      </c>
      <c r="K1060">
        <v>76.47</v>
      </c>
    </row>
    <row r="1061" spans="1:11" x14ac:dyDescent="0.3">
      <c r="A1061" s="1">
        <v>41893</v>
      </c>
      <c r="B1061" s="3">
        <f t="shared" si="32"/>
        <v>9</v>
      </c>
      <c r="C1061" s="3">
        <f t="shared" si="33"/>
        <v>2014</v>
      </c>
      <c r="D1061" t="s">
        <v>1274</v>
      </c>
      <c r="E1061" t="s">
        <v>26</v>
      </c>
      <c r="F1061" t="s">
        <v>33</v>
      </c>
      <c r="G1061" t="s">
        <v>46</v>
      </c>
      <c r="H1061" t="s">
        <v>1275</v>
      </c>
      <c r="I1061">
        <v>127.95</v>
      </c>
      <c r="J1061">
        <v>3</v>
      </c>
      <c r="K1061">
        <v>21.75</v>
      </c>
    </row>
    <row r="1062" spans="1:11" x14ac:dyDescent="0.3">
      <c r="A1062" s="1">
        <v>41894</v>
      </c>
      <c r="B1062" s="3">
        <f t="shared" si="32"/>
        <v>9</v>
      </c>
      <c r="C1062" s="3">
        <f t="shared" si="33"/>
        <v>2014</v>
      </c>
      <c r="D1062" t="s">
        <v>130</v>
      </c>
      <c r="E1062" t="s">
        <v>148</v>
      </c>
      <c r="F1062" t="s">
        <v>38</v>
      </c>
      <c r="G1062" t="s">
        <v>301</v>
      </c>
      <c r="H1062" t="s">
        <v>1247</v>
      </c>
      <c r="I1062">
        <v>69.989999999999995</v>
      </c>
      <c r="J1062">
        <v>1</v>
      </c>
      <c r="K1062">
        <v>30.1</v>
      </c>
    </row>
    <row r="1063" spans="1:11" x14ac:dyDescent="0.3">
      <c r="A1063" s="1">
        <v>41894</v>
      </c>
      <c r="B1063" s="3">
        <f t="shared" si="32"/>
        <v>9</v>
      </c>
      <c r="C1063" s="3">
        <f t="shared" si="33"/>
        <v>2014</v>
      </c>
      <c r="D1063" t="s">
        <v>1276</v>
      </c>
      <c r="E1063" t="s">
        <v>244</v>
      </c>
      <c r="F1063" t="s">
        <v>10</v>
      </c>
      <c r="G1063" t="s">
        <v>11</v>
      </c>
      <c r="H1063" t="s">
        <v>218</v>
      </c>
      <c r="I1063">
        <v>10.37</v>
      </c>
      <c r="J1063">
        <v>2</v>
      </c>
      <c r="K1063">
        <v>3.63</v>
      </c>
    </row>
    <row r="1064" spans="1:11" x14ac:dyDescent="0.3">
      <c r="A1064" s="1">
        <v>41894</v>
      </c>
      <c r="B1064" s="3">
        <f t="shared" si="32"/>
        <v>9</v>
      </c>
      <c r="C1064" s="3">
        <f t="shared" si="33"/>
        <v>2014</v>
      </c>
      <c r="D1064" t="s">
        <v>1276</v>
      </c>
      <c r="E1064" t="s">
        <v>244</v>
      </c>
      <c r="F1064" t="s">
        <v>10</v>
      </c>
      <c r="G1064" t="s">
        <v>91</v>
      </c>
      <c r="H1064" t="s">
        <v>1277</v>
      </c>
      <c r="I1064">
        <v>166.84</v>
      </c>
      <c r="J1064">
        <v>5</v>
      </c>
      <c r="K1064">
        <v>18.77</v>
      </c>
    </row>
    <row r="1065" spans="1:11" x14ac:dyDescent="0.3">
      <c r="A1065" s="1">
        <v>41894</v>
      </c>
      <c r="B1065" s="3">
        <f t="shared" si="32"/>
        <v>9</v>
      </c>
      <c r="C1065" s="3">
        <f t="shared" si="33"/>
        <v>2014</v>
      </c>
      <c r="D1065" t="s">
        <v>1276</v>
      </c>
      <c r="E1065" t="s">
        <v>244</v>
      </c>
      <c r="F1065" t="s">
        <v>38</v>
      </c>
      <c r="G1065" t="s">
        <v>51</v>
      </c>
      <c r="H1065" t="s">
        <v>1168</v>
      </c>
      <c r="I1065">
        <v>15.22</v>
      </c>
      <c r="J1065">
        <v>1</v>
      </c>
      <c r="K1065">
        <v>2.2799999999999998</v>
      </c>
    </row>
    <row r="1066" spans="1:11" x14ac:dyDescent="0.3">
      <c r="A1066" s="1">
        <v>41894</v>
      </c>
      <c r="B1066" s="3">
        <f t="shared" si="32"/>
        <v>9</v>
      </c>
      <c r="C1066" s="3">
        <f t="shared" si="33"/>
        <v>2014</v>
      </c>
      <c r="D1066" t="s">
        <v>1278</v>
      </c>
      <c r="E1066" t="s">
        <v>9</v>
      </c>
      <c r="F1066" t="s">
        <v>10</v>
      </c>
      <c r="G1066" t="s">
        <v>19</v>
      </c>
      <c r="H1066" t="s">
        <v>1279</v>
      </c>
      <c r="I1066">
        <v>5.18</v>
      </c>
      <c r="J1066">
        <v>5</v>
      </c>
      <c r="K1066">
        <v>-8.0299999999999994</v>
      </c>
    </row>
    <row r="1067" spans="1:11" x14ac:dyDescent="0.3">
      <c r="A1067" s="1">
        <v>41894</v>
      </c>
      <c r="B1067" s="3">
        <f t="shared" si="32"/>
        <v>9</v>
      </c>
      <c r="C1067" s="3">
        <f t="shared" si="33"/>
        <v>2014</v>
      </c>
      <c r="D1067" t="s">
        <v>642</v>
      </c>
      <c r="E1067" t="s">
        <v>77</v>
      </c>
      <c r="F1067" t="s">
        <v>10</v>
      </c>
      <c r="G1067" t="s">
        <v>19</v>
      </c>
      <c r="H1067" t="s">
        <v>1280</v>
      </c>
      <c r="I1067">
        <v>63.92</v>
      </c>
      <c r="J1067">
        <v>7</v>
      </c>
      <c r="K1067">
        <v>-46.88</v>
      </c>
    </row>
    <row r="1068" spans="1:11" x14ac:dyDescent="0.3">
      <c r="A1068" s="1">
        <v>41894</v>
      </c>
      <c r="B1068" s="3">
        <f t="shared" si="32"/>
        <v>9</v>
      </c>
      <c r="C1068" s="3">
        <f t="shared" si="33"/>
        <v>2014</v>
      </c>
      <c r="D1068" t="s">
        <v>1281</v>
      </c>
      <c r="E1068" t="s">
        <v>1282</v>
      </c>
      <c r="F1068" t="s">
        <v>10</v>
      </c>
      <c r="G1068" t="s">
        <v>199</v>
      </c>
      <c r="H1068" t="s">
        <v>200</v>
      </c>
      <c r="I1068">
        <v>357.93</v>
      </c>
      <c r="J1068">
        <v>3</v>
      </c>
      <c r="K1068">
        <v>7.16</v>
      </c>
    </row>
    <row r="1069" spans="1:11" x14ac:dyDescent="0.3">
      <c r="A1069" s="1">
        <v>41894</v>
      </c>
      <c r="B1069" s="3">
        <f t="shared" si="32"/>
        <v>9</v>
      </c>
      <c r="C1069" s="3">
        <f t="shared" si="33"/>
        <v>2014</v>
      </c>
      <c r="D1069" t="s">
        <v>1281</v>
      </c>
      <c r="E1069" t="s">
        <v>1282</v>
      </c>
      <c r="F1069" t="s">
        <v>38</v>
      </c>
      <c r="G1069" t="s">
        <v>51</v>
      </c>
      <c r="H1069" t="s">
        <v>1283</v>
      </c>
      <c r="I1069">
        <v>57.4</v>
      </c>
      <c r="J1069">
        <v>5</v>
      </c>
      <c r="K1069">
        <v>10.91</v>
      </c>
    </row>
    <row r="1070" spans="1:11" x14ac:dyDescent="0.3">
      <c r="A1070" s="1">
        <v>41894</v>
      </c>
      <c r="B1070" s="3">
        <f t="shared" si="32"/>
        <v>9</v>
      </c>
      <c r="C1070" s="3">
        <f t="shared" si="33"/>
        <v>2014</v>
      </c>
      <c r="D1070" t="s">
        <v>1281</v>
      </c>
      <c r="E1070" t="s">
        <v>1282</v>
      </c>
      <c r="F1070" t="s">
        <v>10</v>
      </c>
      <c r="G1070" t="s">
        <v>19</v>
      </c>
      <c r="H1070" t="s">
        <v>665</v>
      </c>
      <c r="I1070">
        <v>331.96</v>
      </c>
      <c r="J1070">
        <v>2</v>
      </c>
      <c r="K1070">
        <v>149.38</v>
      </c>
    </row>
    <row r="1071" spans="1:11" x14ac:dyDescent="0.3">
      <c r="A1071" s="1">
        <v>41894</v>
      </c>
      <c r="B1071" s="3">
        <f t="shared" si="32"/>
        <v>9</v>
      </c>
      <c r="C1071" s="3">
        <f t="shared" si="33"/>
        <v>2014</v>
      </c>
      <c r="D1071" t="s">
        <v>1281</v>
      </c>
      <c r="E1071" t="s">
        <v>1282</v>
      </c>
      <c r="F1071" t="s">
        <v>33</v>
      </c>
      <c r="G1071" t="s">
        <v>46</v>
      </c>
      <c r="H1071" t="s">
        <v>1284</v>
      </c>
      <c r="I1071">
        <v>40.56</v>
      </c>
      <c r="J1071">
        <v>2</v>
      </c>
      <c r="K1071">
        <v>12.98</v>
      </c>
    </row>
    <row r="1072" spans="1:11" x14ac:dyDescent="0.3">
      <c r="A1072" s="1">
        <v>41894</v>
      </c>
      <c r="B1072" s="3">
        <f t="shared" si="32"/>
        <v>9</v>
      </c>
      <c r="C1072" s="3">
        <f t="shared" si="33"/>
        <v>2014</v>
      </c>
      <c r="D1072" t="s">
        <v>1285</v>
      </c>
      <c r="E1072" t="s">
        <v>148</v>
      </c>
      <c r="F1072" t="s">
        <v>33</v>
      </c>
      <c r="G1072" t="s">
        <v>34</v>
      </c>
      <c r="H1072" t="s">
        <v>975</v>
      </c>
      <c r="I1072">
        <v>3785.29</v>
      </c>
      <c r="J1072">
        <v>6</v>
      </c>
      <c r="K1072">
        <v>420.59</v>
      </c>
    </row>
    <row r="1073" spans="1:11" x14ac:dyDescent="0.3">
      <c r="A1073" s="1">
        <v>41895</v>
      </c>
      <c r="B1073" s="3">
        <f t="shared" si="32"/>
        <v>9</v>
      </c>
      <c r="C1073" s="3">
        <f t="shared" si="33"/>
        <v>2014</v>
      </c>
      <c r="D1073" t="s">
        <v>1286</v>
      </c>
      <c r="E1073" t="s">
        <v>244</v>
      </c>
      <c r="F1073" t="s">
        <v>10</v>
      </c>
      <c r="G1073" t="s">
        <v>19</v>
      </c>
      <c r="H1073" t="s">
        <v>1029</v>
      </c>
      <c r="I1073">
        <v>18.649999999999999</v>
      </c>
      <c r="J1073">
        <v>7</v>
      </c>
      <c r="K1073">
        <v>-12.43</v>
      </c>
    </row>
    <row r="1074" spans="1:11" x14ac:dyDescent="0.3">
      <c r="A1074" s="1">
        <v>41895</v>
      </c>
      <c r="B1074" s="3">
        <f t="shared" si="32"/>
        <v>9</v>
      </c>
      <c r="C1074" s="3">
        <f t="shared" si="33"/>
        <v>2014</v>
      </c>
      <c r="D1074" t="s">
        <v>1287</v>
      </c>
      <c r="E1074" t="s">
        <v>22</v>
      </c>
      <c r="F1074" t="s">
        <v>10</v>
      </c>
      <c r="G1074" t="s">
        <v>11</v>
      </c>
      <c r="H1074" t="s">
        <v>564</v>
      </c>
      <c r="I1074">
        <v>15.55</v>
      </c>
      <c r="J1074">
        <v>3</v>
      </c>
      <c r="K1074">
        <v>5.44</v>
      </c>
    </row>
    <row r="1075" spans="1:11" x14ac:dyDescent="0.3">
      <c r="A1075" s="1">
        <v>41895</v>
      </c>
      <c r="B1075" s="3">
        <f t="shared" si="32"/>
        <v>9</v>
      </c>
      <c r="C1075" s="3">
        <f t="shared" si="33"/>
        <v>2014</v>
      </c>
      <c r="D1075" t="s">
        <v>1287</v>
      </c>
      <c r="E1075" t="s">
        <v>22</v>
      </c>
      <c r="F1075" t="s">
        <v>38</v>
      </c>
      <c r="G1075" t="s">
        <v>51</v>
      </c>
      <c r="H1075" t="s">
        <v>242</v>
      </c>
      <c r="I1075">
        <v>252</v>
      </c>
      <c r="J1075">
        <v>5</v>
      </c>
      <c r="K1075">
        <v>53.55</v>
      </c>
    </row>
    <row r="1076" spans="1:11" x14ac:dyDescent="0.3">
      <c r="A1076" s="1">
        <v>41895</v>
      </c>
      <c r="B1076" s="3">
        <f t="shared" si="32"/>
        <v>9</v>
      </c>
      <c r="C1076" s="3">
        <f t="shared" si="33"/>
        <v>2014</v>
      </c>
      <c r="D1076" t="s">
        <v>906</v>
      </c>
      <c r="E1076" t="s">
        <v>148</v>
      </c>
      <c r="F1076" t="s">
        <v>10</v>
      </c>
      <c r="G1076" t="s">
        <v>23</v>
      </c>
      <c r="H1076" t="s">
        <v>797</v>
      </c>
      <c r="I1076">
        <v>5.46</v>
      </c>
      <c r="J1076">
        <v>3</v>
      </c>
      <c r="K1076">
        <v>1.47</v>
      </c>
    </row>
    <row r="1077" spans="1:11" x14ac:dyDescent="0.3">
      <c r="A1077" s="1">
        <v>41895</v>
      </c>
      <c r="B1077" s="3">
        <f t="shared" si="32"/>
        <v>9</v>
      </c>
      <c r="C1077" s="3">
        <f t="shared" si="33"/>
        <v>2014</v>
      </c>
      <c r="D1077" t="s">
        <v>1288</v>
      </c>
      <c r="E1077" t="s">
        <v>94</v>
      </c>
      <c r="F1077" t="s">
        <v>10</v>
      </c>
      <c r="G1077" t="s">
        <v>17</v>
      </c>
      <c r="H1077" t="s">
        <v>1289</v>
      </c>
      <c r="I1077">
        <v>79.400000000000006</v>
      </c>
      <c r="J1077">
        <v>5</v>
      </c>
      <c r="K1077">
        <v>5.96</v>
      </c>
    </row>
    <row r="1078" spans="1:11" x14ac:dyDescent="0.3">
      <c r="A1078" s="1">
        <v>41895</v>
      </c>
      <c r="B1078" s="3">
        <f t="shared" si="32"/>
        <v>9</v>
      </c>
      <c r="C1078" s="3">
        <f t="shared" si="33"/>
        <v>2014</v>
      </c>
      <c r="D1078" t="s">
        <v>916</v>
      </c>
      <c r="E1078" t="s">
        <v>9</v>
      </c>
      <c r="F1078" t="s">
        <v>33</v>
      </c>
      <c r="G1078" t="s">
        <v>34</v>
      </c>
      <c r="H1078" t="s">
        <v>861</v>
      </c>
      <c r="I1078">
        <v>340.12</v>
      </c>
      <c r="J1078">
        <v>6</v>
      </c>
      <c r="K1078">
        <v>-9.7200000000000006</v>
      </c>
    </row>
    <row r="1079" spans="1:11" x14ac:dyDescent="0.3">
      <c r="A1079" s="1">
        <v>41895</v>
      </c>
      <c r="B1079" s="3">
        <f t="shared" si="32"/>
        <v>9</v>
      </c>
      <c r="C1079" s="3">
        <f t="shared" si="33"/>
        <v>2014</v>
      </c>
      <c r="D1079" t="s">
        <v>1137</v>
      </c>
      <c r="E1079" t="s">
        <v>77</v>
      </c>
      <c r="F1079" t="s">
        <v>10</v>
      </c>
      <c r="G1079" t="s">
        <v>19</v>
      </c>
      <c r="H1079" t="s">
        <v>1290</v>
      </c>
      <c r="I1079">
        <v>2.5</v>
      </c>
      <c r="J1079">
        <v>3</v>
      </c>
      <c r="K1079">
        <v>-2</v>
      </c>
    </row>
    <row r="1080" spans="1:11" x14ac:dyDescent="0.3">
      <c r="A1080" s="1">
        <v>41895</v>
      </c>
      <c r="B1080" s="3">
        <f t="shared" si="32"/>
        <v>9</v>
      </c>
      <c r="C1080" s="3">
        <f t="shared" si="33"/>
        <v>2014</v>
      </c>
      <c r="D1080" t="s">
        <v>711</v>
      </c>
      <c r="E1080" t="s">
        <v>163</v>
      </c>
      <c r="F1080" t="s">
        <v>10</v>
      </c>
      <c r="G1080" t="s">
        <v>42</v>
      </c>
      <c r="H1080" t="s">
        <v>613</v>
      </c>
      <c r="I1080">
        <v>5.7</v>
      </c>
      <c r="J1080">
        <v>5</v>
      </c>
      <c r="K1080">
        <v>2.68</v>
      </c>
    </row>
    <row r="1081" spans="1:11" x14ac:dyDescent="0.3">
      <c r="A1081" s="1">
        <v>41895</v>
      </c>
      <c r="B1081" s="3">
        <f t="shared" si="32"/>
        <v>9</v>
      </c>
      <c r="C1081" s="3">
        <f t="shared" si="33"/>
        <v>2014</v>
      </c>
      <c r="D1081" t="s">
        <v>711</v>
      </c>
      <c r="E1081" t="s">
        <v>163</v>
      </c>
      <c r="F1081" t="s">
        <v>33</v>
      </c>
      <c r="G1081" t="s">
        <v>46</v>
      </c>
      <c r="H1081" t="s">
        <v>479</v>
      </c>
      <c r="I1081">
        <v>14.19</v>
      </c>
      <c r="J1081">
        <v>3</v>
      </c>
      <c r="K1081">
        <v>5.53</v>
      </c>
    </row>
    <row r="1082" spans="1:11" x14ac:dyDescent="0.3">
      <c r="A1082" s="1">
        <v>41895</v>
      </c>
      <c r="B1082" s="3">
        <f t="shared" si="32"/>
        <v>9</v>
      </c>
      <c r="C1082" s="3">
        <f t="shared" si="33"/>
        <v>2014</v>
      </c>
      <c r="D1082" t="s">
        <v>711</v>
      </c>
      <c r="E1082" t="s">
        <v>163</v>
      </c>
      <c r="F1082" t="s">
        <v>10</v>
      </c>
      <c r="G1082" t="s">
        <v>199</v>
      </c>
      <c r="H1082" t="s">
        <v>1291</v>
      </c>
      <c r="I1082">
        <v>7.3</v>
      </c>
      <c r="J1082">
        <v>2</v>
      </c>
      <c r="K1082">
        <v>2.19</v>
      </c>
    </row>
    <row r="1083" spans="1:11" x14ac:dyDescent="0.3">
      <c r="A1083" s="1">
        <v>41895</v>
      </c>
      <c r="B1083" s="3">
        <f t="shared" si="32"/>
        <v>9</v>
      </c>
      <c r="C1083" s="3">
        <f t="shared" si="33"/>
        <v>2014</v>
      </c>
      <c r="D1083" t="s">
        <v>711</v>
      </c>
      <c r="E1083" t="s">
        <v>163</v>
      </c>
      <c r="F1083" t="s">
        <v>38</v>
      </c>
      <c r="G1083" t="s">
        <v>51</v>
      </c>
      <c r="H1083" t="s">
        <v>730</v>
      </c>
      <c r="I1083">
        <v>199.98</v>
      </c>
      <c r="J1083">
        <v>2</v>
      </c>
      <c r="K1083">
        <v>75.989999999999995</v>
      </c>
    </row>
    <row r="1084" spans="1:11" x14ac:dyDescent="0.3">
      <c r="A1084" s="1">
        <v>41895</v>
      </c>
      <c r="B1084" s="3">
        <f t="shared" si="32"/>
        <v>9</v>
      </c>
      <c r="C1084" s="3">
        <f t="shared" si="33"/>
        <v>2014</v>
      </c>
      <c r="D1084" t="s">
        <v>711</v>
      </c>
      <c r="E1084" t="s">
        <v>163</v>
      </c>
      <c r="F1084" t="s">
        <v>38</v>
      </c>
      <c r="G1084" t="s">
        <v>51</v>
      </c>
      <c r="H1084" t="s">
        <v>517</v>
      </c>
      <c r="I1084">
        <v>144.96</v>
      </c>
      <c r="J1084">
        <v>4</v>
      </c>
      <c r="K1084">
        <v>60.88</v>
      </c>
    </row>
    <row r="1085" spans="1:11" x14ac:dyDescent="0.3">
      <c r="A1085" s="1">
        <v>41895</v>
      </c>
      <c r="B1085" s="3">
        <f t="shared" si="32"/>
        <v>9</v>
      </c>
      <c r="C1085" s="3">
        <f t="shared" si="33"/>
        <v>2014</v>
      </c>
      <c r="D1085" t="s">
        <v>711</v>
      </c>
      <c r="E1085" t="s">
        <v>163</v>
      </c>
      <c r="F1085" t="s">
        <v>38</v>
      </c>
      <c r="G1085" t="s">
        <v>51</v>
      </c>
      <c r="H1085" t="s">
        <v>1292</v>
      </c>
      <c r="I1085">
        <v>118</v>
      </c>
      <c r="J1085">
        <v>2</v>
      </c>
      <c r="K1085">
        <v>20.059999999999999</v>
      </c>
    </row>
    <row r="1086" spans="1:11" x14ac:dyDescent="0.3">
      <c r="A1086" s="1">
        <v>41895</v>
      </c>
      <c r="B1086" s="3">
        <f t="shared" si="32"/>
        <v>9</v>
      </c>
      <c r="C1086" s="3">
        <f t="shared" si="33"/>
        <v>2014</v>
      </c>
      <c r="D1086" t="s">
        <v>711</v>
      </c>
      <c r="E1086" t="s">
        <v>163</v>
      </c>
      <c r="F1086" t="s">
        <v>10</v>
      </c>
      <c r="G1086" t="s">
        <v>11</v>
      </c>
      <c r="H1086" t="s">
        <v>1293</v>
      </c>
      <c r="I1086">
        <v>48.94</v>
      </c>
      <c r="J1086">
        <v>1</v>
      </c>
      <c r="K1086">
        <v>24.47</v>
      </c>
    </row>
    <row r="1087" spans="1:11" x14ac:dyDescent="0.3">
      <c r="A1087" s="1">
        <v>41895</v>
      </c>
      <c r="B1087" s="3">
        <f t="shared" si="32"/>
        <v>9</v>
      </c>
      <c r="C1087" s="3">
        <f t="shared" si="33"/>
        <v>2014</v>
      </c>
      <c r="D1087" t="s">
        <v>711</v>
      </c>
      <c r="E1087" t="s">
        <v>163</v>
      </c>
      <c r="F1087" t="s">
        <v>10</v>
      </c>
      <c r="G1087" t="s">
        <v>91</v>
      </c>
      <c r="H1087" t="s">
        <v>1243</v>
      </c>
      <c r="I1087">
        <v>22.66</v>
      </c>
      <c r="J1087">
        <v>2</v>
      </c>
      <c r="K1087">
        <v>9.74</v>
      </c>
    </row>
    <row r="1088" spans="1:11" x14ac:dyDescent="0.3">
      <c r="A1088" s="1">
        <v>41896</v>
      </c>
      <c r="B1088" s="3">
        <f t="shared" si="32"/>
        <v>9</v>
      </c>
      <c r="C1088" s="3">
        <f t="shared" si="33"/>
        <v>2014</v>
      </c>
      <c r="D1088" t="s">
        <v>1294</v>
      </c>
      <c r="E1088" t="s">
        <v>14</v>
      </c>
      <c r="F1088" t="s">
        <v>10</v>
      </c>
      <c r="G1088" t="s">
        <v>91</v>
      </c>
      <c r="H1088" t="s">
        <v>1295</v>
      </c>
      <c r="I1088">
        <v>52.45</v>
      </c>
      <c r="J1088">
        <v>2</v>
      </c>
      <c r="K1088">
        <v>-131.12</v>
      </c>
    </row>
    <row r="1089" spans="1:11" x14ac:dyDescent="0.3">
      <c r="A1089" s="1">
        <v>41896</v>
      </c>
      <c r="B1089" s="3">
        <f t="shared" si="32"/>
        <v>9</v>
      </c>
      <c r="C1089" s="3">
        <f t="shared" si="33"/>
        <v>2014</v>
      </c>
      <c r="D1089" t="s">
        <v>1294</v>
      </c>
      <c r="E1089" t="s">
        <v>14</v>
      </c>
      <c r="F1089" t="s">
        <v>10</v>
      </c>
      <c r="G1089" t="s">
        <v>15</v>
      </c>
      <c r="H1089" t="s">
        <v>1296</v>
      </c>
      <c r="I1089">
        <v>20.16</v>
      </c>
      <c r="J1089">
        <v>4</v>
      </c>
      <c r="K1089">
        <v>6.55</v>
      </c>
    </row>
    <row r="1090" spans="1:11" x14ac:dyDescent="0.3">
      <c r="A1090" s="1">
        <v>41896</v>
      </c>
      <c r="B1090" s="3">
        <f t="shared" ref="B1090:B1153" si="34">MONTH(A:A)</f>
        <v>9</v>
      </c>
      <c r="C1090" s="3">
        <f t="shared" ref="C1090:C1153" si="35">YEAR(A:A)</f>
        <v>2014</v>
      </c>
      <c r="D1090" t="s">
        <v>1297</v>
      </c>
      <c r="E1090" t="s">
        <v>148</v>
      </c>
      <c r="F1090" t="s">
        <v>10</v>
      </c>
      <c r="G1090" t="s">
        <v>17</v>
      </c>
      <c r="H1090" t="s">
        <v>728</v>
      </c>
      <c r="I1090">
        <v>449.15</v>
      </c>
      <c r="J1090">
        <v>5</v>
      </c>
      <c r="K1090">
        <v>8.98</v>
      </c>
    </row>
    <row r="1091" spans="1:11" x14ac:dyDescent="0.3">
      <c r="A1091" s="1">
        <v>41896</v>
      </c>
      <c r="B1091" s="3">
        <f t="shared" si="34"/>
        <v>9</v>
      </c>
      <c r="C1091" s="3">
        <f t="shared" si="35"/>
        <v>2014</v>
      </c>
      <c r="D1091" t="s">
        <v>1297</v>
      </c>
      <c r="E1091" t="s">
        <v>148</v>
      </c>
      <c r="F1091" t="s">
        <v>10</v>
      </c>
      <c r="G1091" t="s">
        <v>62</v>
      </c>
      <c r="H1091" t="s">
        <v>1298</v>
      </c>
      <c r="I1091">
        <v>11.07</v>
      </c>
      <c r="J1091">
        <v>3</v>
      </c>
      <c r="K1091">
        <v>5.09</v>
      </c>
    </row>
    <row r="1092" spans="1:11" x14ac:dyDescent="0.3">
      <c r="A1092" s="1">
        <v>41896</v>
      </c>
      <c r="B1092" s="3">
        <f t="shared" si="34"/>
        <v>9</v>
      </c>
      <c r="C1092" s="3">
        <f t="shared" si="35"/>
        <v>2014</v>
      </c>
      <c r="D1092" t="s">
        <v>878</v>
      </c>
      <c r="E1092" t="s">
        <v>122</v>
      </c>
      <c r="F1092" t="s">
        <v>10</v>
      </c>
      <c r="G1092" t="s">
        <v>91</v>
      </c>
      <c r="H1092" t="s">
        <v>1299</v>
      </c>
      <c r="I1092">
        <v>13</v>
      </c>
      <c r="J1092">
        <v>5</v>
      </c>
      <c r="K1092">
        <v>1.3</v>
      </c>
    </row>
    <row r="1093" spans="1:11" x14ac:dyDescent="0.3">
      <c r="A1093" s="1">
        <v>41896</v>
      </c>
      <c r="B1093" s="3">
        <f t="shared" si="34"/>
        <v>9</v>
      </c>
      <c r="C1093" s="3">
        <f t="shared" si="35"/>
        <v>2014</v>
      </c>
      <c r="D1093" t="s">
        <v>878</v>
      </c>
      <c r="E1093" t="s">
        <v>122</v>
      </c>
      <c r="F1093" t="s">
        <v>33</v>
      </c>
      <c r="G1093" t="s">
        <v>46</v>
      </c>
      <c r="H1093" t="s">
        <v>447</v>
      </c>
      <c r="I1093">
        <v>13.13</v>
      </c>
      <c r="J1093">
        <v>3</v>
      </c>
      <c r="K1093">
        <v>3.77</v>
      </c>
    </row>
    <row r="1094" spans="1:11" x14ac:dyDescent="0.3">
      <c r="A1094" s="1">
        <v>41896</v>
      </c>
      <c r="B1094" s="3">
        <f t="shared" si="34"/>
        <v>9</v>
      </c>
      <c r="C1094" s="3">
        <f t="shared" si="35"/>
        <v>2014</v>
      </c>
      <c r="D1094" t="s">
        <v>1300</v>
      </c>
      <c r="E1094" t="s">
        <v>29</v>
      </c>
      <c r="F1094" t="s">
        <v>33</v>
      </c>
      <c r="G1094" t="s">
        <v>46</v>
      </c>
      <c r="H1094" t="s">
        <v>774</v>
      </c>
      <c r="I1094">
        <v>142.4</v>
      </c>
      <c r="J1094">
        <v>5</v>
      </c>
      <c r="K1094">
        <v>52.69</v>
      </c>
    </row>
    <row r="1095" spans="1:11" x14ac:dyDescent="0.3">
      <c r="A1095" s="1">
        <v>41896</v>
      </c>
      <c r="B1095" s="3">
        <f t="shared" si="34"/>
        <v>9</v>
      </c>
      <c r="C1095" s="3">
        <f t="shared" si="35"/>
        <v>2014</v>
      </c>
      <c r="D1095" t="s">
        <v>1300</v>
      </c>
      <c r="E1095" t="s">
        <v>29</v>
      </c>
      <c r="F1095" t="s">
        <v>10</v>
      </c>
      <c r="G1095" t="s">
        <v>19</v>
      </c>
      <c r="H1095" t="s">
        <v>1301</v>
      </c>
      <c r="I1095">
        <v>7.16</v>
      </c>
      <c r="J1095">
        <v>2</v>
      </c>
      <c r="K1095">
        <v>3.44</v>
      </c>
    </row>
    <row r="1096" spans="1:11" x14ac:dyDescent="0.3">
      <c r="A1096" s="1">
        <v>41896</v>
      </c>
      <c r="B1096" s="3">
        <f t="shared" si="34"/>
        <v>9</v>
      </c>
      <c r="C1096" s="3">
        <f t="shared" si="35"/>
        <v>2014</v>
      </c>
      <c r="D1096" t="s">
        <v>1302</v>
      </c>
      <c r="E1096" t="s">
        <v>148</v>
      </c>
      <c r="F1096" t="s">
        <v>33</v>
      </c>
      <c r="G1096" t="s">
        <v>144</v>
      </c>
      <c r="H1096" t="s">
        <v>472</v>
      </c>
      <c r="I1096">
        <v>464.29</v>
      </c>
      <c r="J1096">
        <v>9</v>
      </c>
      <c r="K1096">
        <v>-108.33</v>
      </c>
    </row>
    <row r="1097" spans="1:11" x14ac:dyDescent="0.3">
      <c r="A1097" s="1">
        <v>41896</v>
      </c>
      <c r="B1097" s="3">
        <f t="shared" si="34"/>
        <v>9</v>
      </c>
      <c r="C1097" s="3">
        <f t="shared" si="35"/>
        <v>2014</v>
      </c>
      <c r="D1097" t="s">
        <v>1302</v>
      </c>
      <c r="E1097" t="s">
        <v>148</v>
      </c>
      <c r="F1097" t="s">
        <v>10</v>
      </c>
      <c r="G1097" t="s">
        <v>62</v>
      </c>
      <c r="H1097" t="s">
        <v>63</v>
      </c>
      <c r="I1097">
        <v>68.459999999999994</v>
      </c>
      <c r="J1097">
        <v>7</v>
      </c>
      <c r="K1097">
        <v>31.49</v>
      </c>
    </row>
    <row r="1098" spans="1:11" x14ac:dyDescent="0.3">
      <c r="A1098" s="1">
        <v>41896</v>
      </c>
      <c r="B1098" s="3">
        <f t="shared" si="34"/>
        <v>9</v>
      </c>
      <c r="C1098" s="3">
        <f t="shared" si="35"/>
        <v>2014</v>
      </c>
      <c r="D1098" t="s">
        <v>1302</v>
      </c>
      <c r="E1098" t="s">
        <v>148</v>
      </c>
      <c r="F1098" t="s">
        <v>38</v>
      </c>
      <c r="G1098" t="s">
        <v>301</v>
      </c>
      <c r="H1098" t="s">
        <v>1303</v>
      </c>
      <c r="I1098">
        <v>2799.96</v>
      </c>
      <c r="J1098">
        <v>4</v>
      </c>
      <c r="K1098">
        <v>1371.98</v>
      </c>
    </row>
    <row r="1099" spans="1:11" x14ac:dyDescent="0.3">
      <c r="A1099" s="1">
        <v>41896</v>
      </c>
      <c r="B1099" s="3">
        <f t="shared" si="34"/>
        <v>9</v>
      </c>
      <c r="C1099" s="3">
        <f t="shared" si="35"/>
        <v>2014</v>
      </c>
      <c r="D1099" t="s">
        <v>1302</v>
      </c>
      <c r="E1099" t="s">
        <v>148</v>
      </c>
      <c r="F1099" t="s">
        <v>10</v>
      </c>
      <c r="G1099" t="s">
        <v>91</v>
      </c>
      <c r="H1099" t="s">
        <v>754</v>
      </c>
      <c r="I1099">
        <v>601.29999999999995</v>
      </c>
      <c r="J1099">
        <v>2</v>
      </c>
      <c r="K1099">
        <v>198.43</v>
      </c>
    </row>
    <row r="1100" spans="1:11" x14ac:dyDescent="0.3">
      <c r="A1100" s="1">
        <v>41896</v>
      </c>
      <c r="B1100" s="3">
        <f t="shared" si="34"/>
        <v>9</v>
      </c>
      <c r="C1100" s="3">
        <f t="shared" si="35"/>
        <v>2014</v>
      </c>
      <c r="D1100" t="s">
        <v>1302</v>
      </c>
      <c r="E1100" t="s">
        <v>148</v>
      </c>
      <c r="F1100" t="s">
        <v>38</v>
      </c>
      <c r="G1100" t="s">
        <v>39</v>
      </c>
      <c r="H1100" t="s">
        <v>1304</v>
      </c>
      <c r="I1100">
        <v>16.989999999999998</v>
      </c>
      <c r="J1100">
        <v>1</v>
      </c>
      <c r="K1100">
        <v>4.42</v>
      </c>
    </row>
    <row r="1101" spans="1:11" x14ac:dyDescent="0.3">
      <c r="A1101" s="1">
        <v>41896</v>
      </c>
      <c r="B1101" s="3">
        <f t="shared" si="34"/>
        <v>9</v>
      </c>
      <c r="C1101" s="3">
        <f t="shared" si="35"/>
        <v>2014</v>
      </c>
      <c r="D1101" t="s">
        <v>1302</v>
      </c>
      <c r="E1101" t="s">
        <v>148</v>
      </c>
      <c r="F1101" t="s">
        <v>38</v>
      </c>
      <c r="G1101" t="s">
        <v>39</v>
      </c>
      <c r="H1101" t="s">
        <v>1305</v>
      </c>
      <c r="I1101">
        <v>287.97000000000003</v>
      </c>
      <c r="J1101">
        <v>3</v>
      </c>
      <c r="K1101">
        <v>80.63</v>
      </c>
    </row>
    <row r="1102" spans="1:11" x14ac:dyDescent="0.3">
      <c r="A1102" s="1">
        <v>41896</v>
      </c>
      <c r="B1102" s="3">
        <f t="shared" si="34"/>
        <v>9</v>
      </c>
      <c r="C1102" s="3">
        <f t="shared" si="35"/>
        <v>2014</v>
      </c>
      <c r="D1102" t="s">
        <v>1302</v>
      </c>
      <c r="E1102" t="s">
        <v>148</v>
      </c>
      <c r="F1102" t="s">
        <v>10</v>
      </c>
      <c r="G1102" t="s">
        <v>11</v>
      </c>
      <c r="H1102" t="s">
        <v>287</v>
      </c>
      <c r="I1102">
        <v>44.82</v>
      </c>
      <c r="J1102">
        <v>9</v>
      </c>
      <c r="K1102">
        <v>21.07</v>
      </c>
    </row>
    <row r="1103" spans="1:11" x14ac:dyDescent="0.3">
      <c r="A1103" s="1">
        <v>41896</v>
      </c>
      <c r="B1103" s="3">
        <f t="shared" si="34"/>
        <v>9</v>
      </c>
      <c r="C1103" s="3">
        <f t="shared" si="35"/>
        <v>2014</v>
      </c>
      <c r="D1103" t="s">
        <v>474</v>
      </c>
      <c r="E1103" t="s">
        <v>9</v>
      </c>
      <c r="F1103" t="s">
        <v>10</v>
      </c>
      <c r="G1103" t="s">
        <v>42</v>
      </c>
      <c r="H1103" t="s">
        <v>1306</v>
      </c>
      <c r="I1103">
        <v>6.05</v>
      </c>
      <c r="J1103">
        <v>4</v>
      </c>
      <c r="K1103">
        <v>-1.36</v>
      </c>
    </row>
    <row r="1104" spans="1:11" x14ac:dyDescent="0.3">
      <c r="A1104" s="1">
        <v>41896</v>
      </c>
      <c r="B1104" s="3">
        <f t="shared" si="34"/>
        <v>9</v>
      </c>
      <c r="C1104" s="3">
        <f t="shared" si="35"/>
        <v>2014</v>
      </c>
      <c r="D1104" t="s">
        <v>474</v>
      </c>
      <c r="E1104" t="s">
        <v>9</v>
      </c>
      <c r="F1104" t="s">
        <v>10</v>
      </c>
      <c r="G1104" t="s">
        <v>11</v>
      </c>
      <c r="H1104" t="s">
        <v>1307</v>
      </c>
      <c r="I1104">
        <v>6.85</v>
      </c>
      <c r="J1104">
        <v>2</v>
      </c>
      <c r="K1104">
        <v>2.14</v>
      </c>
    </row>
    <row r="1105" spans="1:11" x14ac:dyDescent="0.3">
      <c r="A1105" s="1">
        <v>41896</v>
      </c>
      <c r="B1105" s="3">
        <f t="shared" si="34"/>
        <v>9</v>
      </c>
      <c r="C1105" s="3">
        <f t="shared" si="35"/>
        <v>2014</v>
      </c>
      <c r="D1105" t="s">
        <v>474</v>
      </c>
      <c r="E1105" t="s">
        <v>9</v>
      </c>
      <c r="F1105" t="s">
        <v>33</v>
      </c>
      <c r="G1105" t="s">
        <v>46</v>
      </c>
      <c r="H1105" t="s">
        <v>848</v>
      </c>
      <c r="I1105">
        <v>9.9600000000000009</v>
      </c>
      <c r="J1105">
        <v>5</v>
      </c>
      <c r="K1105">
        <v>-6.72</v>
      </c>
    </row>
    <row r="1106" spans="1:11" x14ac:dyDescent="0.3">
      <c r="A1106" s="1">
        <v>41896</v>
      </c>
      <c r="B1106" s="3">
        <f t="shared" si="34"/>
        <v>9</v>
      </c>
      <c r="C1106" s="3">
        <f t="shared" si="35"/>
        <v>2014</v>
      </c>
      <c r="D1106" t="s">
        <v>474</v>
      </c>
      <c r="E1106" t="s">
        <v>9</v>
      </c>
      <c r="F1106" t="s">
        <v>10</v>
      </c>
      <c r="G1106" t="s">
        <v>19</v>
      </c>
      <c r="H1106" t="s">
        <v>1308</v>
      </c>
      <c r="I1106">
        <v>8.5500000000000007</v>
      </c>
      <c r="J1106">
        <v>2</v>
      </c>
      <c r="K1106">
        <v>-13.68</v>
      </c>
    </row>
    <row r="1107" spans="1:11" x14ac:dyDescent="0.3">
      <c r="A1107" s="1">
        <v>41897</v>
      </c>
      <c r="B1107" s="3">
        <f t="shared" si="34"/>
        <v>9</v>
      </c>
      <c r="C1107" s="3">
        <f t="shared" si="35"/>
        <v>2014</v>
      </c>
      <c r="D1107" t="s">
        <v>1309</v>
      </c>
      <c r="E1107" t="s">
        <v>22</v>
      </c>
      <c r="F1107" t="s">
        <v>33</v>
      </c>
      <c r="G1107" t="s">
        <v>46</v>
      </c>
      <c r="H1107" t="s">
        <v>1310</v>
      </c>
      <c r="I1107">
        <v>103.94</v>
      </c>
      <c r="J1107">
        <v>4</v>
      </c>
      <c r="K1107">
        <v>16.89</v>
      </c>
    </row>
    <row r="1108" spans="1:11" x14ac:dyDescent="0.3">
      <c r="A1108" s="1">
        <v>41897</v>
      </c>
      <c r="B1108" s="3">
        <f t="shared" si="34"/>
        <v>9</v>
      </c>
      <c r="C1108" s="3">
        <f t="shared" si="35"/>
        <v>2014</v>
      </c>
      <c r="D1108" t="s">
        <v>418</v>
      </c>
      <c r="E1108" t="s">
        <v>148</v>
      </c>
      <c r="F1108" t="s">
        <v>10</v>
      </c>
      <c r="G1108" t="s">
        <v>11</v>
      </c>
      <c r="H1108" t="s">
        <v>624</v>
      </c>
      <c r="I1108">
        <v>14.94</v>
      </c>
      <c r="J1108">
        <v>3</v>
      </c>
      <c r="K1108">
        <v>7.02</v>
      </c>
    </row>
    <row r="1109" spans="1:11" x14ac:dyDescent="0.3">
      <c r="A1109" s="1">
        <v>41897</v>
      </c>
      <c r="B1109" s="3">
        <f t="shared" si="34"/>
        <v>9</v>
      </c>
      <c r="C1109" s="3">
        <f t="shared" si="35"/>
        <v>2014</v>
      </c>
      <c r="D1109" t="s">
        <v>418</v>
      </c>
      <c r="E1109" t="s">
        <v>148</v>
      </c>
      <c r="F1109" t="s">
        <v>33</v>
      </c>
      <c r="G1109" t="s">
        <v>46</v>
      </c>
      <c r="H1109" t="s">
        <v>1187</v>
      </c>
      <c r="I1109">
        <v>14.56</v>
      </c>
      <c r="J1109">
        <v>2</v>
      </c>
      <c r="K1109">
        <v>6.26</v>
      </c>
    </row>
    <row r="1110" spans="1:11" x14ac:dyDescent="0.3">
      <c r="A1110" s="1">
        <v>41898</v>
      </c>
      <c r="B1110" s="3">
        <f t="shared" si="34"/>
        <v>9</v>
      </c>
      <c r="C1110" s="3">
        <f t="shared" si="35"/>
        <v>2014</v>
      </c>
      <c r="D1110" t="s">
        <v>683</v>
      </c>
      <c r="E1110" t="s">
        <v>148</v>
      </c>
      <c r="F1110" t="s">
        <v>10</v>
      </c>
      <c r="G1110" t="s">
        <v>19</v>
      </c>
      <c r="H1110" t="s">
        <v>846</v>
      </c>
      <c r="I1110">
        <v>33.549999999999997</v>
      </c>
      <c r="J1110">
        <v>1</v>
      </c>
      <c r="K1110">
        <v>12.58</v>
      </c>
    </row>
    <row r="1111" spans="1:11" x14ac:dyDescent="0.3">
      <c r="A1111" s="1">
        <v>41899</v>
      </c>
      <c r="B1111" s="3">
        <f t="shared" si="34"/>
        <v>9</v>
      </c>
      <c r="C1111" s="3">
        <f t="shared" si="35"/>
        <v>2014</v>
      </c>
      <c r="D1111" t="s">
        <v>1311</v>
      </c>
      <c r="E1111" t="s">
        <v>22</v>
      </c>
      <c r="F1111" t="s">
        <v>10</v>
      </c>
      <c r="G1111" t="s">
        <v>19</v>
      </c>
      <c r="H1111" t="s">
        <v>1312</v>
      </c>
      <c r="I1111">
        <v>5.89</v>
      </c>
      <c r="J1111">
        <v>4</v>
      </c>
      <c r="K1111">
        <v>-4.12</v>
      </c>
    </row>
    <row r="1112" spans="1:11" x14ac:dyDescent="0.3">
      <c r="A1112" s="1">
        <v>41899</v>
      </c>
      <c r="B1112" s="3">
        <f t="shared" si="34"/>
        <v>9</v>
      </c>
      <c r="C1112" s="3">
        <f t="shared" si="35"/>
        <v>2014</v>
      </c>
      <c r="D1112" t="s">
        <v>1253</v>
      </c>
      <c r="E1112" t="s">
        <v>244</v>
      </c>
      <c r="F1112" t="s">
        <v>38</v>
      </c>
      <c r="G1112" t="s">
        <v>51</v>
      </c>
      <c r="H1112" t="s">
        <v>1313</v>
      </c>
      <c r="I1112">
        <v>47.98</v>
      </c>
      <c r="J1112">
        <v>2</v>
      </c>
      <c r="K1112">
        <v>13.2</v>
      </c>
    </row>
    <row r="1113" spans="1:11" x14ac:dyDescent="0.3">
      <c r="A1113" s="1">
        <v>41899</v>
      </c>
      <c r="B1113" s="3">
        <f t="shared" si="34"/>
        <v>9</v>
      </c>
      <c r="C1113" s="3">
        <f t="shared" si="35"/>
        <v>2014</v>
      </c>
      <c r="D1113" t="s">
        <v>1253</v>
      </c>
      <c r="E1113" t="s">
        <v>244</v>
      </c>
      <c r="F1113" t="s">
        <v>10</v>
      </c>
      <c r="G1113" t="s">
        <v>11</v>
      </c>
      <c r="H1113" t="s">
        <v>1314</v>
      </c>
      <c r="I1113">
        <v>4.62</v>
      </c>
      <c r="J1113">
        <v>1</v>
      </c>
      <c r="K1113">
        <v>1.68</v>
      </c>
    </row>
    <row r="1114" spans="1:11" x14ac:dyDescent="0.3">
      <c r="A1114" s="1">
        <v>41899</v>
      </c>
      <c r="B1114" s="3">
        <f t="shared" si="34"/>
        <v>9</v>
      </c>
      <c r="C1114" s="3">
        <f t="shared" si="35"/>
        <v>2014</v>
      </c>
      <c r="D1114" t="s">
        <v>313</v>
      </c>
      <c r="E1114" t="s">
        <v>163</v>
      </c>
      <c r="F1114" t="s">
        <v>10</v>
      </c>
      <c r="G1114" t="s">
        <v>17</v>
      </c>
      <c r="H1114" t="s">
        <v>1315</v>
      </c>
      <c r="I1114">
        <v>30.28</v>
      </c>
      <c r="J1114">
        <v>2</v>
      </c>
      <c r="K1114">
        <v>1.21</v>
      </c>
    </row>
    <row r="1115" spans="1:11" x14ac:dyDescent="0.3">
      <c r="A1115" s="1">
        <v>41899</v>
      </c>
      <c r="B1115" s="3">
        <f t="shared" si="34"/>
        <v>9</v>
      </c>
      <c r="C1115" s="3">
        <f t="shared" si="35"/>
        <v>2014</v>
      </c>
      <c r="D1115" t="s">
        <v>313</v>
      </c>
      <c r="E1115" t="s">
        <v>163</v>
      </c>
      <c r="F1115" t="s">
        <v>10</v>
      </c>
      <c r="G1115" t="s">
        <v>17</v>
      </c>
      <c r="H1115" t="s">
        <v>1316</v>
      </c>
      <c r="I1115">
        <v>57.93</v>
      </c>
      <c r="J1115">
        <v>3</v>
      </c>
      <c r="K1115">
        <v>16.22</v>
      </c>
    </row>
    <row r="1116" spans="1:11" x14ac:dyDescent="0.3">
      <c r="A1116" s="1">
        <v>41899</v>
      </c>
      <c r="B1116" s="3">
        <f t="shared" si="34"/>
        <v>9</v>
      </c>
      <c r="C1116" s="3">
        <f t="shared" si="35"/>
        <v>2014</v>
      </c>
      <c r="D1116" t="s">
        <v>313</v>
      </c>
      <c r="E1116" t="s">
        <v>163</v>
      </c>
      <c r="F1116" t="s">
        <v>33</v>
      </c>
      <c r="G1116" t="s">
        <v>46</v>
      </c>
      <c r="H1116" t="s">
        <v>1317</v>
      </c>
      <c r="I1116">
        <v>35.340000000000003</v>
      </c>
      <c r="J1116">
        <v>2</v>
      </c>
      <c r="K1116">
        <v>13.43</v>
      </c>
    </row>
    <row r="1117" spans="1:11" x14ac:dyDescent="0.3">
      <c r="A1117" s="1">
        <v>41899</v>
      </c>
      <c r="B1117" s="3">
        <f t="shared" si="34"/>
        <v>9</v>
      </c>
      <c r="C1117" s="3">
        <f t="shared" si="35"/>
        <v>2014</v>
      </c>
      <c r="D1117" t="s">
        <v>313</v>
      </c>
      <c r="E1117" t="s">
        <v>163</v>
      </c>
      <c r="F1117" t="s">
        <v>10</v>
      </c>
      <c r="G1117" t="s">
        <v>19</v>
      </c>
      <c r="H1117" t="s">
        <v>367</v>
      </c>
      <c r="I1117">
        <v>137.24</v>
      </c>
      <c r="J1117">
        <v>5</v>
      </c>
      <c r="K1117">
        <v>46.32</v>
      </c>
    </row>
    <row r="1118" spans="1:11" x14ac:dyDescent="0.3">
      <c r="A1118" s="1">
        <v>41899</v>
      </c>
      <c r="B1118" s="3">
        <f t="shared" si="34"/>
        <v>9</v>
      </c>
      <c r="C1118" s="3">
        <f t="shared" si="35"/>
        <v>2014</v>
      </c>
      <c r="D1118" t="s">
        <v>788</v>
      </c>
      <c r="E1118" t="s">
        <v>26</v>
      </c>
      <c r="F1118" t="s">
        <v>10</v>
      </c>
      <c r="G1118" t="s">
        <v>62</v>
      </c>
      <c r="H1118" t="s">
        <v>1318</v>
      </c>
      <c r="I1118">
        <v>182.94</v>
      </c>
      <c r="J1118">
        <v>3</v>
      </c>
      <c r="K1118">
        <v>85.98</v>
      </c>
    </row>
    <row r="1119" spans="1:11" x14ac:dyDescent="0.3">
      <c r="A1119" s="1">
        <v>41899</v>
      </c>
      <c r="B1119" s="3">
        <f t="shared" si="34"/>
        <v>9</v>
      </c>
      <c r="C1119" s="3">
        <f t="shared" si="35"/>
        <v>2014</v>
      </c>
      <c r="D1119" t="s">
        <v>1319</v>
      </c>
      <c r="E1119" t="s">
        <v>90</v>
      </c>
      <c r="F1119" t="s">
        <v>10</v>
      </c>
      <c r="G1119" t="s">
        <v>23</v>
      </c>
      <c r="H1119" t="s">
        <v>1320</v>
      </c>
      <c r="I1119">
        <v>5.25</v>
      </c>
      <c r="J1119">
        <v>2</v>
      </c>
      <c r="K1119">
        <v>0.46</v>
      </c>
    </row>
    <row r="1120" spans="1:11" x14ac:dyDescent="0.3">
      <c r="A1120" s="1">
        <v>41899</v>
      </c>
      <c r="B1120" s="3">
        <f t="shared" si="34"/>
        <v>9</v>
      </c>
      <c r="C1120" s="3">
        <f t="shared" si="35"/>
        <v>2014</v>
      </c>
      <c r="D1120" t="s">
        <v>1319</v>
      </c>
      <c r="E1120" t="s">
        <v>90</v>
      </c>
      <c r="F1120" t="s">
        <v>10</v>
      </c>
      <c r="G1120" t="s">
        <v>23</v>
      </c>
      <c r="H1120" t="s">
        <v>1321</v>
      </c>
      <c r="I1120">
        <v>38.26</v>
      </c>
      <c r="J1120">
        <v>3</v>
      </c>
      <c r="K1120">
        <v>4.78</v>
      </c>
    </row>
    <row r="1121" spans="1:11" x14ac:dyDescent="0.3">
      <c r="A1121" s="1">
        <v>41899</v>
      </c>
      <c r="B1121" s="3">
        <f t="shared" si="34"/>
        <v>9</v>
      </c>
      <c r="C1121" s="3">
        <f t="shared" si="35"/>
        <v>2014</v>
      </c>
      <c r="D1121" t="s">
        <v>1319</v>
      </c>
      <c r="E1121" t="s">
        <v>90</v>
      </c>
      <c r="F1121" t="s">
        <v>10</v>
      </c>
      <c r="G1121" t="s">
        <v>11</v>
      </c>
      <c r="H1121" t="s">
        <v>1140</v>
      </c>
      <c r="I1121">
        <v>40.24</v>
      </c>
      <c r="J1121">
        <v>5</v>
      </c>
      <c r="K1121">
        <v>13.08</v>
      </c>
    </row>
    <row r="1122" spans="1:11" x14ac:dyDescent="0.3">
      <c r="A1122" s="1">
        <v>41899</v>
      </c>
      <c r="B1122" s="3">
        <f t="shared" si="34"/>
        <v>9</v>
      </c>
      <c r="C1122" s="3">
        <f t="shared" si="35"/>
        <v>2014</v>
      </c>
      <c r="D1122" t="s">
        <v>1319</v>
      </c>
      <c r="E1122" t="s">
        <v>90</v>
      </c>
      <c r="F1122" t="s">
        <v>38</v>
      </c>
      <c r="G1122" t="s">
        <v>301</v>
      </c>
      <c r="H1122" t="s">
        <v>1322</v>
      </c>
      <c r="I1122">
        <v>29.93</v>
      </c>
      <c r="J1122">
        <v>5</v>
      </c>
      <c r="K1122">
        <v>-21.95</v>
      </c>
    </row>
    <row r="1123" spans="1:11" x14ac:dyDescent="0.3">
      <c r="A1123" s="1">
        <v>41899</v>
      </c>
      <c r="B1123" s="3">
        <f t="shared" si="34"/>
        <v>9</v>
      </c>
      <c r="C1123" s="3">
        <f t="shared" si="35"/>
        <v>2014</v>
      </c>
      <c r="D1123" t="s">
        <v>1319</v>
      </c>
      <c r="E1123" t="s">
        <v>90</v>
      </c>
      <c r="F1123" t="s">
        <v>10</v>
      </c>
      <c r="G1123" t="s">
        <v>11</v>
      </c>
      <c r="H1123" t="s">
        <v>1323</v>
      </c>
      <c r="I1123">
        <v>148.69999999999999</v>
      </c>
      <c r="J1123">
        <v>6</v>
      </c>
      <c r="K1123">
        <v>46.47</v>
      </c>
    </row>
    <row r="1124" spans="1:11" x14ac:dyDescent="0.3">
      <c r="A1124" s="1">
        <v>41899</v>
      </c>
      <c r="B1124" s="3">
        <f t="shared" si="34"/>
        <v>9</v>
      </c>
      <c r="C1124" s="3">
        <f t="shared" si="35"/>
        <v>2014</v>
      </c>
      <c r="D1124" t="s">
        <v>1319</v>
      </c>
      <c r="E1124" t="s">
        <v>90</v>
      </c>
      <c r="F1124" t="s">
        <v>38</v>
      </c>
      <c r="G1124" t="s">
        <v>51</v>
      </c>
      <c r="H1124" t="s">
        <v>1324</v>
      </c>
      <c r="I1124">
        <v>55.92</v>
      </c>
      <c r="J1124">
        <v>10</v>
      </c>
      <c r="K1124">
        <v>16.78</v>
      </c>
    </row>
    <row r="1125" spans="1:11" x14ac:dyDescent="0.3">
      <c r="A1125" s="1">
        <v>41901</v>
      </c>
      <c r="B1125" s="3">
        <f t="shared" si="34"/>
        <v>9</v>
      </c>
      <c r="C1125" s="3">
        <f t="shared" si="35"/>
        <v>2014</v>
      </c>
      <c r="D1125" t="s">
        <v>636</v>
      </c>
      <c r="E1125" t="s">
        <v>9</v>
      </c>
      <c r="F1125" t="s">
        <v>38</v>
      </c>
      <c r="G1125" t="s">
        <v>301</v>
      </c>
      <c r="H1125" t="s">
        <v>1235</v>
      </c>
      <c r="I1125">
        <v>3059.98</v>
      </c>
      <c r="J1125">
        <v>3</v>
      </c>
      <c r="K1125">
        <v>-510</v>
      </c>
    </row>
    <row r="1126" spans="1:11" x14ac:dyDescent="0.3">
      <c r="A1126" s="1">
        <v>41901</v>
      </c>
      <c r="B1126" s="3">
        <f t="shared" si="34"/>
        <v>9</v>
      </c>
      <c r="C1126" s="3">
        <f t="shared" si="35"/>
        <v>2014</v>
      </c>
      <c r="D1126" t="s">
        <v>636</v>
      </c>
      <c r="E1126" t="s">
        <v>9</v>
      </c>
      <c r="F1126" t="s">
        <v>38</v>
      </c>
      <c r="G1126" t="s">
        <v>301</v>
      </c>
      <c r="H1126" t="s">
        <v>1325</v>
      </c>
      <c r="I1126">
        <v>2519.96</v>
      </c>
      <c r="J1126">
        <v>7</v>
      </c>
      <c r="K1126">
        <v>-252</v>
      </c>
    </row>
    <row r="1127" spans="1:11" x14ac:dyDescent="0.3">
      <c r="A1127" s="1">
        <v>41901</v>
      </c>
      <c r="B1127" s="3">
        <f t="shared" si="34"/>
        <v>9</v>
      </c>
      <c r="C1127" s="3">
        <f t="shared" si="35"/>
        <v>2014</v>
      </c>
      <c r="D1127" t="s">
        <v>1326</v>
      </c>
      <c r="E1127" t="s">
        <v>26</v>
      </c>
      <c r="F1127" t="s">
        <v>10</v>
      </c>
      <c r="G1127" t="s">
        <v>42</v>
      </c>
      <c r="H1127" t="s">
        <v>826</v>
      </c>
      <c r="I1127">
        <v>7.16</v>
      </c>
      <c r="J1127">
        <v>2</v>
      </c>
      <c r="K1127">
        <v>3.58</v>
      </c>
    </row>
    <row r="1128" spans="1:11" x14ac:dyDescent="0.3">
      <c r="A1128" s="1">
        <v>41901</v>
      </c>
      <c r="B1128" s="3">
        <f t="shared" si="34"/>
        <v>9</v>
      </c>
      <c r="C1128" s="3">
        <f t="shared" si="35"/>
        <v>2014</v>
      </c>
      <c r="D1128" t="s">
        <v>536</v>
      </c>
      <c r="E1128" t="s">
        <v>244</v>
      </c>
      <c r="F1128" t="s">
        <v>10</v>
      </c>
      <c r="G1128" t="s">
        <v>17</v>
      </c>
      <c r="H1128" t="s">
        <v>1327</v>
      </c>
      <c r="I1128">
        <v>67.34</v>
      </c>
      <c r="J1128">
        <v>6</v>
      </c>
      <c r="K1128">
        <v>7.58</v>
      </c>
    </row>
    <row r="1129" spans="1:11" x14ac:dyDescent="0.3">
      <c r="A1129" s="1">
        <v>41901</v>
      </c>
      <c r="B1129" s="3">
        <f t="shared" si="34"/>
        <v>9</v>
      </c>
      <c r="C1129" s="3">
        <f t="shared" si="35"/>
        <v>2014</v>
      </c>
      <c r="D1129" t="s">
        <v>536</v>
      </c>
      <c r="E1129" t="s">
        <v>244</v>
      </c>
      <c r="F1129" t="s">
        <v>38</v>
      </c>
      <c r="G1129" t="s">
        <v>301</v>
      </c>
      <c r="H1129" t="s">
        <v>1328</v>
      </c>
      <c r="I1129">
        <v>2624.99</v>
      </c>
      <c r="J1129">
        <v>3</v>
      </c>
      <c r="K1129">
        <v>-944.99</v>
      </c>
    </row>
    <row r="1130" spans="1:11" x14ac:dyDescent="0.3">
      <c r="A1130" s="1">
        <v>41901</v>
      </c>
      <c r="B1130" s="3">
        <f t="shared" si="34"/>
        <v>9</v>
      </c>
      <c r="C1130" s="3">
        <f t="shared" si="35"/>
        <v>2014</v>
      </c>
      <c r="D1130" t="s">
        <v>614</v>
      </c>
      <c r="E1130" t="s">
        <v>148</v>
      </c>
      <c r="F1130" t="s">
        <v>33</v>
      </c>
      <c r="G1130" t="s">
        <v>34</v>
      </c>
      <c r="H1130" t="s">
        <v>722</v>
      </c>
      <c r="I1130">
        <v>887.1</v>
      </c>
      <c r="J1130">
        <v>7</v>
      </c>
      <c r="K1130">
        <v>177.42</v>
      </c>
    </row>
    <row r="1131" spans="1:11" x14ac:dyDescent="0.3">
      <c r="A1131" s="1">
        <v>41901</v>
      </c>
      <c r="B1131" s="3">
        <f t="shared" si="34"/>
        <v>9</v>
      </c>
      <c r="C1131" s="3">
        <f t="shared" si="35"/>
        <v>2014</v>
      </c>
      <c r="D1131" t="s">
        <v>1329</v>
      </c>
      <c r="E1131" t="s">
        <v>163</v>
      </c>
      <c r="F1131" t="s">
        <v>10</v>
      </c>
      <c r="G1131" t="s">
        <v>17</v>
      </c>
      <c r="H1131" t="s">
        <v>1330</v>
      </c>
      <c r="I1131">
        <v>92.52</v>
      </c>
      <c r="J1131">
        <v>6</v>
      </c>
      <c r="K1131">
        <v>24.98</v>
      </c>
    </row>
    <row r="1132" spans="1:11" x14ac:dyDescent="0.3">
      <c r="A1132" s="1">
        <v>41901</v>
      </c>
      <c r="B1132" s="3">
        <f t="shared" si="34"/>
        <v>9</v>
      </c>
      <c r="C1132" s="3">
        <f t="shared" si="35"/>
        <v>2014</v>
      </c>
      <c r="D1132" t="s">
        <v>1331</v>
      </c>
      <c r="E1132" t="s">
        <v>26</v>
      </c>
      <c r="F1132" t="s">
        <v>10</v>
      </c>
      <c r="G1132" t="s">
        <v>42</v>
      </c>
      <c r="H1132" t="s">
        <v>1306</v>
      </c>
      <c r="I1132">
        <v>5.67</v>
      </c>
      <c r="J1132">
        <v>3</v>
      </c>
      <c r="K1132">
        <v>0.11</v>
      </c>
    </row>
    <row r="1133" spans="1:11" x14ac:dyDescent="0.3">
      <c r="A1133" s="1">
        <v>41901</v>
      </c>
      <c r="B1133" s="3">
        <f t="shared" si="34"/>
        <v>9</v>
      </c>
      <c r="C1133" s="3">
        <f t="shared" si="35"/>
        <v>2014</v>
      </c>
      <c r="D1133" t="s">
        <v>170</v>
      </c>
      <c r="E1133" t="s">
        <v>94</v>
      </c>
      <c r="F1133" t="s">
        <v>33</v>
      </c>
      <c r="G1133" t="s">
        <v>144</v>
      </c>
      <c r="H1133" t="s">
        <v>1332</v>
      </c>
      <c r="I1133">
        <v>73.92</v>
      </c>
      <c r="J1133">
        <v>1</v>
      </c>
      <c r="K1133">
        <v>-45.83</v>
      </c>
    </row>
    <row r="1134" spans="1:11" x14ac:dyDescent="0.3">
      <c r="A1134" s="1">
        <v>41902</v>
      </c>
      <c r="B1134" s="3">
        <f t="shared" si="34"/>
        <v>9</v>
      </c>
      <c r="C1134" s="3">
        <f t="shared" si="35"/>
        <v>2014</v>
      </c>
      <c r="D1134" t="s">
        <v>1333</v>
      </c>
      <c r="E1134" t="s">
        <v>14</v>
      </c>
      <c r="F1134" t="s">
        <v>33</v>
      </c>
      <c r="G1134" t="s">
        <v>144</v>
      </c>
      <c r="H1134" t="s">
        <v>809</v>
      </c>
      <c r="I1134">
        <v>617.70000000000005</v>
      </c>
      <c r="J1134">
        <v>6</v>
      </c>
      <c r="K1134">
        <v>-407.68</v>
      </c>
    </row>
    <row r="1135" spans="1:11" x14ac:dyDescent="0.3">
      <c r="A1135" s="1">
        <v>41902</v>
      </c>
      <c r="B1135" s="3">
        <f t="shared" si="34"/>
        <v>9</v>
      </c>
      <c r="C1135" s="3">
        <f t="shared" si="35"/>
        <v>2014</v>
      </c>
      <c r="D1135" t="s">
        <v>1334</v>
      </c>
      <c r="E1135" t="s">
        <v>26</v>
      </c>
      <c r="F1135" t="s">
        <v>10</v>
      </c>
      <c r="G1135" t="s">
        <v>15</v>
      </c>
      <c r="H1135" t="s">
        <v>1335</v>
      </c>
      <c r="I1135">
        <v>9.9600000000000009</v>
      </c>
      <c r="J1135">
        <v>2</v>
      </c>
      <c r="K1135">
        <v>4.58</v>
      </c>
    </row>
    <row r="1136" spans="1:11" x14ac:dyDescent="0.3">
      <c r="A1136" s="1">
        <v>41902</v>
      </c>
      <c r="B1136" s="3">
        <f t="shared" si="34"/>
        <v>9</v>
      </c>
      <c r="C1136" s="3">
        <f t="shared" si="35"/>
        <v>2014</v>
      </c>
      <c r="D1136" t="s">
        <v>1334</v>
      </c>
      <c r="E1136" t="s">
        <v>26</v>
      </c>
      <c r="F1136" t="s">
        <v>10</v>
      </c>
      <c r="G1136" t="s">
        <v>11</v>
      </c>
      <c r="H1136" t="s">
        <v>1336</v>
      </c>
      <c r="I1136">
        <v>21.72</v>
      </c>
      <c r="J1136">
        <v>4</v>
      </c>
      <c r="K1136">
        <v>10.64</v>
      </c>
    </row>
    <row r="1137" spans="1:11" x14ac:dyDescent="0.3">
      <c r="A1137" s="1">
        <v>41902</v>
      </c>
      <c r="B1137" s="3">
        <f t="shared" si="34"/>
        <v>9</v>
      </c>
      <c r="C1137" s="3">
        <f t="shared" si="35"/>
        <v>2014</v>
      </c>
      <c r="D1137" t="s">
        <v>555</v>
      </c>
      <c r="E1137" t="s">
        <v>122</v>
      </c>
      <c r="F1137" t="s">
        <v>10</v>
      </c>
      <c r="G1137" t="s">
        <v>23</v>
      </c>
      <c r="H1137" t="s">
        <v>840</v>
      </c>
      <c r="I1137">
        <v>2.82</v>
      </c>
      <c r="J1137">
        <v>2</v>
      </c>
      <c r="K1137">
        <v>0.99</v>
      </c>
    </row>
    <row r="1138" spans="1:11" x14ac:dyDescent="0.3">
      <c r="A1138" s="1">
        <v>41902</v>
      </c>
      <c r="B1138" s="3">
        <f t="shared" si="34"/>
        <v>9</v>
      </c>
      <c r="C1138" s="3">
        <f t="shared" si="35"/>
        <v>2014</v>
      </c>
      <c r="D1138" t="s">
        <v>1337</v>
      </c>
      <c r="E1138" t="s">
        <v>26</v>
      </c>
      <c r="F1138" t="s">
        <v>10</v>
      </c>
      <c r="G1138" t="s">
        <v>91</v>
      </c>
      <c r="H1138" t="s">
        <v>657</v>
      </c>
      <c r="I1138">
        <v>43.92</v>
      </c>
      <c r="J1138">
        <v>4</v>
      </c>
      <c r="K1138">
        <v>11.86</v>
      </c>
    </row>
    <row r="1139" spans="1:11" x14ac:dyDescent="0.3">
      <c r="A1139" s="1">
        <v>41902</v>
      </c>
      <c r="B1139" s="3">
        <f t="shared" si="34"/>
        <v>9</v>
      </c>
      <c r="C1139" s="3">
        <f t="shared" si="35"/>
        <v>2014</v>
      </c>
      <c r="D1139" t="s">
        <v>1337</v>
      </c>
      <c r="E1139" t="s">
        <v>26</v>
      </c>
      <c r="F1139" t="s">
        <v>10</v>
      </c>
      <c r="G1139" t="s">
        <v>19</v>
      </c>
      <c r="H1139" t="s">
        <v>430</v>
      </c>
      <c r="I1139">
        <v>20.23</v>
      </c>
      <c r="J1139">
        <v>3</v>
      </c>
      <c r="K1139">
        <v>6.58</v>
      </c>
    </row>
    <row r="1140" spans="1:11" x14ac:dyDescent="0.3">
      <c r="A1140" s="1">
        <v>41902</v>
      </c>
      <c r="B1140" s="3">
        <f t="shared" si="34"/>
        <v>9</v>
      </c>
      <c r="C1140" s="3">
        <f t="shared" si="35"/>
        <v>2014</v>
      </c>
      <c r="D1140" t="s">
        <v>1338</v>
      </c>
      <c r="E1140" t="s">
        <v>530</v>
      </c>
      <c r="F1140" t="s">
        <v>33</v>
      </c>
      <c r="G1140" t="s">
        <v>46</v>
      </c>
      <c r="H1140" t="s">
        <v>1339</v>
      </c>
      <c r="I1140">
        <v>164.22</v>
      </c>
      <c r="J1140">
        <v>3</v>
      </c>
      <c r="K1140">
        <v>50.91</v>
      </c>
    </row>
    <row r="1141" spans="1:11" x14ac:dyDescent="0.3">
      <c r="A1141" s="1">
        <v>41902</v>
      </c>
      <c r="B1141" s="3">
        <f t="shared" si="34"/>
        <v>9</v>
      </c>
      <c r="C1141" s="3">
        <f t="shared" si="35"/>
        <v>2014</v>
      </c>
      <c r="D1141" t="s">
        <v>1338</v>
      </c>
      <c r="E1141" t="s">
        <v>530</v>
      </c>
      <c r="F1141" t="s">
        <v>33</v>
      </c>
      <c r="G1141" t="s">
        <v>73</v>
      </c>
      <c r="H1141" t="s">
        <v>411</v>
      </c>
      <c r="I1141">
        <v>362.94</v>
      </c>
      <c r="J1141">
        <v>3</v>
      </c>
      <c r="K1141">
        <v>36.29</v>
      </c>
    </row>
    <row r="1142" spans="1:11" x14ac:dyDescent="0.3">
      <c r="A1142" s="1">
        <v>41902</v>
      </c>
      <c r="B1142" s="3">
        <f t="shared" si="34"/>
        <v>9</v>
      </c>
      <c r="C1142" s="3">
        <f t="shared" si="35"/>
        <v>2014</v>
      </c>
      <c r="D1142" t="s">
        <v>1338</v>
      </c>
      <c r="E1142" t="s">
        <v>530</v>
      </c>
      <c r="F1142" t="s">
        <v>38</v>
      </c>
      <c r="G1142" t="s">
        <v>51</v>
      </c>
      <c r="H1142" t="s">
        <v>83</v>
      </c>
      <c r="I1142">
        <v>59.98</v>
      </c>
      <c r="J1142">
        <v>2</v>
      </c>
      <c r="K1142">
        <v>26.39</v>
      </c>
    </row>
    <row r="1143" spans="1:11" x14ac:dyDescent="0.3">
      <c r="A1143" s="1">
        <v>41902</v>
      </c>
      <c r="B1143" s="3">
        <f t="shared" si="34"/>
        <v>9</v>
      </c>
      <c r="C1143" s="3">
        <f t="shared" si="35"/>
        <v>2014</v>
      </c>
      <c r="D1143" t="s">
        <v>1340</v>
      </c>
      <c r="E1143" t="s">
        <v>14</v>
      </c>
      <c r="F1143" t="s">
        <v>33</v>
      </c>
      <c r="G1143" t="s">
        <v>73</v>
      </c>
      <c r="H1143" t="s">
        <v>341</v>
      </c>
      <c r="I1143">
        <v>493.43</v>
      </c>
      <c r="J1143">
        <v>5</v>
      </c>
      <c r="K1143">
        <v>-70.489999999999995</v>
      </c>
    </row>
    <row r="1144" spans="1:11" x14ac:dyDescent="0.3">
      <c r="A1144" s="1">
        <v>41902</v>
      </c>
      <c r="B1144" s="3">
        <f t="shared" si="34"/>
        <v>9</v>
      </c>
      <c r="C1144" s="3">
        <f t="shared" si="35"/>
        <v>2014</v>
      </c>
      <c r="D1144" t="s">
        <v>1340</v>
      </c>
      <c r="E1144" t="s">
        <v>14</v>
      </c>
      <c r="F1144" t="s">
        <v>38</v>
      </c>
      <c r="G1144" t="s">
        <v>39</v>
      </c>
      <c r="H1144" t="s">
        <v>1341</v>
      </c>
      <c r="I1144">
        <v>11.12</v>
      </c>
      <c r="J1144">
        <v>2</v>
      </c>
      <c r="K1144">
        <v>3.48</v>
      </c>
    </row>
    <row r="1145" spans="1:11" x14ac:dyDescent="0.3">
      <c r="A1145" s="1">
        <v>41902</v>
      </c>
      <c r="B1145" s="3">
        <f t="shared" si="34"/>
        <v>9</v>
      </c>
      <c r="C1145" s="3">
        <f t="shared" si="35"/>
        <v>2014</v>
      </c>
      <c r="D1145" t="s">
        <v>1342</v>
      </c>
      <c r="E1145" t="s">
        <v>26</v>
      </c>
      <c r="F1145" t="s">
        <v>10</v>
      </c>
      <c r="G1145" t="s">
        <v>11</v>
      </c>
      <c r="H1145" t="s">
        <v>1307</v>
      </c>
      <c r="I1145">
        <v>8.56</v>
      </c>
      <c r="J1145">
        <v>2</v>
      </c>
      <c r="K1145">
        <v>3.85</v>
      </c>
    </row>
    <row r="1146" spans="1:11" x14ac:dyDescent="0.3">
      <c r="A1146" s="1">
        <v>41902</v>
      </c>
      <c r="B1146" s="3">
        <f t="shared" si="34"/>
        <v>9</v>
      </c>
      <c r="C1146" s="3">
        <f t="shared" si="35"/>
        <v>2014</v>
      </c>
      <c r="D1146" t="s">
        <v>1171</v>
      </c>
      <c r="E1146" t="s">
        <v>148</v>
      </c>
      <c r="F1146" t="s">
        <v>38</v>
      </c>
      <c r="G1146" t="s">
        <v>39</v>
      </c>
      <c r="H1146" t="s">
        <v>374</v>
      </c>
      <c r="I1146">
        <v>629.95000000000005</v>
      </c>
      <c r="J1146">
        <v>5</v>
      </c>
      <c r="K1146">
        <v>157.49</v>
      </c>
    </row>
    <row r="1147" spans="1:11" x14ac:dyDescent="0.3">
      <c r="A1147" s="1">
        <v>41902</v>
      </c>
      <c r="B1147" s="3">
        <f t="shared" si="34"/>
        <v>9</v>
      </c>
      <c r="C1147" s="3">
        <f t="shared" si="35"/>
        <v>2014</v>
      </c>
      <c r="D1147" t="s">
        <v>1171</v>
      </c>
      <c r="E1147" t="s">
        <v>148</v>
      </c>
      <c r="F1147" t="s">
        <v>33</v>
      </c>
      <c r="G1147" t="s">
        <v>34</v>
      </c>
      <c r="H1147" t="s">
        <v>593</v>
      </c>
      <c r="I1147">
        <v>631.78</v>
      </c>
      <c r="J1147">
        <v>2</v>
      </c>
      <c r="K1147">
        <v>140.4</v>
      </c>
    </row>
    <row r="1148" spans="1:11" x14ac:dyDescent="0.3">
      <c r="A1148" s="1">
        <v>41902</v>
      </c>
      <c r="B1148" s="3">
        <f t="shared" si="34"/>
        <v>9</v>
      </c>
      <c r="C1148" s="3">
        <f t="shared" si="35"/>
        <v>2014</v>
      </c>
      <c r="D1148" t="s">
        <v>1171</v>
      </c>
      <c r="E1148" t="s">
        <v>148</v>
      </c>
      <c r="F1148" t="s">
        <v>33</v>
      </c>
      <c r="G1148" t="s">
        <v>73</v>
      </c>
      <c r="H1148" t="s">
        <v>1343</v>
      </c>
      <c r="I1148">
        <v>801.57</v>
      </c>
      <c r="J1148">
        <v>2</v>
      </c>
      <c r="K1148">
        <v>-10.02</v>
      </c>
    </row>
    <row r="1149" spans="1:11" x14ac:dyDescent="0.3">
      <c r="A1149" s="1">
        <v>41902</v>
      </c>
      <c r="B1149" s="3">
        <f t="shared" si="34"/>
        <v>9</v>
      </c>
      <c r="C1149" s="3">
        <f t="shared" si="35"/>
        <v>2014</v>
      </c>
      <c r="D1149" t="s">
        <v>1171</v>
      </c>
      <c r="E1149" t="s">
        <v>148</v>
      </c>
      <c r="F1149" t="s">
        <v>10</v>
      </c>
      <c r="G1149" t="s">
        <v>15</v>
      </c>
      <c r="H1149" t="s">
        <v>1024</v>
      </c>
      <c r="I1149">
        <v>75.180000000000007</v>
      </c>
      <c r="J1149">
        <v>6</v>
      </c>
      <c r="K1149">
        <v>35.33</v>
      </c>
    </row>
    <row r="1150" spans="1:11" x14ac:dyDescent="0.3">
      <c r="A1150" s="1">
        <v>41902</v>
      </c>
      <c r="B1150" s="3">
        <f t="shared" si="34"/>
        <v>9</v>
      </c>
      <c r="C1150" s="3">
        <f t="shared" si="35"/>
        <v>2014</v>
      </c>
      <c r="D1150" t="s">
        <v>1171</v>
      </c>
      <c r="E1150" t="s">
        <v>148</v>
      </c>
      <c r="F1150" t="s">
        <v>10</v>
      </c>
      <c r="G1150" t="s">
        <v>91</v>
      </c>
      <c r="H1150" t="s">
        <v>439</v>
      </c>
      <c r="I1150">
        <v>30.98</v>
      </c>
      <c r="J1150">
        <v>1</v>
      </c>
      <c r="K1150">
        <v>8.0500000000000007</v>
      </c>
    </row>
    <row r="1151" spans="1:11" x14ac:dyDescent="0.3">
      <c r="A1151" s="1">
        <v>41902</v>
      </c>
      <c r="B1151" s="3">
        <f t="shared" si="34"/>
        <v>9</v>
      </c>
      <c r="C1151" s="3">
        <f t="shared" si="35"/>
        <v>2014</v>
      </c>
      <c r="D1151" t="s">
        <v>1171</v>
      </c>
      <c r="E1151" t="s">
        <v>148</v>
      </c>
      <c r="F1151" t="s">
        <v>38</v>
      </c>
      <c r="G1151" t="s">
        <v>39</v>
      </c>
      <c r="H1151" t="s">
        <v>1344</v>
      </c>
      <c r="I1151">
        <v>1349.91</v>
      </c>
      <c r="J1151">
        <v>9</v>
      </c>
      <c r="K1151">
        <v>661.46</v>
      </c>
    </row>
    <row r="1152" spans="1:11" x14ac:dyDescent="0.3">
      <c r="A1152" s="1">
        <v>41903</v>
      </c>
      <c r="B1152" s="3">
        <f t="shared" si="34"/>
        <v>9</v>
      </c>
      <c r="C1152" s="3">
        <f t="shared" si="35"/>
        <v>2014</v>
      </c>
      <c r="D1152" t="s">
        <v>1345</v>
      </c>
      <c r="E1152" t="s">
        <v>163</v>
      </c>
      <c r="F1152" t="s">
        <v>38</v>
      </c>
      <c r="G1152" t="s">
        <v>39</v>
      </c>
      <c r="H1152" t="s">
        <v>1346</v>
      </c>
      <c r="I1152">
        <v>246.38</v>
      </c>
      <c r="J1152">
        <v>2</v>
      </c>
      <c r="K1152">
        <v>27.72</v>
      </c>
    </row>
    <row r="1153" spans="1:11" x14ac:dyDescent="0.3">
      <c r="A1153" s="1">
        <v>41903</v>
      </c>
      <c r="B1153" s="3">
        <f t="shared" si="34"/>
        <v>9</v>
      </c>
      <c r="C1153" s="3">
        <f t="shared" si="35"/>
        <v>2014</v>
      </c>
      <c r="D1153" t="s">
        <v>1345</v>
      </c>
      <c r="E1153" t="s">
        <v>163</v>
      </c>
      <c r="F1153" t="s">
        <v>38</v>
      </c>
      <c r="G1153" t="s">
        <v>602</v>
      </c>
      <c r="H1153" t="s">
        <v>1347</v>
      </c>
      <c r="I1153">
        <v>1799.97</v>
      </c>
      <c r="J1153">
        <v>3</v>
      </c>
      <c r="K1153">
        <v>701.99</v>
      </c>
    </row>
    <row r="1154" spans="1:11" x14ac:dyDescent="0.3">
      <c r="A1154" s="1">
        <v>41903</v>
      </c>
      <c r="B1154" s="3">
        <f t="shared" ref="B1154:B1217" si="36">MONTH(A:A)</f>
        <v>9</v>
      </c>
      <c r="C1154" s="3">
        <f t="shared" ref="C1154:C1217" si="37">YEAR(A:A)</f>
        <v>2014</v>
      </c>
      <c r="D1154" t="s">
        <v>922</v>
      </c>
      <c r="E1154" t="s">
        <v>995</v>
      </c>
      <c r="F1154" t="s">
        <v>10</v>
      </c>
      <c r="G1154" t="s">
        <v>91</v>
      </c>
      <c r="H1154" t="s">
        <v>1348</v>
      </c>
      <c r="I1154">
        <v>25.96</v>
      </c>
      <c r="J1154">
        <v>2</v>
      </c>
      <c r="K1154">
        <v>7.53</v>
      </c>
    </row>
    <row r="1155" spans="1:11" x14ac:dyDescent="0.3">
      <c r="A1155" s="1">
        <v>41903</v>
      </c>
      <c r="B1155" s="3">
        <f t="shared" si="36"/>
        <v>9</v>
      </c>
      <c r="C1155" s="3">
        <f t="shared" si="37"/>
        <v>2014</v>
      </c>
      <c r="D1155" t="s">
        <v>922</v>
      </c>
      <c r="E1155" t="s">
        <v>995</v>
      </c>
      <c r="F1155" t="s">
        <v>10</v>
      </c>
      <c r="G1155" t="s">
        <v>91</v>
      </c>
      <c r="H1155" t="s">
        <v>1030</v>
      </c>
      <c r="I1155">
        <v>36.270000000000003</v>
      </c>
      <c r="J1155">
        <v>3</v>
      </c>
      <c r="K1155">
        <v>10.88</v>
      </c>
    </row>
    <row r="1156" spans="1:11" x14ac:dyDescent="0.3">
      <c r="A1156" s="1">
        <v>41903</v>
      </c>
      <c r="B1156" s="3">
        <f t="shared" si="36"/>
        <v>9</v>
      </c>
      <c r="C1156" s="3">
        <f t="shared" si="37"/>
        <v>2014</v>
      </c>
      <c r="D1156" t="s">
        <v>922</v>
      </c>
      <c r="E1156" t="s">
        <v>995</v>
      </c>
      <c r="F1156" t="s">
        <v>10</v>
      </c>
      <c r="G1156" t="s">
        <v>11</v>
      </c>
      <c r="H1156" t="s">
        <v>506</v>
      </c>
      <c r="I1156">
        <v>6.48</v>
      </c>
      <c r="J1156">
        <v>1</v>
      </c>
      <c r="K1156">
        <v>3.11</v>
      </c>
    </row>
    <row r="1157" spans="1:11" x14ac:dyDescent="0.3">
      <c r="A1157" s="1">
        <v>41903</v>
      </c>
      <c r="B1157" s="3">
        <f t="shared" si="36"/>
        <v>9</v>
      </c>
      <c r="C1157" s="3">
        <f t="shared" si="37"/>
        <v>2014</v>
      </c>
      <c r="D1157" t="s">
        <v>721</v>
      </c>
      <c r="E1157" t="s">
        <v>26</v>
      </c>
      <c r="F1157" t="s">
        <v>10</v>
      </c>
      <c r="G1157" t="s">
        <v>62</v>
      </c>
      <c r="H1157" t="s">
        <v>63</v>
      </c>
      <c r="I1157">
        <v>15.56</v>
      </c>
      <c r="J1157">
        <v>2</v>
      </c>
      <c r="K1157">
        <v>7.31</v>
      </c>
    </row>
    <row r="1158" spans="1:11" x14ac:dyDescent="0.3">
      <c r="A1158" s="1">
        <v>41903</v>
      </c>
      <c r="B1158" s="3">
        <f t="shared" si="36"/>
        <v>9</v>
      </c>
      <c r="C1158" s="3">
        <f t="shared" si="37"/>
        <v>2014</v>
      </c>
      <c r="D1158" t="s">
        <v>721</v>
      </c>
      <c r="E1158" t="s">
        <v>26</v>
      </c>
      <c r="F1158" t="s">
        <v>10</v>
      </c>
      <c r="G1158" t="s">
        <v>62</v>
      </c>
      <c r="H1158" t="s">
        <v>1349</v>
      </c>
      <c r="I1158">
        <v>78.349999999999994</v>
      </c>
      <c r="J1158">
        <v>5</v>
      </c>
      <c r="K1158">
        <v>36.82</v>
      </c>
    </row>
    <row r="1159" spans="1:11" x14ac:dyDescent="0.3">
      <c r="A1159" s="1">
        <v>41903</v>
      </c>
      <c r="B1159" s="3">
        <f t="shared" si="36"/>
        <v>9</v>
      </c>
      <c r="C1159" s="3">
        <f t="shared" si="37"/>
        <v>2014</v>
      </c>
      <c r="D1159" t="s">
        <v>721</v>
      </c>
      <c r="E1159" t="s">
        <v>26</v>
      </c>
      <c r="F1159" t="s">
        <v>10</v>
      </c>
      <c r="G1159" t="s">
        <v>23</v>
      </c>
      <c r="H1159" t="s">
        <v>1350</v>
      </c>
      <c r="I1159">
        <v>59.52</v>
      </c>
      <c r="J1159">
        <v>3</v>
      </c>
      <c r="K1159">
        <v>15.48</v>
      </c>
    </row>
    <row r="1160" spans="1:11" x14ac:dyDescent="0.3">
      <c r="A1160" s="1">
        <v>41903</v>
      </c>
      <c r="B1160" s="3">
        <f t="shared" si="36"/>
        <v>9</v>
      </c>
      <c r="C1160" s="3">
        <f t="shared" si="37"/>
        <v>2014</v>
      </c>
      <c r="D1160" t="s">
        <v>721</v>
      </c>
      <c r="E1160" t="s">
        <v>26</v>
      </c>
      <c r="F1160" t="s">
        <v>10</v>
      </c>
      <c r="G1160" t="s">
        <v>11</v>
      </c>
      <c r="H1160" t="s">
        <v>241</v>
      </c>
      <c r="I1160">
        <v>38.520000000000003</v>
      </c>
      <c r="J1160">
        <v>9</v>
      </c>
      <c r="K1160">
        <v>17.329999999999998</v>
      </c>
    </row>
    <row r="1161" spans="1:11" x14ac:dyDescent="0.3">
      <c r="A1161" s="1">
        <v>41903</v>
      </c>
      <c r="B1161" s="3">
        <f t="shared" si="36"/>
        <v>9</v>
      </c>
      <c r="C1161" s="3">
        <f t="shared" si="37"/>
        <v>2014</v>
      </c>
      <c r="D1161" t="s">
        <v>721</v>
      </c>
      <c r="E1161" t="s">
        <v>26</v>
      </c>
      <c r="F1161" t="s">
        <v>38</v>
      </c>
      <c r="G1161" t="s">
        <v>39</v>
      </c>
      <c r="H1161" t="s">
        <v>1351</v>
      </c>
      <c r="I1161">
        <v>239.98</v>
      </c>
      <c r="J1161">
        <v>2</v>
      </c>
      <c r="K1161">
        <v>24</v>
      </c>
    </row>
    <row r="1162" spans="1:11" x14ac:dyDescent="0.3">
      <c r="A1162" s="1">
        <v>41903</v>
      </c>
      <c r="B1162" s="3">
        <f t="shared" si="36"/>
        <v>9</v>
      </c>
      <c r="C1162" s="3">
        <f t="shared" si="37"/>
        <v>2014</v>
      </c>
      <c r="D1162" t="s">
        <v>721</v>
      </c>
      <c r="E1162" t="s">
        <v>26</v>
      </c>
      <c r="F1162" t="s">
        <v>10</v>
      </c>
      <c r="G1162" t="s">
        <v>11</v>
      </c>
      <c r="H1162" t="s">
        <v>1352</v>
      </c>
      <c r="I1162">
        <v>19.350000000000001</v>
      </c>
      <c r="J1162">
        <v>3</v>
      </c>
      <c r="K1162">
        <v>9.48</v>
      </c>
    </row>
    <row r="1163" spans="1:11" x14ac:dyDescent="0.3">
      <c r="A1163" s="1">
        <v>41903</v>
      </c>
      <c r="B1163" s="3">
        <f t="shared" si="36"/>
        <v>9</v>
      </c>
      <c r="C1163" s="3">
        <f t="shared" si="37"/>
        <v>2014</v>
      </c>
      <c r="D1163" t="s">
        <v>1087</v>
      </c>
      <c r="E1163" t="s">
        <v>22</v>
      </c>
      <c r="F1163" t="s">
        <v>10</v>
      </c>
      <c r="G1163" t="s">
        <v>11</v>
      </c>
      <c r="H1163" t="s">
        <v>1353</v>
      </c>
      <c r="I1163">
        <v>11.35</v>
      </c>
      <c r="J1163">
        <v>3</v>
      </c>
      <c r="K1163">
        <v>4.12</v>
      </c>
    </row>
    <row r="1164" spans="1:11" x14ac:dyDescent="0.3">
      <c r="A1164" s="1">
        <v>41903</v>
      </c>
      <c r="B1164" s="3">
        <f t="shared" si="36"/>
        <v>9</v>
      </c>
      <c r="C1164" s="3">
        <f t="shared" si="37"/>
        <v>2014</v>
      </c>
      <c r="D1164" t="s">
        <v>1087</v>
      </c>
      <c r="E1164" t="s">
        <v>22</v>
      </c>
      <c r="F1164" t="s">
        <v>10</v>
      </c>
      <c r="G1164" t="s">
        <v>15</v>
      </c>
      <c r="H1164" t="s">
        <v>220</v>
      </c>
      <c r="I1164">
        <v>20.81</v>
      </c>
      <c r="J1164">
        <v>9</v>
      </c>
      <c r="K1164">
        <v>7.02</v>
      </c>
    </row>
    <row r="1165" spans="1:11" x14ac:dyDescent="0.3">
      <c r="A1165" s="1">
        <v>41903</v>
      </c>
      <c r="B1165" s="3">
        <f t="shared" si="36"/>
        <v>9</v>
      </c>
      <c r="C1165" s="3">
        <f t="shared" si="37"/>
        <v>2014</v>
      </c>
      <c r="D1165" t="s">
        <v>604</v>
      </c>
      <c r="E1165" t="s">
        <v>9</v>
      </c>
      <c r="F1165" t="s">
        <v>33</v>
      </c>
      <c r="G1165" t="s">
        <v>46</v>
      </c>
      <c r="H1165" t="s">
        <v>1354</v>
      </c>
      <c r="I1165">
        <v>8.5399999999999991</v>
      </c>
      <c r="J1165">
        <v>2</v>
      </c>
      <c r="K1165">
        <v>-7.48</v>
      </c>
    </row>
    <row r="1166" spans="1:11" x14ac:dyDescent="0.3">
      <c r="A1166" s="1">
        <v>41903</v>
      </c>
      <c r="B1166" s="3">
        <f t="shared" si="36"/>
        <v>9</v>
      </c>
      <c r="C1166" s="3">
        <f t="shared" si="37"/>
        <v>2014</v>
      </c>
      <c r="D1166" t="s">
        <v>1355</v>
      </c>
      <c r="E1166" t="s">
        <v>22</v>
      </c>
      <c r="F1166" t="s">
        <v>10</v>
      </c>
      <c r="G1166" t="s">
        <v>19</v>
      </c>
      <c r="H1166" t="s">
        <v>1224</v>
      </c>
      <c r="I1166">
        <v>6.57</v>
      </c>
      <c r="J1166">
        <v>3</v>
      </c>
      <c r="K1166">
        <v>-5.04</v>
      </c>
    </row>
    <row r="1167" spans="1:11" x14ac:dyDescent="0.3">
      <c r="A1167" s="1">
        <v>41903</v>
      </c>
      <c r="B1167" s="3">
        <f t="shared" si="36"/>
        <v>9</v>
      </c>
      <c r="C1167" s="3">
        <f t="shared" si="37"/>
        <v>2014</v>
      </c>
      <c r="D1167" t="s">
        <v>1356</v>
      </c>
      <c r="E1167" t="s">
        <v>148</v>
      </c>
      <c r="F1167" t="s">
        <v>10</v>
      </c>
      <c r="G1167" t="s">
        <v>23</v>
      </c>
      <c r="H1167" t="s">
        <v>1357</v>
      </c>
      <c r="I1167">
        <v>66.03</v>
      </c>
      <c r="J1167">
        <v>3</v>
      </c>
      <c r="K1167">
        <v>17.170000000000002</v>
      </c>
    </row>
    <row r="1168" spans="1:11" x14ac:dyDescent="0.3">
      <c r="A1168" s="1">
        <v>41904</v>
      </c>
      <c r="B1168" s="3">
        <f t="shared" si="36"/>
        <v>9</v>
      </c>
      <c r="C1168" s="3">
        <f t="shared" si="37"/>
        <v>2014</v>
      </c>
      <c r="D1168" t="s">
        <v>1257</v>
      </c>
      <c r="E1168" t="s">
        <v>122</v>
      </c>
      <c r="F1168" t="s">
        <v>10</v>
      </c>
      <c r="G1168" t="s">
        <v>15</v>
      </c>
      <c r="H1168" t="s">
        <v>583</v>
      </c>
      <c r="I1168">
        <v>4.6100000000000003</v>
      </c>
      <c r="J1168">
        <v>2</v>
      </c>
      <c r="K1168">
        <v>1.67</v>
      </c>
    </row>
    <row r="1169" spans="1:11" x14ac:dyDescent="0.3">
      <c r="A1169" s="1">
        <v>41904</v>
      </c>
      <c r="B1169" s="3">
        <f t="shared" si="36"/>
        <v>9</v>
      </c>
      <c r="C1169" s="3">
        <f t="shared" si="37"/>
        <v>2014</v>
      </c>
      <c r="D1169" t="s">
        <v>1358</v>
      </c>
      <c r="E1169" t="s">
        <v>14</v>
      </c>
      <c r="F1169" t="s">
        <v>10</v>
      </c>
      <c r="G1169" t="s">
        <v>17</v>
      </c>
      <c r="H1169" t="s">
        <v>556</v>
      </c>
      <c r="I1169">
        <v>331.54</v>
      </c>
      <c r="J1169">
        <v>3</v>
      </c>
      <c r="K1169">
        <v>-82.88</v>
      </c>
    </row>
    <row r="1170" spans="1:11" x14ac:dyDescent="0.3">
      <c r="A1170" s="1">
        <v>41904</v>
      </c>
      <c r="B1170" s="3">
        <f t="shared" si="36"/>
        <v>9</v>
      </c>
      <c r="C1170" s="3">
        <f t="shared" si="37"/>
        <v>2014</v>
      </c>
      <c r="D1170" t="s">
        <v>508</v>
      </c>
      <c r="E1170" t="s">
        <v>26</v>
      </c>
      <c r="F1170" t="s">
        <v>10</v>
      </c>
      <c r="G1170" t="s">
        <v>17</v>
      </c>
      <c r="H1170" t="s">
        <v>1359</v>
      </c>
      <c r="I1170">
        <v>169.45</v>
      </c>
      <c r="J1170">
        <v>5</v>
      </c>
      <c r="K1170">
        <v>42.36</v>
      </c>
    </row>
    <row r="1171" spans="1:11" x14ac:dyDescent="0.3">
      <c r="A1171" s="1">
        <v>41904</v>
      </c>
      <c r="B1171" s="3">
        <f t="shared" si="36"/>
        <v>9</v>
      </c>
      <c r="C1171" s="3">
        <f t="shared" si="37"/>
        <v>2014</v>
      </c>
      <c r="D1171" t="s">
        <v>508</v>
      </c>
      <c r="E1171" t="s">
        <v>26</v>
      </c>
      <c r="F1171" t="s">
        <v>10</v>
      </c>
      <c r="G1171" t="s">
        <v>17</v>
      </c>
      <c r="H1171" t="s">
        <v>355</v>
      </c>
      <c r="I1171">
        <v>40.68</v>
      </c>
      <c r="J1171">
        <v>2</v>
      </c>
      <c r="K1171">
        <v>0.41</v>
      </c>
    </row>
    <row r="1172" spans="1:11" x14ac:dyDescent="0.3">
      <c r="A1172" s="1">
        <v>41904</v>
      </c>
      <c r="B1172" s="3">
        <f t="shared" si="36"/>
        <v>9</v>
      </c>
      <c r="C1172" s="3">
        <f t="shared" si="37"/>
        <v>2014</v>
      </c>
      <c r="D1172" t="s">
        <v>1360</v>
      </c>
      <c r="E1172" t="s">
        <v>148</v>
      </c>
      <c r="F1172" t="s">
        <v>33</v>
      </c>
      <c r="G1172" t="s">
        <v>46</v>
      </c>
      <c r="H1172" t="s">
        <v>1361</v>
      </c>
      <c r="I1172">
        <v>97.44</v>
      </c>
      <c r="J1172">
        <v>3</v>
      </c>
      <c r="K1172">
        <v>35.08</v>
      </c>
    </row>
    <row r="1173" spans="1:11" x14ac:dyDescent="0.3">
      <c r="A1173" s="1">
        <v>41904</v>
      </c>
      <c r="B1173" s="3">
        <f t="shared" si="36"/>
        <v>9</v>
      </c>
      <c r="C1173" s="3">
        <f t="shared" si="37"/>
        <v>2014</v>
      </c>
      <c r="D1173" t="s">
        <v>1360</v>
      </c>
      <c r="E1173" t="s">
        <v>148</v>
      </c>
      <c r="F1173" t="s">
        <v>10</v>
      </c>
      <c r="G1173" t="s">
        <v>19</v>
      </c>
      <c r="H1173" t="s">
        <v>896</v>
      </c>
      <c r="I1173">
        <v>3.98</v>
      </c>
      <c r="J1173">
        <v>1</v>
      </c>
      <c r="K1173">
        <v>1.39</v>
      </c>
    </row>
    <row r="1174" spans="1:11" x14ac:dyDescent="0.3">
      <c r="A1174" s="1">
        <v>41904</v>
      </c>
      <c r="B1174" s="3">
        <f t="shared" si="36"/>
        <v>9</v>
      </c>
      <c r="C1174" s="3">
        <f t="shared" si="37"/>
        <v>2014</v>
      </c>
      <c r="D1174" t="s">
        <v>1360</v>
      </c>
      <c r="E1174" t="s">
        <v>148</v>
      </c>
      <c r="F1174" t="s">
        <v>10</v>
      </c>
      <c r="G1174" t="s">
        <v>23</v>
      </c>
      <c r="H1174" t="s">
        <v>1362</v>
      </c>
      <c r="I1174">
        <v>13.04</v>
      </c>
      <c r="J1174">
        <v>4</v>
      </c>
      <c r="K1174">
        <v>5.74</v>
      </c>
    </row>
    <row r="1175" spans="1:11" x14ac:dyDescent="0.3">
      <c r="A1175" s="1">
        <v>41904</v>
      </c>
      <c r="B1175" s="3">
        <f t="shared" si="36"/>
        <v>9</v>
      </c>
      <c r="C1175" s="3">
        <f t="shared" si="37"/>
        <v>2014</v>
      </c>
      <c r="D1175" t="s">
        <v>1360</v>
      </c>
      <c r="E1175" t="s">
        <v>148</v>
      </c>
      <c r="F1175" t="s">
        <v>33</v>
      </c>
      <c r="G1175" t="s">
        <v>34</v>
      </c>
      <c r="H1175" t="s">
        <v>1363</v>
      </c>
      <c r="I1175">
        <v>579.53</v>
      </c>
      <c r="J1175">
        <v>4</v>
      </c>
      <c r="K1175">
        <v>83.71</v>
      </c>
    </row>
    <row r="1176" spans="1:11" x14ac:dyDescent="0.3">
      <c r="A1176" s="1">
        <v>41905</v>
      </c>
      <c r="B1176" s="3">
        <f t="shared" si="36"/>
        <v>9</v>
      </c>
      <c r="C1176" s="3">
        <f t="shared" si="37"/>
        <v>2014</v>
      </c>
      <c r="D1176" t="s">
        <v>922</v>
      </c>
      <c r="E1176" t="s">
        <v>26</v>
      </c>
      <c r="F1176" t="s">
        <v>33</v>
      </c>
      <c r="G1176" t="s">
        <v>73</v>
      </c>
      <c r="H1176" t="s">
        <v>1038</v>
      </c>
      <c r="I1176">
        <v>436</v>
      </c>
      <c r="J1176">
        <v>3</v>
      </c>
      <c r="K1176">
        <v>20.52</v>
      </c>
    </row>
    <row r="1177" spans="1:11" x14ac:dyDescent="0.3">
      <c r="A1177" s="1">
        <v>41905</v>
      </c>
      <c r="B1177" s="3">
        <f t="shared" si="36"/>
        <v>9</v>
      </c>
      <c r="C1177" s="3">
        <f t="shared" si="37"/>
        <v>2014</v>
      </c>
      <c r="D1177" t="s">
        <v>922</v>
      </c>
      <c r="E1177" t="s">
        <v>26</v>
      </c>
      <c r="F1177" t="s">
        <v>38</v>
      </c>
      <c r="G1177" t="s">
        <v>39</v>
      </c>
      <c r="H1177" t="s">
        <v>720</v>
      </c>
      <c r="I1177">
        <v>83.98</v>
      </c>
      <c r="J1177">
        <v>2</v>
      </c>
      <c r="K1177">
        <v>31.49</v>
      </c>
    </row>
    <row r="1178" spans="1:11" x14ac:dyDescent="0.3">
      <c r="A1178" s="1">
        <v>41905</v>
      </c>
      <c r="B1178" s="3">
        <f t="shared" si="36"/>
        <v>9</v>
      </c>
      <c r="C1178" s="3">
        <f t="shared" si="37"/>
        <v>2014</v>
      </c>
      <c r="D1178" t="s">
        <v>194</v>
      </c>
      <c r="E1178" t="s">
        <v>148</v>
      </c>
      <c r="F1178" t="s">
        <v>10</v>
      </c>
      <c r="G1178" t="s">
        <v>19</v>
      </c>
      <c r="H1178" t="s">
        <v>661</v>
      </c>
      <c r="I1178">
        <v>139.44</v>
      </c>
      <c r="J1178">
        <v>3</v>
      </c>
      <c r="K1178">
        <v>47.06</v>
      </c>
    </row>
    <row r="1179" spans="1:11" x14ac:dyDescent="0.3">
      <c r="A1179" s="1">
        <v>41905</v>
      </c>
      <c r="B1179" s="3">
        <f t="shared" si="36"/>
        <v>9</v>
      </c>
      <c r="C1179" s="3">
        <f t="shared" si="37"/>
        <v>2014</v>
      </c>
      <c r="D1179" t="s">
        <v>192</v>
      </c>
      <c r="E1179" t="s">
        <v>314</v>
      </c>
      <c r="F1179" t="s">
        <v>10</v>
      </c>
      <c r="G1179" t="s">
        <v>11</v>
      </c>
      <c r="H1179" t="s">
        <v>1364</v>
      </c>
      <c r="I1179">
        <v>32.4</v>
      </c>
      <c r="J1179">
        <v>5</v>
      </c>
      <c r="K1179">
        <v>15.55</v>
      </c>
    </row>
    <row r="1180" spans="1:11" x14ac:dyDescent="0.3">
      <c r="A1180" s="1">
        <v>41905</v>
      </c>
      <c r="B1180" s="3">
        <f t="shared" si="36"/>
        <v>9</v>
      </c>
      <c r="C1180" s="3">
        <f t="shared" si="37"/>
        <v>2014</v>
      </c>
      <c r="D1180" t="s">
        <v>192</v>
      </c>
      <c r="E1180" t="s">
        <v>314</v>
      </c>
      <c r="F1180" t="s">
        <v>10</v>
      </c>
      <c r="G1180" t="s">
        <v>17</v>
      </c>
      <c r="H1180" t="s">
        <v>296</v>
      </c>
      <c r="I1180">
        <v>404.9</v>
      </c>
      <c r="J1180">
        <v>5</v>
      </c>
      <c r="K1180">
        <v>16.2</v>
      </c>
    </row>
    <row r="1181" spans="1:11" x14ac:dyDescent="0.3">
      <c r="A1181" s="1">
        <v>41905</v>
      </c>
      <c r="B1181" s="3">
        <f t="shared" si="36"/>
        <v>9</v>
      </c>
      <c r="C1181" s="3">
        <f t="shared" si="37"/>
        <v>2014</v>
      </c>
      <c r="D1181" t="s">
        <v>192</v>
      </c>
      <c r="E1181" t="s">
        <v>314</v>
      </c>
      <c r="F1181" t="s">
        <v>10</v>
      </c>
      <c r="G1181" t="s">
        <v>19</v>
      </c>
      <c r="H1181" t="s">
        <v>1365</v>
      </c>
      <c r="I1181">
        <v>9449.9500000000007</v>
      </c>
      <c r="J1181">
        <v>5</v>
      </c>
      <c r="K1181">
        <v>4630.4799999999996</v>
      </c>
    </row>
    <row r="1182" spans="1:11" x14ac:dyDescent="0.3">
      <c r="A1182" s="1">
        <v>41905</v>
      </c>
      <c r="B1182" s="3">
        <f t="shared" si="36"/>
        <v>9</v>
      </c>
      <c r="C1182" s="3">
        <f t="shared" si="37"/>
        <v>2014</v>
      </c>
      <c r="D1182" t="s">
        <v>192</v>
      </c>
      <c r="E1182" t="s">
        <v>314</v>
      </c>
      <c r="F1182" t="s">
        <v>10</v>
      </c>
      <c r="G1182" t="s">
        <v>19</v>
      </c>
      <c r="H1182" t="s">
        <v>1366</v>
      </c>
      <c r="I1182">
        <v>12.94</v>
      </c>
      <c r="J1182">
        <v>2</v>
      </c>
      <c r="K1182">
        <v>6.47</v>
      </c>
    </row>
    <row r="1183" spans="1:11" x14ac:dyDescent="0.3">
      <c r="A1183" s="1">
        <v>41905</v>
      </c>
      <c r="B1183" s="3">
        <f t="shared" si="36"/>
        <v>9</v>
      </c>
      <c r="C1183" s="3">
        <f t="shared" si="37"/>
        <v>2014</v>
      </c>
      <c r="D1183" t="s">
        <v>1331</v>
      </c>
      <c r="E1183" t="s">
        <v>77</v>
      </c>
      <c r="F1183" t="s">
        <v>10</v>
      </c>
      <c r="G1183" t="s">
        <v>11</v>
      </c>
      <c r="H1183" t="s">
        <v>331</v>
      </c>
      <c r="I1183">
        <v>28.8</v>
      </c>
      <c r="J1183">
        <v>9</v>
      </c>
      <c r="K1183">
        <v>10.08</v>
      </c>
    </row>
    <row r="1184" spans="1:11" x14ac:dyDescent="0.3">
      <c r="A1184" s="1">
        <v>41905</v>
      </c>
      <c r="B1184" s="3">
        <f t="shared" si="36"/>
        <v>9</v>
      </c>
      <c r="C1184" s="3">
        <f t="shared" si="37"/>
        <v>2014</v>
      </c>
      <c r="D1184" t="s">
        <v>1367</v>
      </c>
      <c r="E1184" t="s">
        <v>58</v>
      </c>
      <c r="F1184" t="s">
        <v>10</v>
      </c>
      <c r="G1184" t="s">
        <v>19</v>
      </c>
      <c r="H1184" t="s">
        <v>560</v>
      </c>
      <c r="I1184">
        <v>11.12</v>
      </c>
      <c r="J1184">
        <v>4</v>
      </c>
      <c r="K1184">
        <v>5.45</v>
      </c>
    </row>
    <row r="1185" spans="1:11" x14ac:dyDescent="0.3">
      <c r="A1185" s="1">
        <v>41905</v>
      </c>
      <c r="B1185" s="3">
        <f t="shared" si="36"/>
        <v>9</v>
      </c>
      <c r="C1185" s="3">
        <f t="shared" si="37"/>
        <v>2014</v>
      </c>
      <c r="D1185" t="s">
        <v>1368</v>
      </c>
      <c r="E1185" t="s">
        <v>148</v>
      </c>
      <c r="F1185" t="s">
        <v>10</v>
      </c>
      <c r="G1185" t="s">
        <v>19</v>
      </c>
      <c r="H1185" t="s">
        <v>1369</v>
      </c>
      <c r="I1185">
        <v>18.46</v>
      </c>
      <c r="J1185">
        <v>4</v>
      </c>
      <c r="K1185">
        <v>6.92</v>
      </c>
    </row>
    <row r="1186" spans="1:11" x14ac:dyDescent="0.3">
      <c r="A1186" s="1">
        <v>41905</v>
      </c>
      <c r="B1186" s="3">
        <f t="shared" si="36"/>
        <v>9</v>
      </c>
      <c r="C1186" s="3">
        <f t="shared" si="37"/>
        <v>2014</v>
      </c>
      <c r="D1186" t="s">
        <v>1370</v>
      </c>
      <c r="E1186" t="s">
        <v>58</v>
      </c>
      <c r="F1186" t="s">
        <v>10</v>
      </c>
      <c r="G1186" t="s">
        <v>23</v>
      </c>
      <c r="H1186" t="s">
        <v>102</v>
      </c>
      <c r="I1186">
        <v>9.84</v>
      </c>
      <c r="J1186">
        <v>3</v>
      </c>
      <c r="K1186">
        <v>2.85</v>
      </c>
    </row>
    <row r="1187" spans="1:11" x14ac:dyDescent="0.3">
      <c r="A1187" s="1">
        <v>41905</v>
      </c>
      <c r="B1187" s="3">
        <f t="shared" si="36"/>
        <v>9</v>
      </c>
      <c r="C1187" s="3">
        <f t="shared" si="37"/>
        <v>2014</v>
      </c>
      <c r="D1187" t="s">
        <v>1370</v>
      </c>
      <c r="E1187" t="s">
        <v>58</v>
      </c>
      <c r="F1187" t="s">
        <v>10</v>
      </c>
      <c r="G1187" t="s">
        <v>19</v>
      </c>
      <c r="H1187" t="s">
        <v>1371</v>
      </c>
      <c r="I1187">
        <v>34.5</v>
      </c>
      <c r="J1187">
        <v>3</v>
      </c>
      <c r="K1187">
        <v>15.53</v>
      </c>
    </row>
    <row r="1188" spans="1:11" x14ac:dyDescent="0.3">
      <c r="A1188" s="1">
        <v>41906</v>
      </c>
      <c r="B1188" s="3">
        <f t="shared" si="36"/>
        <v>9</v>
      </c>
      <c r="C1188" s="3">
        <f t="shared" si="37"/>
        <v>2014</v>
      </c>
      <c r="D1188" t="s">
        <v>1372</v>
      </c>
      <c r="E1188" t="s">
        <v>26</v>
      </c>
      <c r="F1188" t="s">
        <v>10</v>
      </c>
      <c r="G1188" t="s">
        <v>17</v>
      </c>
      <c r="H1188" t="s">
        <v>1373</v>
      </c>
      <c r="I1188">
        <v>211.96</v>
      </c>
      <c r="J1188">
        <v>4</v>
      </c>
      <c r="K1188">
        <v>8.48</v>
      </c>
    </row>
    <row r="1189" spans="1:11" x14ac:dyDescent="0.3">
      <c r="A1189" s="1">
        <v>41907</v>
      </c>
      <c r="B1189" s="3">
        <f t="shared" si="36"/>
        <v>9</v>
      </c>
      <c r="C1189" s="3">
        <f t="shared" si="37"/>
        <v>2014</v>
      </c>
      <c r="D1189" t="s">
        <v>1374</v>
      </c>
      <c r="E1189" t="s">
        <v>9</v>
      </c>
      <c r="F1189" t="s">
        <v>10</v>
      </c>
      <c r="G1189" t="s">
        <v>11</v>
      </c>
      <c r="H1189" t="s">
        <v>1375</v>
      </c>
      <c r="I1189">
        <v>33.79</v>
      </c>
      <c r="J1189">
        <v>8</v>
      </c>
      <c r="K1189">
        <v>10.56</v>
      </c>
    </row>
    <row r="1190" spans="1:11" x14ac:dyDescent="0.3">
      <c r="A1190" s="1">
        <v>41907</v>
      </c>
      <c r="B1190" s="3">
        <f t="shared" si="36"/>
        <v>9</v>
      </c>
      <c r="C1190" s="3">
        <f t="shared" si="37"/>
        <v>2014</v>
      </c>
      <c r="D1190" t="s">
        <v>1374</v>
      </c>
      <c r="E1190" t="s">
        <v>9</v>
      </c>
      <c r="F1190" t="s">
        <v>33</v>
      </c>
      <c r="G1190" t="s">
        <v>73</v>
      </c>
      <c r="H1190" t="s">
        <v>776</v>
      </c>
      <c r="I1190">
        <v>300.52999999999997</v>
      </c>
      <c r="J1190">
        <v>2</v>
      </c>
      <c r="K1190">
        <v>-97.23</v>
      </c>
    </row>
    <row r="1191" spans="1:11" x14ac:dyDescent="0.3">
      <c r="A1191" s="1">
        <v>41907</v>
      </c>
      <c r="B1191" s="3">
        <f t="shared" si="36"/>
        <v>9</v>
      </c>
      <c r="C1191" s="3">
        <f t="shared" si="37"/>
        <v>2014</v>
      </c>
      <c r="D1191" t="s">
        <v>1374</v>
      </c>
      <c r="E1191" t="s">
        <v>9</v>
      </c>
      <c r="F1191" t="s">
        <v>10</v>
      </c>
      <c r="G1191" t="s">
        <v>19</v>
      </c>
      <c r="H1191" t="s">
        <v>1376</v>
      </c>
      <c r="I1191">
        <v>2.72</v>
      </c>
      <c r="J1191">
        <v>2</v>
      </c>
      <c r="K1191">
        <v>-4.3600000000000003</v>
      </c>
    </row>
    <row r="1192" spans="1:11" x14ac:dyDescent="0.3">
      <c r="A1192" s="1">
        <v>41907</v>
      </c>
      <c r="B1192" s="3">
        <f t="shared" si="36"/>
        <v>9</v>
      </c>
      <c r="C1192" s="3">
        <f t="shared" si="37"/>
        <v>2014</v>
      </c>
      <c r="D1192" t="s">
        <v>1374</v>
      </c>
      <c r="E1192" t="s">
        <v>9</v>
      </c>
      <c r="F1192" t="s">
        <v>10</v>
      </c>
      <c r="G1192" t="s">
        <v>62</v>
      </c>
      <c r="H1192" t="s">
        <v>395</v>
      </c>
      <c r="I1192">
        <v>3.26</v>
      </c>
      <c r="J1192">
        <v>2</v>
      </c>
      <c r="K1192">
        <v>1.1000000000000001</v>
      </c>
    </row>
    <row r="1193" spans="1:11" x14ac:dyDescent="0.3">
      <c r="A1193" s="1">
        <v>41907</v>
      </c>
      <c r="B1193" s="3">
        <f t="shared" si="36"/>
        <v>9</v>
      </c>
      <c r="C1193" s="3">
        <f t="shared" si="37"/>
        <v>2014</v>
      </c>
      <c r="D1193" t="s">
        <v>1377</v>
      </c>
      <c r="E1193" t="s">
        <v>277</v>
      </c>
      <c r="F1193" t="s">
        <v>10</v>
      </c>
      <c r="G1193" t="s">
        <v>23</v>
      </c>
      <c r="H1193" t="s">
        <v>146</v>
      </c>
      <c r="I1193">
        <v>14.58</v>
      </c>
      <c r="J1193">
        <v>2</v>
      </c>
      <c r="K1193">
        <v>2.37</v>
      </c>
    </row>
    <row r="1194" spans="1:11" x14ac:dyDescent="0.3">
      <c r="A1194" s="1">
        <v>41908</v>
      </c>
      <c r="B1194" s="3">
        <f t="shared" si="36"/>
        <v>9</v>
      </c>
      <c r="C1194" s="3">
        <f t="shared" si="37"/>
        <v>2014</v>
      </c>
      <c r="D1194" t="s">
        <v>1253</v>
      </c>
      <c r="E1194" t="s">
        <v>26</v>
      </c>
      <c r="F1194" t="s">
        <v>33</v>
      </c>
      <c r="G1194" t="s">
        <v>34</v>
      </c>
      <c r="H1194" t="s">
        <v>1378</v>
      </c>
      <c r="I1194">
        <v>145.57</v>
      </c>
      <c r="J1194">
        <v>2</v>
      </c>
      <c r="K1194">
        <v>0</v>
      </c>
    </row>
    <row r="1195" spans="1:11" x14ac:dyDescent="0.3">
      <c r="A1195" s="1">
        <v>41908</v>
      </c>
      <c r="B1195" s="3">
        <f t="shared" si="36"/>
        <v>9</v>
      </c>
      <c r="C1195" s="3">
        <f t="shared" si="37"/>
        <v>2014</v>
      </c>
      <c r="D1195" t="s">
        <v>1342</v>
      </c>
      <c r="E1195" t="s">
        <v>9</v>
      </c>
      <c r="F1195" t="s">
        <v>10</v>
      </c>
      <c r="G1195" t="s">
        <v>19</v>
      </c>
      <c r="H1195" t="s">
        <v>1379</v>
      </c>
      <c r="I1195">
        <v>0.88</v>
      </c>
      <c r="J1195">
        <v>1</v>
      </c>
      <c r="K1195">
        <v>-1.4</v>
      </c>
    </row>
    <row r="1196" spans="1:11" x14ac:dyDescent="0.3">
      <c r="A1196" s="1">
        <v>41908</v>
      </c>
      <c r="B1196" s="3">
        <f t="shared" si="36"/>
        <v>9</v>
      </c>
      <c r="C1196" s="3">
        <f t="shared" si="37"/>
        <v>2014</v>
      </c>
      <c r="D1196" t="s">
        <v>1380</v>
      </c>
      <c r="E1196" t="s">
        <v>22</v>
      </c>
      <c r="F1196" t="s">
        <v>10</v>
      </c>
      <c r="G1196" t="s">
        <v>91</v>
      </c>
      <c r="H1196" t="s">
        <v>1381</v>
      </c>
      <c r="I1196">
        <v>143.94999999999999</v>
      </c>
      <c r="J1196">
        <v>3</v>
      </c>
      <c r="K1196">
        <v>14.4</v>
      </c>
    </row>
    <row r="1197" spans="1:11" x14ac:dyDescent="0.3">
      <c r="A1197" s="1">
        <v>41908</v>
      </c>
      <c r="B1197" s="3">
        <f t="shared" si="36"/>
        <v>9</v>
      </c>
      <c r="C1197" s="3">
        <f t="shared" si="37"/>
        <v>2014</v>
      </c>
      <c r="D1197" t="s">
        <v>1382</v>
      </c>
      <c r="E1197" t="s">
        <v>163</v>
      </c>
      <c r="F1197" t="s">
        <v>10</v>
      </c>
      <c r="G1197" t="s">
        <v>17</v>
      </c>
      <c r="H1197" t="s">
        <v>1383</v>
      </c>
      <c r="I1197">
        <v>310.12</v>
      </c>
      <c r="J1197">
        <v>2</v>
      </c>
      <c r="K1197">
        <v>80.63</v>
      </c>
    </row>
    <row r="1198" spans="1:11" x14ac:dyDescent="0.3">
      <c r="A1198" s="1">
        <v>41908</v>
      </c>
      <c r="B1198" s="3">
        <f t="shared" si="36"/>
        <v>9</v>
      </c>
      <c r="C1198" s="3">
        <f t="shared" si="37"/>
        <v>2014</v>
      </c>
      <c r="D1198" t="s">
        <v>1384</v>
      </c>
      <c r="E1198" t="s">
        <v>26</v>
      </c>
      <c r="F1198" t="s">
        <v>33</v>
      </c>
      <c r="G1198" t="s">
        <v>34</v>
      </c>
      <c r="H1198" t="s">
        <v>863</v>
      </c>
      <c r="I1198">
        <v>585.54999999999995</v>
      </c>
      <c r="J1198">
        <v>3</v>
      </c>
      <c r="K1198">
        <v>73.19</v>
      </c>
    </row>
    <row r="1199" spans="1:11" x14ac:dyDescent="0.3">
      <c r="A1199" s="1">
        <v>41908</v>
      </c>
      <c r="B1199" s="3">
        <f t="shared" si="36"/>
        <v>9</v>
      </c>
      <c r="C1199" s="3">
        <f t="shared" si="37"/>
        <v>2014</v>
      </c>
      <c r="D1199" t="s">
        <v>1384</v>
      </c>
      <c r="E1199" t="s">
        <v>26</v>
      </c>
      <c r="F1199" t="s">
        <v>10</v>
      </c>
      <c r="G1199" t="s">
        <v>11</v>
      </c>
      <c r="H1199" t="s">
        <v>1364</v>
      </c>
      <c r="I1199">
        <v>19.440000000000001</v>
      </c>
      <c r="J1199">
        <v>3</v>
      </c>
      <c r="K1199">
        <v>9.33</v>
      </c>
    </row>
    <row r="1200" spans="1:11" x14ac:dyDescent="0.3">
      <c r="A1200" s="1">
        <v>41908</v>
      </c>
      <c r="B1200" s="3">
        <f t="shared" si="36"/>
        <v>9</v>
      </c>
      <c r="C1200" s="3">
        <f t="shared" si="37"/>
        <v>2014</v>
      </c>
      <c r="D1200" t="s">
        <v>269</v>
      </c>
      <c r="E1200" t="s">
        <v>22</v>
      </c>
      <c r="F1200" t="s">
        <v>10</v>
      </c>
      <c r="G1200" t="s">
        <v>19</v>
      </c>
      <c r="H1200" t="s">
        <v>1385</v>
      </c>
      <c r="I1200">
        <v>5.97</v>
      </c>
      <c r="J1200">
        <v>5</v>
      </c>
      <c r="K1200">
        <v>-4.58</v>
      </c>
    </row>
    <row r="1201" spans="1:11" x14ac:dyDescent="0.3">
      <c r="A1201" s="1">
        <v>41908</v>
      </c>
      <c r="B1201" s="3">
        <f t="shared" si="36"/>
        <v>9</v>
      </c>
      <c r="C1201" s="3">
        <f t="shared" si="37"/>
        <v>2014</v>
      </c>
      <c r="D1201" t="s">
        <v>269</v>
      </c>
      <c r="E1201" t="s">
        <v>22</v>
      </c>
      <c r="F1201" t="s">
        <v>33</v>
      </c>
      <c r="G1201" t="s">
        <v>46</v>
      </c>
      <c r="H1201" t="s">
        <v>85</v>
      </c>
      <c r="I1201">
        <v>21.18</v>
      </c>
      <c r="J1201">
        <v>1</v>
      </c>
      <c r="K1201">
        <v>4.7699999999999996</v>
      </c>
    </row>
    <row r="1202" spans="1:11" x14ac:dyDescent="0.3">
      <c r="A1202" s="1">
        <v>41908</v>
      </c>
      <c r="B1202" s="3">
        <f t="shared" si="36"/>
        <v>9</v>
      </c>
      <c r="C1202" s="3">
        <f t="shared" si="37"/>
        <v>2014</v>
      </c>
      <c r="D1202" t="s">
        <v>269</v>
      </c>
      <c r="E1202" t="s">
        <v>22</v>
      </c>
      <c r="F1202" t="s">
        <v>10</v>
      </c>
      <c r="G1202" t="s">
        <v>91</v>
      </c>
      <c r="H1202" t="s">
        <v>1386</v>
      </c>
      <c r="I1202">
        <v>41.38</v>
      </c>
      <c r="J1202">
        <v>6</v>
      </c>
      <c r="K1202">
        <v>3.1</v>
      </c>
    </row>
    <row r="1203" spans="1:11" x14ac:dyDescent="0.3">
      <c r="A1203" s="1">
        <v>41908</v>
      </c>
      <c r="B1203" s="3">
        <f t="shared" si="36"/>
        <v>9</v>
      </c>
      <c r="C1203" s="3">
        <f t="shared" si="37"/>
        <v>2014</v>
      </c>
      <c r="D1203" t="s">
        <v>563</v>
      </c>
      <c r="E1203" t="s">
        <v>77</v>
      </c>
      <c r="F1203" t="s">
        <v>10</v>
      </c>
      <c r="G1203" t="s">
        <v>91</v>
      </c>
      <c r="H1203" t="s">
        <v>1387</v>
      </c>
      <c r="I1203">
        <v>16.7</v>
      </c>
      <c r="J1203">
        <v>6</v>
      </c>
      <c r="K1203">
        <v>1.25</v>
      </c>
    </row>
    <row r="1204" spans="1:11" x14ac:dyDescent="0.3">
      <c r="A1204" s="1">
        <v>41908</v>
      </c>
      <c r="B1204" s="3">
        <f t="shared" si="36"/>
        <v>9</v>
      </c>
      <c r="C1204" s="3">
        <f t="shared" si="37"/>
        <v>2014</v>
      </c>
      <c r="D1204" t="s">
        <v>563</v>
      </c>
      <c r="E1204" t="s">
        <v>77</v>
      </c>
      <c r="F1204" t="s">
        <v>38</v>
      </c>
      <c r="G1204" t="s">
        <v>51</v>
      </c>
      <c r="H1204" t="s">
        <v>1388</v>
      </c>
      <c r="I1204">
        <v>3.15</v>
      </c>
      <c r="J1204">
        <v>2</v>
      </c>
      <c r="K1204">
        <v>0.47</v>
      </c>
    </row>
    <row r="1205" spans="1:11" x14ac:dyDescent="0.3">
      <c r="A1205" s="1">
        <v>41908</v>
      </c>
      <c r="B1205" s="3">
        <f t="shared" si="36"/>
        <v>9</v>
      </c>
      <c r="C1205" s="3">
        <f t="shared" si="37"/>
        <v>2014</v>
      </c>
      <c r="D1205" t="s">
        <v>563</v>
      </c>
      <c r="E1205" t="s">
        <v>77</v>
      </c>
      <c r="F1205" t="s">
        <v>10</v>
      </c>
      <c r="G1205" t="s">
        <v>11</v>
      </c>
      <c r="H1205" t="s">
        <v>12</v>
      </c>
      <c r="I1205">
        <v>32.9</v>
      </c>
      <c r="J1205">
        <v>4</v>
      </c>
      <c r="K1205">
        <v>11.1</v>
      </c>
    </row>
    <row r="1206" spans="1:11" x14ac:dyDescent="0.3">
      <c r="A1206" s="1">
        <v>41908</v>
      </c>
      <c r="B1206" s="3">
        <f t="shared" si="36"/>
        <v>9</v>
      </c>
      <c r="C1206" s="3">
        <f t="shared" si="37"/>
        <v>2014</v>
      </c>
      <c r="D1206" t="s">
        <v>76</v>
      </c>
      <c r="E1206" t="s">
        <v>14</v>
      </c>
      <c r="F1206" t="s">
        <v>38</v>
      </c>
      <c r="G1206" t="s">
        <v>51</v>
      </c>
      <c r="H1206" t="s">
        <v>1389</v>
      </c>
      <c r="I1206">
        <v>153.82</v>
      </c>
      <c r="J1206">
        <v>11</v>
      </c>
      <c r="K1206">
        <v>38.46</v>
      </c>
    </row>
    <row r="1207" spans="1:11" x14ac:dyDescent="0.3">
      <c r="A1207" s="1">
        <v>41909</v>
      </c>
      <c r="B1207" s="3">
        <f t="shared" si="36"/>
        <v>9</v>
      </c>
      <c r="C1207" s="3">
        <f t="shared" si="37"/>
        <v>2014</v>
      </c>
      <c r="D1207" t="s">
        <v>354</v>
      </c>
      <c r="E1207" t="s">
        <v>176</v>
      </c>
      <c r="F1207" t="s">
        <v>33</v>
      </c>
      <c r="G1207" t="s">
        <v>46</v>
      </c>
      <c r="H1207" t="s">
        <v>1390</v>
      </c>
      <c r="I1207">
        <v>87.54</v>
      </c>
      <c r="J1207">
        <v>3</v>
      </c>
      <c r="K1207">
        <v>37.64</v>
      </c>
    </row>
    <row r="1208" spans="1:11" x14ac:dyDescent="0.3">
      <c r="A1208" s="1">
        <v>41909</v>
      </c>
      <c r="B1208" s="3">
        <f t="shared" si="36"/>
        <v>9</v>
      </c>
      <c r="C1208" s="3">
        <f t="shared" si="37"/>
        <v>2014</v>
      </c>
      <c r="D1208" t="s">
        <v>1391</v>
      </c>
      <c r="E1208" t="s">
        <v>26</v>
      </c>
      <c r="F1208" t="s">
        <v>33</v>
      </c>
      <c r="G1208" t="s">
        <v>34</v>
      </c>
      <c r="H1208" t="s">
        <v>541</v>
      </c>
      <c r="I1208">
        <v>603.91999999999996</v>
      </c>
      <c r="J1208">
        <v>5</v>
      </c>
      <c r="K1208">
        <v>45.29</v>
      </c>
    </row>
    <row r="1209" spans="1:11" x14ac:dyDescent="0.3">
      <c r="A1209" s="1">
        <v>41909</v>
      </c>
      <c r="B1209" s="3">
        <f t="shared" si="36"/>
        <v>9</v>
      </c>
      <c r="C1209" s="3">
        <f t="shared" si="37"/>
        <v>2014</v>
      </c>
      <c r="D1209" t="s">
        <v>1391</v>
      </c>
      <c r="E1209" t="s">
        <v>26</v>
      </c>
      <c r="F1209" t="s">
        <v>10</v>
      </c>
      <c r="G1209" t="s">
        <v>11</v>
      </c>
      <c r="H1209" t="s">
        <v>359</v>
      </c>
      <c r="I1209">
        <v>81.98</v>
      </c>
      <c r="J1209">
        <v>2</v>
      </c>
      <c r="K1209">
        <v>40.17</v>
      </c>
    </row>
    <row r="1210" spans="1:11" x14ac:dyDescent="0.3">
      <c r="A1210" s="1">
        <v>41910</v>
      </c>
      <c r="B1210" s="3">
        <f t="shared" si="36"/>
        <v>9</v>
      </c>
      <c r="C1210" s="3">
        <f t="shared" si="37"/>
        <v>2014</v>
      </c>
      <c r="D1210" t="s">
        <v>1392</v>
      </c>
      <c r="E1210" t="s">
        <v>433</v>
      </c>
      <c r="F1210" t="s">
        <v>10</v>
      </c>
      <c r="G1210" t="s">
        <v>17</v>
      </c>
      <c r="H1210" t="s">
        <v>1330</v>
      </c>
      <c r="I1210">
        <v>46.26</v>
      </c>
      <c r="J1210">
        <v>3</v>
      </c>
      <c r="K1210">
        <v>12.49</v>
      </c>
    </row>
    <row r="1211" spans="1:11" x14ac:dyDescent="0.3">
      <c r="A1211" s="1">
        <v>41910</v>
      </c>
      <c r="B1211" s="3">
        <f t="shared" si="36"/>
        <v>9</v>
      </c>
      <c r="C1211" s="3">
        <f t="shared" si="37"/>
        <v>2014</v>
      </c>
      <c r="D1211" t="s">
        <v>1393</v>
      </c>
      <c r="E1211" t="s">
        <v>244</v>
      </c>
      <c r="F1211" t="s">
        <v>10</v>
      </c>
      <c r="G1211" t="s">
        <v>11</v>
      </c>
      <c r="H1211" t="s">
        <v>1394</v>
      </c>
      <c r="I1211">
        <v>96.26</v>
      </c>
      <c r="J1211">
        <v>8</v>
      </c>
      <c r="K1211">
        <v>31.28</v>
      </c>
    </row>
    <row r="1212" spans="1:11" x14ac:dyDescent="0.3">
      <c r="A1212" s="1">
        <v>41910</v>
      </c>
      <c r="B1212" s="3">
        <f t="shared" si="36"/>
        <v>9</v>
      </c>
      <c r="C1212" s="3">
        <f t="shared" si="37"/>
        <v>2014</v>
      </c>
      <c r="D1212" t="s">
        <v>1393</v>
      </c>
      <c r="E1212" t="s">
        <v>244</v>
      </c>
      <c r="F1212" t="s">
        <v>10</v>
      </c>
      <c r="G1212" t="s">
        <v>11</v>
      </c>
      <c r="H1212" t="s">
        <v>126</v>
      </c>
      <c r="I1212">
        <v>10.69</v>
      </c>
      <c r="J1212">
        <v>2</v>
      </c>
      <c r="K1212">
        <v>3.74</v>
      </c>
    </row>
    <row r="1213" spans="1:11" x14ac:dyDescent="0.3">
      <c r="A1213" s="1">
        <v>41910</v>
      </c>
      <c r="B1213" s="3">
        <f t="shared" si="36"/>
        <v>9</v>
      </c>
      <c r="C1213" s="3">
        <f t="shared" si="37"/>
        <v>2014</v>
      </c>
      <c r="D1213" t="s">
        <v>108</v>
      </c>
      <c r="E1213" t="s">
        <v>122</v>
      </c>
      <c r="F1213" t="s">
        <v>33</v>
      </c>
      <c r="G1213" t="s">
        <v>46</v>
      </c>
      <c r="H1213" t="s">
        <v>1395</v>
      </c>
      <c r="I1213">
        <v>337.09</v>
      </c>
      <c r="J1213">
        <v>4</v>
      </c>
      <c r="K1213">
        <v>16.850000000000001</v>
      </c>
    </row>
    <row r="1214" spans="1:11" x14ac:dyDescent="0.3">
      <c r="A1214" s="1">
        <v>41911</v>
      </c>
      <c r="B1214" s="3">
        <f t="shared" si="36"/>
        <v>9</v>
      </c>
      <c r="C1214" s="3">
        <f t="shared" si="37"/>
        <v>2014</v>
      </c>
      <c r="D1214" t="s">
        <v>1151</v>
      </c>
      <c r="E1214" t="s">
        <v>26</v>
      </c>
      <c r="F1214" t="s">
        <v>33</v>
      </c>
      <c r="G1214" t="s">
        <v>46</v>
      </c>
      <c r="H1214" t="s">
        <v>1396</v>
      </c>
      <c r="I1214">
        <v>204.6</v>
      </c>
      <c r="J1214">
        <v>2</v>
      </c>
      <c r="K1214">
        <v>53.2</v>
      </c>
    </row>
    <row r="1215" spans="1:11" x14ac:dyDescent="0.3">
      <c r="A1215" s="1">
        <v>41911</v>
      </c>
      <c r="B1215" s="3">
        <f t="shared" si="36"/>
        <v>9</v>
      </c>
      <c r="C1215" s="3">
        <f t="shared" si="37"/>
        <v>2014</v>
      </c>
      <c r="D1215" t="s">
        <v>1151</v>
      </c>
      <c r="E1215" t="s">
        <v>26</v>
      </c>
      <c r="F1215" t="s">
        <v>10</v>
      </c>
      <c r="G1215" t="s">
        <v>42</v>
      </c>
      <c r="H1215" t="s">
        <v>281</v>
      </c>
      <c r="I1215">
        <v>8.7200000000000006</v>
      </c>
      <c r="J1215">
        <v>4</v>
      </c>
      <c r="K1215">
        <v>2.88</v>
      </c>
    </row>
    <row r="1216" spans="1:11" x14ac:dyDescent="0.3">
      <c r="A1216" s="1">
        <v>41911</v>
      </c>
      <c r="B1216" s="3">
        <f t="shared" si="36"/>
        <v>9</v>
      </c>
      <c r="C1216" s="3">
        <f t="shared" si="37"/>
        <v>2014</v>
      </c>
      <c r="D1216" t="s">
        <v>1151</v>
      </c>
      <c r="E1216" t="s">
        <v>26</v>
      </c>
      <c r="F1216" t="s">
        <v>10</v>
      </c>
      <c r="G1216" t="s">
        <v>11</v>
      </c>
      <c r="H1216" t="s">
        <v>1397</v>
      </c>
      <c r="I1216">
        <v>6.48</v>
      </c>
      <c r="J1216">
        <v>1</v>
      </c>
      <c r="K1216">
        <v>3.11</v>
      </c>
    </row>
    <row r="1217" spans="1:11" x14ac:dyDescent="0.3">
      <c r="A1217" s="1">
        <v>41911</v>
      </c>
      <c r="B1217" s="3">
        <f t="shared" si="36"/>
        <v>9</v>
      </c>
      <c r="C1217" s="3">
        <f t="shared" si="37"/>
        <v>2014</v>
      </c>
      <c r="D1217" t="s">
        <v>1151</v>
      </c>
      <c r="E1217" t="s">
        <v>26</v>
      </c>
      <c r="F1217" t="s">
        <v>38</v>
      </c>
      <c r="G1217" t="s">
        <v>301</v>
      </c>
      <c r="H1217" t="s">
        <v>1398</v>
      </c>
      <c r="I1217">
        <v>686.32</v>
      </c>
      <c r="J1217">
        <v>2</v>
      </c>
      <c r="K1217">
        <v>223.05</v>
      </c>
    </row>
    <row r="1218" spans="1:11" x14ac:dyDescent="0.3">
      <c r="A1218" s="1">
        <v>41911</v>
      </c>
      <c r="B1218" s="3">
        <f t="shared" ref="B1218:B1281" si="38">MONTH(A:A)</f>
        <v>9</v>
      </c>
      <c r="C1218" s="3">
        <f t="shared" ref="C1218:C1281" si="39">YEAR(A:A)</f>
        <v>2014</v>
      </c>
      <c r="D1218" t="s">
        <v>1151</v>
      </c>
      <c r="E1218" t="s">
        <v>26</v>
      </c>
      <c r="F1218" t="s">
        <v>10</v>
      </c>
      <c r="G1218" t="s">
        <v>17</v>
      </c>
      <c r="H1218" t="s">
        <v>1399</v>
      </c>
      <c r="I1218">
        <v>62.18</v>
      </c>
      <c r="J1218">
        <v>1</v>
      </c>
      <c r="K1218">
        <v>16.79</v>
      </c>
    </row>
    <row r="1219" spans="1:11" x14ac:dyDescent="0.3">
      <c r="A1219" s="1">
        <v>41911</v>
      </c>
      <c r="B1219" s="3">
        <f t="shared" si="38"/>
        <v>9</v>
      </c>
      <c r="C1219" s="3">
        <f t="shared" si="39"/>
        <v>2014</v>
      </c>
      <c r="D1219" t="s">
        <v>1400</v>
      </c>
      <c r="E1219" t="s">
        <v>22</v>
      </c>
      <c r="F1219" t="s">
        <v>10</v>
      </c>
      <c r="G1219" t="s">
        <v>23</v>
      </c>
      <c r="H1219" t="s">
        <v>840</v>
      </c>
      <c r="I1219">
        <v>4.22</v>
      </c>
      <c r="J1219">
        <v>3</v>
      </c>
      <c r="K1219">
        <v>1.48</v>
      </c>
    </row>
    <row r="1220" spans="1:11" x14ac:dyDescent="0.3">
      <c r="A1220" s="1">
        <v>41911</v>
      </c>
      <c r="B1220" s="3">
        <f t="shared" si="38"/>
        <v>9</v>
      </c>
      <c r="C1220" s="3">
        <f t="shared" si="39"/>
        <v>2014</v>
      </c>
      <c r="D1220" t="s">
        <v>1400</v>
      </c>
      <c r="E1220" t="s">
        <v>22</v>
      </c>
      <c r="F1220" t="s">
        <v>33</v>
      </c>
      <c r="G1220" t="s">
        <v>144</v>
      </c>
      <c r="H1220" t="s">
        <v>321</v>
      </c>
      <c r="I1220">
        <v>409.27</v>
      </c>
      <c r="J1220">
        <v>2</v>
      </c>
      <c r="K1220">
        <v>-81.849999999999994</v>
      </c>
    </row>
    <row r="1221" spans="1:11" x14ac:dyDescent="0.3">
      <c r="A1221" s="1">
        <v>41911</v>
      </c>
      <c r="B1221" s="3">
        <f t="shared" si="38"/>
        <v>9</v>
      </c>
      <c r="C1221" s="3">
        <f t="shared" si="39"/>
        <v>2014</v>
      </c>
      <c r="D1221" t="s">
        <v>1400</v>
      </c>
      <c r="E1221" t="s">
        <v>22</v>
      </c>
      <c r="F1221" t="s">
        <v>10</v>
      </c>
      <c r="G1221" t="s">
        <v>15</v>
      </c>
      <c r="H1221" t="s">
        <v>1401</v>
      </c>
      <c r="I1221">
        <v>55.44</v>
      </c>
      <c r="J1221">
        <v>11</v>
      </c>
      <c r="K1221">
        <v>18.02</v>
      </c>
    </row>
    <row r="1222" spans="1:11" x14ac:dyDescent="0.3">
      <c r="A1222" s="1">
        <v>41911</v>
      </c>
      <c r="B1222" s="3">
        <f t="shared" si="38"/>
        <v>9</v>
      </c>
      <c r="C1222" s="3">
        <f t="shared" si="39"/>
        <v>2014</v>
      </c>
      <c r="D1222" t="s">
        <v>1400</v>
      </c>
      <c r="E1222" t="s">
        <v>22</v>
      </c>
      <c r="F1222" t="s">
        <v>10</v>
      </c>
      <c r="G1222" t="s">
        <v>11</v>
      </c>
      <c r="H1222" t="s">
        <v>1402</v>
      </c>
      <c r="I1222">
        <v>20.93</v>
      </c>
      <c r="J1222">
        <v>4</v>
      </c>
      <c r="K1222">
        <v>6.8</v>
      </c>
    </row>
    <row r="1223" spans="1:11" x14ac:dyDescent="0.3">
      <c r="A1223" s="1">
        <v>41911</v>
      </c>
      <c r="B1223" s="3">
        <f t="shared" si="38"/>
        <v>9</v>
      </c>
      <c r="C1223" s="3">
        <f t="shared" si="39"/>
        <v>2014</v>
      </c>
      <c r="D1223" t="s">
        <v>1400</v>
      </c>
      <c r="E1223" t="s">
        <v>22</v>
      </c>
      <c r="F1223" t="s">
        <v>10</v>
      </c>
      <c r="G1223" t="s">
        <v>17</v>
      </c>
      <c r="H1223" t="s">
        <v>1109</v>
      </c>
      <c r="I1223">
        <v>1801.63</v>
      </c>
      <c r="J1223">
        <v>6</v>
      </c>
      <c r="K1223">
        <v>-337.81</v>
      </c>
    </row>
    <row r="1224" spans="1:11" x14ac:dyDescent="0.3">
      <c r="A1224" s="1">
        <v>41911</v>
      </c>
      <c r="B1224" s="3">
        <f t="shared" si="38"/>
        <v>9</v>
      </c>
      <c r="C1224" s="3">
        <f t="shared" si="39"/>
        <v>2014</v>
      </c>
      <c r="D1224" t="s">
        <v>1400</v>
      </c>
      <c r="E1224" t="s">
        <v>22</v>
      </c>
      <c r="F1224" t="s">
        <v>33</v>
      </c>
      <c r="G1224" t="s">
        <v>144</v>
      </c>
      <c r="H1224" t="s">
        <v>873</v>
      </c>
      <c r="I1224">
        <v>67.180000000000007</v>
      </c>
      <c r="J1224">
        <v>1</v>
      </c>
      <c r="K1224">
        <v>-20.149999999999999</v>
      </c>
    </row>
    <row r="1225" spans="1:11" x14ac:dyDescent="0.3">
      <c r="A1225" s="1">
        <v>41911</v>
      </c>
      <c r="B1225" s="3">
        <f t="shared" si="38"/>
        <v>9</v>
      </c>
      <c r="C1225" s="3">
        <f t="shared" si="39"/>
        <v>2014</v>
      </c>
      <c r="D1225" t="s">
        <v>1180</v>
      </c>
      <c r="E1225" t="s">
        <v>163</v>
      </c>
      <c r="F1225" t="s">
        <v>33</v>
      </c>
      <c r="G1225" t="s">
        <v>46</v>
      </c>
      <c r="H1225" t="s">
        <v>1403</v>
      </c>
      <c r="I1225">
        <v>6.16</v>
      </c>
      <c r="J1225">
        <v>2</v>
      </c>
      <c r="K1225">
        <v>2.96</v>
      </c>
    </row>
    <row r="1226" spans="1:11" x14ac:dyDescent="0.3">
      <c r="A1226" s="1">
        <v>41911</v>
      </c>
      <c r="B1226" s="3">
        <f t="shared" si="38"/>
        <v>9</v>
      </c>
      <c r="C1226" s="3">
        <f t="shared" si="39"/>
        <v>2014</v>
      </c>
      <c r="D1226" t="s">
        <v>1180</v>
      </c>
      <c r="E1226" t="s">
        <v>163</v>
      </c>
      <c r="F1226" t="s">
        <v>33</v>
      </c>
      <c r="G1226" t="s">
        <v>144</v>
      </c>
      <c r="H1226" t="s">
        <v>254</v>
      </c>
      <c r="I1226">
        <v>2348.8200000000002</v>
      </c>
      <c r="J1226">
        <v>9</v>
      </c>
      <c r="K1226">
        <v>399.3</v>
      </c>
    </row>
    <row r="1227" spans="1:11" x14ac:dyDescent="0.3">
      <c r="A1227" s="1">
        <v>41911</v>
      </c>
      <c r="B1227" s="3">
        <f t="shared" si="38"/>
        <v>9</v>
      </c>
      <c r="C1227" s="3">
        <f t="shared" si="39"/>
        <v>2014</v>
      </c>
      <c r="D1227" t="s">
        <v>1404</v>
      </c>
      <c r="E1227" t="s">
        <v>148</v>
      </c>
      <c r="F1227" t="s">
        <v>10</v>
      </c>
      <c r="G1227" t="s">
        <v>17</v>
      </c>
      <c r="H1227" t="s">
        <v>1383</v>
      </c>
      <c r="I1227">
        <v>1395.54</v>
      </c>
      <c r="J1227">
        <v>9</v>
      </c>
      <c r="K1227">
        <v>362.84</v>
      </c>
    </row>
    <row r="1228" spans="1:11" x14ac:dyDescent="0.3">
      <c r="A1228" s="1">
        <v>41911</v>
      </c>
      <c r="B1228" s="3">
        <f t="shared" si="38"/>
        <v>9</v>
      </c>
      <c r="C1228" s="3">
        <f t="shared" si="39"/>
        <v>2014</v>
      </c>
      <c r="D1228" t="s">
        <v>1404</v>
      </c>
      <c r="E1228" t="s">
        <v>148</v>
      </c>
      <c r="F1228" t="s">
        <v>33</v>
      </c>
      <c r="G1228" t="s">
        <v>46</v>
      </c>
      <c r="H1228" t="s">
        <v>1405</v>
      </c>
      <c r="I1228">
        <v>117.36</v>
      </c>
      <c r="J1228">
        <v>4</v>
      </c>
      <c r="K1228">
        <v>36.380000000000003</v>
      </c>
    </row>
    <row r="1229" spans="1:11" x14ac:dyDescent="0.3">
      <c r="A1229" s="1">
        <v>41911</v>
      </c>
      <c r="B1229" s="3">
        <f t="shared" si="38"/>
        <v>9</v>
      </c>
      <c r="C1229" s="3">
        <f t="shared" si="39"/>
        <v>2014</v>
      </c>
      <c r="D1229" t="s">
        <v>1404</v>
      </c>
      <c r="E1229" t="s">
        <v>148</v>
      </c>
      <c r="F1229" t="s">
        <v>10</v>
      </c>
      <c r="G1229" t="s">
        <v>15</v>
      </c>
      <c r="H1229" t="s">
        <v>1406</v>
      </c>
      <c r="I1229">
        <v>18.899999999999999</v>
      </c>
      <c r="J1229">
        <v>3</v>
      </c>
      <c r="K1229">
        <v>8.69</v>
      </c>
    </row>
    <row r="1230" spans="1:11" x14ac:dyDescent="0.3">
      <c r="A1230" s="1">
        <v>41911</v>
      </c>
      <c r="B1230" s="3">
        <f t="shared" si="38"/>
        <v>9</v>
      </c>
      <c r="C1230" s="3">
        <f t="shared" si="39"/>
        <v>2014</v>
      </c>
      <c r="D1230" t="s">
        <v>1404</v>
      </c>
      <c r="E1230" t="s">
        <v>148</v>
      </c>
      <c r="F1230" t="s">
        <v>10</v>
      </c>
      <c r="G1230" t="s">
        <v>11</v>
      </c>
      <c r="H1230" t="s">
        <v>1053</v>
      </c>
      <c r="I1230">
        <v>77.52</v>
      </c>
      <c r="J1230">
        <v>2</v>
      </c>
      <c r="K1230">
        <v>37.979999999999997</v>
      </c>
    </row>
    <row r="1231" spans="1:11" x14ac:dyDescent="0.3">
      <c r="A1231" s="1">
        <v>41911</v>
      </c>
      <c r="B1231" s="3">
        <f t="shared" si="38"/>
        <v>9</v>
      </c>
      <c r="C1231" s="3">
        <f t="shared" si="39"/>
        <v>2014</v>
      </c>
      <c r="D1231" t="s">
        <v>1407</v>
      </c>
      <c r="E1231" t="s">
        <v>163</v>
      </c>
      <c r="F1231" t="s">
        <v>10</v>
      </c>
      <c r="G1231" t="s">
        <v>19</v>
      </c>
      <c r="H1231" t="s">
        <v>1408</v>
      </c>
      <c r="I1231">
        <v>10.050000000000001</v>
      </c>
      <c r="J1231">
        <v>2</v>
      </c>
      <c r="K1231">
        <v>3.14</v>
      </c>
    </row>
    <row r="1232" spans="1:11" x14ac:dyDescent="0.3">
      <c r="A1232" s="1">
        <v>41911</v>
      </c>
      <c r="B1232" s="3">
        <f t="shared" si="38"/>
        <v>9</v>
      </c>
      <c r="C1232" s="3">
        <f t="shared" si="39"/>
        <v>2014</v>
      </c>
      <c r="D1232" t="s">
        <v>1407</v>
      </c>
      <c r="E1232" t="s">
        <v>163</v>
      </c>
      <c r="F1232" t="s">
        <v>10</v>
      </c>
      <c r="G1232" t="s">
        <v>17</v>
      </c>
      <c r="H1232" t="s">
        <v>1409</v>
      </c>
      <c r="I1232">
        <v>807.75</v>
      </c>
      <c r="J1232">
        <v>5</v>
      </c>
      <c r="K1232">
        <v>153.47</v>
      </c>
    </row>
    <row r="1233" spans="1:11" x14ac:dyDescent="0.3">
      <c r="A1233" s="1">
        <v>41912</v>
      </c>
      <c r="B1233" s="3">
        <f t="shared" si="38"/>
        <v>9</v>
      </c>
      <c r="C1233" s="3">
        <f t="shared" si="39"/>
        <v>2014</v>
      </c>
      <c r="D1233" t="s">
        <v>888</v>
      </c>
      <c r="E1233" t="s">
        <v>148</v>
      </c>
      <c r="F1233" t="s">
        <v>10</v>
      </c>
      <c r="G1233" t="s">
        <v>11</v>
      </c>
      <c r="H1233" t="s">
        <v>1410</v>
      </c>
      <c r="I1233">
        <v>48.94</v>
      </c>
      <c r="J1233">
        <v>1</v>
      </c>
      <c r="K1233">
        <v>24.47</v>
      </c>
    </row>
    <row r="1234" spans="1:11" x14ac:dyDescent="0.3">
      <c r="A1234" s="1">
        <v>41912</v>
      </c>
      <c r="B1234" s="3">
        <f t="shared" si="38"/>
        <v>9</v>
      </c>
      <c r="C1234" s="3">
        <f t="shared" si="39"/>
        <v>2014</v>
      </c>
      <c r="D1234" t="s">
        <v>1112</v>
      </c>
      <c r="E1234" t="s">
        <v>122</v>
      </c>
      <c r="F1234" t="s">
        <v>10</v>
      </c>
      <c r="G1234" t="s">
        <v>11</v>
      </c>
      <c r="H1234" t="s">
        <v>1364</v>
      </c>
      <c r="I1234">
        <v>15.55</v>
      </c>
      <c r="J1234">
        <v>3</v>
      </c>
      <c r="K1234">
        <v>5.44</v>
      </c>
    </row>
    <row r="1235" spans="1:11" x14ac:dyDescent="0.3">
      <c r="A1235" s="1">
        <v>41912</v>
      </c>
      <c r="B1235" s="3">
        <f t="shared" si="38"/>
        <v>9</v>
      </c>
      <c r="C1235" s="3">
        <f t="shared" si="39"/>
        <v>2014</v>
      </c>
      <c r="D1235" t="s">
        <v>1411</v>
      </c>
      <c r="E1235" t="s">
        <v>119</v>
      </c>
      <c r="F1235" t="s">
        <v>10</v>
      </c>
      <c r="G1235" t="s">
        <v>91</v>
      </c>
      <c r="H1235" t="s">
        <v>616</v>
      </c>
      <c r="I1235">
        <v>69.22</v>
      </c>
      <c r="J1235">
        <v>6</v>
      </c>
      <c r="K1235">
        <v>11.25</v>
      </c>
    </row>
    <row r="1236" spans="1:11" x14ac:dyDescent="0.3">
      <c r="A1236" s="1">
        <v>41912</v>
      </c>
      <c r="B1236" s="3">
        <f t="shared" si="38"/>
        <v>9</v>
      </c>
      <c r="C1236" s="3">
        <f t="shared" si="39"/>
        <v>2014</v>
      </c>
      <c r="D1236" t="s">
        <v>1412</v>
      </c>
      <c r="E1236" t="s">
        <v>163</v>
      </c>
      <c r="F1236" t="s">
        <v>10</v>
      </c>
      <c r="G1236" t="s">
        <v>19</v>
      </c>
      <c r="H1236" t="s">
        <v>799</v>
      </c>
      <c r="I1236">
        <v>43.18</v>
      </c>
      <c r="J1236">
        <v>7</v>
      </c>
      <c r="K1236">
        <v>13.49</v>
      </c>
    </row>
    <row r="1237" spans="1:11" x14ac:dyDescent="0.3">
      <c r="A1237" s="1">
        <v>41912</v>
      </c>
      <c r="B1237" s="3">
        <f t="shared" si="38"/>
        <v>9</v>
      </c>
      <c r="C1237" s="3">
        <f t="shared" si="39"/>
        <v>2014</v>
      </c>
      <c r="D1237" t="s">
        <v>726</v>
      </c>
      <c r="E1237" t="s">
        <v>148</v>
      </c>
      <c r="F1237" t="s">
        <v>33</v>
      </c>
      <c r="G1237" t="s">
        <v>46</v>
      </c>
      <c r="H1237" t="s">
        <v>213</v>
      </c>
      <c r="I1237">
        <v>15.24</v>
      </c>
      <c r="J1237">
        <v>3</v>
      </c>
      <c r="K1237">
        <v>5.18</v>
      </c>
    </row>
    <row r="1238" spans="1:11" x14ac:dyDescent="0.3">
      <c r="A1238" s="1">
        <v>41912</v>
      </c>
      <c r="B1238" s="3">
        <f t="shared" si="38"/>
        <v>9</v>
      </c>
      <c r="C1238" s="3">
        <f t="shared" si="39"/>
        <v>2014</v>
      </c>
      <c r="D1238" t="s">
        <v>1413</v>
      </c>
      <c r="E1238" t="s">
        <v>77</v>
      </c>
      <c r="F1238" t="s">
        <v>10</v>
      </c>
      <c r="G1238" t="s">
        <v>91</v>
      </c>
      <c r="H1238" t="s">
        <v>1414</v>
      </c>
      <c r="I1238">
        <v>795.41</v>
      </c>
      <c r="J1238">
        <v>6</v>
      </c>
      <c r="K1238">
        <v>59.66</v>
      </c>
    </row>
    <row r="1239" spans="1:11" x14ac:dyDescent="0.3">
      <c r="A1239" s="1">
        <v>41913</v>
      </c>
      <c r="B1239" s="3">
        <f t="shared" si="38"/>
        <v>10</v>
      </c>
      <c r="C1239" s="3">
        <f t="shared" si="39"/>
        <v>2014</v>
      </c>
      <c r="D1239" t="s">
        <v>304</v>
      </c>
      <c r="E1239" t="s">
        <v>125</v>
      </c>
      <c r="F1239" t="s">
        <v>10</v>
      </c>
      <c r="G1239" t="s">
        <v>42</v>
      </c>
      <c r="H1239" t="s">
        <v>1415</v>
      </c>
      <c r="I1239">
        <v>4.71</v>
      </c>
      <c r="J1239">
        <v>1</v>
      </c>
      <c r="K1239">
        <v>0</v>
      </c>
    </row>
    <row r="1240" spans="1:11" x14ac:dyDescent="0.3">
      <c r="A1240" s="1">
        <v>41914</v>
      </c>
      <c r="B1240" s="3">
        <f t="shared" si="38"/>
        <v>10</v>
      </c>
      <c r="C1240" s="3">
        <f t="shared" si="39"/>
        <v>2014</v>
      </c>
      <c r="D1240" t="s">
        <v>1416</v>
      </c>
      <c r="E1240" t="s">
        <v>94</v>
      </c>
      <c r="F1240" t="s">
        <v>10</v>
      </c>
      <c r="G1240" t="s">
        <v>11</v>
      </c>
      <c r="H1240" t="s">
        <v>1417</v>
      </c>
      <c r="I1240">
        <v>9.41</v>
      </c>
      <c r="J1240">
        <v>2</v>
      </c>
      <c r="K1240">
        <v>3.41</v>
      </c>
    </row>
    <row r="1241" spans="1:11" x14ac:dyDescent="0.3">
      <c r="A1241" s="1">
        <v>41914</v>
      </c>
      <c r="B1241" s="3">
        <f t="shared" si="38"/>
        <v>10</v>
      </c>
      <c r="C1241" s="3">
        <f t="shared" si="39"/>
        <v>2014</v>
      </c>
      <c r="D1241" t="s">
        <v>1416</v>
      </c>
      <c r="E1241" t="s">
        <v>94</v>
      </c>
      <c r="F1241" t="s">
        <v>10</v>
      </c>
      <c r="G1241" t="s">
        <v>42</v>
      </c>
      <c r="H1241" t="s">
        <v>159</v>
      </c>
      <c r="I1241">
        <v>4.67</v>
      </c>
      <c r="J1241">
        <v>2</v>
      </c>
      <c r="K1241">
        <v>1.46</v>
      </c>
    </row>
    <row r="1242" spans="1:11" x14ac:dyDescent="0.3">
      <c r="A1242" s="1">
        <v>41914</v>
      </c>
      <c r="B1242" s="3">
        <f t="shared" si="38"/>
        <v>10</v>
      </c>
      <c r="C1242" s="3">
        <f t="shared" si="39"/>
        <v>2014</v>
      </c>
      <c r="D1242" t="s">
        <v>1416</v>
      </c>
      <c r="E1242" t="s">
        <v>94</v>
      </c>
      <c r="F1242" t="s">
        <v>38</v>
      </c>
      <c r="G1242" t="s">
        <v>39</v>
      </c>
      <c r="H1242" t="s">
        <v>1418</v>
      </c>
      <c r="I1242">
        <v>318.39999999999998</v>
      </c>
      <c r="J1242">
        <v>2</v>
      </c>
      <c r="K1242">
        <v>107.46</v>
      </c>
    </row>
    <row r="1243" spans="1:11" x14ac:dyDescent="0.3">
      <c r="A1243" s="1">
        <v>41914</v>
      </c>
      <c r="B1243" s="3">
        <f t="shared" si="38"/>
        <v>10</v>
      </c>
      <c r="C1243" s="3">
        <f t="shared" si="39"/>
        <v>2014</v>
      </c>
      <c r="D1243" t="s">
        <v>1416</v>
      </c>
      <c r="E1243" t="s">
        <v>94</v>
      </c>
      <c r="F1243" t="s">
        <v>10</v>
      </c>
      <c r="G1243" t="s">
        <v>62</v>
      </c>
      <c r="H1243" t="s">
        <v>1419</v>
      </c>
      <c r="I1243">
        <v>12.77</v>
      </c>
      <c r="J1243">
        <v>6</v>
      </c>
      <c r="K1243">
        <v>4.63</v>
      </c>
    </row>
    <row r="1244" spans="1:11" x14ac:dyDescent="0.3">
      <c r="A1244" s="1">
        <v>41914</v>
      </c>
      <c r="B1244" s="3">
        <f t="shared" si="38"/>
        <v>10</v>
      </c>
      <c r="C1244" s="3">
        <f t="shared" si="39"/>
        <v>2014</v>
      </c>
      <c r="D1244" t="s">
        <v>1416</v>
      </c>
      <c r="E1244" t="s">
        <v>94</v>
      </c>
      <c r="F1244" t="s">
        <v>10</v>
      </c>
      <c r="G1244" t="s">
        <v>199</v>
      </c>
      <c r="H1244" t="s">
        <v>1420</v>
      </c>
      <c r="I1244">
        <v>15.36</v>
      </c>
      <c r="J1244">
        <v>2</v>
      </c>
      <c r="K1244">
        <v>-3.26</v>
      </c>
    </row>
    <row r="1245" spans="1:11" x14ac:dyDescent="0.3">
      <c r="A1245" s="1">
        <v>41914</v>
      </c>
      <c r="B1245" s="3">
        <f t="shared" si="38"/>
        <v>10</v>
      </c>
      <c r="C1245" s="3">
        <f t="shared" si="39"/>
        <v>2014</v>
      </c>
      <c r="D1245" t="s">
        <v>1416</v>
      </c>
      <c r="E1245" t="s">
        <v>94</v>
      </c>
      <c r="F1245" t="s">
        <v>38</v>
      </c>
      <c r="G1245" t="s">
        <v>39</v>
      </c>
      <c r="H1245" t="s">
        <v>519</v>
      </c>
      <c r="I1245">
        <v>230.38</v>
      </c>
      <c r="J1245">
        <v>3</v>
      </c>
      <c r="K1245">
        <v>20.16</v>
      </c>
    </row>
    <row r="1246" spans="1:11" x14ac:dyDescent="0.3">
      <c r="A1246" s="1">
        <v>41914</v>
      </c>
      <c r="B1246" s="3">
        <f t="shared" si="38"/>
        <v>10</v>
      </c>
      <c r="C1246" s="3">
        <f t="shared" si="39"/>
        <v>2014</v>
      </c>
      <c r="D1246" t="s">
        <v>1416</v>
      </c>
      <c r="E1246" t="s">
        <v>94</v>
      </c>
      <c r="F1246" t="s">
        <v>38</v>
      </c>
      <c r="G1246" t="s">
        <v>51</v>
      </c>
      <c r="H1246" t="s">
        <v>1421</v>
      </c>
      <c r="I1246">
        <v>7.16</v>
      </c>
      <c r="J1246">
        <v>1</v>
      </c>
      <c r="K1246">
        <v>-0.09</v>
      </c>
    </row>
    <row r="1247" spans="1:11" x14ac:dyDescent="0.3">
      <c r="A1247" s="1">
        <v>41915</v>
      </c>
      <c r="B1247" s="3">
        <f t="shared" si="38"/>
        <v>10</v>
      </c>
      <c r="C1247" s="3">
        <f t="shared" si="39"/>
        <v>2014</v>
      </c>
      <c r="D1247" t="s">
        <v>1422</v>
      </c>
      <c r="E1247" t="s">
        <v>14</v>
      </c>
      <c r="F1247" t="s">
        <v>33</v>
      </c>
      <c r="G1247" t="s">
        <v>34</v>
      </c>
      <c r="H1247" t="s">
        <v>918</v>
      </c>
      <c r="I1247">
        <v>258.27999999999997</v>
      </c>
      <c r="J1247">
        <v>3</v>
      </c>
      <c r="K1247">
        <v>-70.099999999999994</v>
      </c>
    </row>
    <row r="1248" spans="1:11" x14ac:dyDescent="0.3">
      <c r="A1248" s="1">
        <v>41915</v>
      </c>
      <c r="B1248" s="3">
        <f t="shared" si="38"/>
        <v>10</v>
      </c>
      <c r="C1248" s="3">
        <f t="shared" si="39"/>
        <v>2014</v>
      </c>
      <c r="D1248" t="s">
        <v>1423</v>
      </c>
      <c r="E1248" t="s">
        <v>26</v>
      </c>
      <c r="F1248" t="s">
        <v>33</v>
      </c>
      <c r="G1248" t="s">
        <v>144</v>
      </c>
      <c r="H1248" t="s">
        <v>237</v>
      </c>
      <c r="I1248">
        <v>143.43</v>
      </c>
      <c r="J1248">
        <v>1</v>
      </c>
      <c r="K1248">
        <v>3.59</v>
      </c>
    </row>
    <row r="1249" spans="1:11" x14ac:dyDescent="0.3">
      <c r="A1249" s="1">
        <v>41915</v>
      </c>
      <c r="B1249" s="3">
        <f t="shared" si="38"/>
        <v>10</v>
      </c>
      <c r="C1249" s="3">
        <f t="shared" si="39"/>
        <v>2014</v>
      </c>
      <c r="D1249" t="s">
        <v>1423</v>
      </c>
      <c r="E1249" t="s">
        <v>26</v>
      </c>
      <c r="F1249" t="s">
        <v>33</v>
      </c>
      <c r="G1249" t="s">
        <v>34</v>
      </c>
      <c r="H1249" t="s">
        <v>1424</v>
      </c>
      <c r="I1249">
        <v>122.35</v>
      </c>
      <c r="J1249">
        <v>3</v>
      </c>
      <c r="K1249">
        <v>13.76</v>
      </c>
    </row>
    <row r="1250" spans="1:11" x14ac:dyDescent="0.3">
      <c r="A1250" s="1">
        <v>41915</v>
      </c>
      <c r="B1250" s="3">
        <f t="shared" si="38"/>
        <v>10</v>
      </c>
      <c r="C1250" s="3">
        <f t="shared" si="39"/>
        <v>2014</v>
      </c>
      <c r="D1250" t="s">
        <v>1356</v>
      </c>
      <c r="E1250" t="s">
        <v>244</v>
      </c>
      <c r="F1250" t="s">
        <v>10</v>
      </c>
      <c r="G1250" t="s">
        <v>17</v>
      </c>
      <c r="H1250" t="s">
        <v>1086</v>
      </c>
      <c r="I1250">
        <v>61.57</v>
      </c>
      <c r="J1250">
        <v>2</v>
      </c>
      <c r="K1250">
        <v>4.62</v>
      </c>
    </row>
    <row r="1251" spans="1:11" x14ac:dyDescent="0.3">
      <c r="A1251" s="1">
        <v>41915</v>
      </c>
      <c r="B1251" s="3">
        <f t="shared" si="38"/>
        <v>10</v>
      </c>
      <c r="C1251" s="3">
        <f t="shared" si="39"/>
        <v>2014</v>
      </c>
      <c r="D1251" t="s">
        <v>1356</v>
      </c>
      <c r="E1251" t="s">
        <v>244</v>
      </c>
      <c r="F1251" t="s">
        <v>10</v>
      </c>
      <c r="G1251" t="s">
        <v>23</v>
      </c>
      <c r="H1251" t="s">
        <v>810</v>
      </c>
      <c r="I1251">
        <v>6.19</v>
      </c>
      <c r="J1251">
        <v>3</v>
      </c>
      <c r="K1251">
        <v>0.46</v>
      </c>
    </row>
    <row r="1252" spans="1:11" x14ac:dyDescent="0.3">
      <c r="A1252" s="1">
        <v>41915</v>
      </c>
      <c r="B1252" s="3">
        <f t="shared" si="38"/>
        <v>10</v>
      </c>
      <c r="C1252" s="3">
        <f t="shared" si="39"/>
        <v>2014</v>
      </c>
      <c r="D1252" t="s">
        <v>1425</v>
      </c>
      <c r="E1252" t="s">
        <v>77</v>
      </c>
      <c r="F1252" t="s">
        <v>10</v>
      </c>
      <c r="G1252" t="s">
        <v>23</v>
      </c>
      <c r="H1252" t="s">
        <v>599</v>
      </c>
      <c r="I1252">
        <v>55.98</v>
      </c>
      <c r="J1252">
        <v>2</v>
      </c>
      <c r="K1252">
        <v>4.2</v>
      </c>
    </row>
    <row r="1253" spans="1:11" x14ac:dyDescent="0.3">
      <c r="A1253" s="1">
        <v>41915</v>
      </c>
      <c r="B1253" s="3">
        <f t="shared" si="38"/>
        <v>10</v>
      </c>
      <c r="C1253" s="3">
        <f t="shared" si="39"/>
        <v>2014</v>
      </c>
      <c r="D1253" t="s">
        <v>1425</v>
      </c>
      <c r="E1253" t="s">
        <v>77</v>
      </c>
      <c r="F1253" t="s">
        <v>10</v>
      </c>
      <c r="G1253" t="s">
        <v>62</v>
      </c>
      <c r="H1253" t="s">
        <v>1426</v>
      </c>
      <c r="I1253">
        <v>14.48</v>
      </c>
      <c r="J1253">
        <v>5</v>
      </c>
      <c r="K1253">
        <v>4.8899999999999997</v>
      </c>
    </row>
    <row r="1254" spans="1:11" x14ac:dyDescent="0.3">
      <c r="A1254" s="1">
        <v>41915</v>
      </c>
      <c r="B1254" s="3">
        <f t="shared" si="38"/>
        <v>10</v>
      </c>
      <c r="C1254" s="3">
        <f t="shared" si="39"/>
        <v>2014</v>
      </c>
      <c r="D1254" t="s">
        <v>1425</v>
      </c>
      <c r="E1254" t="s">
        <v>77</v>
      </c>
      <c r="F1254" t="s">
        <v>38</v>
      </c>
      <c r="G1254" t="s">
        <v>51</v>
      </c>
      <c r="H1254" t="s">
        <v>1427</v>
      </c>
      <c r="I1254">
        <v>142.49</v>
      </c>
      <c r="J1254">
        <v>3</v>
      </c>
      <c r="K1254">
        <v>-3.56</v>
      </c>
    </row>
    <row r="1255" spans="1:11" x14ac:dyDescent="0.3">
      <c r="A1255" s="1">
        <v>41915</v>
      </c>
      <c r="B1255" s="3">
        <f t="shared" si="38"/>
        <v>10</v>
      </c>
      <c r="C1255" s="3">
        <f t="shared" si="39"/>
        <v>2014</v>
      </c>
      <c r="D1255" t="s">
        <v>1428</v>
      </c>
      <c r="E1255" t="s">
        <v>9</v>
      </c>
      <c r="F1255" t="s">
        <v>10</v>
      </c>
      <c r="G1255" t="s">
        <v>42</v>
      </c>
      <c r="H1255" t="s">
        <v>1132</v>
      </c>
      <c r="I1255">
        <v>4.34</v>
      </c>
      <c r="J1255">
        <v>3</v>
      </c>
      <c r="K1255">
        <v>0.87</v>
      </c>
    </row>
    <row r="1256" spans="1:11" x14ac:dyDescent="0.3">
      <c r="A1256" s="1">
        <v>41915</v>
      </c>
      <c r="B1256" s="3">
        <f t="shared" si="38"/>
        <v>10</v>
      </c>
      <c r="C1256" s="3">
        <f t="shared" si="39"/>
        <v>2014</v>
      </c>
      <c r="D1256" t="s">
        <v>1428</v>
      </c>
      <c r="E1256" t="s">
        <v>9</v>
      </c>
      <c r="F1256" t="s">
        <v>33</v>
      </c>
      <c r="G1256" t="s">
        <v>46</v>
      </c>
      <c r="H1256" t="s">
        <v>1215</v>
      </c>
      <c r="I1256">
        <v>31.78</v>
      </c>
      <c r="J1256">
        <v>3</v>
      </c>
      <c r="K1256">
        <v>-19.07</v>
      </c>
    </row>
    <row r="1257" spans="1:11" x14ac:dyDescent="0.3">
      <c r="A1257" s="1">
        <v>41915</v>
      </c>
      <c r="B1257" s="3">
        <f t="shared" si="38"/>
        <v>10</v>
      </c>
      <c r="C1257" s="3">
        <f t="shared" si="39"/>
        <v>2014</v>
      </c>
      <c r="D1257" t="s">
        <v>1428</v>
      </c>
      <c r="E1257" t="s">
        <v>9</v>
      </c>
      <c r="F1257" t="s">
        <v>10</v>
      </c>
      <c r="G1257" t="s">
        <v>15</v>
      </c>
      <c r="H1257" t="s">
        <v>1429</v>
      </c>
      <c r="I1257">
        <v>4.93</v>
      </c>
      <c r="J1257">
        <v>2</v>
      </c>
      <c r="K1257">
        <v>1.72</v>
      </c>
    </row>
    <row r="1258" spans="1:11" x14ac:dyDescent="0.3">
      <c r="A1258" s="1">
        <v>41915</v>
      </c>
      <c r="B1258" s="3">
        <f t="shared" si="38"/>
        <v>10</v>
      </c>
      <c r="C1258" s="3">
        <f t="shared" si="39"/>
        <v>2014</v>
      </c>
      <c r="D1258" t="s">
        <v>1428</v>
      </c>
      <c r="E1258" t="s">
        <v>9</v>
      </c>
      <c r="F1258" t="s">
        <v>10</v>
      </c>
      <c r="G1258" t="s">
        <v>19</v>
      </c>
      <c r="H1258" t="s">
        <v>928</v>
      </c>
      <c r="I1258">
        <v>1.79</v>
      </c>
      <c r="J1258">
        <v>3</v>
      </c>
      <c r="K1258">
        <v>-3.04</v>
      </c>
    </row>
    <row r="1259" spans="1:11" x14ac:dyDescent="0.3">
      <c r="A1259" s="1">
        <v>41915</v>
      </c>
      <c r="B1259" s="3">
        <f t="shared" si="38"/>
        <v>10</v>
      </c>
      <c r="C1259" s="3">
        <f t="shared" si="39"/>
        <v>2014</v>
      </c>
      <c r="D1259" t="s">
        <v>1428</v>
      </c>
      <c r="E1259" t="s">
        <v>9</v>
      </c>
      <c r="F1259" t="s">
        <v>10</v>
      </c>
      <c r="G1259" t="s">
        <v>42</v>
      </c>
      <c r="H1259" t="s">
        <v>1415</v>
      </c>
      <c r="I1259">
        <v>15.07</v>
      </c>
      <c r="J1259">
        <v>4</v>
      </c>
      <c r="K1259">
        <v>-3.77</v>
      </c>
    </row>
    <row r="1260" spans="1:11" x14ac:dyDescent="0.3">
      <c r="A1260" s="1">
        <v>41916</v>
      </c>
      <c r="B1260" s="3">
        <f t="shared" si="38"/>
        <v>10</v>
      </c>
      <c r="C1260" s="3">
        <f t="shared" si="39"/>
        <v>2014</v>
      </c>
      <c r="D1260" t="s">
        <v>1430</v>
      </c>
      <c r="E1260" t="s">
        <v>26</v>
      </c>
      <c r="F1260" t="s">
        <v>10</v>
      </c>
      <c r="G1260" t="s">
        <v>15</v>
      </c>
      <c r="H1260" t="s">
        <v>1431</v>
      </c>
      <c r="I1260">
        <v>14.45</v>
      </c>
      <c r="J1260">
        <v>5</v>
      </c>
      <c r="K1260">
        <v>6.79</v>
      </c>
    </row>
    <row r="1261" spans="1:11" x14ac:dyDescent="0.3">
      <c r="A1261" s="1">
        <v>41916</v>
      </c>
      <c r="B1261" s="3">
        <f t="shared" si="38"/>
        <v>10</v>
      </c>
      <c r="C1261" s="3">
        <f t="shared" si="39"/>
        <v>2014</v>
      </c>
      <c r="D1261" t="s">
        <v>1430</v>
      </c>
      <c r="E1261" t="s">
        <v>26</v>
      </c>
      <c r="F1261" t="s">
        <v>10</v>
      </c>
      <c r="G1261" t="s">
        <v>19</v>
      </c>
      <c r="H1261" t="s">
        <v>887</v>
      </c>
      <c r="I1261">
        <v>95.65</v>
      </c>
      <c r="J1261">
        <v>2</v>
      </c>
      <c r="K1261">
        <v>31.09</v>
      </c>
    </row>
    <row r="1262" spans="1:11" x14ac:dyDescent="0.3">
      <c r="A1262" s="1">
        <v>41916</v>
      </c>
      <c r="B1262" s="3">
        <f t="shared" si="38"/>
        <v>10</v>
      </c>
      <c r="C1262" s="3">
        <f t="shared" si="39"/>
        <v>2014</v>
      </c>
      <c r="D1262" t="s">
        <v>1432</v>
      </c>
      <c r="E1262" t="s">
        <v>163</v>
      </c>
      <c r="F1262" t="s">
        <v>10</v>
      </c>
      <c r="G1262" t="s">
        <v>15</v>
      </c>
      <c r="H1262" t="s">
        <v>1433</v>
      </c>
      <c r="I1262">
        <v>29.24</v>
      </c>
      <c r="J1262">
        <v>4</v>
      </c>
      <c r="K1262">
        <v>13.74</v>
      </c>
    </row>
    <row r="1263" spans="1:11" x14ac:dyDescent="0.3">
      <c r="A1263" s="1">
        <v>41916</v>
      </c>
      <c r="B1263" s="3">
        <f t="shared" si="38"/>
        <v>10</v>
      </c>
      <c r="C1263" s="3">
        <f t="shared" si="39"/>
        <v>2014</v>
      </c>
      <c r="D1263" t="s">
        <v>1270</v>
      </c>
      <c r="E1263" t="s">
        <v>148</v>
      </c>
      <c r="F1263" t="s">
        <v>33</v>
      </c>
      <c r="G1263" t="s">
        <v>34</v>
      </c>
      <c r="H1263" t="s">
        <v>1434</v>
      </c>
      <c r="I1263">
        <v>589.41</v>
      </c>
      <c r="J1263">
        <v>5</v>
      </c>
      <c r="K1263">
        <v>-6.55</v>
      </c>
    </row>
    <row r="1264" spans="1:11" x14ac:dyDescent="0.3">
      <c r="A1264" s="1">
        <v>41917</v>
      </c>
      <c r="B1264" s="3">
        <f t="shared" si="38"/>
        <v>10</v>
      </c>
      <c r="C1264" s="3">
        <f t="shared" si="39"/>
        <v>2014</v>
      </c>
      <c r="D1264" t="s">
        <v>1435</v>
      </c>
      <c r="E1264" t="s">
        <v>77</v>
      </c>
      <c r="F1264" t="s">
        <v>10</v>
      </c>
      <c r="G1264" t="s">
        <v>91</v>
      </c>
      <c r="H1264" t="s">
        <v>800</v>
      </c>
      <c r="I1264">
        <v>91.92</v>
      </c>
      <c r="J1264">
        <v>5</v>
      </c>
      <c r="K1264">
        <v>11.49</v>
      </c>
    </row>
    <row r="1265" spans="1:11" x14ac:dyDescent="0.3">
      <c r="A1265" s="1">
        <v>41917</v>
      </c>
      <c r="B1265" s="3">
        <f t="shared" si="38"/>
        <v>10</v>
      </c>
      <c r="C1265" s="3">
        <f t="shared" si="39"/>
        <v>2014</v>
      </c>
      <c r="D1265" t="s">
        <v>1120</v>
      </c>
      <c r="E1265" t="s">
        <v>26</v>
      </c>
      <c r="F1265" t="s">
        <v>38</v>
      </c>
      <c r="G1265" t="s">
        <v>51</v>
      </c>
      <c r="H1265" t="s">
        <v>667</v>
      </c>
      <c r="I1265">
        <v>99.98</v>
      </c>
      <c r="J1265">
        <v>2</v>
      </c>
      <c r="K1265">
        <v>34.99</v>
      </c>
    </row>
    <row r="1266" spans="1:11" x14ac:dyDescent="0.3">
      <c r="A1266" s="1">
        <v>41918</v>
      </c>
      <c r="B1266" s="3">
        <f t="shared" si="38"/>
        <v>10</v>
      </c>
      <c r="C1266" s="3">
        <f t="shared" si="39"/>
        <v>2014</v>
      </c>
      <c r="D1266" t="s">
        <v>108</v>
      </c>
      <c r="E1266" t="s">
        <v>26</v>
      </c>
      <c r="F1266" t="s">
        <v>38</v>
      </c>
      <c r="G1266" t="s">
        <v>51</v>
      </c>
      <c r="H1266" t="s">
        <v>1436</v>
      </c>
      <c r="I1266">
        <v>9.09</v>
      </c>
      <c r="J1266">
        <v>3</v>
      </c>
      <c r="K1266">
        <v>1.91</v>
      </c>
    </row>
    <row r="1267" spans="1:11" x14ac:dyDescent="0.3">
      <c r="A1267" s="1">
        <v>41918</v>
      </c>
      <c r="B1267" s="3">
        <f t="shared" si="38"/>
        <v>10</v>
      </c>
      <c r="C1267" s="3">
        <f t="shared" si="39"/>
        <v>2014</v>
      </c>
      <c r="D1267" t="s">
        <v>1437</v>
      </c>
      <c r="E1267" t="s">
        <v>995</v>
      </c>
      <c r="F1267" t="s">
        <v>10</v>
      </c>
      <c r="G1267" t="s">
        <v>19</v>
      </c>
      <c r="H1267" t="s">
        <v>1209</v>
      </c>
      <c r="I1267">
        <v>15.36</v>
      </c>
      <c r="J1267">
        <v>2</v>
      </c>
      <c r="K1267">
        <v>7.68</v>
      </c>
    </row>
    <row r="1268" spans="1:11" x14ac:dyDescent="0.3">
      <c r="A1268" s="1">
        <v>41918</v>
      </c>
      <c r="B1268" s="3">
        <f t="shared" si="38"/>
        <v>10</v>
      </c>
      <c r="C1268" s="3">
        <f t="shared" si="39"/>
        <v>2014</v>
      </c>
      <c r="D1268" t="s">
        <v>1432</v>
      </c>
      <c r="E1268" t="s">
        <v>22</v>
      </c>
      <c r="F1268" t="s">
        <v>10</v>
      </c>
      <c r="G1268" t="s">
        <v>17</v>
      </c>
      <c r="H1268" t="s">
        <v>1438</v>
      </c>
      <c r="I1268">
        <v>83.92</v>
      </c>
      <c r="J1268">
        <v>5</v>
      </c>
      <c r="K1268">
        <v>-13.64</v>
      </c>
    </row>
    <row r="1269" spans="1:11" x14ac:dyDescent="0.3">
      <c r="A1269" s="1">
        <v>41918</v>
      </c>
      <c r="B1269" s="3">
        <f t="shared" si="38"/>
        <v>10</v>
      </c>
      <c r="C1269" s="3">
        <f t="shared" si="39"/>
        <v>2014</v>
      </c>
      <c r="D1269" t="s">
        <v>1213</v>
      </c>
      <c r="E1269" t="s">
        <v>128</v>
      </c>
      <c r="F1269" t="s">
        <v>10</v>
      </c>
      <c r="G1269" t="s">
        <v>17</v>
      </c>
      <c r="H1269" t="s">
        <v>1439</v>
      </c>
      <c r="I1269">
        <v>386.34</v>
      </c>
      <c r="J1269">
        <v>2</v>
      </c>
      <c r="K1269">
        <v>54.09</v>
      </c>
    </row>
    <row r="1270" spans="1:11" x14ac:dyDescent="0.3">
      <c r="A1270" s="1">
        <v>41919</v>
      </c>
      <c r="B1270" s="3">
        <f t="shared" si="38"/>
        <v>10</v>
      </c>
      <c r="C1270" s="3">
        <f t="shared" si="39"/>
        <v>2014</v>
      </c>
      <c r="D1270" t="s">
        <v>1208</v>
      </c>
      <c r="E1270" t="s">
        <v>22</v>
      </c>
      <c r="F1270" t="s">
        <v>33</v>
      </c>
      <c r="G1270" t="s">
        <v>46</v>
      </c>
      <c r="H1270" t="s">
        <v>1310</v>
      </c>
      <c r="I1270">
        <v>129.91999999999999</v>
      </c>
      <c r="J1270">
        <v>5</v>
      </c>
      <c r="K1270">
        <v>21.11</v>
      </c>
    </row>
    <row r="1271" spans="1:11" x14ac:dyDescent="0.3">
      <c r="A1271" s="1">
        <v>41919</v>
      </c>
      <c r="B1271" s="3">
        <f t="shared" si="38"/>
        <v>10</v>
      </c>
      <c r="C1271" s="3">
        <f t="shared" si="39"/>
        <v>2014</v>
      </c>
      <c r="D1271" t="s">
        <v>461</v>
      </c>
      <c r="E1271" t="s">
        <v>9</v>
      </c>
      <c r="F1271" t="s">
        <v>10</v>
      </c>
      <c r="G1271" t="s">
        <v>17</v>
      </c>
      <c r="H1271" t="s">
        <v>1012</v>
      </c>
      <c r="I1271">
        <v>107.44</v>
      </c>
      <c r="J1271">
        <v>10</v>
      </c>
      <c r="K1271">
        <v>10.74</v>
      </c>
    </row>
    <row r="1272" spans="1:11" x14ac:dyDescent="0.3">
      <c r="A1272" s="1">
        <v>41920</v>
      </c>
      <c r="B1272" s="3">
        <f t="shared" si="38"/>
        <v>10</v>
      </c>
      <c r="C1272" s="3">
        <f t="shared" si="39"/>
        <v>2014</v>
      </c>
      <c r="D1272" t="s">
        <v>1345</v>
      </c>
      <c r="E1272" t="s">
        <v>244</v>
      </c>
      <c r="F1272" t="s">
        <v>38</v>
      </c>
      <c r="G1272" t="s">
        <v>51</v>
      </c>
      <c r="H1272" t="s">
        <v>1440</v>
      </c>
      <c r="I1272">
        <v>23.47</v>
      </c>
      <c r="J1272">
        <v>3</v>
      </c>
      <c r="K1272">
        <v>4.99</v>
      </c>
    </row>
    <row r="1273" spans="1:11" x14ac:dyDescent="0.3">
      <c r="A1273" s="1">
        <v>41920</v>
      </c>
      <c r="B1273" s="3">
        <f t="shared" si="38"/>
        <v>10</v>
      </c>
      <c r="C1273" s="3">
        <f t="shared" si="39"/>
        <v>2014</v>
      </c>
      <c r="D1273" t="s">
        <v>1338</v>
      </c>
      <c r="E1273" t="s">
        <v>148</v>
      </c>
      <c r="F1273" t="s">
        <v>10</v>
      </c>
      <c r="G1273" t="s">
        <v>11</v>
      </c>
      <c r="H1273" t="s">
        <v>1441</v>
      </c>
      <c r="I1273">
        <v>123.92</v>
      </c>
      <c r="J1273">
        <v>4</v>
      </c>
      <c r="K1273">
        <v>55.76</v>
      </c>
    </row>
    <row r="1274" spans="1:11" x14ac:dyDescent="0.3">
      <c r="A1274" s="1">
        <v>41921</v>
      </c>
      <c r="B1274" s="3">
        <f t="shared" si="38"/>
        <v>10</v>
      </c>
      <c r="C1274" s="3">
        <f t="shared" si="39"/>
        <v>2014</v>
      </c>
      <c r="D1274" t="s">
        <v>787</v>
      </c>
      <c r="E1274" t="s">
        <v>244</v>
      </c>
      <c r="F1274" t="s">
        <v>10</v>
      </c>
      <c r="G1274" t="s">
        <v>11</v>
      </c>
      <c r="H1274" t="s">
        <v>456</v>
      </c>
      <c r="I1274">
        <v>88.77</v>
      </c>
      <c r="J1274">
        <v>2</v>
      </c>
      <c r="K1274">
        <v>31.07</v>
      </c>
    </row>
    <row r="1275" spans="1:11" x14ac:dyDescent="0.3">
      <c r="A1275" s="1">
        <v>41921</v>
      </c>
      <c r="B1275" s="3">
        <f t="shared" si="38"/>
        <v>10</v>
      </c>
      <c r="C1275" s="3">
        <f t="shared" si="39"/>
        <v>2014</v>
      </c>
      <c r="D1275" t="s">
        <v>1197</v>
      </c>
      <c r="E1275" t="s">
        <v>26</v>
      </c>
      <c r="F1275" t="s">
        <v>10</v>
      </c>
      <c r="G1275" t="s">
        <v>23</v>
      </c>
      <c r="H1275" t="s">
        <v>758</v>
      </c>
      <c r="I1275">
        <v>144.6</v>
      </c>
      <c r="J1275">
        <v>3</v>
      </c>
      <c r="K1275">
        <v>41.93</v>
      </c>
    </row>
    <row r="1276" spans="1:11" x14ac:dyDescent="0.3">
      <c r="A1276" s="1">
        <v>41921</v>
      </c>
      <c r="B1276" s="3">
        <f t="shared" si="38"/>
        <v>10</v>
      </c>
      <c r="C1276" s="3">
        <f t="shared" si="39"/>
        <v>2014</v>
      </c>
      <c r="D1276" t="s">
        <v>1197</v>
      </c>
      <c r="E1276" t="s">
        <v>26</v>
      </c>
      <c r="F1276" t="s">
        <v>38</v>
      </c>
      <c r="G1276" t="s">
        <v>39</v>
      </c>
      <c r="H1276" t="s">
        <v>954</v>
      </c>
      <c r="I1276">
        <v>15.99</v>
      </c>
      <c r="J1276">
        <v>1</v>
      </c>
      <c r="K1276">
        <v>-3</v>
      </c>
    </row>
    <row r="1277" spans="1:11" x14ac:dyDescent="0.3">
      <c r="A1277" s="1">
        <v>41922</v>
      </c>
      <c r="B1277" s="3">
        <f t="shared" si="38"/>
        <v>10</v>
      </c>
      <c r="C1277" s="3">
        <f t="shared" si="39"/>
        <v>2014</v>
      </c>
      <c r="D1277" t="s">
        <v>1442</v>
      </c>
      <c r="E1277" t="s">
        <v>26</v>
      </c>
      <c r="F1277" t="s">
        <v>33</v>
      </c>
      <c r="G1277" t="s">
        <v>34</v>
      </c>
      <c r="H1277" t="s">
        <v>1424</v>
      </c>
      <c r="I1277">
        <v>122.35</v>
      </c>
      <c r="J1277">
        <v>3</v>
      </c>
      <c r="K1277">
        <v>13.76</v>
      </c>
    </row>
    <row r="1278" spans="1:11" x14ac:dyDescent="0.3">
      <c r="A1278" s="1">
        <v>41922</v>
      </c>
      <c r="B1278" s="3">
        <f t="shared" si="38"/>
        <v>10</v>
      </c>
      <c r="C1278" s="3">
        <f t="shared" si="39"/>
        <v>2014</v>
      </c>
      <c r="D1278" t="s">
        <v>1442</v>
      </c>
      <c r="E1278" t="s">
        <v>26</v>
      </c>
      <c r="F1278" t="s">
        <v>10</v>
      </c>
      <c r="G1278" t="s">
        <v>62</v>
      </c>
      <c r="H1278" t="s">
        <v>1443</v>
      </c>
      <c r="I1278">
        <v>15.28</v>
      </c>
      <c r="J1278">
        <v>2</v>
      </c>
      <c r="K1278">
        <v>7.49</v>
      </c>
    </row>
    <row r="1279" spans="1:11" x14ac:dyDescent="0.3">
      <c r="A1279" s="1">
        <v>41922</v>
      </c>
      <c r="B1279" s="3">
        <f t="shared" si="38"/>
        <v>10</v>
      </c>
      <c r="C1279" s="3">
        <f t="shared" si="39"/>
        <v>2014</v>
      </c>
      <c r="D1279" t="s">
        <v>130</v>
      </c>
      <c r="E1279" t="s">
        <v>94</v>
      </c>
      <c r="F1279" t="s">
        <v>33</v>
      </c>
      <c r="G1279" t="s">
        <v>46</v>
      </c>
      <c r="H1279" t="s">
        <v>974</v>
      </c>
      <c r="I1279">
        <v>46.87</v>
      </c>
      <c r="J1279">
        <v>7</v>
      </c>
      <c r="K1279">
        <v>3.52</v>
      </c>
    </row>
    <row r="1280" spans="1:11" x14ac:dyDescent="0.3">
      <c r="A1280" s="1">
        <v>41922</v>
      </c>
      <c r="B1280" s="3">
        <f t="shared" si="38"/>
        <v>10</v>
      </c>
      <c r="C1280" s="3">
        <f t="shared" si="39"/>
        <v>2014</v>
      </c>
      <c r="D1280" t="s">
        <v>269</v>
      </c>
      <c r="E1280" t="s">
        <v>9</v>
      </c>
      <c r="F1280" t="s">
        <v>38</v>
      </c>
      <c r="G1280" t="s">
        <v>39</v>
      </c>
      <c r="H1280" t="s">
        <v>438</v>
      </c>
      <c r="I1280">
        <v>719.95</v>
      </c>
      <c r="J1280">
        <v>6</v>
      </c>
      <c r="K1280">
        <v>72</v>
      </c>
    </row>
    <row r="1281" spans="1:11" x14ac:dyDescent="0.3">
      <c r="A1281" s="1">
        <v>41922</v>
      </c>
      <c r="B1281" s="3">
        <f t="shared" si="38"/>
        <v>10</v>
      </c>
      <c r="C1281" s="3">
        <f t="shared" si="39"/>
        <v>2014</v>
      </c>
      <c r="D1281" t="s">
        <v>269</v>
      </c>
      <c r="E1281" t="s">
        <v>9</v>
      </c>
      <c r="F1281" t="s">
        <v>38</v>
      </c>
      <c r="G1281" t="s">
        <v>39</v>
      </c>
      <c r="H1281" t="s">
        <v>346</v>
      </c>
      <c r="I1281">
        <v>755.94</v>
      </c>
      <c r="J1281">
        <v>7</v>
      </c>
      <c r="K1281">
        <v>66.150000000000006</v>
      </c>
    </row>
    <row r="1282" spans="1:11" x14ac:dyDescent="0.3">
      <c r="A1282" s="1">
        <v>41922</v>
      </c>
      <c r="B1282" s="3">
        <f t="shared" ref="B1282:B1345" si="40">MONTH(A:A)</f>
        <v>10</v>
      </c>
      <c r="C1282" s="3">
        <f t="shared" ref="C1282:C1345" si="41">YEAR(A:A)</f>
        <v>2014</v>
      </c>
      <c r="D1282" t="s">
        <v>269</v>
      </c>
      <c r="E1282" t="s">
        <v>9</v>
      </c>
      <c r="F1282" t="s">
        <v>10</v>
      </c>
      <c r="G1282" t="s">
        <v>19</v>
      </c>
      <c r="H1282" t="s">
        <v>510</v>
      </c>
      <c r="I1282">
        <v>11.98</v>
      </c>
      <c r="J1282">
        <v>5</v>
      </c>
      <c r="K1282">
        <v>-19.170000000000002</v>
      </c>
    </row>
    <row r="1283" spans="1:11" x14ac:dyDescent="0.3">
      <c r="A1283" s="1">
        <v>41922</v>
      </c>
      <c r="B1283" s="3">
        <f t="shared" si="40"/>
        <v>10</v>
      </c>
      <c r="C1283" s="3">
        <f t="shared" si="41"/>
        <v>2014</v>
      </c>
      <c r="D1283" t="s">
        <v>269</v>
      </c>
      <c r="E1283" t="s">
        <v>9</v>
      </c>
      <c r="F1283" t="s">
        <v>10</v>
      </c>
      <c r="G1283" t="s">
        <v>19</v>
      </c>
      <c r="H1283" t="s">
        <v>450</v>
      </c>
      <c r="I1283">
        <v>0.9</v>
      </c>
      <c r="J1283">
        <v>1</v>
      </c>
      <c r="K1283">
        <v>-1.57</v>
      </c>
    </row>
    <row r="1284" spans="1:11" x14ac:dyDescent="0.3">
      <c r="A1284" s="1">
        <v>41922</v>
      </c>
      <c r="B1284" s="3">
        <f t="shared" si="40"/>
        <v>10</v>
      </c>
      <c r="C1284" s="3">
        <f t="shared" si="41"/>
        <v>2014</v>
      </c>
      <c r="D1284" t="s">
        <v>288</v>
      </c>
      <c r="E1284" t="s">
        <v>77</v>
      </c>
      <c r="F1284" t="s">
        <v>38</v>
      </c>
      <c r="G1284" t="s">
        <v>301</v>
      </c>
      <c r="H1284" t="s">
        <v>1444</v>
      </c>
      <c r="I1284">
        <v>101.99</v>
      </c>
      <c r="J1284">
        <v>2</v>
      </c>
      <c r="K1284">
        <v>-71.400000000000006</v>
      </c>
    </row>
    <row r="1285" spans="1:11" x14ac:dyDescent="0.3">
      <c r="A1285" s="1">
        <v>41922</v>
      </c>
      <c r="B1285" s="3">
        <f t="shared" si="40"/>
        <v>10</v>
      </c>
      <c r="C1285" s="3">
        <f t="shared" si="41"/>
        <v>2014</v>
      </c>
      <c r="D1285" t="s">
        <v>288</v>
      </c>
      <c r="E1285" t="s">
        <v>77</v>
      </c>
      <c r="F1285" t="s">
        <v>10</v>
      </c>
      <c r="G1285" t="s">
        <v>19</v>
      </c>
      <c r="H1285" t="s">
        <v>1280</v>
      </c>
      <c r="I1285">
        <v>18.260000000000002</v>
      </c>
      <c r="J1285">
        <v>2</v>
      </c>
      <c r="K1285">
        <v>-13.39</v>
      </c>
    </row>
    <row r="1286" spans="1:11" x14ac:dyDescent="0.3">
      <c r="A1286" s="1">
        <v>41922</v>
      </c>
      <c r="B1286" s="3">
        <f t="shared" si="40"/>
        <v>10</v>
      </c>
      <c r="C1286" s="3">
        <f t="shared" si="41"/>
        <v>2014</v>
      </c>
      <c r="D1286" t="s">
        <v>1445</v>
      </c>
      <c r="E1286" t="s">
        <v>398</v>
      </c>
      <c r="F1286" t="s">
        <v>10</v>
      </c>
      <c r="G1286" t="s">
        <v>23</v>
      </c>
      <c r="H1286" t="s">
        <v>1446</v>
      </c>
      <c r="I1286">
        <v>255.85</v>
      </c>
      <c r="J1286">
        <v>7</v>
      </c>
      <c r="K1286">
        <v>112.57</v>
      </c>
    </row>
    <row r="1287" spans="1:11" x14ac:dyDescent="0.3">
      <c r="A1287" s="1">
        <v>41923</v>
      </c>
      <c r="B1287" s="3">
        <f t="shared" si="40"/>
        <v>10</v>
      </c>
      <c r="C1287" s="3">
        <f t="shared" si="41"/>
        <v>2014</v>
      </c>
      <c r="D1287" t="s">
        <v>1447</v>
      </c>
      <c r="E1287" t="s">
        <v>22</v>
      </c>
      <c r="F1287" t="s">
        <v>10</v>
      </c>
      <c r="G1287" t="s">
        <v>17</v>
      </c>
      <c r="H1287" t="s">
        <v>1448</v>
      </c>
      <c r="I1287">
        <v>281.89999999999998</v>
      </c>
      <c r="J1287">
        <v>2</v>
      </c>
      <c r="K1287">
        <v>10.57</v>
      </c>
    </row>
    <row r="1288" spans="1:11" x14ac:dyDescent="0.3">
      <c r="A1288" s="1">
        <v>41923</v>
      </c>
      <c r="B1288" s="3">
        <f t="shared" si="40"/>
        <v>10</v>
      </c>
      <c r="C1288" s="3">
        <f t="shared" si="41"/>
        <v>2014</v>
      </c>
      <c r="D1288" t="s">
        <v>1447</v>
      </c>
      <c r="E1288" t="s">
        <v>22</v>
      </c>
      <c r="F1288" t="s">
        <v>10</v>
      </c>
      <c r="G1288" t="s">
        <v>62</v>
      </c>
      <c r="H1288" t="s">
        <v>413</v>
      </c>
      <c r="I1288">
        <v>201.43</v>
      </c>
      <c r="J1288">
        <v>3</v>
      </c>
      <c r="K1288">
        <v>67.98</v>
      </c>
    </row>
    <row r="1289" spans="1:11" x14ac:dyDescent="0.3">
      <c r="A1289" s="1">
        <v>41923</v>
      </c>
      <c r="B1289" s="3">
        <f t="shared" si="40"/>
        <v>10</v>
      </c>
      <c r="C1289" s="3">
        <f t="shared" si="41"/>
        <v>2014</v>
      </c>
      <c r="D1289" t="s">
        <v>723</v>
      </c>
      <c r="E1289" t="s">
        <v>163</v>
      </c>
      <c r="F1289" t="s">
        <v>33</v>
      </c>
      <c r="G1289" t="s">
        <v>46</v>
      </c>
      <c r="H1289" t="s">
        <v>1449</v>
      </c>
      <c r="I1289">
        <v>63.47</v>
      </c>
      <c r="J1289">
        <v>11</v>
      </c>
      <c r="K1289">
        <v>19.04</v>
      </c>
    </row>
    <row r="1290" spans="1:11" x14ac:dyDescent="0.3">
      <c r="A1290" s="1">
        <v>41923</v>
      </c>
      <c r="B1290" s="3">
        <f t="shared" si="40"/>
        <v>10</v>
      </c>
      <c r="C1290" s="3">
        <f t="shared" si="41"/>
        <v>2014</v>
      </c>
      <c r="D1290" t="s">
        <v>723</v>
      </c>
      <c r="E1290" t="s">
        <v>163</v>
      </c>
      <c r="F1290" t="s">
        <v>38</v>
      </c>
      <c r="G1290" t="s">
        <v>51</v>
      </c>
      <c r="H1290" t="s">
        <v>1450</v>
      </c>
      <c r="I1290">
        <v>345</v>
      </c>
      <c r="J1290">
        <v>5</v>
      </c>
      <c r="K1290">
        <v>58.65</v>
      </c>
    </row>
    <row r="1291" spans="1:11" x14ac:dyDescent="0.3">
      <c r="A1291" s="1">
        <v>41923</v>
      </c>
      <c r="B1291" s="3">
        <f t="shared" si="40"/>
        <v>10</v>
      </c>
      <c r="C1291" s="3">
        <f t="shared" si="41"/>
        <v>2014</v>
      </c>
      <c r="D1291" t="s">
        <v>1451</v>
      </c>
      <c r="E1291" t="s">
        <v>26</v>
      </c>
      <c r="F1291" t="s">
        <v>10</v>
      </c>
      <c r="G1291" t="s">
        <v>17</v>
      </c>
      <c r="H1291" t="s">
        <v>1452</v>
      </c>
      <c r="I1291">
        <v>31.92</v>
      </c>
      <c r="J1291">
        <v>4</v>
      </c>
      <c r="K1291">
        <v>8.3000000000000007</v>
      </c>
    </row>
    <row r="1292" spans="1:11" x14ac:dyDescent="0.3">
      <c r="A1292" s="1">
        <v>41923</v>
      </c>
      <c r="B1292" s="3">
        <f t="shared" si="40"/>
        <v>10</v>
      </c>
      <c r="C1292" s="3">
        <f t="shared" si="41"/>
        <v>2014</v>
      </c>
      <c r="D1292" t="s">
        <v>1451</v>
      </c>
      <c r="E1292" t="s">
        <v>26</v>
      </c>
      <c r="F1292" t="s">
        <v>33</v>
      </c>
      <c r="G1292" t="s">
        <v>34</v>
      </c>
      <c r="H1292" t="s">
        <v>1453</v>
      </c>
      <c r="I1292">
        <v>433.57</v>
      </c>
      <c r="J1292">
        <v>2</v>
      </c>
      <c r="K1292">
        <v>-65.040000000000006</v>
      </c>
    </row>
    <row r="1293" spans="1:11" x14ac:dyDescent="0.3">
      <c r="A1293" s="1">
        <v>41923</v>
      </c>
      <c r="B1293" s="3">
        <f t="shared" si="40"/>
        <v>10</v>
      </c>
      <c r="C1293" s="3">
        <f t="shared" si="41"/>
        <v>2014</v>
      </c>
      <c r="D1293" t="s">
        <v>555</v>
      </c>
      <c r="E1293" t="s">
        <v>100</v>
      </c>
      <c r="F1293" t="s">
        <v>10</v>
      </c>
      <c r="G1293" t="s">
        <v>15</v>
      </c>
      <c r="H1293" t="s">
        <v>1039</v>
      </c>
      <c r="I1293">
        <v>7.31</v>
      </c>
      <c r="J1293">
        <v>1</v>
      </c>
      <c r="K1293">
        <v>3.44</v>
      </c>
    </row>
    <row r="1294" spans="1:11" x14ac:dyDescent="0.3">
      <c r="A1294" s="1">
        <v>41923</v>
      </c>
      <c r="B1294" s="3">
        <f t="shared" si="40"/>
        <v>10</v>
      </c>
      <c r="C1294" s="3">
        <f t="shared" si="41"/>
        <v>2014</v>
      </c>
      <c r="D1294" t="s">
        <v>555</v>
      </c>
      <c r="E1294" t="s">
        <v>100</v>
      </c>
      <c r="F1294" t="s">
        <v>33</v>
      </c>
      <c r="G1294" t="s">
        <v>46</v>
      </c>
      <c r="H1294" t="s">
        <v>1454</v>
      </c>
      <c r="I1294">
        <v>8.92</v>
      </c>
      <c r="J1294">
        <v>4</v>
      </c>
      <c r="K1294">
        <v>3.92</v>
      </c>
    </row>
    <row r="1295" spans="1:11" x14ac:dyDescent="0.3">
      <c r="A1295" s="1">
        <v>41923</v>
      </c>
      <c r="B1295" s="3">
        <f t="shared" si="40"/>
        <v>10</v>
      </c>
      <c r="C1295" s="3">
        <f t="shared" si="41"/>
        <v>2014</v>
      </c>
      <c r="D1295" t="s">
        <v>306</v>
      </c>
      <c r="E1295" t="s">
        <v>26</v>
      </c>
      <c r="F1295" t="s">
        <v>10</v>
      </c>
      <c r="G1295" t="s">
        <v>62</v>
      </c>
      <c r="H1295" t="s">
        <v>1443</v>
      </c>
      <c r="I1295">
        <v>7.64</v>
      </c>
      <c r="J1295">
        <v>1</v>
      </c>
      <c r="K1295">
        <v>3.74</v>
      </c>
    </row>
    <row r="1296" spans="1:11" x14ac:dyDescent="0.3">
      <c r="A1296" s="1">
        <v>41924</v>
      </c>
      <c r="B1296" s="3">
        <f t="shared" si="40"/>
        <v>10</v>
      </c>
      <c r="C1296" s="3">
        <f t="shared" si="41"/>
        <v>2014</v>
      </c>
      <c r="D1296" t="s">
        <v>1338</v>
      </c>
      <c r="E1296" t="s">
        <v>26</v>
      </c>
      <c r="F1296" t="s">
        <v>10</v>
      </c>
      <c r="G1296" t="s">
        <v>23</v>
      </c>
      <c r="H1296" t="s">
        <v>997</v>
      </c>
      <c r="I1296">
        <v>14.9</v>
      </c>
      <c r="J1296">
        <v>5</v>
      </c>
      <c r="K1296">
        <v>4.17</v>
      </c>
    </row>
    <row r="1297" spans="1:11" x14ac:dyDescent="0.3">
      <c r="A1297" s="1">
        <v>41924</v>
      </c>
      <c r="B1297" s="3">
        <f t="shared" si="40"/>
        <v>10</v>
      </c>
      <c r="C1297" s="3">
        <f t="shared" si="41"/>
        <v>2014</v>
      </c>
      <c r="D1297" t="s">
        <v>1338</v>
      </c>
      <c r="E1297" t="s">
        <v>26</v>
      </c>
      <c r="F1297" t="s">
        <v>10</v>
      </c>
      <c r="G1297" t="s">
        <v>17</v>
      </c>
      <c r="H1297" t="s">
        <v>1455</v>
      </c>
      <c r="I1297">
        <v>21.39</v>
      </c>
      <c r="J1297">
        <v>1</v>
      </c>
      <c r="K1297">
        <v>6.2</v>
      </c>
    </row>
    <row r="1298" spans="1:11" x14ac:dyDescent="0.3">
      <c r="A1298" s="1">
        <v>41924</v>
      </c>
      <c r="B1298" s="3">
        <f t="shared" si="40"/>
        <v>10</v>
      </c>
      <c r="C1298" s="3">
        <f t="shared" si="41"/>
        <v>2014</v>
      </c>
      <c r="D1298" t="s">
        <v>1456</v>
      </c>
      <c r="E1298" t="s">
        <v>14</v>
      </c>
      <c r="F1298" t="s">
        <v>10</v>
      </c>
      <c r="G1298" t="s">
        <v>199</v>
      </c>
      <c r="H1298" t="s">
        <v>1457</v>
      </c>
      <c r="I1298">
        <v>22.24</v>
      </c>
      <c r="J1298">
        <v>2</v>
      </c>
      <c r="K1298">
        <v>2.5</v>
      </c>
    </row>
    <row r="1299" spans="1:11" x14ac:dyDescent="0.3">
      <c r="A1299" s="1">
        <v>41925</v>
      </c>
      <c r="B1299" s="3">
        <f t="shared" si="40"/>
        <v>10</v>
      </c>
      <c r="C1299" s="3">
        <f t="shared" si="41"/>
        <v>2014</v>
      </c>
      <c r="D1299" t="s">
        <v>1458</v>
      </c>
      <c r="E1299" t="s">
        <v>163</v>
      </c>
      <c r="F1299" t="s">
        <v>10</v>
      </c>
      <c r="G1299" t="s">
        <v>23</v>
      </c>
      <c r="H1299" t="s">
        <v>999</v>
      </c>
      <c r="I1299">
        <v>11.52</v>
      </c>
      <c r="J1299">
        <v>4</v>
      </c>
      <c r="K1299">
        <v>3.23</v>
      </c>
    </row>
    <row r="1300" spans="1:11" x14ac:dyDescent="0.3">
      <c r="A1300" s="1">
        <v>41925</v>
      </c>
      <c r="B1300" s="3">
        <f t="shared" si="40"/>
        <v>10</v>
      </c>
      <c r="C1300" s="3">
        <f t="shared" si="41"/>
        <v>2014</v>
      </c>
      <c r="D1300" t="s">
        <v>1458</v>
      </c>
      <c r="E1300" t="s">
        <v>163</v>
      </c>
      <c r="F1300" t="s">
        <v>33</v>
      </c>
      <c r="G1300" t="s">
        <v>144</v>
      </c>
      <c r="H1300" t="s">
        <v>1459</v>
      </c>
      <c r="I1300">
        <v>1298.55</v>
      </c>
      <c r="J1300">
        <v>5</v>
      </c>
      <c r="K1300">
        <v>311.64999999999998</v>
      </c>
    </row>
    <row r="1301" spans="1:11" x14ac:dyDescent="0.3">
      <c r="A1301" s="1">
        <v>41925</v>
      </c>
      <c r="B1301" s="3">
        <f t="shared" si="40"/>
        <v>10</v>
      </c>
      <c r="C1301" s="3">
        <f t="shared" si="41"/>
        <v>2014</v>
      </c>
      <c r="D1301" t="s">
        <v>1458</v>
      </c>
      <c r="E1301" t="s">
        <v>163</v>
      </c>
      <c r="F1301" t="s">
        <v>10</v>
      </c>
      <c r="G1301" t="s">
        <v>91</v>
      </c>
      <c r="H1301" t="s">
        <v>533</v>
      </c>
      <c r="I1301">
        <v>213.92</v>
      </c>
      <c r="J1301">
        <v>4</v>
      </c>
      <c r="K1301">
        <v>62.04</v>
      </c>
    </row>
    <row r="1302" spans="1:11" x14ac:dyDescent="0.3">
      <c r="A1302" s="1">
        <v>41925</v>
      </c>
      <c r="B1302" s="3">
        <f t="shared" si="40"/>
        <v>10</v>
      </c>
      <c r="C1302" s="3">
        <f t="shared" si="41"/>
        <v>2014</v>
      </c>
      <c r="D1302" t="s">
        <v>1458</v>
      </c>
      <c r="E1302" t="s">
        <v>163</v>
      </c>
      <c r="F1302" t="s">
        <v>38</v>
      </c>
      <c r="G1302" t="s">
        <v>51</v>
      </c>
      <c r="H1302" t="s">
        <v>1460</v>
      </c>
      <c r="I1302">
        <v>25.78</v>
      </c>
      <c r="J1302">
        <v>2</v>
      </c>
      <c r="K1302">
        <v>2.58</v>
      </c>
    </row>
    <row r="1303" spans="1:11" x14ac:dyDescent="0.3">
      <c r="A1303" s="1">
        <v>41925</v>
      </c>
      <c r="B1303" s="3">
        <f t="shared" si="40"/>
        <v>10</v>
      </c>
      <c r="C1303" s="3">
        <f t="shared" si="41"/>
        <v>2014</v>
      </c>
      <c r="D1303" t="s">
        <v>196</v>
      </c>
      <c r="E1303" t="s">
        <v>176</v>
      </c>
      <c r="F1303" t="s">
        <v>33</v>
      </c>
      <c r="G1303" t="s">
        <v>34</v>
      </c>
      <c r="H1303" t="s">
        <v>918</v>
      </c>
      <c r="I1303">
        <v>245.98</v>
      </c>
      <c r="J1303">
        <v>2</v>
      </c>
      <c r="K1303">
        <v>27.06</v>
      </c>
    </row>
    <row r="1304" spans="1:11" x14ac:dyDescent="0.3">
      <c r="A1304" s="1">
        <v>41925</v>
      </c>
      <c r="B1304" s="3">
        <f t="shared" si="40"/>
        <v>10</v>
      </c>
      <c r="C1304" s="3">
        <f t="shared" si="41"/>
        <v>2014</v>
      </c>
      <c r="D1304" t="s">
        <v>196</v>
      </c>
      <c r="E1304" t="s">
        <v>176</v>
      </c>
      <c r="F1304" t="s">
        <v>10</v>
      </c>
      <c r="G1304" t="s">
        <v>19</v>
      </c>
      <c r="H1304" t="s">
        <v>1461</v>
      </c>
      <c r="I1304">
        <v>18.940000000000001</v>
      </c>
      <c r="J1304">
        <v>1</v>
      </c>
      <c r="K1304">
        <v>9.4700000000000006</v>
      </c>
    </row>
    <row r="1305" spans="1:11" x14ac:dyDescent="0.3">
      <c r="A1305" s="1">
        <v>41925</v>
      </c>
      <c r="B1305" s="3">
        <f t="shared" si="40"/>
        <v>10</v>
      </c>
      <c r="C1305" s="3">
        <f t="shared" si="41"/>
        <v>2014</v>
      </c>
      <c r="D1305" t="s">
        <v>1462</v>
      </c>
      <c r="E1305" t="s">
        <v>148</v>
      </c>
      <c r="F1305" t="s">
        <v>10</v>
      </c>
      <c r="G1305" t="s">
        <v>19</v>
      </c>
      <c r="H1305" t="s">
        <v>521</v>
      </c>
      <c r="I1305">
        <v>7.75</v>
      </c>
      <c r="J1305">
        <v>3</v>
      </c>
      <c r="K1305">
        <v>2.81</v>
      </c>
    </row>
    <row r="1306" spans="1:11" x14ac:dyDescent="0.3">
      <c r="A1306" s="1">
        <v>41925</v>
      </c>
      <c r="B1306" s="3">
        <f t="shared" si="40"/>
        <v>10</v>
      </c>
      <c r="C1306" s="3">
        <f t="shared" si="41"/>
        <v>2014</v>
      </c>
      <c r="D1306" t="s">
        <v>1337</v>
      </c>
      <c r="E1306" t="s">
        <v>54</v>
      </c>
      <c r="F1306" t="s">
        <v>10</v>
      </c>
      <c r="G1306" t="s">
        <v>62</v>
      </c>
      <c r="H1306" t="s">
        <v>1463</v>
      </c>
      <c r="I1306">
        <v>36.4</v>
      </c>
      <c r="J1306">
        <v>5</v>
      </c>
      <c r="K1306">
        <v>17.47</v>
      </c>
    </row>
    <row r="1307" spans="1:11" x14ac:dyDescent="0.3">
      <c r="A1307" s="1">
        <v>41925</v>
      </c>
      <c r="B1307" s="3">
        <f t="shared" si="40"/>
        <v>10</v>
      </c>
      <c r="C1307" s="3">
        <f t="shared" si="41"/>
        <v>2014</v>
      </c>
      <c r="D1307" t="s">
        <v>1337</v>
      </c>
      <c r="E1307" t="s">
        <v>54</v>
      </c>
      <c r="F1307" t="s">
        <v>38</v>
      </c>
      <c r="G1307" t="s">
        <v>51</v>
      </c>
      <c r="H1307" t="s">
        <v>1283</v>
      </c>
      <c r="I1307">
        <v>22.96</v>
      </c>
      <c r="J1307">
        <v>2</v>
      </c>
      <c r="K1307">
        <v>4.3600000000000003</v>
      </c>
    </row>
    <row r="1308" spans="1:11" x14ac:dyDescent="0.3">
      <c r="A1308" s="1">
        <v>41925</v>
      </c>
      <c r="B1308" s="3">
        <f t="shared" si="40"/>
        <v>10</v>
      </c>
      <c r="C1308" s="3">
        <f t="shared" si="41"/>
        <v>2014</v>
      </c>
      <c r="D1308" t="s">
        <v>1337</v>
      </c>
      <c r="E1308" t="s">
        <v>54</v>
      </c>
      <c r="F1308" t="s">
        <v>10</v>
      </c>
      <c r="G1308" t="s">
        <v>17</v>
      </c>
      <c r="H1308" t="s">
        <v>1464</v>
      </c>
      <c r="I1308">
        <v>315.2</v>
      </c>
      <c r="J1308">
        <v>4</v>
      </c>
      <c r="K1308">
        <v>6.3</v>
      </c>
    </row>
    <row r="1309" spans="1:11" x14ac:dyDescent="0.3">
      <c r="A1309" s="1">
        <v>41925</v>
      </c>
      <c r="B1309" s="3">
        <f t="shared" si="40"/>
        <v>10</v>
      </c>
      <c r="C1309" s="3">
        <f t="shared" si="41"/>
        <v>2014</v>
      </c>
      <c r="D1309" t="s">
        <v>1337</v>
      </c>
      <c r="E1309" t="s">
        <v>54</v>
      </c>
      <c r="F1309" t="s">
        <v>10</v>
      </c>
      <c r="G1309" t="s">
        <v>19</v>
      </c>
      <c r="H1309" t="s">
        <v>1196</v>
      </c>
      <c r="I1309">
        <v>15.18</v>
      </c>
      <c r="J1309">
        <v>3</v>
      </c>
      <c r="K1309">
        <v>7.13</v>
      </c>
    </row>
    <row r="1310" spans="1:11" x14ac:dyDescent="0.3">
      <c r="A1310" s="1">
        <v>41926</v>
      </c>
      <c r="B1310" s="3">
        <f t="shared" si="40"/>
        <v>10</v>
      </c>
      <c r="C1310" s="3">
        <f t="shared" si="41"/>
        <v>2014</v>
      </c>
      <c r="D1310" t="s">
        <v>1465</v>
      </c>
      <c r="E1310" t="s">
        <v>684</v>
      </c>
      <c r="F1310" t="s">
        <v>10</v>
      </c>
      <c r="G1310" t="s">
        <v>19</v>
      </c>
      <c r="H1310" t="s">
        <v>79</v>
      </c>
      <c r="I1310">
        <v>22.92</v>
      </c>
      <c r="J1310">
        <v>4</v>
      </c>
      <c r="K1310">
        <v>11</v>
      </c>
    </row>
    <row r="1311" spans="1:11" x14ac:dyDescent="0.3">
      <c r="A1311" s="1">
        <v>41926</v>
      </c>
      <c r="B1311" s="3">
        <f t="shared" si="40"/>
        <v>10</v>
      </c>
      <c r="C1311" s="3">
        <f t="shared" si="41"/>
        <v>2014</v>
      </c>
      <c r="D1311" t="s">
        <v>1465</v>
      </c>
      <c r="E1311" t="s">
        <v>684</v>
      </c>
      <c r="F1311" t="s">
        <v>10</v>
      </c>
      <c r="G1311" t="s">
        <v>17</v>
      </c>
      <c r="H1311" t="s">
        <v>235</v>
      </c>
      <c r="I1311">
        <v>269.89999999999998</v>
      </c>
      <c r="J1311">
        <v>5</v>
      </c>
      <c r="K1311">
        <v>16.190000000000001</v>
      </c>
    </row>
    <row r="1312" spans="1:11" x14ac:dyDescent="0.3">
      <c r="A1312" s="1">
        <v>41926</v>
      </c>
      <c r="B1312" s="3">
        <f t="shared" si="40"/>
        <v>10</v>
      </c>
      <c r="C1312" s="3">
        <f t="shared" si="41"/>
        <v>2014</v>
      </c>
      <c r="D1312" t="s">
        <v>1466</v>
      </c>
      <c r="E1312" t="s">
        <v>9</v>
      </c>
      <c r="F1312" t="s">
        <v>10</v>
      </c>
      <c r="G1312" t="s">
        <v>91</v>
      </c>
      <c r="H1312" t="s">
        <v>1467</v>
      </c>
      <c r="I1312">
        <v>3.16</v>
      </c>
      <c r="J1312">
        <v>4</v>
      </c>
      <c r="K1312">
        <v>-8.5299999999999994</v>
      </c>
    </row>
    <row r="1313" spans="1:11" x14ac:dyDescent="0.3">
      <c r="A1313" s="1">
        <v>41926</v>
      </c>
      <c r="B1313" s="3">
        <f t="shared" si="40"/>
        <v>10</v>
      </c>
      <c r="C1313" s="3">
        <f t="shared" si="41"/>
        <v>2014</v>
      </c>
      <c r="D1313" t="s">
        <v>1466</v>
      </c>
      <c r="E1313" t="s">
        <v>9</v>
      </c>
      <c r="F1313" t="s">
        <v>38</v>
      </c>
      <c r="G1313" t="s">
        <v>602</v>
      </c>
      <c r="H1313" t="s">
        <v>1468</v>
      </c>
      <c r="I1313">
        <v>1999.96</v>
      </c>
      <c r="J1313">
        <v>5</v>
      </c>
      <c r="K1313">
        <v>624.99</v>
      </c>
    </row>
    <row r="1314" spans="1:11" x14ac:dyDescent="0.3">
      <c r="A1314" s="1">
        <v>41926</v>
      </c>
      <c r="B1314" s="3">
        <f t="shared" si="40"/>
        <v>10</v>
      </c>
      <c r="C1314" s="3">
        <f t="shared" si="41"/>
        <v>2014</v>
      </c>
      <c r="D1314" t="s">
        <v>155</v>
      </c>
      <c r="E1314" t="s">
        <v>14</v>
      </c>
      <c r="F1314" t="s">
        <v>10</v>
      </c>
      <c r="G1314" t="s">
        <v>11</v>
      </c>
      <c r="H1314" t="s">
        <v>369</v>
      </c>
      <c r="I1314">
        <v>322.19</v>
      </c>
      <c r="J1314">
        <v>13</v>
      </c>
      <c r="K1314">
        <v>100.69</v>
      </c>
    </row>
    <row r="1315" spans="1:11" x14ac:dyDescent="0.3">
      <c r="A1315" s="1">
        <v>41926</v>
      </c>
      <c r="B1315" s="3">
        <f t="shared" si="40"/>
        <v>10</v>
      </c>
      <c r="C1315" s="3">
        <f t="shared" si="41"/>
        <v>2014</v>
      </c>
      <c r="D1315" t="s">
        <v>155</v>
      </c>
      <c r="E1315" t="s">
        <v>14</v>
      </c>
      <c r="F1315" t="s">
        <v>10</v>
      </c>
      <c r="G1315" t="s">
        <v>19</v>
      </c>
      <c r="H1315" t="s">
        <v>149</v>
      </c>
      <c r="I1315">
        <v>2.95</v>
      </c>
      <c r="J1315">
        <v>3</v>
      </c>
      <c r="K1315">
        <v>-4.8600000000000003</v>
      </c>
    </row>
    <row r="1316" spans="1:11" x14ac:dyDescent="0.3">
      <c r="A1316" s="1">
        <v>41926</v>
      </c>
      <c r="B1316" s="3">
        <f t="shared" si="40"/>
        <v>10</v>
      </c>
      <c r="C1316" s="3">
        <f t="shared" si="41"/>
        <v>2014</v>
      </c>
      <c r="D1316" t="s">
        <v>155</v>
      </c>
      <c r="E1316" t="s">
        <v>14</v>
      </c>
      <c r="F1316" t="s">
        <v>10</v>
      </c>
      <c r="G1316" t="s">
        <v>11</v>
      </c>
      <c r="H1316" t="s">
        <v>1469</v>
      </c>
      <c r="I1316">
        <v>19.14</v>
      </c>
      <c r="J1316">
        <v>4</v>
      </c>
      <c r="K1316">
        <v>6.94</v>
      </c>
    </row>
    <row r="1317" spans="1:11" x14ac:dyDescent="0.3">
      <c r="A1317" s="1">
        <v>41926</v>
      </c>
      <c r="B1317" s="3">
        <f t="shared" si="40"/>
        <v>10</v>
      </c>
      <c r="C1317" s="3">
        <f t="shared" si="41"/>
        <v>2014</v>
      </c>
      <c r="D1317" t="s">
        <v>1470</v>
      </c>
      <c r="E1317" t="s">
        <v>433</v>
      </c>
      <c r="F1317" t="s">
        <v>38</v>
      </c>
      <c r="G1317" t="s">
        <v>51</v>
      </c>
      <c r="H1317" t="s">
        <v>1292</v>
      </c>
      <c r="I1317">
        <v>177</v>
      </c>
      <c r="J1317">
        <v>3</v>
      </c>
      <c r="K1317">
        <v>30.09</v>
      </c>
    </row>
    <row r="1318" spans="1:11" x14ac:dyDescent="0.3">
      <c r="A1318" s="1">
        <v>41926</v>
      </c>
      <c r="B1318" s="3">
        <f t="shared" si="40"/>
        <v>10</v>
      </c>
      <c r="C1318" s="3">
        <f t="shared" si="41"/>
        <v>2014</v>
      </c>
      <c r="D1318" t="s">
        <v>1470</v>
      </c>
      <c r="E1318" t="s">
        <v>433</v>
      </c>
      <c r="F1318" t="s">
        <v>10</v>
      </c>
      <c r="G1318" t="s">
        <v>17</v>
      </c>
      <c r="H1318" t="s">
        <v>1471</v>
      </c>
      <c r="I1318">
        <v>79.45</v>
      </c>
      <c r="J1318">
        <v>7</v>
      </c>
      <c r="K1318">
        <v>22.25</v>
      </c>
    </row>
    <row r="1319" spans="1:11" x14ac:dyDescent="0.3">
      <c r="A1319" s="1">
        <v>41926</v>
      </c>
      <c r="B1319" s="3">
        <f t="shared" si="40"/>
        <v>10</v>
      </c>
      <c r="C1319" s="3">
        <f t="shared" si="41"/>
        <v>2014</v>
      </c>
      <c r="D1319" t="s">
        <v>1470</v>
      </c>
      <c r="E1319" t="s">
        <v>433</v>
      </c>
      <c r="F1319" t="s">
        <v>33</v>
      </c>
      <c r="G1319" t="s">
        <v>34</v>
      </c>
      <c r="H1319" t="s">
        <v>1472</v>
      </c>
      <c r="I1319">
        <v>1628.82</v>
      </c>
      <c r="J1319">
        <v>9</v>
      </c>
      <c r="K1319">
        <v>260.61</v>
      </c>
    </row>
    <row r="1320" spans="1:11" x14ac:dyDescent="0.3">
      <c r="A1320" s="1">
        <v>41927</v>
      </c>
      <c r="B1320" s="3">
        <f t="shared" si="40"/>
        <v>10</v>
      </c>
      <c r="C1320" s="3">
        <f t="shared" si="41"/>
        <v>2014</v>
      </c>
      <c r="D1320" t="s">
        <v>883</v>
      </c>
      <c r="E1320" t="s">
        <v>122</v>
      </c>
      <c r="F1320" t="s">
        <v>33</v>
      </c>
      <c r="G1320" t="s">
        <v>46</v>
      </c>
      <c r="H1320" t="s">
        <v>338</v>
      </c>
      <c r="I1320">
        <v>15.38</v>
      </c>
      <c r="J1320">
        <v>1</v>
      </c>
      <c r="K1320">
        <v>4.04</v>
      </c>
    </row>
    <row r="1321" spans="1:11" x14ac:dyDescent="0.3">
      <c r="A1321" s="1">
        <v>41927</v>
      </c>
      <c r="B1321" s="3">
        <f t="shared" si="40"/>
        <v>10</v>
      </c>
      <c r="C1321" s="3">
        <f t="shared" si="41"/>
        <v>2014</v>
      </c>
      <c r="D1321" t="s">
        <v>1473</v>
      </c>
      <c r="E1321" t="s">
        <v>77</v>
      </c>
      <c r="F1321" t="s">
        <v>33</v>
      </c>
      <c r="G1321" t="s">
        <v>34</v>
      </c>
      <c r="H1321" t="s">
        <v>1260</v>
      </c>
      <c r="I1321">
        <v>183.37</v>
      </c>
      <c r="J1321">
        <v>2</v>
      </c>
      <c r="K1321">
        <v>-7.86</v>
      </c>
    </row>
    <row r="1322" spans="1:11" x14ac:dyDescent="0.3">
      <c r="A1322" s="1">
        <v>41927</v>
      </c>
      <c r="B1322" s="3">
        <f t="shared" si="40"/>
        <v>10</v>
      </c>
      <c r="C1322" s="3">
        <f t="shared" si="41"/>
        <v>2014</v>
      </c>
      <c r="D1322" t="s">
        <v>1473</v>
      </c>
      <c r="E1322" t="s">
        <v>77</v>
      </c>
      <c r="F1322" t="s">
        <v>10</v>
      </c>
      <c r="G1322" t="s">
        <v>11</v>
      </c>
      <c r="H1322" t="s">
        <v>980</v>
      </c>
      <c r="I1322">
        <v>7.97</v>
      </c>
      <c r="J1322">
        <v>2</v>
      </c>
      <c r="K1322">
        <v>2.89</v>
      </c>
    </row>
    <row r="1323" spans="1:11" x14ac:dyDescent="0.3">
      <c r="A1323" s="1">
        <v>41928</v>
      </c>
      <c r="B1323" s="3">
        <f t="shared" si="40"/>
        <v>10</v>
      </c>
      <c r="C1323" s="3">
        <f t="shared" si="41"/>
        <v>2014</v>
      </c>
      <c r="D1323" t="s">
        <v>1474</v>
      </c>
      <c r="E1323" t="s">
        <v>26</v>
      </c>
      <c r="F1323" t="s">
        <v>10</v>
      </c>
      <c r="G1323" t="s">
        <v>19</v>
      </c>
      <c r="H1323" t="s">
        <v>317</v>
      </c>
      <c r="I1323">
        <v>14.35</v>
      </c>
      <c r="J1323">
        <v>3</v>
      </c>
      <c r="K1323">
        <v>5.0199999999999996</v>
      </c>
    </row>
    <row r="1324" spans="1:11" x14ac:dyDescent="0.3">
      <c r="A1324" s="1">
        <v>41928</v>
      </c>
      <c r="B1324" s="3">
        <f t="shared" si="40"/>
        <v>10</v>
      </c>
      <c r="C1324" s="3">
        <f t="shared" si="41"/>
        <v>2014</v>
      </c>
      <c r="D1324" t="s">
        <v>1474</v>
      </c>
      <c r="E1324" t="s">
        <v>26</v>
      </c>
      <c r="F1324" t="s">
        <v>38</v>
      </c>
      <c r="G1324" t="s">
        <v>51</v>
      </c>
      <c r="H1324" t="s">
        <v>1475</v>
      </c>
      <c r="I1324">
        <v>179.97</v>
      </c>
      <c r="J1324">
        <v>3</v>
      </c>
      <c r="K1324">
        <v>86.39</v>
      </c>
    </row>
    <row r="1325" spans="1:11" x14ac:dyDescent="0.3">
      <c r="A1325" s="1">
        <v>41929</v>
      </c>
      <c r="B1325" s="3">
        <f t="shared" si="40"/>
        <v>10</v>
      </c>
      <c r="C1325" s="3">
        <f t="shared" si="41"/>
        <v>2014</v>
      </c>
      <c r="D1325" t="s">
        <v>1476</v>
      </c>
      <c r="E1325" t="s">
        <v>9</v>
      </c>
      <c r="F1325" t="s">
        <v>10</v>
      </c>
      <c r="G1325" t="s">
        <v>19</v>
      </c>
      <c r="H1325" t="s">
        <v>95</v>
      </c>
      <c r="I1325">
        <v>10.78</v>
      </c>
      <c r="J1325">
        <v>5</v>
      </c>
      <c r="K1325">
        <v>-17.25</v>
      </c>
    </row>
    <row r="1326" spans="1:11" x14ac:dyDescent="0.3">
      <c r="A1326" s="1">
        <v>41929</v>
      </c>
      <c r="B1326" s="3">
        <f t="shared" si="40"/>
        <v>10</v>
      </c>
      <c r="C1326" s="3">
        <f t="shared" si="41"/>
        <v>2014</v>
      </c>
      <c r="D1326" t="s">
        <v>1476</v>
      </c>
      <c r="E1326" t="s">
        <v>9</v>
      </c>
      <c r="F1326" t="s">
        <v>38</v>
      </c>
      <c r="G1326" t="s">
        <v>51</v>
      </c>
      <c r="H1326" t="s">
        <v>1007</v>
      </c>
      <c r="I1326">
        <v>119.98</v>
      </c>
      <c r="J1326">
        <v>3</v>
      </c>
      <c r="K1326">
        <v>-18</v>
      </c>
    </row>
    <row r="1327" spans="1:11" x14ac:dyDescent="0.3">
      <c r="A1327" s="1">
        <v>41929</v>
      </c>
      <c r="B1327" s="3">
        <f t="shared" si="40"/>
        <v>10</v>
      </c>
      <c r="C1327" s="3">
        <f t="shared" si="41"/>
        <v>2014</v>
      </c>
      <c r="D1327" t="s">
        <v>1407</v>
      </c>
      <c r="E1327" t="s">
        <v>9</v>
      </c>
      <c r="F1327" t="s">
        <v>33</v>
      </c>
      <c r="G1327" t="s">
        <v>46</v>
      </c>
      <c r="H1327" t="s">
        <v>1161</v>
      </c>
      <c r="I1327">
        <v>5.31</v>
      </c>
      <c r="J1327">
        <v>2</v>
      </c>
      <c r="K1327">
        <v>-1.59</v>
      </c>
    </row>
    <row r="1328" spans="1:11" x14ac:dyDescent="0.3">
      <c r="A1328" s="1">
        <v>41930</v>
      </c>
      <c r="B1328" s="3">
        <f t="shared" si="40"/>
        <v>10</v>
      </c>
      <c r="C1328" s="3">
        <f t="shared" si="41"/>
        <v>2014</v>
      </c>
      <c r="D1328" t="s">
        <v>1477</v>
      </c>
      <c r="E1328" t="s">
        <v>487</v>
      </c>
      <c r="F1328" t="s">
        <v>10</v>
      </c>
      <c r="G1328" t="s">
        <v>17</v>
      </c>
      <c r="H1328" t="s">
        <v>907</v>
      </c>
      <c r="I1328">
        <v>275.97000000000003</v>
      </c>
      <c r="J1328">
        <v>3</v>
      </c>
      <c r="K1328">
        <v>11.04</v>
      </c>
    </row>
    <row r="1329" spans="1:11" x14ac:dyDescent="0.3">
      <c r="A1329" s="1">
        <v>41930</v>
      </c>
      <c r="B1329" s="3">
        <f t="shared" si="40"/>
        <v>10</v>
      </c>
      <c r="C1329" s="3">
        <f t="shared" si="41"/>
        <v>2014</v>
      </c>
      <c r="D1329" t="s">
        <v>1477</v>
      </c>
      <c r="E1329" t="s">
        <v>487</v>
      </c>
      <c r="F1329" t="s">
        <v>38</v>
      </c>
      <c r="G1329" t="s">
        <v>39</v>
      </c>
      <c r="H1329" t="s">
        <v>1478</v>
      </c>
      <c r="I1329">
        <v>1394.95</v>
      </c>
      <c r="J1329">
        <v>5</v>
      </c>
      <c r="K1329">
        <v>362.69</v>
      </c>
    </row>
    <row r="1330" spans="1:11" x14ac:dyDescent="0.3">
      <c r="A1330" s="1">
        <v>41930</v>
      </c>
      <c r="B1330" s="3">
        <f t="shared" si="40"/>
        <v>10</v>
      </c>
      <c r="C1330" s="3">
        <f t="shared" si="41"/>
        <v>2014</v>
      </c>
      <c r="D1330" t="s">
        <v>1477</v>
      </c>
      <c r="E1330" t="s">
        <v>487</v>
      </c>
      <c r="F1330" t="s">
        <v>33</v>
      </c>
      <c r="G1330" t="s">
        <v>34</v>
      </c>
      <c r="H1330" t="s">
        <v>1479</v>
      </c>
      <c r="I1330">
        <v>545.88</v>
      </c>
      <c r="J1330">
        <v>6</v>
      </c>
      <c r="K1330">
        <v>70.959999999999994</v>
      </c>
    </row>
    <row r="1331" spans="1:11" x14ac:dyDescent="0.3">
      <c r="A1331" s="1">
        <v>41930</v>
      </c>
      <c r="B1331" s="3">
        <f t="shared" si="40"/>
        <v>10</v>
      </c>
      <c r="C1331" s="3">
        <f t="shared" si="41"/>
        <v>2014</v>
      </c>
      <c r="D1331" t="s">
        <v>524</v>
      </c>
      <c r="E1331" t="s">
        <v>22</v>
      </c>
      <c r="F1331" t="s">
        <v>10</v>
      </c>
      <c r="G1331" t="s">
        <v>62</v>
      </c>
      <c r="H1331" t="s">
        <v>1480</v>
      </c>
      <c r="I1331">
        <v>52.51</v>
      </c>
      <c r="J1331">
        <v>6</v>
      </c>
      <c r="K1331">
        <v>19.690000000000001</v>
      </c>
    </row>
    <row r="1332" spans="1:11" x14ac:dyDescent="0.3">
      <c r="A1332" s="1">
        <v>41930</v>
      </c>
      <c r="B1332" s="3">
        <f t="shared" si="40"/>
        <v>10</v>
      </c>
      <c r="C1332" s="3">
        <f t="shared" si="41"/>
        <v>2014</v>
      </c>
      <c r="D1332" t="s">
        <v>524</v>
      </c>
      <c r="E1332" t="s">
        <v>22</v>
      </c>
      <c r="F1332" t="s">
        <v>10</v>
      </c>
      <c r="G1332" t="s">
        <v>17</v>
      </c>
      <c r="H1332" t="s">
        <v>1481</v>
      </c>
      <c r="I1332">
        <v>186.91</v>
      </c>
      <c r="J1332">
        <v>6</v>
      </c>
      <c r="K1332">
        <v>-35.049999999999997</v>
      </c>
    </row>
    <row r="1333" spans="1:11" x14ac:dyDescent="0.3">
      <c r="A1333" s="1">
        <v>41930</v>
      </c>
      <c r="B1333" s="3">
        <f t="shared" si="40"/>
        <v>10</v>
      </c>
      <c r="C1333" s="3">
        <f t="shared" si="41"/>
        <v>2014</v>
      </c>
      <c r="D1333" t="s">
        <v>524</v>
      </c>
      <c r="E1333" t="s">
        <v>22</v>
      </c>
      <c r="F1333" t="s">
        <v>10</v>
      </c>
      <c r="G1333" t="s">
        <v>11</v>
      </c>
      <c r="H1333" t="s">
        <v>618</v>
      </c>
      <c r="I1333">
        <v>10.050000000000001</v>
      </c>
      <c r="J1333">
        <v>4</v>
      </c>
      <c r="K1333">
        <v>3.14</v>
      </c>
    </row>
    <row r="1334" spans="1:11" x14ac:dyDescent="0.3">
      <c r="A1334" s="1">
        <v>41930</v>
      </c>
      <c r="B1334" s="3">
        <f t="shared" si="40"/>
        <v>10</v>
      </c>
      <c r="C1334" s="3">
        <f t="shared" si="41"/>
        <v>2014</v>
      </c>
      <c r="D1334" t="s">
        <v>1482</v>
      </c>
      <c r="E1334" t="s">
        <v>100</v>
      </c>
      <c r="F1334" t="s">
        <v>33</v>
      </c>
      <c r="G1334" t="s">
        <v>34</v>
      </c>
      <c r="H1334" t="s">
        <v>1483</v>
      </c>
      <c r="I1334">
        <v>605.34</v>
      </c>
      <c r="J1334">
        <v>6</v>
      </c>
      <c r="K1334">
        <v>145.28</v>
      </c>
    </row>
    <row r="1335" spans="1:11" x14ac:dyDescent="0.3">
      <c r="A1335" s="1">
        <v>41930</v>
      </c>
      <c r="B1335" s="3">
        <f t="shared" si="40"/>
        <v>10</v>
      </c>
      <c r="C1335" s="3">
        <f t="shared" si="41"/>
        <v>2014</v>
      </c>
      <c r="D1335" t="s">
        <v>1484</v>
      </c>
      <c r="E1335" t="s">
        <v>163</v>
      </c>
      <c r="F1335" t="s">
        <v>10</v>
      </c>
      <c r="G1335" t="s">
        <v>11</v>
      </c>
      <c r="H1335" t="s">
        <v>1125</v>
      </c>
      <c r="I1335">
        <v>61.96</v>
      </c>
      <c r="J1335">
        <v>2</v>
      </c>
      <c r="K1335">
        <v>27.88</v>
      </c>
    </row>
    <row r="1336" spans="1:11" x14ac:dyDescent="0.3">
      <c r="A1336" s="1">
        <v>41930</v>
      </c>
      <c r="B1336" s="3">
        <f t="shared" si="40"/>
        <v>10</v>
      </c>
      <c r="C1336" s="3">
        <f t="shared" si="41"/>
        <v>2014</v>
      </c>
      <c r="D1336" t="s">
        <v>1484</v>
      </c>
      <c r="E1336" t="s">
        <v>163</v>
      </c>
      <c r="F1336" t="s">
        <v>10</v>
      </c>
      <c r="G1336" t="s">
        <v>19</v>
      </c>
      <c r="H1336" t="s">
        <v>1485</v>
      </c>
      <c r="I1336">
        <v>1.34</v>
      </c>
      <c r="J1336">
        <v>1</v>
      </c>
      <c r="K1336">
        <v>0.47</v>
      </c>
    </row>
    <row r="1337" spans="1:11" x14ac:dyDescent="0.3">
      <c r="A1337" s="1">
        <v>41931</v>
      </c>
      <c r="B1337" s="3">
        <f t="shared" si="40"/>
        <v>10</v>
      </c>
      <c r="C1337" s="3">
        <f t="shared" si="41"/>
        <v>2014</v>
      </c>
      <c r="D1337" t="s">
        <v>1486</v>
      </c>
      <c r="E1337" t="s">
        <v>26</v>
      </c>
      <c r="F1337" t="s">
        <v>10</v>
      </c>
      <c r="G1337" t="s">
        <v>11</v>
      </c>
      <c r="H1337" t="s">
        <v>1487</v>
      </c>
      <c r="I1337">
        <v>13.44</v>
      </c>
      <c r="J1337">
        <v>3</v>
      </c>
      <c r="K1337">
        <v>6.59</v>
      </c>
    </row>
    <row r="1338" spans="1:11" x14ac:dyDescent="0.3">
      <c r="A1338" s="1">
        <v>41931</v>
      </c>
      <c r="B1338" s="3">
        <f t="shared" si="40"/>
        <v>10</v>
      </c>
      <c r="C1338" s="3">
        <f t="shared" si="41"/>
        <v>2014</v>
      </c>
      <c r="D1338" t="s">
        <v>1488</v>
      </c>
      <c r="E1338" t="s">
        <v>26</v>
      </c>
      <c r="F1338" t="s">
        <v>10</v>
      </c>
      <c r="G1338" t="s">
        <v>19</v>
      </c>
      <c r="H1338" t="s">
        <v>1489</v>
      </c>
      <c r="I1338">
        <v>2.99</v>
      </c>
      <c r="J1338">
        <v>1</v>
      </c>
      <c r="K1338">
        <v>1.1200000000000001</v>
      </c>
    </row>
    <row r="1339" spans="1:11" x14ac:dyDescent="0.3">
      <c r="A1339" s="1">
        <v>41931</v>
      </c>
      <c r="B1339" s="3">
        <f t="shared" si="40"/>
        <v>10</v>
      </c>
      <c r="C1339" s="3">
        <f t="shared" si="41"/>
        <v>2014</v>
      </c>
      <c r="D1339" t="s">
        <v>1488</v>
      </c>
      <c r="E1339" t="s">
        <v>26</v>
      </c>
      <c r="F1339" t="s">
        <v>10</v>
      </c>
      <c r="G1339" t="s">
        <v>19</v>
      </c>
      <c r="H1339" t="s">
        <v>1490</v>
      </c>
      <c r="I1339">
        <v>20.059999999999999</v>
      </c>
      <c r="J1339">
        <v>6</v>
      </c>
      <c r="K1339">
        <v>7.02</v>
      </c>
    </row>
    <row r="1340" spans="1:11" x14ac:dyDescent="0.3">
      <c r="A1340" s="1">
        <v>41931</v>
      </c>
      <c r="B1340" s="3">
        <f t="shared" si="40"/>
        <v>10</v>
      </c>
      <c r="C1340" s="3">
        <f t="shared" si="41"/>
        <v>2014</v>
      </c>
      <c r="D1340" t="s">
        <v>1488</v>
      </c>
      <c r="E1340" t="s">
        <v>26</v>
      </c>
      <c r="F1340" t="s">
        <v>10</v>
      </c>
      <c r="G1340" t="s">
        <v>11</v>
      </c>
      <c r="H1340" t="s">
        <v>1491</v>
      </c>
      <c r="I1340">
        <v>146.72999999999999</v>
      </c>
      <c r="J1340">
        <v>3</v>
      </c>
      <c r="K1340">
        <v>68.959999999999994</v>
      </c>
    </row>
    <row r="1341" spans="1:11" x14ac:dyDescent="0.3">
      <c r="A1341" s="1">
        <v>41931</v>
      </c>
      <c r="B1341" s="3">
        <f t="shared" si="40"/>
        <v>10</v>
      </c>
      <c r="C1341" s="3">
        <f t="shared" si="41"/>
        <v>2014</v>
      </c>
      <c r="D1341" t="s">
        <v>1488</v>
      </c>
      <c r="E1341" t="s">
        <v>26</v>
      </c>
      <c r="F1341" t="s">
        <v>10</v>
      </c>
      <c r="G1341" t="s">
        <v>15</v>
      </c>
      <c r="H1341" t="s">
        <v>171</v>
      </c>
      <c r="I1341">
        <v>18.75</v>
      </c>
      <c r="J1341">
        <v>5</v>
      </c>
      <c r="K1341">
        <v>9</v>
      </c>
    </row>
    <row r="1342" spans="1:11" x14ac:dyDescent="0.3">
      <c r="A1342" s="1">
        <v>41931</v>
      </c>
      <c r="B1342" s="3">
        <f t="shared" si="40"/>
        <v>10</v>
      </c>
      <c r="C1342" s="3">
        <f t="shared" si="41"/>
        <v>2014</v>
      </c>
      <c r="D1342" t="s">
        <v>1488</v>
      </c>
      <c r="E1342" t="s">
        <v>26</v>
      </c>
      <c r="F1342" t="s">
        <v>38</v>
      </c>
      <c r="G1342" t="s">
        <v>39</v>
      </c>
      <c r="H1342" t="s">
        <v>1492</v>
      </c>
      <c r="I1342">
        <v>117.58</v>
      </c>
      <c r="J1342">
        <v>3</v>
      </c>
      <c r="K1342">
        <v>11.76</v>
      </c>
    </row>
    <row r="1343" spans="1:11" x14ac:dyDescent="0.3">
      <c r="A1343" s="1">
        <v>41931</v>
      </c>
      <c r="B1343" s="3">
        <f t="shared" si="40"/>
        <v>10</v>
      </c>
      <c r="C1343" s="3">
        <f t="shared" si="41"/>
        <v>2014</v>
      </c>
      <c r="D1343" t="s">
        <v>1493</v>
      </c>
      <c r="E1343" t="s">
        <v>26</v>
      </c>
      <c r="F1343" t="s">
        <v>38</v>
      </c>
      <c r="G1343" t="s">
        <v>39</v>
      </c>
      <c r="H1343" t="s">
        <v>493</v>
      </c>
      <c r="I1343">
        <v>321.55</v>
      </c>
      <c r="J1343">
        <v>6</v>
      </c>
      <c r="K1343">
        <v>20.100000000000001</v>
      </c>
    </row>
    <row r="1344" spans="1:11" x14ac:dyDescent="0.3">
      <c r="A1344" s="1">
        <v>41932</v>
      </c>
      <c r="B1344" s="3">
        <f t="shared" si="40"/>
        <v>10</v>
      </c>
      <c r="C1344" s="3">
        <f t="shared" si="41"/>
        <v>2014</v>
      </c>
      <c r="D1344" t="s">
        <v>372</v>
      </c>
      <c r="E1344" t="s">
        <v>109</v>
      </c>
      <c r="F1344" t="s">
        <v>10</v>
      </c>
      <c r="G1344" t="s">
        <v>17</v>
      </c>
      <c r="H1344" t="s">
        <v>1373</v>
      </c>
      <c r="I1344">
        <v>211.96</v>
      </c>
      <c r="J1344">
        <v>4</v>
      </c>
      <c r="K1344">
        <v>8.48</v>
      </c>
    </row>
    <row r="1345" spans="1:11" x14ac:dyDescent="0.3">
      <c r="A1345" s="1">
        <v>41932</v>
      </c>
      <c r="B1345" s="3">
        <f t="shared" si="40"/>
        <v>10</v>
      </c>
      <c r="C1345" s="3">
        <f t="shared" si="41"/>
        <v>2014</v>
      </c>
      <c r="D1345" t="s">
        <v>1494</v>
      </c>
      <c r="E1345" t="s">
        <v>119</v>
      </c>
      <c r="F1345" t="s">
        <v>33</v>
      </c>
      <c r="G1345" t="s">
        <v>144</v>
      </c>
      <c r="H1345" t="s">
        <v>1495</v>
      </c>
      <c r="I1345">
        <v>328.59</v>
      </c>
      <c r="J1345">
        <v>3</v>
      </c>
      <c r="K1345">
        <v>-147.87</v>
      </c>
    </row>
    <row r="1346" spans="1:11" x14ac:dyDescent="0.3">
      <c r="A1346" s="1">
        <v>41932</v>
      </c>
      <c r="B1346" s="3">
        <f t="shared" ref="B1346:B1409" si="42">MONTH(A:A)</f>
        <v>10</v>
      </c>
      <c r="C1346" s="3">
        <f t="shared" ref="C1346:C1409" si="43">YEAR(A:A)</f>
        <v>2014</v>
      </c>
      <c r="D1346" t="s">
        <v>1494</v>
      </c>
      <c r="E1346" t="s">
        <v>119</v>
      </c>
      <c r="F1346" t="s">
        <v>10</v>
      </c>
      <c r="G1346" t="s">
        <v>17</v>
      </c>
      <c r="H1346" t="s">
        <v>271</v>
      </c>
      <c r="I1346">
        <v>98.35</v>
      </c>
      <c r="J1346">
        <v>3</v>
      </c>
      <c r="K1346">
        <v>-24.59</v>
      </c>
    </row>
    <row r="1347" spans="1:11" x14ac:dyDescent="0.3">
      <c r="A1347" s="1">
        <v>41932</v>
      </c>
      <c r="B1347" s="3">
        <f t="shared" si="42"/>
        <v>10</v>
      </c>
      <c r="C1347" s="3">
        <f t="shared" si="43"/>
        <v>2014</v>
      </c>
      <c r="D1347" t="s">
        <v>1496</v>
      </c>
      <c r="E1347" t="s">
        <v>14</v>
      </c>
      <c r="F1347" t="s">
        <v>38</v>
      </c>
      <c r="G1347" t="s">
        <v>51</v>
      </c>
      <c r="H1347" t="s">
        <v>730</v>
      </c>
      <c r="I1347">
        <v>319.97000000000003</v>
      </c>
      <c r="J1347">
        <v>4</v>
      </c>
      <c r="K1347">
        <v>71.989999999999995</v>
      </c>
    </row>
    <row r="1348" spans="1:11" x14ac:dyDescent="0.3">
      <c r="A1348" s="1">
        <v>41932</v>
      </c>
      <c r="B1348" s="3">
        <f t="shared" si="42"/>
        <v>10</v>
      </c>
      <c r="C1348" s="3">
        <f t="shared" si="43"/>
        <v>2014</v>
      </c>
      <c r="D1348" t="s">
        <v>1496</v>
      </c>
      <c r="E1348" t="s">
        <v>14</v>
      </c>
      <c r="F1348" t="s">
        <v>10</v>
      </c>
      <c r="G1348" t="s">
        <v>17</v>
      </c>
      <c r="H1348" t="s">
        <v>1497</v>
      </c>
      <c r="I1348">
        <v>505.32</v>
      </c>
      <c r="J1348">
        <v>3</v>
      </c>
      <c r="K1348">
        <v>31.58</v>
      </c>
    </row>
    <row r="1349" spans="1:11" x14ac:dyDescent="0.3">
      <c r="A1349" s="1">
        <v>41932</v>
      </c>
      <c r="B1349" s="3">
        <f t="shared" si="42"/>
        <v>10</v>
      </c>
      <c r="C1349" s="3">
        <f t="shared" si="43"/>
        <v>2014</v>
      </c>
      <c r="D1349" t="s">
        <v>1496</v>
      </c>
      <c r="E1349" t="s">
        <v>14</v>
      </c>
      <c r="F1349" t="s">
        <v>10</v>
      </c>
      <c r="G1349" t="s">
        <v>11</v>
      </c>
      <c r="H1349" t="s">
        <v>1498</v>
      </c>
      <c r="I1349">
        <v>3.81</v>
      </c>
      <c r="J1349">
        <v>1</v>
      </c>
      <c r="K1349">
        <v>1.24</v>
      </c>
    </row>
    <row r="1350" spans="1:11" x14ac:dyDescent="0.3">
      <c r="A1350" s="1">
        <v>41932</v>
      </c>
      <c r="B1350" s="3">
        <f t="shared" si="42"/>
        <v>10</v>
      </c>
      <c r="C1350" s="3">
        <f t="shared" si="43"/>
        <v>2014</v>
      </c>
      <c r="D1350" t="s">
        <v>1496</v>
      </c>
      <c r="E1350" t="s">
        <v>14</v>
      </c>
      <c r="F1350" t="s">
        <v>10</v>
      </c>
      <c r="G1350" t="s">
        <v>19</v>
      </c>
      <c r="H1350" t="s">
        <v>1138</v>
      </c>
      <c r="I1350">
        <v>8.68</v>
      </c>
      <c r="J1350">
        <v>1</v>
      </c>
      <c r="K1350">
        <v>-14.76</v>
      </c>
    </row>
    <row r="1351" spans="1:11" x14ac:dyDescent="0.3">
      <c r="A1351" s="1">
        <v>41932</v>
      </c>
      <c r="B1351" s="3">
        <f t="shared" si="42"/>
        <v>10</v>
      </c>
      <c r="C1351" s="3">
        <f t="shared" si="43"/>
        <v>2014</v>
      </c>
      <c r="D1351" t="s">
        <v>1496</v>
      </c>
      <c r="E1351" t="s">
        <v>14</v>
      </c>
      <c r="F1351" t="s">
        <v>10</v>
      </c>
      <c r="G1351" t="s">
        <v>15</v>
      </c>
      <c r="H1351" t="s">
        <v>1499</v>
      </c>
      <c r="I1351">
        <v>24.42</v>
      </c>
      <c r="J1351">
        <v>1</v>
      </c>
      <c r="K1351">
        <v>7.94</v>
      </c>
    </row>
    <row r="1352" spans="1:11" x14ac:dyDescent="0.3">
      <c r="A1352" s="1">
        <v>41933</v>
      </c>
      <c r="B1352" s="3">
        <f t="shared" si="42"/>
        <v>10</v>
      </c>
      <c r="C1352" s="3">
        <f t="shared" si="43"/>
        <v>2014</v>
      </c>
      <c r="D1352" t="s">
        <v>1476</v>
      </c>
      <c r="E1352" t="s">
        <v>77</v>
      </c>
      <c r="F1352" t="s">
        <v>10</v>
      </c>
      <c r="G1352" t="s">
        <v>91</v>
      </c>
      <c r="H1352" t="s">
        <v>1079</v>
      </c>
      <c r="I1352">
        <v>121.79</v>
      </c>
      <c r="J1352">
        <v>4</v>
      </c>
      <c r="K1352">
        <v>13.7</v>
      </c>
    </row>
    <row r="1353" spans="1:11" x14ac:dyDescent="0.3">
      <c r="A1353" s="1">
        <v>41933</v>
      </c>
      <c r="B1353" s="3">
        <f t="shared" si="42"/>
        <v>10</v>
      </c>
      <c r="C1353" s="3">
        <f t="shared" si="43"/>
        <v>2014</v>
      </c>
      <c r="D1353" t="s">
        <v>1476</v>
      </c>
      <c r="E1353" t="s">
        <v>77</v>
      </c>
      <c r="F1353" t="s">
        <v>33</v>
      </c>
      <c r="G1353" t="s">
        <v>144</v>
      </c>
      <c r="H1353" t="s">
        <v>1500</v>
      </c>
      <c r="I1353">
        <v>409.59</v>
      </c>
      <c r="J1353">
        <v>3</v>
      </c>
      <c r="K1353">
        <v>-122.88</v>
      </c>
    </row>
    <row r="1354" spans="1:11" x14ac:dyDescent="0.3">
      <c r="A1354" s="1">
        <v>41933</v>
      </c>
      <c r="B1354" s="3">
        <f t="shared" si="42"/>
        <v>10</v>
      </c>
      <c r="C1354" s="3">
        <f t="shared" si="43"/>
        <v>2014</v>
      </c>
      <c r="D1354" t="s">
        <v>1501</v>
      </c>
      <c r="E1354" t="s">
        <v>26</v>
      </c>
      <c r="F1354" t="s">
        <v>10</v>
      </c>
      <c r="G1354" t="s">
        <v>19</v>
      </c>
      <c r="H1354" t="s">
        <v>1502</v>
      </c>
      <c r="I1354">
        <v>36.36</v>
      </c>
      <c r="J1354">
        <v>3</v>
      </c>
      <c r="K1354">
        <v>12.27</v>
      </c>
    </row>
    <row r="1355" spans="1:11" x14ac:dyDescent="0.3">
      <c r="A1355" s="1">
        <v>41933</v>
      </c>
      <c r="B1355" s="3">
        <f t="shared" si="42"/>
        <v>10</v>
      </c>
      <c r="C1355" s="3">
        <f t="shared" si="43"/>
        <v>2014</v>
      </c>
      <c r="D1355" t="s">
        <v>482</v>
      </c>
      <c r="E1355" t="s">
        <v>54</v>
      </c>
      <c r="F1355" t="s">
        <v>10</v>
      </c>
      <c r="G1355" t="s">
        <v>17</v>
      </c>
      <c r="H1355" t="s">
        <v>1481</v>
      </c>
      <c r="I1355">
        <v>194.7</v>
      </c>
      <c r="J1355">
        <v>5</v>
      </c>
      <c r="K1355">
        <v>9.74</v>
      </c>
    </row>
    <row r="1356" spans="1:11" x14ac:dyDescent="0.3">
      <c r="A1356" s="1">
        <v>41933</v>
      </c>
      <c r="B1356" s="3">
        <f t="shared" si="42"/>
        <v>10</v>
      </c>
      <c r="C1356" s="3">
        <f t="shared" si="43"/>
        <v>2014</v>
      </c>
      <c r="D1356" t="s">
        <v>482</v>
      </c>
      <c r="E1356" t="s">
        <v>54</v>
      </c>
      <c r="F1356" t="s">
        <v>33</v>
      </c>
      <c r="G1356" t="s">
        <v>144</v>
      </c>
      <c r="H1356" t="s">
        <v>1332</v>
      </c>
      <c r="I1356">
        <v>591.32000000000005</v>
      </c>
      <c r="J1356">
        <v>4</v>
      </c>
      <c r="K1356">
        <v>112.35</v>
      </c>
    </row>
    <row r="1357" spans="1:11" x14ac:dyDescent="0.3">
      <c r="A1357" s="1">
        <v>41933</v>
      </c>
      <c r="B1357" s="3">
        <f t="shared" si="42"/>
        <v>10</v>
      </c>
      <c r="C1357" s="3">
        <f t="shared" si="43"/>
        <v>2014</v>
      </c>
      <c r="D1357" t="s">
        <v>482</v>
      </c>
      <c r="E1357" t="s">
        <v>54</v>
      </c>
      <c r="F1357" t="s">
        <v>10</v>
      </c>
      <c r="G1357" t="s">
        <v>23</v>
      </c>
      <c r="H1357" t="s">
        <v>1503</v>
      </c>
      <c r="I1357">
        <v>2.84</v>
      </c>
      <c r="J1357">
        <v>1</v>
      </c>
      <c r="K1357">
        <v>0.88</v>
      </c>
    </row>
    <row r="1358" spans="1:11" x14ac:dyDescent="0.3">
      <c r="A1358" s="1">
        <v>41934</v>
      </c>
      <c r="B1358" s="3">
        <f t="shared" si="42"/>
        <v>10</v>
      </c>
      <c r="C1358" s="3">
        <f t="shared" si="43"/>
        <v>2014</v>
      </c>
      <c r="D1358" t="s">
        <v>1504</v>
      </c>
      <c r="E1358" t="s">
        <v>77</v>
      </c>
      <c r="F1358" t="s">
        <v>33</v>
      </c>
      <c r="G1358" t="s">
        <v>46</v>
      </c>
      <c r="H1358" t="s">
        <v>1405</v>
      </c>
      <c r="I1358">
        <v>93.89</v>
      </c>
      <c r="J1358">
        <v>4</v>
      </c>
      <c r="K1358">
        <v>12.91</v>
      </c>
    </row>
    <row r="1359" spans="1:11" x14ac:dyDescent="0.3">
      <c r="A1359" s="1">
        <v>41934</v>
      </c>
      <c r="B1359" s="3">
        <f t="shared" si="42"/>
        <v>10</v>
      </c>
      <c r="C1359" s="3">
        <f t="shared" si="43"/>
        <v>2014</v>
      </c>
      <c r="D1359" t="s">
        <v>1380</v>
      </c>
      <c r="E1359" t="s">
        <v>61</v>
      </c>
      <c r="F1359" t="s">
        <v>33</v>
      </c>
      <c r="G1359" t="s">
        <v>46</v>
      </c>
      <c r="H1359" t="s">
        <v>1505</v>
      </c>
      <c r="I1359">
        <v>129.91999999999999</v>
      </c>
      <c r="J1359">
        <v>4</v>
      </c>
      <c r="K1359">
        <v>10.39</v>
      </c>
    </row>
    <row r="1360" spans="1:11" x14ac:dyDescent="0.3">
      <c r="A1360" s="1">
        <v>41936</v>
      </c>
      <c r="B1360" s="3">
        <f t="shared" si="42"/>
        <v>10</v>
      </c>
      <c r="C1360" s="3">
        <f t="shared" si="43"/>
        <v>2014</v>
      </c>
      <c r="D1360" t="s">
        <v>1506</v>
      </c>
      <c r="E1360" t="s">
        <v>122</v>
      </c>
      <c r="F1360" t="s">
        <v>10</v>
      </c>
      <c r="G1360" t="s">
        <v>11</v>
      </c>
      <c r="H1360" t="s">
        <v>1263</v>
      </c>
      <c r="I1360">
        <v>10.37</v>
      </c>
      <c r="J1360">
        <v>2</v>
      </c>
      <c r="K1360">
        <v>3.63</v>
      </c>
    </row>
    <row r="1361" spans="1:11" x14ac:dyDescent="0.3">
      <c r="A1361" s="1">
        <v>41936</v>
      </c>
      <c r="B1361" s="3">
        <f t="shared" si="42"/>
        <v>10</v>
      </c>
      <c r="C1361" s="3">
        <f t="shared" si="43"/>
        <v>2014</v>
      </c>
      <c r="D1361" t="s">
        <v>553</v>
      </c>
      <c r="E1361" t="s">
        <v>26</v>
      </c>
      <c r="F1361" t="s">
        <v>10</v>
      </c>
      <c r="G1361" t="s">
        <v>19</v>
      </c>
      <c r="H1361" t="s">
        <v>818</v>
      </c>
      <c r="I1361">
        <v>34.270000000000003</v>
      </c>
      <c r="J1361">
        <v>3</v>
      </c>
      <c r="K1361">
        <v>11.14</v>
      </c>
    </row>
    <row r="1362" spans="1:11" x14ac:dyDescent="0.3">
      <c r="A1362" s="1">
        <v>41936</v>
      </c>
      <c r="B1362" s="3">
        <f t="shared" si="42"/>
        <v>10</v>
      </c>
      <c r="C1362" s="3">
        <f t="shared" si="43"/>
        <v>2014</v>
      </c>
      <c r="D1362" t="s">
        <v>1151</v>
      </c>
      <c r="E1362" t="s">
        <v>69</v>
      </c>
      <c r="F1362" t="s">
        <v>10</v>
      </c>
      <c r="G1362" t="s">
        <v>42</v>
      </c>
      <c r="H1362" t="s">
        <v>1507</v>
      </c>
      <c r="I1362">
        <v>11.85</v>
      </c>
      <c r="J1362">
        <v>3</v>
      </c>
      <c r="K1362">
        <v>3.79</v>
      </c>
    </row>
    <row r="1363" spans="1:11" x14ac:dyDescent="0.3">
      <c r="A1363" s="1">
        <v>41937</v>
      </c>
      <c r="B1363" s="3">
        <f t="shared" si="42"/>
        <v>10</v>
      </c>
      <c r="C1363" s="3">
        <f t="shared" si="43"/>
        <v>2014</v>
      </c>
      <c r="D1363" t="s">
        <v>557</v>
      </c>
      <c r="E1363" t="s">
        <v>26</v>
      </c>
      <c r="F1363" t="s">
        <v>10</v>
      </c>
      <c r="G1363" t="s">
        <v>19</v>
      </c>
      <c r="H1363" t="s">
        <v>1508</v>
      </c>
      <c r="I1363">
        <v>49.41</v>
      </c>
      <c r="J1363">
        <v>4</v>
      </c>
      <c r="K1363">
        <v>18.53</v>
      </c>
    </row>
    <row r="1364" spans="1:11" x14ac:dyDescent="0.3">
      <c r="A1364" s="1">
        <v>41937</v>
      </c>
      <c r="B1364" s="3">
        <f t="shared" si="42"/>
        <v>10</v>
      </c>
      <c r="C1364" s="3">
        <f t="shared" si="43"/>
        <v>2014</v>
      </c>
      <c r="D1364" t="s">
        <v>701</v>
      </c>
      <c r="E1364" t="s">
        <v>22</v>
      </c>
      <c r="F1364" t="s">
        <v>38</v>
      </c>
      <c r="G1364" t="s">
        <v>51</v>
      </c>
      <c r="H1364" t="s">
        <v>1509</v>
      </c>
      <c r="I1364">
        <v>40.78</v>
      </c>
      <c r="J1364">
        <v>3</v>
      </c>
      <c r="K1364">
        <v>0.51</v>
      </c>
    </row>
    <row r="1365" spans="1:11" x14ac:dyDescent="0.3">
      <c r="A1365" s="1">
        <v>41937</v>
      </c>
      <c r="B1365" s="3">
        <f t="shared" si="42"/>
        <v>10</v>
      </c>
      <c r="C1365" s="3">
        <f t="shared" si="43"/>
        <v>2014</v>
      </c>
      <c r="D1365" t="s">
        <v>701</v>
      </c>
      <c r="E1365" t="s">
        <v>22</v>
      </c>
      <c r="F1365" t="s">
        <v>10</v>
      </c>
      <c r="G1365" t="s">
        <v>19</v>
      </c>
      <c r="H1365" t="s">
        <v>329</v>
      </c>
      <c r="I1365">
        <v>13.7</v>
      </c>
      <c r="J1365">
        <v>3</v>
      </c>
      <c r="K1365">
        <v>-9.59</v>
      </c>
    </row>
    <row r="1366" spans="1:11" x14ac:dyDescent="0.3">
      <c r="A1366" s="1">
        <v>41938</v>
      </c>
      <c r="B1366" s="3">
        <f t="shared" si="42"/>
        <v>10</v>
      </c>
      <c r="C1366" s="3">
        <f t="shared" si="43"/>
        <v>2014</v>
      </c>
      <c r="D1366" t="s">
        <v>1510</v>
      </c>
      <c r="E1366" t="s">
        <v>163</v>
      </c>
      <c r="F1366" t="s">
        <v>33</v>
      </c>
      <c r="G1366" t="s">
        <v>46</v>
      </c>
      <c r="H1366" t="s">
        <v>1511</v>
      </c>
      <c r="I1366">
        <v>63.92</v>
      </c>
      <c r="J1366">
        <v>4</v>
      </c>
      <c r="K1366">
        <v>3.2</v>
      </c>
    </row>
    <row r="1367" spans="1:11" x14ac:dyDescent="0.3">
      <c r="A1367" s="1">
        <v>41938</v>
      </c>
      <c r="B1367" s="3">
        <f t="shared" si="42"/>
        <v>10</v>
      </c>
      <c r="C1367" s="3">
        <f t="shared" si="43"/>
        <v>2014</v>
      </c>
      <c r="D1367" t="s">
        <v>1510</v>
      </c>
      <c r="E1367" t="s">
        <v>163</v>
      </c>
      <c r="F1367" t="s">
        <v>38</v>
      </c>
      <c r="G1367" t="s">
        <v>39</v>
      </c>
      <c r="H1367" t="s">
        <v>1305</v>
      </c>
      <c r="I1367">
        <v>383.96</v>
      </c>
      <c r="J1367">
        <v>5</v>
      </c>
      <c r="K1367">
        <v>38.4</v>
      </c>
    </row>
    <row r="1368" spans="1:11" x14ac:dyDescent="0.3">
      <c r="A1368" s="1">
        <v>41939</v>
      </c>
      <c r="B1368" s="3">
        <f t="shared" si="42"/>
        <v>10</v>
      </c>
      <c r="C1368" s="3">
        <f t="shared" si="43"/>
        <v>2014</v>
      </c>
      <c r="D1368" t="s">
        <v>1512</v>
      </c>
      <c r="E1368" t="s">
        <v>244</v>
      </c>
      <c r="F1368" t="s">
        <v>10</v>
      </c>
      <c r="G1368" t="s">
        <v>11</v>
      </c>
      <c r="H1368" t="s">
        <v>835</v>
      </c>
      <c r="I1368">
        <v>10.37</v>
      </c>
      <c r="J1368">
        <v>2</v>
      </c>
      <c r="K1368">
        <v>3.63</v>
      </c>
    </row>
    <row r="1369" spans="1:11" x14ac:dyDescent="0.3">
      <c r="A1369" s="1">
        <v>41939</v>
      </c>
      <c r="B1369" s="3">
        <f t="shared" si="42"/>
        <v>10</v>
      </c>
      <c r="C1369" s="3">
        <f t="shared" si="43"/>
        <v>2014</v>
      </c>
      <c r="D1369" t="s">
        <v>1512</v>
      </c>
      <c r="E1369" t="s">
        <v>244</v>
      </c>
      <c r="F1369" t="s">
        <v>10</v>
      </c>
      <c r="G1369" t="s">
        <v>11</v>
      </c>
      <c r="H1369" t="s">
        <v>624</v>
      </c>
      <c r="I1369">
        <v>11.95</v>
      </c>
      <c r="J1369">
        <v>3</v>
      </c>
      <c r="K1369">
        <v>4.03</v>
      </c>
    </row>
    <row r="1370" spans="1:11" x14ac:dyDescent="0.3">
      <c r="A1370" s="1">
        <v>41940</v>
      </c>
      <c r="B1370" s="3">
        <f t="shared" si="42"/>
        <v>10</v>
      </c>
      <c r="C1370" s="3">
        <f t="shared" si="43"/>
        <v>2014</v>
      </c>
      <c r="D1370" t="s">
        <v>1513</v>
      </c>
      <c r="E1370" t="s">
        <v>26</v>
      </c>
      <c r="F1370" t="s">
        <v>10</v>
      </c>
      <c r="G1370" t="s">
        <v>19</v>
      </c>
      <c r="H1370" t="s">
        <v>450</v>
      </c>
      <c r="I1370">
        <v>7.18</v>
      </c>
      <c r="J1370">
        <v>2</v>
      </c>
      <c r="K1370">
        <v>2.25</v>
      </c>
    </row>
    <row r="1371" spans="1:11" x14ac:dyDescent="0.3">
      <c r="A1371" s="1">
        <v>41940</v>
      </c>
      <c r="B1371" s="3">
        <f t="shared" si="42"/>
        <v>10</v>
      </c>
      <c r="C1371" s="3">
        <f t="shared" si="43"/>
        <v>2014</v>
      </c>
      <c r="D1371" t="s">
        <v>1513</v>
      </c>
      <c r="E1371" t="s">
        <v>26</v>
      </c>
      <c r="F1371" t="s">
        <v>10</v>
      </c>
      <c r="G1371" t="s">
        <v>199</v>
      </c>
      <c r="H1371" t="s">
        <v>1514</v>
      </c>
      <c r="I1371">
        <v>6.28</v>
      </c>
      <c r="J1371">
        <v>2</v>
      </c>
      <c r="K1371">
        <v>0.06</v>
      </c>
    </row>
    <row r="1372" spans="1:11" x14ac:dyDescent="0.3">
      <c r="A1372" s="1">
        <v>41940</v>
      </c>
      <c r="B1372" s="3">
        <f t="shared" si="42"/>
        <v>10</v>
      </c>
      <c r="C1372" s="3">
        <f t="shared" si="43"/>
        <v>2014</v>
      </c>
      <c r="D1372" t="s">
        <v>1513</v>
      </c>
      <c r="E1372" t="s">
        <v>26</v>
      </c>
      <c r="F1372" t="s">
        <v>10</v>
      </c>
      <c r="G1372" t="s">
        <v>199</v>
      </c>
      <c r="H1372" t="s">
        <v>1515</v>
      </c>
      <c r="I1372">
        <v>480.74</v>
      </c>
      <c r="J1372">
        <v>2</v>
      </c>
      <c r="K1372">
        <v>14.42</v>
      </c>
    </row>
    <row r="1373" spans="1:11" x14ac:dyDescent="0.3">
      <c r="A1373" s="1">
        <v>41940</v>
      </c>
      <c r="B1373" s="3">
        <f t="shared" si="42"/>
        <v>10</v>
      </c>
      <c r="C1373" s="3">
        <f t="shared" si="43"/>
        <v>2014</v>
      </c>
      <c r="D1373" t="s">
        <v>1513</v>
      </c>
      <c r="E1373" t="s">
        <v>26</v>
      </c>
      <c r="F1373" t="s">
        <v>33</v>
      </c>
      <c r="G1373" t="s">
        <v>73</v>
      </c>
      <c r="H1373" t="s">
        <v>411</v>
      </c>
      <c r="I1373">
        <v>617</v>
      </c>
      <c r="J1373">
        <v>6</v>
      </c>
      <c r="K1373">
        <v>-36.29</v>
      </c>
    </row>
    <row r="1374" spans="1:11" x14ac:dyDescent="0.3">
      <c r="A1374" s="1">
        <v>41940</v>
      </c>
      <c r="B1374" s="3">
        <f t="shared" si="42"/>
        <v>10</v>
      </c>
      <c r="C1374" s="3">
        <f t="shared" si="43"/>
        <v>2014</v>
      </c>
      <c r="D1374" t="s">
        <v>1513</v>
      </c>
      <c r="E1374" t="s">
        <v>26</v>
      </c>
      <c r="F1374" t="s">
        <v>10</v>
      </c>
      <c r="G1374" t="s">
        <v>17</v>
      </c>
      <c r="H1374" t="s">
        <v>622</v>
      </c>
      <c r="I1374">
        <v>141.4</v>
      </c>
      <c r="J1374">
        <v>5</v>
      </c>
      <c r="K1374">
        <v>38.18</v>
      </c>
    </row>
    <row r="1375" spans="1:11" x14ac:dyDescent="0.3">
      <c r="A1375" s="1">
        <v>41940</v>
      </c>
      <c r="B1375" s="3">
        <f t="shared" si="42"/>
        <v>10</v>
      </c>
      <c r="C1375" s="3">
        <f t="shared" si="43"/>
        <v>2014</v>
      </c>
      <c r="D1375" t="s">
        <v>1516</v>
      </c>
      <c r="E1375" t="s">
        <v>1282</v>
      </c>
      <c r="F1375" t="s">
        <v>38</v>
      </c>
      <c r="G1375" t="s">
        <v>39</v>
      </c>
      <c r="H1375" t="s">
        <v>1517</v>
      </c>
      <c r="I1375">
        <v>257.98</v>
      </c>
      <c r="J1375">
        <v>2</v>
      </c>
      <c r="K1375">
        <v>74.81</v>
      </c>
    </row>
    <row r="1376" spans="1:11" x14ac:dyDescent="0.3">
      <c r="A1376" s="1">
        <v>41941</v>
      </c>
      <c r="B1376" s="3">
        <f t="shared" si="42"/>
        <v>10</v>
      </c>
      <c r="C1376" s="3">
        <f t="shared" si="43"/>
        <v>2014</v>
      </c>
      <c r="D1376" t="s">
        <v>217</v>
      </c>
      <c r="E1376" t="s">
        <v>14</v>
      </c>
      <c r="F1376" t="s">
        <v>38</v>
      </c>
      <c r="G1376" t="s">
        <v>39</v>
      </c>
      <c r="H1376" t="s">
        <v>1017</v>
      </c>
      <c r="I1376">
        <v>2735.95</v>
      </c>
      <c r="J1376">
        <v>6</v>
      </c>
      <c r="K1376">
        <v>341.99</v>
      </c>
    </row>
    <row r="1377" spans="1:11" x14ac:dyDescent="0.3">
      <c r="A1377" s="1">
        <v>41941</v>
      </c>
      <c r="B1377" s="3">
        <f t="shared" si="42"/>
        <v>10</v>
      </c>
      <c r="C1377" s="3">
        <f t="shared" si="43"/>
        <v>2014</v>
      </c>
      <c r="D1377" t="s">
        <v>1518</v>
      </c>
      <c r="E1377" t="s">
        <v>128</v>
      </c>
      <c r="F1377" t="s">
        <v>38</v>
      </c>
      <c r="G1377" t="s">
        <v>51</v>
      </c>
      <c r="H1377" t="s">
        <v>1519</v>
      </c>
      <c r="I1377">
        <v>1.98</v>
      </c>
      <c r="J1377">
        <v>2</v>
      </c>
      <c r="K1377">
        <v>0.89</v>
      </c>
    </row>
    <row r="1378" spans="1:11" x14ac:dyDescent="0.3">
      <c r="A1378" s="1">
        <v>41941</v>
      </c>
      <c r="B1378" s="3">
        <f t="shared" si="42"/>
        <v>10</v>
      </c>
      <c r="C1378" s="3">
        <f t="shared" si="43"/>
        <v>2014</v>
      </c>
      <c r="D1378" t="s">
        <v>1518</v>
      </c>
      <c r="E1378" t="s">
        <v>128</v>
      </c>
      <c r="F1378" t="s">
        <v>10</v>
      </c>
      <c r="G1378" t="s">
        <v>11</v>
      </c>
      <c r="H1378" t="s">
        <v>1254</v>
      </c>
      <c r="I1378">
        <v>75.88</v>
      </c>
      <c r="J1378">
        <v>2</v>
      </c>
      <c r="K1378">
        <v>35.659999999999997</v>
      </c>
    </row>
    <row r="1379" spans="1:11" x14ac:dyDescent="0.3">
      <c r="A1379" s="1">
        <v>41943</v>
      </c>
      <c r="B1379" s="3">
        <f t="shared" si="42"/>
        <v>10</v>
      </c>
      <c r="C1379" s="3">
        <f t="shared" si="43"/>
        <v>2014</v>
      </c>
      <c r="D1379" t="s">
        <v>1520</v>
      </c>
      <c r="E1379" t="s">
        <v>26</v>
      </c>
      <c r="F1379" t="s">
        <v>10</v>
      </c>
      <c r="G1379" t="s">
        <v>42</v>
      </c>
      <c r="H1379" t="s">
        <v>159</v>
      </c>
      <c r="I1379">
        <v>11.34</v>
      </c>
      <c r="J1379">
        <v>3</v>
      </c>
      <c r="K1379">
        <v>5.22</v>
      </c>
    </row>
    <row r="1380" spans="1:11" x14ac:dyDescent="0.3">
      <c r="A1380" s="1">
        <v>41943</v>
      </c>
      <c r="B1380" s="3">
        <f t="shared" si="42"/>
        <v>10</v>
      </c>
      <c r="C1380" s="3">
        <f t="shared" si="43"/>
        <v>2014</v>
      </c>
      <c r="D1380" t="s">
        <v>1520</v>
      </c>
      <c r="E1380" t="s">
        <v>26</v>
      </c>
      <c r="F1380" t="s">
        <v>10</v>
      </c>
      <c r="G1380" t="s">
        <v>17</v>
      </c>
      <c r="H1380" t="s">
        <v>1521</v>
      </c>
      <c r="I1380">
        <v>80.3</v>
      </c>
      <c r="J1380">
        <v>5</v>
      </c>
      <c r="K1380">
        <v>20.88</v>
      </c>
    </row>
    <row r="1381" spans="1:11" x14ac:dyDescent="0.3">
      <c r="A1381" s="1">
        <v>41943</v>
      </c>
      <c r="B1381" s="3">
        <f t="shared" si="42"/>
        <v>10</v>
      </c>
      <c r="C1381" s="3">
        <f t="shared" si="43"/>
        <v>2014</v>
      </c>
      <c r="D1381" t="s">
        <v>1520</v>
      </c>
      <c r="E1381" t="s">
        <v>26</v>
      </c>
      <c r="F1381" t="s">
        <v>10</v>
      </c>
      <c r="G1381" t="s">
        <v>19</v>
      </c>
      <c r="H1381" t="s">
        <v>1522</v>
      </c>
      <c r="I1381">
        <v>15.97</v>
      </c>
      <c r="J1381">
        <v>2</v>
      </c>
      <c r="K1381">
        <v>5.39</v>
      </c>
    </row>
    <row r="1382" spans="1:11" x14ac:dyDescent="0.3">
      <c r="A1382" s="1">
        <v>41943</v>
      </c>
      <c r="B1382" s="3">
        <f t="shared" si="42"/>
        <v>10</v>
      </c>
      <c r="C1382" s="3">
        <f t="shared" si="43"/>
        <v>2014</v>
      </c>
      <c r="D1382" t="s">
        <v>1520</v>
      </c>
      <c r="E1382" t="s">
        <v>26</v>
      </c>
      <c r="F1382" t="s">
        <v>10</v>
      </c>
      <c r="G1382" t="s">
        <v>11</v>
      </c>
      <c r="H1382" t="s">
        <v>1523</v>
      </c>
      <c r="I1382">
        <v>64.739999999999995</v>
      </c>
      <c r="J1382">
        <v>13</v>
      </c>
      <c r="K1382">
        <v>30.43</v>
      </c>
    </row>
    <row r="1383" spans="1:11" x14ac:dyDescent="0.3">
      <c r="A1383" s="1">
        <v>41943</v>
      </c>
      <c r="B1383" s="3">
        <f t="shared" si="42"/>
        <v>10</v>
      </c>
      <c r="C1383" s="3">
        <f t="shared" si="43"/>
        <v>2014</v>
      </c>
      <c r="D1383" t="s">
        <v>1520</v>
      </c>
      <c r="E1383" t="s">
        <v>26</v>
      </c>
      <c r="F1383" t="s">
        <v>10</v>
      </c>
      <c r="G1383" t="s">
        <v>19</v>
      </c>
      <c r="H1383" t="s">
        <v>466</v>
      </c>
      <c r="I1383">
        <v>19.3</v>
      </c>
      <c r="J1383">
        <v>3</v>
      </c>
      <c r="K1383">
        <v>6.03</v>
      </c>
    </row>
    <row r="1384" spans="1:11" x14ac:dyDescent="0.3">
      <c r="A1384" s="1">
        <v>41943</v>
      </c>
      <c r="B1384" s="3">
        <f t="shared" si="42"/>
        <v>10</v>
      </c>
      <c r="C1384" s="3">
        <f t="shared" si="43"/>
        <v>2014</v>
      </c>
      <c r="D1384" t="s">
        <v>1520</v>
      </c>
      <c r="E1384" t="s">
        <v>26</v>
      </c>
      <c r="F1384" t="s">
        <v>10</v>
      </c>
      <c r="G1384" t="s">
        <v>17</v>
      </c>
      <c r="H1384" t="s">
        <v>1524</v>
      </c>
      <c r="I1384">
        <v>405.64</v>
      </c>
      <c r="J1384">
        <v>4</v>
      </c>
      <c r="K1384">
        <v>12.17</v>
      </c>
    </row>
    <row r="1385" spans="1:11" x14ac:dyDescent="0.3">
      <c r="A1385" s="1">
        <v>41943</v>
      </c>
      <c r="B1385" s="3">
        <f t="shared" si="42"/>
        <v>10</v>
      </c>
      <c r="C1385" s="3">
        <f t="shared" si="43"/>
        <v>2014</v>
      </c>
      <c r="D1385" t="s">
        <v>1520</v>
      </c>
      <c r="E1385" t="s">
        <v>26</v>
      </c>
      <c r="F1385" t="s">
        <v>33</v>
      </c>
      <c r="G1385" t="s">
        <v>34</v>
      </c>
      <c r="H1385" t="s">
        <v>1127</v>
      </c>
      <c r="I1385">
        <v>146.35</v>
      </c>
      <c r="J1385">
        <v>3</v>
      </c>
      <c r="K1385">
        <v>-9.15</v>
      </c>
    </row>
    <row r="1386" spans="1:11" x14ac:dyDescent="0.3">
      <c r="A1386" s="1">
        <v>41943</v>
      </c>
      <c r="B1386" s="3">
        <f t="shared" si="42"/>
        <v>10</v>
      </c>
      <c r="C1386" s="3">
        <f t="shared" si="43"/>
        <v>2014</v>
      </c>
      <c r="D1386" t="s">
        <v>1520</v>
      </c>
      <c r="E1386" t="s">
        <v>26</v>
      </c>
      <c r="F1386" t="s">
        <v>38</v>
      </c>
      <c r="G1386" t="s">
        <v>51</v>
      </c>
      <c r="H1386" t="s">
        <v>1525</v>
      </c>
      <c r="I1386">
        <v>251.91</v>
      </c>
      <c r="J1386">
        <v>9</v>
      </c>
      <c r="K1386">
        <v>47.86</v>
      </c>
    </row>
    <row r="1387" spans="1:11" x14ac:dyDescent="0.3">
      <c r="A1387" s="1">
        <v>41943</v>
      </c>
      <c r="B1387" s="3">
        <f t="shared" si="42"/>
        <v>10</v>
      </c>
      <c r="C1387" s="3">
        <f t="shared" si="43"/>
        <v>2014</v>
      </c>
      <c r="D1387" t="s">
        <v>1520</v>
      </c>
      <c r="E1387" t="s">
        <v>26</v>
      </c>
      <c r="F1387" t="s">
        <v>10</v>
      </c>
      <c r="G1387" t="s">
        <v>23</v>
      </c>
      <c r="H1387" t="s">
        <v>1526</v>
      </c>
      <c r="I1387">
        <v>12.39</v>
      </c>
      <c r="J1387">
        <v>3</v>
      </c>
      <c r="K1387">
        <v>3.72</v>
      </c>
    </row>
    <row r="1388" spans="1:11" x14ac:dyDescent="0.3">
      <c r="A1388" s="1">
        <v>41943</v>
      </c>
      <c r="B1388" s="3">
        <f t="shared" si="42"/>
        <v>10</v>
      </c>
      <c r="C1388" s="3">
        <f t="shared" si="43"/>
        <v>2014</v>
      </c>
      <c r="D1388" t="s">
        <v>1527</v>
      </c>
      <c r="E1388" t="s">
        <v>1528</v>
      </c>
      <c r="F1388" t="s">
        <v>10</v>
      </c>
      <c r="G1388" t="s">
        <v>23</v>
      </c>
      <c r="H1388" t="s">
        <v>1529</v>
      </c>
      <c r="I1388">
        <v>49.25</v>
      </c>
      <c r="J1388">
        <v>5</v>
      </c>
      <c r="K1388">
        <v>18.72</v>
      </c>
    </row>
    <row r="1389" spans="1:11" x14ac:dyDescent="0.3">
      <c r="A1389" s="1">
        <v>41943</v>
      </c>
      <c r="B1389" s="3">
        <f t="shared" si="42"/>
        <v>10</v>
      </c>
      <c r="C1389" s="3">
        <f t="shared" si="43"/>
        <v>2014</v>
      </c>
      <c r="D1389" t="s">
        <v>1527</v>
      </c>
      <c r="E1389" t="s">
        <v>1528</v>
      </c>
      <c r="F1389" t="s">
        <v>10</v>
      </c>
      <c r="G1389" t="s">
        <v>11</v>
      </c>
      <c r="H1389" t="s">
        <v>1530</v>
      </c>
      <c r="I1389">
        <v>10.16</v>
      </c>
      <c r="J1389">
        <v>2</v>
      </c>
      <c r="K1389">
        <v>4.78</v>
      </c>
    </row>
    <row r="1390" spans="1:11" x14ac:dyDescent="0.3">
      <c r="A1390" s="1">
        <v>41943</v>
      </c>
      <c r="B1390" s="3">
        <f t="shared" si="42"/>
        <v>10</v>
      </c>
      <c r="C1390" s="3">
        <f t="shared" si="43"/>
        <v>2014</v>
      </c>
      <c r="D1390" t="s">
        <v>1527</v>
      </c>
      <c r="E1390" t="s">
        <v>1528</v>
      </c>
      <c r="F1390" t="s">
        <v>33</v>
      </c>
      <c r="G1390" t="s">
        <v>46</v>
      </c>
      <c r="H1390" t="s">
        <v>1531</v>
      </c>
      <c r="I1390">
        <v>14.76</v>
      </c>
      <c r="J1390">
        <v>2</v>
      </c>
      <c r="K1390">
        <v>4.28</v>
      </c>
    </row>
    <row r="1391" spans="1:11" x14ac:dyDescent="0.3">
      <c r="A1391" s="1">
        <v>41943</v>
      </c>
      <c r="B1391" s="3">
        <f t="shared" si="42"/>
        <v>10</v>
      </c>
      <c r="C1391" s="3">
        <f t="shared" si="43"/>
        <v>2014</v>
      </c>
      <c r="D1391" t="s">
        <v>1527</v>
      </c>
      <c r="E1391" t="s">
        <v>1528</v>
      </c>
      <c r="F1391" t="s">
        <v>10</v>
      </c>
      <c r="G1391" t="s">
        <v>19</v>
      </c>
      <c r="H1391" t="s">
        <v>1532</v>
      </c>
      <c r="I1391">
        <v>34.08</v>
      </c>
      <c r="J1391">
        <v>2</v>
      </c>
      <c r="K1391">
        <v>15.68</v>
      </c>
    </row>
    <row r="1392" spans="1:11" x14ac:dyDescent="0.3">
      <c r="A1392" s="1">
        <v>41943</v>
      </c>
      <c r="B1392" s="3">
        <f t="shared" si="42"/>
        <v>10</v>
      </c>
      <c r="C1392" s="3">
        <f t="shared" si="43"/>
        <v>2014</v>
      </c>
      <c r="D1392" t="s">
        <v>1527</v>
      </c>
      <c r="E1392" t="s">
        <v>1528</v>
      </c>
      <c r="F1392" t="s">
        <v>33</v>
      </c>
      <c r="G1392" t="s">
        <v>46</v>
      </c>
      <c r="H1392" t="s">
        <v>280</v>
      </c>
      <c r="I1392">
        <v>17.670000000000002</v>
      </c>
      <c r="J1392">
        <v>3</v>
      </c>
      <c r="K1392">
        <v>7.77</v>
      </c>
    </row>
    <row r="1393" spans="1:11" x14ac:dyDescent="0.3">
      <c r="A1393" s="1">
        <v>41943</v>
      </c>
      <c r="B1393" s="3">
        <f t="shared" si="42"/>
        <v>10</v>
      </c>
      <c r="C1393" s="3">
        <f t="shared" si="43"/>
        <v>2014</v>
      </c>
      <c r="D1393" t="s">
        <v>1527</v>
      </c>
      <c r="E1393" t="s">
        <v>1528</v>
      </c>
      <c r="F1393" t="s">
        <v>33</v>
      </c>
      <c r="G1393" t="s">
        <v>34</v>
      </c>
      <c r="H1393" t="s">
        <v>649</v>
      </c>
      <c r="I1393">
        <v>1604.9</v>
      </c>
      <c r="J1393">
        <v>5</v>
      </c>
      <c r="K1393">
        <v>481.47</v>
      </c>
    </row>
    <row r="1394" spans="1:11" x14ac:dyDescent="0.3">
      <c r="A1394" s="1">
        <v>41943</v>
      </c>
      <c r="B1394" s="3">
        <f t="shared" si="42"/>
        <v>10</v>
      </c>
      <c r="C1394" s="3">
        <f t="shared" si="43"/>
        <v>2014</v>
      </c>
      <c r="D1394" t="s">
        <v>1527</v>
      </c>
      <c r="E1394" t="s">
        <v>1528</v>
      </c>
      <c r="F1394" t="s">
        <v>33</v>
      </c>
      <c r="G1394" t="s">
        <v>144</v>
      </c>
      <c r="H1394" t="s">
        <v>782</v>
      </c>
      <c r="I1394">
        <v>385.69</v>
      </c>
      <c r="J1394">
        <v>1</v>
      </c>
      <c r="K1394">
        <v>-60.61</v>
      </c>
    </row>
    <row r="1395" spans="1:11" x14ac:dyDescent="0.3">
      <c r="A1395" s="1">
        <v>41943</v>
      </c>
      <c r="B1395" s="3">
        <f t="shared" si="42"/>
        <v>10</v>
      </c>
      <c r="C1395" s="3">
        <f t="shared" si="43"/>
        <v>2014</v>
      </c>
      <c r="D1395" t="s">
        <v>1533</v>
      </c>
      <c r="E1395" t="s">
        <v>94</v>
      </c>
      <c r="F1395" t="s">
        <v>38</v>
      </c>
      <c r="G1395" t="s">
        <v>39</v>
      </c>
      <c r="H1395" t="s">
        <v>729</v>
      </c>
      <c r="I1395">
        <v>742.34</v>
      </c>
      <c r="J1395">
        <v>8</v>
      </c>
      <c r="K1395">
        <v>83.51</v>
      </c>
    </row>
    <row r="1396" spans="1:11" x14ac:dyDescent="0.3">
      <c r="A1396" s="1">
        <v>41943</v>
      </c>
      <c r="B1396" s="3">
        <f t="shared" si="42"/>
        <v>10</v>
      </c>
      <c r="C1396" s="3">
        <f t="shared" si="43"/>
        <v>2014</v>
      </c>
      <c r="D1396" t="s">
        <v>53</v>
      </c>
      <c r="E1396" t="s">
        <v>77</v>
      </c>
      <c r="F1396" t="s">
        <v>33</v>
      </c>
      <c r="G1396" t="s">
        <v>144</v>
      </c>
      <c r="H1396" t="s">
        <v>396</v>
      </c>
      <c r="I1396">
        <v>1421.66</v>
      </c>
      <c r="J1396">
        <v>8</v>
      </c>
      <c r="K1396">
        <v>-734.53</v>
      </c>
    </row>
    <row r="1397" spans="1:11" x14ac:dyDescent="0.3">
      <c r="A1397" s="1">
        <v>41943</v>
      </c>
      <c r="B1397" s="3">
        <f t="shared" si="42"/>
        <v>10</v>
      </c>
      <c r="C1397" s="3">
        <f t="shared" si="43"/>
        <v>2014</v>
      </c>
      <c r="D1397" t="s">
        <v>1534</v>
      </c>
      <c r="E1397" t="s">
        <v>26</v>
      </c>
      <c r="F1397" t="s">
        <v>38</v>
      </c>
      <c r="G1397" t="s">
        <v>39</v>
      </c>
      <c r="H1397" t="s">
        <v>706</v>
      </c>
      <c r="I1397">
        <v>73.58</v>
      </c>
      <c r="J1397">
        <v>2</v>
      </c>
      <c r="K1397">
        <v>8.2799999999999994</v>
      </c>
    </row>
    <row r="1398" spans="1:11" x14ac:dyDescent="0.3">
      <c r="A1398" s="1">
        <v>41944</v>
      </c>
      <c r="B1398" s="3">
        <f t="shared" si="42"/>
        <v>11</v>
      </c>
      <c r="C1398" s="3">
        <f t="shared" si="43"/>
        <v>2014</v>
      </c>
      <c r="D1398" t="s">
        <v>888</v>
      </c>
      <c r="E1398" t="s">
        <v>277</v>
      </c>
      <c r="F1398" t="s">
        <v>10</v>
      </c>
      <c r="G1398" t="s">
        <v>23</v>
      </c>
      <c r="H1398" t="s">
        <v>628</v>
      </c>
      <c r="I1398">
        <v>43.18</v>
      </c>
      <c r="J1398">
        <v>3</v>
      </c>
      <c r="K1398">
        <v>4.32</v>
      </c>
    </row>
    <row r="1399" spans="1:11" x14ac:dyDescent="0.3">
      <c r="A1399" s="1">
        <v>41944</v>
      </c>
      <c r="B1399" s="3">
        <f t="shared" si="42"/>
        <v>11</v>
      </c>
      <c r="C1399" s="3">
        <f t="shared" si="43"/>
        <v>2014</v>
      </c>
      <c r="D1399" t="s">
        <v>888</v>
      </c>
      <c r="E1399" t="s">
        <v>277</v>
      </c>
      <c r="F1399" t="s">
        <v>38</v>
      </c>
      <c r="G1399" t="s">
        <v>39</v>
      </c>
      <c r="H1399" t="s">
        <v>1535</v>
      </c>
      <c r="I1399">
        <v>1983.97</v>
      </c>
      <c r="J1399">
        <v>4</v>
      </c>
      <c r="K1399">
        <v>248</v>
      </c>
    </row>
    <row r="1400" spans="1:11" x14ac:dyDescent="0.3">
      <c r="A1400" s="1">
        <v>41944</v>
      </c>
      <c r="B1400" s="3">
        <f t="shared" si="42"/>
        <v>11</v>
      </c>
      <c r="C1400" s="3">
        <f t="shared" si="43"/>
        <v>2014</v>
      </c>
      <c r="D1400" t="s">
        <v>68</v>
      </c>
      <c r="E1400" t="s">
        <v>90</v>
      </c>
      <c r="F1400" t="s">
        <v>10</v>
      </c>
      <c r="G1400" t="s">
        <v>17</v>
      </c>
      <c r="H1400" t="s">
        <v>585</v>
      </c>
      <c r="I1400">
        <v>443.92</v>
      </c>
      <c r="J1400">
        <v>5</v>
      </c>
      <c r="K1400">
        <v>-94.33</v>
      </c>
    </row>
    <row r="1401" spans="1:11" x14ac:dyDescent="0.3">
      <c r="A1401" s="1">
        <v>41944</v>
      </c>
      <c r="B1401" s="3">
        <f t="shared" si="42"/>
        <v>11</v>
      </c>
      <c r="C1401" s="3">
        <f t="shared" si="43"/>
        <v>2014</v>
      </c>
      <c r="D1401" t="s">
        <v>68</v>
      </c>
      <c r="E1401" t="s">
        <v>90</v>
      </c>
      <c r="F1401" t="s">
        <v>38</v>
      </c>
      <c r="G1401" t="s">
        <v>39</v>
      </c>
      <c r="H1401" t="s">
        <v>1536</v>
      </c>
      <c r="I1401">
        <v>155.97999999999999</v>
      </c>
      <c r="J1401">
        <v>3</v>
      </c>
      <c r="K1401">
        <v>54.59</v>
      </c>
    </row>
    <row r="1402" spans="1:11" x14ac:dyDescent="0.3">
      <c r="A1402" s="1">
        <v>41944</v>
      </c>
      <c r="B1402" s="3">
        <f t="shared" si="42"/>
        <v>11</v>
      </c>
      <c r="C1402" s="3">
        <f t="shared" si="43"/>
        <v>2014</v>
      </c>
      <c r="D1402" t="s">
        <v>1537</v>
      </c>
      <c r="E1402" t="s">
        <v>244</v>
      </c>
      <c r="F1402" t="s">
        <v>10</v>
      </c>
      <c r="G1402" t="s">
        <v>42</v>
      </c>
      <c r="H1402" t="s">
        <v>159</v>
      </c>
      <c r="I1402">
        <v>7.52</v>
      </c>
      <c r="J1402">
        <v>5</v>
      </c>
      <c r="K1402">
        <v>1.41</v>
      </c>
    </row>
    <row r="1403" spans="1:11" x14ac:dyDescent="0.3">
      <c r="A1403" s="1">
        <v>41944</v>
      </c>
      <c r="B1403" s="3">
        <f t="shared" si="42"/>
        <v>11</v>
      </c>
      <c r="C1403" s="3">
        <f t="shared" si="43"/>
        <v>2014</v>
      </c>
      <c r="D1403" t="s">
        <v>1537</v>
      </c>
      <c r="E1403" t="s">
        <v>244</v>
      </c>
      <c r="F1403" t="s">
        <v>10</v>
      </c>
      <c r="G1403" t="s">
        <v>23</v>
      </c>
      <c r="H1403" t="s">
        <v>1269</v>
      </c>
      <c r="I1403">
        <v>10.27</v>
      </c>
      <c r="J1403">
        <v>3</v>
      </c>
      <c r="K1403">
        <v>0.9</v>
      </c>
    </row>
    <row r="1404" spans="1:11" x14ac:dyDescent="0.3">
      <c r="A1404" s="1">
        <v>41944</v>
      </c>
      <c r="B1404" s="3">
        <f t="shared" si="42"/>
        <v>11</v>
      </c>
      <c r="C1404" s="3">
        <f t="shared" si="43"/>
        <v>2014</v>
      </c>
      <c r="D1404" t="s">
        <v>1537</v>
      </c>
      <c r="E1404" t="s">
        <v>244</v>
      </c>
      <c r="F1404" t="s">
        <v>10</v>
      </c>
      <c r="G1404" t="s">
        <v>15</v>
      </c>
      <c r="H1404" t="s">
        <v>771</v>
      </c>
      <c r="I1404">
        <v>47.81</v>
      </c>
      <c r="J1404">
        <v>12</v>
      </c>
      <c r="K1404">
        <v>15.54</v>
      </c>
    </row>
    <row r="1405" spans="1:11" x14ac:dyDescent="0.3">
      <c r="A1405" s="1">
        <v>41944</v>
      </c>
      <c r="B1405" s="3">
        <f t="shared" si="42"/>
        <v>11</v>
      </c>
      <c r="C1405" s="3">
        <f t="shared" si="43"/>
        <v>2014</v>
      </c>
      <c r="D1405" t="s">
        <v>1537</v>
      </c>
      <c r="E1405" t="s">
        <v>244</v>
      </c>
      <c r="F1405" t="s">
        <v>38</v>
      </c>
      <c r="G1405" t="s">
        <v>39</v>
      </c>
      <c r="H1405" t="s">
        <v>1538</v>
      </c>
      <c r="I1405">
        <v>978.84</v>
      </c>
      <c r="J1405">
        <v>9</v>
      </c>
      <c r="K1405">
        <v>110.12</v>
      </c>
    </row>
    <row r="1406" spans="1:11" x14ac:dyDescent="0.3">
      <c r="A1406" s="1">
        <v>41944</v>
      </c>
      <c r="B1406" s="3">
        <f t="shared" si="42"/>
        <v>11</v>
      </c>
      <c r="C1406" s="3">
        <f t="shared" si="43"/>
        <v>2014</v>
      </c>
      <c r="D1406" t="s">
        <v>1400</v>
      </c>
      <c r="E1406" t="s">
        <v>14</v>
      </c>
      <c r="F1406" t="s">
        <v>10</v>
      </c>
      <c r="G1406" t="s">
        <v>11</v>
      </c>
      <c r="H1406" t="s">
        <v>1402</v>
      </c>
      <c r="I1406">
        <v>15.7</v>
      </c>
      <c r="J1406">
        <v>3</v>
      </c>
      <c r="K1406">
        <v>5.0999999999999996</v>
      </c>
    </row>
    <row r="1407" spans="1:11" x14ac:dyDescent="0.3">
      <c r="A1407" s="1">
        <v>41944</v>
      </c>
      <c r="B1407" s="3">
        <f t="shared" si="42"/>
        <v>11</v>
      </c>
      <c r="C1407" s="3">
        <f t="shared" si="43"/>
        <v>2014</v>
      </c>
      <c r="D1407" t="s">
        <v>28</v>
      </c>
      <c r="E1407" t="s">
        <v>32</v>
      </c>
      <c r="F1407" t="s">
        <v>10</v>
      </c>
      <c r="G1407" t="s">
        <v>17</v>
      </c>
      <c r="H1407" t="s">
        <v>1539</v>
      </c>
      <c r="I1407">
        <v>69.52</v>
      </c>
      <c r="J1407">
        <v>2</v>
      </c>
      <c r="K1407">
        <v>19.47</v>
      </c>
    </row>
    <row r="1408" spans="1:11" x14ac:dyDescent="0.3">
      <c r="A1408" s="1">
        <v>41944</v>
      </c>
      <c r="B1408" s="3">
        <f t="shared" si="42"/>
        <v>11</v>
      </c>
      <c r="C1408" s="3">
        <f t="shared" si="43"/>
        <v>2014</v>
      </c>
      <c r="D1408" t="s">
        <v>28</v>
      </c>
      <c r="E1408" t="s">
        <v>32</v>
      </c>
      <c r="F1408" t="s">
        <v>10</v>
      </c>
      <c r="G1408" t="s">
        <v>23</v>
      </c>
      <c r="H1408" t="s">
        <v>843</v>
      </c>
      <c r="I1408">
        <v>5.64</v>
      </c>
      <c r="J1408">
        <v>3</v>
      </c>
      <c r="K1408">
        <v>1.64</v>
      </c>
    </row>
    <row r="1409" spans="1:11" x14ac:dyDescent="0.3">
      <c r="A1409" s="1">
        <v>41944</v>
      </c>
      <c r="B1409" s="3">
        <f t="shared" si="42"/>
        <v>11</v>
      </c>
      <c r="C1409" s="3">
        <f t="shared" si="43"/>
        <v>2014</v>
      </c>
      <c r="D1409" t="s">
        <v>1540</v>
      </c>
      <c r="E1409" t="s">
        <v>26</v>
      </c>
      <c r="F1409" t="s">
        <v>10</v>
      </c>
      <c r="G1409" t="s">
        <v>15</v>
      </c>
      <c r="H1409" t="s">
        <v>1541</v>
      </c>
      <c r="I1409">
        <v>44.4</v>
      </c>
      <c r="J1409">
        <v>3</v>
      </c>
      <c r="K1409">
        <v>22.2</v>
      </c>
    </row>
    <row r="1410" spans="1:11" x14ac:dyDescent="0.3">
      <c r="A1410" s="1">
        <v>41944</v>
      </c>
      <c r="B1410" s="3">
        <f t="shared" ref="B1410:B1473" si="44">MONTH(A:A)</f>
        <v>11</v>
      </c>
      <c r="C1410" s="3">
        <f t="shared" ref="C1410:C1473" si="45">YEAR(A:A)</f>
        <v>2014</v>
      </c>
      <c r="D1410" t="s">
        <v>1540</v>
      </c>
      <c r="E1410" t="s">
        <v>26</v>
      </c>
      <c r="F1410" t="s">
        <v>10</v>
      </c>
      <c r="G1410" t="s">
        <v>11</v>
      </c>
      <c r="H1410" t="s">
        <v>624</v>
      </c>
      <c r="I1410">
        <v>21.4</v>
      </c>
      <c r="J1410">
        <v>5</v>
      </c>
      <c r="K1410">
        <v>9.6300000000000008</v>
      </c>
    </row>
    <row r="1411" spans="1:11" x14ac:dyDescent="0.3">
      <c r="A1411" s="1">
        <v>41944</v>
      </c>
      <c r="B1411" s="3">
        <f t="shared" si="44"/>
        <v>11</v>
      </c>
      <c r="C1411" s="3">
        <f t="shared" si="45"/>
        <v>2014</v>
      </c>
      <c r="D1411" t="s">
        <v>1266</v>
      </c>
      <c r="E1411" t="s">
        <v>148</v>
      </c>
      <c r="F1411" t="s">
        <v>10</v>
      </c>
      <c r="G1411" t="s">
        <v>91</v>
      </c>
      <c r="H1411" t="s">
        <v>1237</v>
      </c>
      <c r="I1411">
        <v>533.94000000000005</v>
      </c>
      <c r="J1411">
        <v>3</v>
      </c>
      <c r="K1411">
        <v>154.84</v>
      </c>
    </row>
    <row r="1412" spans="1:11" x14ac:dyDescent="0.3">
      <c r="A1412" s="1">
        <v>41944</v>
      </c>
      <c r="B1412" s="3">
        <f t="shared" si="44"/>
        <v>11</v>
      </c>
      <c r="C1412" s="3">
        <f t="shared" si="45"/>
        <v>2014</v>
      </c>
      <c r="D1412" t="s">
        <v>1266</v>
      </c>
      <c r="E1412" t="s">
        <v>148</v>
      </c>
      <c r="F1412" t="s">
        <v>10</v>
      </c>
      <c r="G1412" t="s">
        <v>11</v>
      </c>
      <c r="H1412" t="s">
        <v>1056</v>
      </c>
      <c r="I1412">
        <v>167.94</v>
      </c>
      <c r="J1412">
        <v>3</v>
      </c>
      <c r="K1412">
        <v>82.29</v>
      </c>
    </row>
    <row r="1413" spans="1:11" x14ac:dyDescent="0.3">
      <c r="A1413" s="1">
        <v>41944</v>
      </c>
      <c r="B1413" s="3">
        <f t="shared" si="44"/>
        <v>11</v>
      </c>
      <c r="C1413" s="3">
        <f t="shared" si="45"/>
        <v>2014</v>
      </c>
      <c r="D1413" t="s">
        <v>1266</v>
      </c>
      <c r="E1413" t="s">
        <v>148</v>
      </c>
      <c r="F1413" t="s">
        <v>33</v>
      </c>
      <c r="G1413" t="s">
        <v>46</v>
      </c>
      <c r="H1413" t="s">
        <v>1542</v>
      </c>
      <c r="I1413">
        <v>31.68</v>
      </c>
      <c r="J1413">
        <v>6</v>
      </c>
      <c r="K1413">
        <v>9.82</v>
      </c>
    </row>
    <row r="1414" spans="1:11" x14ac:dyDescent="0.3">
      <c r="A1414" s="1">
        <v>41944</v>
      </c>
      <c r="B1414" s="3">
        <f t="shared" si="44"/>
        <v>11</v>
      </c>
      <c r="C1414" s="3">
        <f t="shared" si="45"/>
        <v>2014</v>
      </c>
      <c r="D1414" t="s">
        <v>1543</v>
      </c>
      <c r="E1414" t="s">
        <v>176</v>
      </c>
      <c r="F1414" t="s">
        <v>10</v>
      </c>
      <c r="G1414" t="s">
        <v>91</v>
      </c>
      <c r="H1414" t="s">
        <v>1079</v>
      </c>
      <c r="I1414">
        <v>76.12</v>
      </c>
      <c r="J1414">
        <v>2</v>
      </c>
      <c r="K1414">
        <v>22.07</v>
      </c>
    </row>
    <row r="1415" spans="1:11" x14ac:dyDescent="0.3">
      <c r="A1415" s="1">
        <v>41944</v>
      </c>
      <c r="B1415" s="3">
        <f t="shared" si="44"/>
        <v>11</v>
      </c>
      <c r="C1415" s="3">
        <f t="shared" si="45"/>
        <v>2014</v>
      </c>
      <c r="D1415" t="s">
        <v>1286</v>
      </c>
      <c r="E1415" t="s">
        <v>77</v>
      </c>
      <c r="F1415" t="s">
        <v>33</v>
      </c>
      <c r="G1415" t="s">
        <v>46</v>
      </c>
      <c r="H1415" t="s">
        <v>1544</v>
      </c>
      <c r="I1415">
        <v>68.7</v>
      </c>
      <c r="J1415">
        <v>2</v>
      </c>
      <c r="K1415">
        <v>16.32</v>
      </c>
    </row>
    <row r="1416" spans="1:11" x14ac:dyDescent="0.3">
      <c r="A1416" s="1">
        <v>41944</v>
      </c>
      <c r="B1416" s="3">
        <f t="shared" si="44"/>
        <v>11</v>
      </c>
      <c r="C1416" s="3">
        <f t="shared" si="45"/>
        <v>2014</v>
      </c>
      <c r="D1416" t="s">
        <v>1286</v>
      </c>
      <c r="E1416" t="s">
        <v>77</v>
      </c>
      <c r="F1416" t="s">
        <v>10</v>
      </c>
      <c r="G1416" t="s">
        <v>19</v>
      </c>
      <c r="H1416" t="s">
        <v>994</v>
      </c>
      <c r="I1416">
        <v>3.13</v>
      </c>
      <c r="J1416">
        <v>2</v>
      </c>
      <c r="K1416">
        <v>-2.61</v>
      </c>
    </row>
    <row r="1417" spans="1:11" x14ac:dyDescent="0.3">
      <c r="A1417" s="1">
        <v>41944</v>
      </c>
      <c r="B1417" s="3">
        <f t="shared" si="44"/>
        <v>11</v>
      </c>
      <c r="C1417" s="3">
        <f t="shared" si="45"/>
        <v>2014</v>
      </c>
      <c r="D1417" t="s">
        <v>1286</v>
      </c>
      <c r="E1417" t="s">
        <v>77</v>
      </c>
      <c r="F1417" t="s">
        <v>10</v>
      </c>
      <c r="G1417" t="s">
        <v>19</v>
      </c>
      <c r="H1417" t="s">
        <v>764</v>
      </c>
      <c r="I1417">
        <v>22.43</v>
      </c>
      <c r="J1417">
        <v>3</v>
      </c>
      <c r="K1417">
        <v>-17.940000000000001</v>
      </c>
    </row>
    <row r="1418" spans="1:11" x14ac:dyDescent="0.3">
      <c r="A1418" s="1">
        <v>41945</v>
      </c>
      <c r="B1418" s="3">
        <f t="shared" si="44"/>
        <v>11</v>
      </c>
      <c r="C1418" s="3">
        <f t="shared" si="45"/>
        <v>2014</v>
      </c>
      <c r="D1418" t="s">
        <v>982</v>
      </c>
      <c r="E1418" t="s">
        <v>148</v>
      </c>
      <c r="F1418" t="s">
        <v>10</v>
      </c>
      <c r="G1418" t="s">
        <v>15</v>
      </c>
      <c r="H1418" t="s">
        <v>1335</v>
      </c>
      <c r="I1418">
        <v>34.86</v>
      </c>
      <c r="J1418">
        <v>7</v>
      </c>
      <c r="K1418">
        <v>16.04</v>
      </c>
    </row>
    <row r="1419" spans="1:11" x14ac:dyDescent="0.3">
      <c r="A1419" s="1">
        <v>41945</v>
      </c>
      <c r="B1419" s="3">
        <f t="shared" si="44"/>
        <v>11</v>
      </c>
      <c r="C1419" s="3">
        <f t="shared" si="45"/>
        <v>2014</v>
      </c>
      <c r="D1419" t="s">
        <v>982</v>
      </c>
      <c r="E1419" t="s">
        <v>148</v>
      </c>
      <c r="F1419" t="s">
        <v>33</v>
      </c>
      <c r="G1419" t="s">
        <v>46</v>
      </c>
      <c r="H1419" t="s">
        <v>1019</v>
      </c>
      <c r="I1419">
        <v>89.34</v>
      </c>
      <c r="J1419">
        <v>6</v>
      </c>
      <c r="K1419">
        <v>24.12</v>
      </c>
    </row>
    <row r="1420" spans="1:11" x14ac:dyDescent="0.3">
      <c r="A1420" s="1">
        <v>41945</v>
      </c>
      <c r="B1420" s="3">
        <f t="shared" si="44"/>
        <v>11</v>
      </c>
      <c r="C1420" s="3">
        <f t="shared" si="45"/>
        <v>2014</v>
      </c>
      <c r="D1420" t="s">
        <v>1545</v>
      </c>
      <c r="E1420" t="s">
        <v>9</v>
      </c>
      <c r="F1420" t="s">
        <v>38</v>
      </c>
      <c r="G1420" t="s">
        <v>39</v>
      </c>
      <c r="H1420" t="s">
        <v>900</v>
      </c>
      <c r="I1420">
        <v>88.78</v>
      </c>
      <c r="J1420">
        <v>3</v>
      </c>
      <c r="K1420">
        <v>7.77</v>
      </c>
    </row>
    <row r="1421" spans="1:11" x14ac:dyDescent="0.3">
      <c r="A1421" s="1">
        <v>41945</v>
      </c>
      <c r="B1421" s="3">
        <f t="shared" si="44"/>
        <v>11</v>
      </c>
      <c r="C1421" s="3">
        <f t="shared" si="45"/>
        <v>2014</v>
      </c>
      <c r="D1421" t="s">
        <v>153</v>
      </c>
      <c r="E1421" t="s">
        <v>77</v>
      </c>
      <c r="F1421" t="s">
        <v>38</v>
      </c>
      <c r="G1421" t="s">
        <v>39</v>
      </c>
      <c r="H1421" t="s">
        <v>1351</v>
      </c>
      <c r="I1421">
        <v>539.96</v>
      </c>
      <c r="J1421">
        <v>6</v>
      </c>
      <c r="K1421">
        <v>-107.99</v>
      </c>
    </row>
    <row r="1422" spans="1:11" x14ac:dyDescent="0.3">
      <c r="A1422" s="1">
        <v>41945</v>
      </c>
      <c r="B1422" s="3">
        <f t="shared" si="44"/>
        <v>11</v>
      </c>
      <c r="C1422" s="3">
        <f t="shared" si="45"/>
        <v>2014</v>
      </c>
      <c r="D1422" t="s">
        <v>153</v>
      </c>
      <c r="E1422" t="s">
        <v>77</v>
      </c>
      <c r="F1422" t="s">
        <v>38</v>
      </c>
      <c r="G1422" t="s">
        <v>39</v>
      </c>
      <c r="H1422" t="s">
        <v>734</v>
      </c>
      <c r="I1422">
        <v>50.23</v>
      </c>
      <c r="J1422">
        <v>7</v>
      </c>
      <c r="K1422">
        <v>-10.050000000000001</v>
      </c>
    </row>
    <row r="1423" spans="1:11" x14ac:dyDescent="0.3">
      <c r="A1423" s="1">
        <v>41945</v>
      </c>
      <c r="B1423" s="3">
        <f t="shared" si="44"/>
        <v>11</v>
      </c>
      <c r="C1423" s="3">
        <f t="shared" si="45"/>
        <v>2014</v>
      </c>
      <c r="D1423" t="s">
        <v>153</v>
      </c>
      <c r="E1423" t="s">
        <v>77</v>
      </c>
      <c r="F1423" t="s">
        <v>10</v>
      </c>
      <c r="G1423" t="s">
        <v>19</v>
      </c>
      <c r="H1423" t="s">
        <v>951</v>
      </c>
      <c r="I1423">
        <v>19.239999999999998</v>
      </c>
      <c r="J1423">
        <v>3</v>
      </c>
      <c r="K1423">
        <v>-13.47</v>
      </c>
    </row>
    <row r="1424" spans="1:11" x14ac:dyDescent="0.3">
      <c r="A1424" s="1">
        <v>41945</v>
      </c>
      <c r="B1424" s="3">
        <f t="shared" si="44"/>
        <v>11</v>
      </c>
      <c r="C1424" s="3">
        <f t="shared" si="45"/>
        <v>2014</v>
      </c>
      <c r="D1424" t="s">
        <v>1546</v>
      </c>
      <c r="E1424" t="s">
        <v>122</v>
      </c>
      <c r="F1424" t="s">
        <v>38</v>
      </c>
      <c r="G1424" t="s">
        <v>51</v>
      </c>
      <c r="H1424" t="s">
        <v>485</v>
      </c>
      <c r="I1424">
        <v>799.92</v>
      </c>
      <c r="J1424">
        <v>10</v>
      </c>
      <c r="K1424">
        <v>239.98</v>
      </c>
    </row>
    <row r="1425" spans="1:11" x14ac:dyDescent="0.3">
      <c r="A1425" s="1">
        <v>41945</v>
      </c>
      <c r="B1425" s="3">
        <f t="shared" si="44"/>
        <v>11</v>
      </c>
      <c r="C1425" s="3">
        <f t="shared" si="45"/>
        <v>2014</v>
      </c>
      <c r="D1425" t="s">
        <v>1547</v>
      </c>
      <c r="E1425" t="s">
        <v>26</v>
      </c>
      <c r="F1425" t="s">
        <v>38</v>
      </c>
      <c r="G1425" t="s">
        <v>39</v>
      </c>
      <c r="H1425" t="s">
        <v>173</v>
      </c>
      <c r="I1425">
        <v>46.38</v>
      </c>
      <c r="J1425">
        <v>2</v>
      </c>
      <c r="K1425">
        <v>5.22</v>
      </c>
    </row>
    <row r="1426" spans="1:11" x14ac:dyDescent="0.3">
      <c r="A1426" s="1">
        <v>41945</v>
      </c>
      <c r="B1426" s="3">
        <f t="shared" si="44"/>
        <v>11</v>
      </c>
      <c r="C1426" s="3">
        <f t="shared" si="45"/>
        <v>2014</v>
      </c>
      <c r="D1426" t="s">
        <v>1547</v>
      </c>
      <c r="E1426" t="s">
        <v>26</v>
      </c>
      <c r="F1426" t="s">
        <v>10</v>
      </c>
      <c r="G1426" t="s">
        <v>17</v>
      </c>
      <c r="H1426" t="s">
        <v>1548</v>
      </c>
      <c r="I1426">
        <v>362.92</v>
      </c>
      <c r="J1426">
        <v>2</v>
      </c>
      <c r="K1426">
        <v>105.25</v>
      </c>
    </row>
    <row r="1427" spans="1:11" x14ac:dyDescent="0.3">
      <c r="A1427" s="1">
        <v>41945</v>
      </c>
      <c r="B1427" s="3">
        <f t="shared" si="44"/>
        <v>11</v>
      </c>
      <c r="C1427" s="3">
        <f t="shared" si="45"/>
        <v>2014</v>
      </c>
      <c r="D1427" t="s">
        <v>1549</v>
      </c>
      <c r="E1427" t="s">
        <v>163</v>
      </c>
      <c r="F1427" t="s">
        <v>38</v>
      </c>
      <c r="G1427" t="s">
        <v>51</v>
      </c>
      <c r="H1427" t="s">
        <v>985</v>
      </c>
      <c r="I1427">
        <v>41.94</v>
      </c>
      <c r="J1427">
        <v>2</v>
      </c>
      <c r="K1427">
        <v>15.1</v>
      </c>
    </row>
    <row r="1428" spans="1:11" x14ac:dyDescent="0.3">
      <c r="A1428" s="1">
        <v>41945</v>
      </c>
      <c r="B1428" s="3">
        <f t="shared" si="44"/>
        <v>11</v>
      </c>
      <c r="C1428" s="3">
        <f t="shared" si="45"/>
        <v>2014</v>
      </c>
      <c r="D1428" t="s">
        <v>1549</v>
      </c>
      <c r="E1428" t="s">
        <v>163</v>
      </c>
      <c r="F1428" t="s">
        <v>38</v>
      </c>
      <c r="G1428" t="s">
        <v>39</v>
      </c>
      <c r="H1428" t="s">
        <v>1550</v>
      </c>
      <c r="I1428">
        <v>52.79</v>
      </c>
      <c r="J1428">
        <v>1</v>
      </c>
      <c r="K1428">
        <v>4.62</v>
      </c>
    </row>
    <row r="1429" spans="1:11" x14ac:dyDescent="0.3">
      <c r="A1429" s="1">
        <v>41946</v>
      </c>
      <c r="B1429" s="3">
        <f t="shared" si="44"/>
        <v>11</v>
      </c>
      <c r="C1429" s="3">
        <f t="shared" si="45"/>
        <v>2014</v>
      </c>
      <c r="D1429" t="s">
        <v>901</v>
      </c>
      <c r="E1429" t="s">
        <v>22</v>
      </c>
      <c r="F1429" t="s">
        <v>10</v>
      </c>
      <c r="G1429" t="s">
        <v>199</v>
      </c>
      <c r="H1429" t="s">
        <v>200</v>
      </c>
      <c r="I1429">
        <v>286.33999999999997</v>
      </c>
      <c r="J1429">
        <v>3</v>
      </c>
      <c r="K1429">
        <v>-64.430000000000007</v>
      </c>
    </row>
    <row r="1430" spans="1:11" x14ac:dyDescent="0.3">
      <c r="A1430" s="1">
        <v>41946</v>
      </c>
      <c r="B1430" s="3">
        <f t="shared" si="44"/>
        <v>11</v>
      </c>
      <c r="C1430" s="3">
        <f t="shared" si="45"/>
        <v>2014</v>
      </c>
      <c r="D1430" t="s">
        <v>127</v>
      </c>
      <c r="E1430" t="s">
        <v>148</v>
      </c>
      <c r="F1430" t="s">
        <v>38</v>
      </c>
      <c r="G1430" t="s">
        <v>39</v>
      </c>
      <c r="H1430" t="s">
        <v>286</v>
      </c>
      <c r="I1430">
        <v>783.96</v>
      </c>
      <c r="J1430">
        <v>4</v>
      </c>
      <c r="K1430">
        <v>219.51</v>
      </c>
    </row>
    <row r="1431" spans="1:11" x14ac:dyDescent="0.3">
      <c r="A1431" s="1">
        <v>41946</v>
      </c>
      <c r="B1431" s="3">
        <f t="shared" si="44"/>
        <v>11</v>
      </c>
      <c r="C1431" s="3">
        <f t="shared" si="45"/>
        <v>2014</v>
      </c>
      <c r="D1431" t="s">
        <v>127</v>
      </c>
      <c r="E1431" t="s">
        <v>148</v>
      </c>
      <c r="F1431" t="s">
        <v>10</v>
      </c>
      <c r="G1431" t="s">
        <v>19</v>
      </c>
      <c r="H1431" t="s">
        <v>161</v>
      </c>
      <c r="I1431">
        <v>48.9</v>
      </c>
      <c r="J1431">
        <v>2</v>
      </c>
      <c r="K1431">
        <v>18.34</v>
      </c>
    </row>
    <row r="1432" spans="1:11" x14ac:dyDescent="0.3">
      <c r="A1432" s="1">
        <v>41946</v>
      </c>
      <c r="B1432" s="3">
        <f t="shared" si="44"/>
        <v>11</v>
      </c>
      <c r="C1432" s="3">
        <f t="shared" si="45"/>
        <v>2014</v>
      </c>
      <c r="D1432" t="s">
        <v>127</v>
      </c>
      <c r="E1432" t="s">
        <v>148</v>
      </c>
      <c r="F1432" t="s">
        <v>10</v>
      </c>
      <c r="G1432" t="s">
        <v>19</v>
      </c>
      <c r="H1432" t="s">
        <v>1312</v>
      </c>
      <c r="I1432">
        <v>7.86</v>
      </c>
      <c r="J1432">
        <v>2</v>
      </c>
      <c r="K1432">
        <v>2.85</v>
      </c>
    </row>
    <row r="1433" spans="1:11" x14ac:dyDescent="0.3">
      <c r="A1433" s="1">
        <v>41946</v>
      </c>
      <c r="B1433" s="3">
        <f t="shared" si="44"/>
        <v>11</v>
      </c>
      <c r="C1433" s="3">
        <f t="shared" si="45"/>
        <v>2014</v>
      </c>
      <c r="D1433" t="s">
        <v>711</v>
      </c>
      <c r="E1433" t="s">
        <v>612</v>
      </c>
      <c r="F1433" t="s">
        <v>10</v>
      </c>
      <c r="G1433" t="s">
        <v>199</v>
      </c>
      <c r="H1433" t="s">
        <v>869</v>
      </c>
      <c r="I1433">
        <v>11.64</v>
      </c>
      <c r="J1433">
        <v>3</v>
      </c>
      <c r="K1433">
        <v>3.38</v>
      </c>
    </row>
    <row r="1434" spans="1:11" x14ac:dyDescent="0.3">
      <c r="A1434" s="1">
        <v>41946</v>
      </c>
      <c r="B1434" s="3">
        <f t="shared" si="44"/>
        <v>11</v>
      </c>
      <c r="C1434" s="3">
        <f t="shared" si="45"/>
        <v>2014</v>
      </c>
      <c r="D1434" t="s">
        <v>1195</v>
      </c>
      <c r="E1434" t="s">
        <v>119</v>
      </c>
      <c r="F1434" t="s">
        <v>10</v>
      </c>
      <c r="G1434" t="s">
        <v>11</v>
      </c>
      <c r="H1434" t="s">
        <v>1551</v>
      </c>
      <c r="I1434">
        <v>3.49</v>
      </c>
      <c r="J1434">
        <v>2</v>
      </c>
      <c r="K1434">
        <v>1.18</v>
      </c>
    </row>
    <row r="1435" spans="1:11" x14ac:dyDescent="0.3">
      <c r="A1435" s="1">
        <v>41946</v>
      </c>
      <c r="B1435" s="3">
        <f t="shared" si="44"/>
        <v>11</v>
      </c>
      <c r="C1435" s="3">
        <f t="shared" si="45"/>
        <v>2014</v>
      </c>
      <c r="D1435" t="s">
        <v>1195</v>
      </c>
      <c r="E1435" t="s">
        <v>119</v>
      </c>
      <c r="F1435" t="s">
        <v>10</v>
      </c>
      <c r="G1435" t="s">
        <v>11</v>
      </c>
      <c r="H1435" t="s">
        <v>1051</v>
      </c>
      <c r="I1435">
        <v>143.86000000000001</v>
      </c>
      <c r="J1435">
        <v>9</v>
      </c>
      <c r="K1435">
        <v>48.55</v>
      </c>
    </row>
    <row r="1436" spans="1:11" x14ac:dyDescent="0.3">
      <c r="A1436" s="1">
        <v>41946</v>
      </c>
      <c r="B1436" s="3">
        <f t="shared" si="44"/>
        <v>11</v>
      </c>
      <c r="C1436" s="3">
        <f t="shared" si="45"/>
        <v>2014</v>
      </c>
      <c r="D1436" t="s">
        <v>1547</v>
      </c>
      <c r="E1436" t="s">
        <v>244</v>
      </c>
      <c r="F1436" t="s">
        <v>10</v>
      </c>
      <c r="G1436" t="s">
        <v>17</v>
      </c>
      <c r="H1436" t="s">
        <v>178</v>
      </c>
      <c r="I1436">
        <v>25.98</v>
      </c>
      <c r="J1436">
        <v>2</v>
      </c>
      <c r="K1436">
        <v>-1.62</v>
      </c>
    </row>
    <row r="1437" spans="1:11" x14ac:dyDescent="0.3">
      <c r="A1437" s="1">
        <v>41946</v>
      </c>
      <c r="B1437" s="3">
        <f t="shared" si="44"/>
        <v>11</v>
      </c>
      <c r="C1437" s="3">
        <f t="shared" si="45"/>
        <v>2014</v>
      </c>
      <c r="D1437" t="s">
        <v>1547</v>
      </c>
      <c r="E1437" t="s">
        <v>244</v>
      </c>
      <c r="F1437" t="s">
        <v>33</v>
      </c>
      <c r="G1437" t="s">
        <v>144</v>
      </c>
      <c r="H1437" t="s">
        <v>1552</v>
      </c>
      <c r="I1437">
        <v>945.04</v>
      </c>
      <c r="J1437">
        <v>6</v>
      </c>
      <c r="K1437">
        <v>-299.26</v>
      </c>
    </row>
    <row r="1438" spans="1:11" x14ac:dyDescent="0.3">
      <c r="A1438" s="1">
        <v>41946</v>
      </c>
      <c r="B1438" s="3">
        <f t="shared" si="44"/>
        <v>11</v>
      </c>
      <c r="C1438" s="3">
        <f t="shared" si="45"/>
        <v>2014</v>
      </c>
      <c r="D1438" t="s">
        <v>1547</v>
      </c>
      <c r="E1438" t="s">
        <v>244</v>
      </c>
      <c r="F1438" t="s">
        <v>10</v>
      </c>
      <c r="G1438" t="s">
        <v>19</v>
      </c>
      <c r="H1438" t="s">
        <v>1376</v>
      </c>
      <c r="I1438">
        <v>14.3</v>
      </c>
      <c r="J1438">
        <v>7</v>
      </c>
      <c r="K1438">
        <v>-10.49</v>
      </c>
    </row>
    <row r="1439" spans="1:11" x14ac:dyDescent="0.3">
      <c r="A1439" s="1">
        <v>41946</v>
      </c>
      <c r="B1439" s="3">
        <f t="shared" si="44"/>
        <v>11</v>
      </c>
      <c r="C1439" s="3">
        <f t="shared" si="45"/>
        <v>2014</v>
      </c>
      <c r="D1439" t="s">
        <v>1547</v>
      </c>
      <c r="E1439" t="s">
        <v>244</v>
      </c>
      <c r="F1439" t="s">
        <v>33</v>
      </c>
      <c r="G1439" t="s">
        <v>46</v>
      </c>
      <c r="H1439" t="s">
        <v>1553</v>
      </c>
      <c r="I1439">
        <v>410.35</v>
      </c>
      <c r="J1439">
        <v>3</v>
      </c>
      <c r="K1439">
        <v>-51.29</v>
      </c>
    </row>
    <row r="1440" spans="1:11" x14ac:dyDescent="0.3">
      <c r="A1440" s="1">
        <v>41946</v>
      </c>
      <c r="B1440" s="3">
        <f t="shared" si="44"/>
        <v>11</v>
      </c>
      <c r="C1440" s="3">
        <f t="shared" si="45"/>
        <v>2014</v>
      </c>
      <c r="D1440" t="s">
        <v>1554</v>
      </c>
      <c r="E1440" t="s">
        <v>176</v>
      </c>
      <c r="F1440" t="s">
        <v>10</v>
      </c>
      <c r="G1440" t="s">
        <v>19</v>
      </c>
      <c r="H1440" t="s">
        <v>898</v>
      </c>
      <c r="I1440">
        <v>5.76</v>
      </c>
      <c r="J1440">
        <v>2</v>
      </c>
      <c r="K1440">
        <v>2.82</v>
      </c>
    </row>
    <row r="1441" spans="1:11" x14ac:dyDescent="0.3">
      <c r="A1441" s="1">
        <v>41946</v>
      </c>
      <c r="B1441" s="3">
        <f t="shared" si="44"/>
        <v>11</v>
      </c>
      <c r="C1441" s="3">
        <f t="shared" si="45"/>
        <v>2014</v>
      </c>
      <c r="D1441" t="s">
        <v>535</v>
      </c>
      <c r="E1441" t="s">
        <v>995</v>
      </c>
      <c r="F1441" t="s">
        <v>38</v>
      </c>
      <c r="G1441" t="s">
        <v>51</v>
      </c>
      <c r="H1441" t="s">
        <v>1555</v>
      </c>
      <c r="I1441">
        <v>89.97</v>
      </c>
      <c r="J1441">
        <v>3</v>
      </c>
      <c r="K1441">
        <v>18.89</v>
      </c>
    </row>
    <row r="1442" spans="1:11" x14ac:dyDescent="0.3">
      <c r="A1442" s="1">
        <v>41946</v>
      </c>
      <c r="B1442" s="3">
        <f t="shared" si="44"/>
        <v>11</v>
      </c>
      <c r="C1442" s="3">
        <f t="shared" si="45"/>
        <v>2014</v>
      </c>
      <c r="D1442" t="s">
        <v>1556</v>
      </c>
      <c r="E1442" t="s">
        <v>26</v>
      </c>
      <c r="F1442" t="s">
        <v>10</v>
      </c>
      <c r="G1442" t="s">
        <v>23</v>
      </c>
      <c r="H1442" t="s">
        <v>540</v>
      </c>
      <c r="I1442">
        <v>6.72</v>
      </c>
      <c r="J1442">
        <v>4</v>
      </c>
      <c r="K1442">
        <v>3.36</v>
      </c>
    </row>
    <row r="1443" spans="1:11" x14ac:dyDescent="0.3">
      <c r="A1443" s="1">
        <v>41947</v>
      </c>
      <c r="B1443" s="3">
        <f t="shared" si="44"/>
        <v>11</v>
      </c>
      <c r="C1443" s="3">
        <f t="shared" si="45"/>
        <v>2014</v>
      </c>
      <c r="D1443" t="s">
        <v>179</v>
      </c>
      <c r="E1443" t="s">
        <v>148</v>
      </c>
      <c r="F1443" t="s">
        <v>33</v>
      </c>
      <c r="G1443" t="s">
        <v>34</v>
      </c>
      <c r="H1443" t="s">
        <v>541</v>
      </c>
      <c r="I1443">
        <v>135.88</v>
      </c>
      <c r="J1443">
        <v>1</v>
      </c>
      <c r="K1443">
        <v>24.16</v>
      </c>
    </row>
    <row r="1444" spans="1:11" x14ac:dyDescent="0.3">
      <c r="A1444" s="1">
        <v>41947</v>
      </c>
      <c r="B1444" s="3">
        <f t="shared" si="44"/>
        <v>11</v>
      </c>
      <c r="C1444" s="3">
        <f t="shared" si="45"/>
        <v>2014</v>
      </c>
      <c r="D1444" t="s">
        <v>179</v>
      </c>
      <c r="E1444" t="s">
        <v>148</v>
      </c>
      <c r="F1444" t="s">
        <v>38</v>
      </c>
      <c r="G1444" t="s">
        <v>301</v>
      </c>
      <c r="H1444" t="s">
        <v>1557</v>
      </c>
      <c r="I1444">
        <v>3991.98</v>
      </c>
      <c r="J1444">
        <v>2</v>
      </c>
      <c r="K1444">
        <v>1995.99</v>
      </c>
    </row>
    <row r="1445" spans="1:11" x14ac:dyDescent="0.3">
      <c r="A1445" s="1">
        <v>41947</v>
      </c>
      <c r="B1445" s="3">
        <f t="shared" si="44"/>
        <v>11</v>
      </c>
      <c r="C1445" s="3">
        <f t="shared" si="45"/>
        <v>2014</v>
      </c>
      <c r="D1445" t="s">
        <v>179</v>
      </c>
      <c r="E1445" t="s">
        <v>148</v>
      </c>
      <c r="F1445" t="s">
        <v>38</v>
      </c>
      <c r="G1445" t="s">
        <v>39</v>
      </c>
      <c r="H1445" t="s">
        <v>862</v>
      </c>
      <c r="I1445">
        <v>275.94</v>
      </c>
      <c r="J1445">
        <v>6</v>
      </c>
      <c r="K1445">
        <v>80.02</v>
      </c>
    </row>
    <row r="1446" spans="1:11" x14ac:dyDescent="0.3">
      <c r="A1446" s="1">
        <v>41947</v>
      </c>
      <c r="B1446" s="3">
        <f t="shared" si="44"/>
        <v>11</v>
      </c>
      <c r="C1446" s="3">
        <f t="shared" si="45"/>
        <v>2014</v>
      </c>
      <c r="D1446" t="s">
        <v>179</v>
      </c>
      <c r="E1446" t="s">
        <v>148</v>
      </c>
      <c r="F1446" t="s">
        <v>38</v>
      </c>
      <c r="G1446" t="s">
        <v>51</v>
      </c>
      <c r="H1446" t="s">
        <v>1558</v>
      </c>
      <c r="I1446">
        <v>360</v>
      </c>
      <c r="J1446">
        <v>4</v>
      </c>
      <c r="K1446">
        <v>129.6</v>
      </c>
    </row>
    <row r="1447" spans="1:11" x14ac:dyDescent="0.3">
      <c r="A1447" s="1">
        <v>41947</v>
      </c>
      <c r="B1447" s="3">
        <f t="shared" si="44"/>
        <v>11</v>
      </c>
      <c r="C1447" s="3">
        <f t="shared" si="45"/>
        <v>2014</v>
      </c>
      <c r="D1447" t="s">
        <v>179</v>
      </c>
      <c r="E1447" t="s">
        <v>148</v>
      </c>
      <c r="F1447" t="s">
        <v>10</v>
      </c>
      <c r="G1447" t="s">
        <v>17</v>
      </c>
      <c r="H1447" t="s">
        <v>1559</v>
      </c>
      <c r="I1447">
        <v>43.57</v>
      </c>
      <c r="J1447">
        <v>1</v>
      </c>
      <c r="K1447">
        <v>13.07</v>
      </c>
    </row>
    <row r="1448" spans="1:11" x14ac:dyDescent="0.3">
      <c r="A1448" s="1">
        <v>41947</v>
      </c>
      <c r="B1448" s="3">
        <f t="shared" si="44"/>
        <v>11</v>
      </c>
      <c r="C1448" s="3">
        <f t="shared" si="45"/>
        <v>2014</v>
      </c>
      <c r="D1448" t="s">
        <v>1288</v>
      </c>
      <c r="E1448" t="s">
        <v>244</v>
      </c>
      <c r="F1448" t="s">
        <v>10</v>
      </c>
      <c r="G1448" t="s">
        <v>42</v>
      </c>
      <c r="H1448" t="s">
        <v>1560</v>
      </c>
      <c r="I1448">
        <v>8.3800000000000008</v>
      </c>
      <c r="J1448">
        <v>3</v>
      </c>
      <c r="K1448">
        <v>2.72</v>
      </c>
    </row>
    <row r="1449" spans="1:11" x14ac:dyDescent="0.3">
      <c r="A1449" s="1">
        <v>41947</v>
      </c>
      <c r="B1449" s="3">
        <f t="shared" si="44"/>
        <v>11</v>
      </c>
      <c r="C1449" s="3">
        <f t="shared" si="45"/>
        <v>2014</v>
      </c>
      <c r="D1449" t="s">
        <v>1288</v>
      </c>
      <c r="E1449" t="s">
        <v>244</v>
      </c>
      <c r="F1449" t="s">
        <v>10</v>
      </c>
      <c r="G1449" t="s">
        <v>91</v>
      </c>
      <c r="H1449" t="s">
        <v>763</v>
      </c>
      <c r="I1449">
        <v>58.24</v>
      </c>
      <c r="J1449">
        <v>5</v>
      </c>
      <c r="K1449">
        <v>5.0999999999999996</v>
      </c>
    </row>
    <row r="1450" spans="1:11" x14ac:dyDescent="0.3">
      <c r="A1450" s="1">
        <v>41947</v>
      </c>
      <c r="B1450" s="3">
        <f t="shared" si="44"/>
        <v>11</v>
      </c>
      <c r="C1450" s="3">
        <f t="shared" si="45"/>
        <v>2014</v>
      </c>
      <c r="D1450" t="s">
        <v>1561</v>
      </c>
      <c r="E1450" t="s">
        <v>26</v>
      </c>
      <c r="F1450" t="s">
        <v>33</v>
      </c>
      <c r="G1450" t="s">
        <v>46</v>
      </c>
      <c r="H1450" t="s">
        <v>1317</v>
      </c>
      <c r="I1450">
        <v>35.340000000000003</v>
      </c>
      <c r="J1450">
        <v>2</v>
      </c>
      <c r="K1450">
        <v>13.43</v>
      </c>
    </row>
    <row r="1451" spans="1:11" x14ac:dyDescent="0.3">
      <c r="A1451" s="1">
        <v>41947</v>
      </c>
      <c r="B1451" s="3">
        <f t="shared" si="44"/>
        <v>11</v>
      </c>
      <c r="C1451" s="3">
        <f t="shared" si="45"/>
        <v>2014</v>
      </c>
      <c r="D1451" t="s">
        <v>1562</v>
      </c>
      <c r="E1451" t="s">
        <v>26</v>
      </c>
      <c r="F1451" t="s">
        <v>38</v>
      </c>
      <c r="G1451" t="s">
        <v>39</v>
      </c>
      <c r="H1451" t="s">
        <v>1563</v>
      </c>
      <c r="I1451">
        <v>666.34</v>
      </c>
      <c r="J1451">
        <v>7</v>
      </c>
      <c r="K1451">
        <v>66.63</v>
      </c>
    </row>
    <row r="1452" spans="1:11" x14ac:dyDescent="0.3">
      <c r="A1452" s="1">
        <v>41947</v>
      </c>
      <c r="B1452" s="3">
        <f t="shared" si="44"/>
        <v>11</v>
      </c>
      <c r="C1452" s="3">
        <f t="shared" si="45"/>
        <v>2014</v>
      </c>
      <c r="D1452" t="s">
        <v>1562</v>
      </c>
      <c r="E1452" t="s">
        <v>26</v>
      </c>
      <c r="F1452" t="s">
        <v>33</v>
      </c>
      <c r="G1452" t="s">
        <v>144</v>
      </c>
      <c r="H1452" t="s">
        <v>789</v>
      </c>
      <c r="I1452">
        <v>573.73</v>
      </c>
      <c r="J1452">
        <v>4</v>
      </c>
      <c r="K1452">
        <v>-64.540000000000006</v>
      </c>
    </row>
    <row r="1453" spans="1:11" x14ac:dyDescent="0.3">
      <c r="A1453" s="1">
        <v>41947</v>
      </c>
      <c r="B1453" s="3">
        <f t="shared" si="44"/>
        <v>11</v>
      </c>
      <c r="C1453" s="3">
        <f t="shared" si="45"/>
        <v>2014</v>
      </c>
      <c r="D1453" t="s">
        <v>1562</v>
      </c>
      <c r="E1453" t="s">
        <v>26</v>
      </c>
      <c r="F1453" t="s">
        <v>10</v>
      </c>
      <c r="G1453" t="s">
        <v>19</v>
      </c>
      <c r="H1453" t="s">
        <v>1564</v>
      </c>
      <c r="I1453">
        <v>21.94</v>
      </c>
      <c r="J1453">
        <v>3</v>
      </c>
      <c r="K1453">
        <v>8.23</v>
      </c>
    </row>
    <row r="1454" spans="1:11" x14ac:dyDescent="0.3">
      <c r="A1454" s="1">
        <v>41947</v>
      </c>
      <c r="B1454" s="3">
        <f t="shared" si="44"/>
        <v>11</v>
      </c>
      <c r="C1454" s="3">
        <f t="shared" si="45"/>
        <v>2014</v>
      </c>
      <c r="D1454" t="s">
        <v>1562</v>
      </c>
      <c r="E1454" t="s">
        <v>26</v>
      </c>
      <c r="F1454" t="s">
        <v>10</v>
      </c>
      <c r="G1454" t="s">
        <v>11</v>
      </c>
      <c r="H1454" t="s">
        <v>1218</v>
      </c>
      <c r="I1454">
        <v>19.440000000000001</v>
      </c>
      <c r="J1454">
        <v>3</v>
      </c>
      <c r="K1454">
        <v>9.33</v>
      </c>
    </row>
    <row r="1455" spans="1:11" x14ac:dyDescent="0.3">
      <c r="A1455" s="1">
        <v>41947</v>
      </c>
      <c r="B1455" s="3">
        <f t="shared" si="44"/>
        <v>11</v>
      </c>
      <c r="C1455" s="3">
        <f t="shared" si="45"/>
        <v>2014</v>
      </c>
      <c r="D1455" t="s">
        <v>1562</v>
      </c>
      <c r="E1455" t="s">
        <v>26</v>
      </c>
      <c r="F1455" t="s">
        <v>38</v>
      </c>
      <c r="G1455" t="s">
        <v>301</v>
      </c>
      <c r="H1455" t="s">
        <v>1565</v>
      </c>
      <c r="I1455">
        <v>447.97</v>
      </c>
      <c r="J1455">
        <v>4</v>
      </c>
      <c r="K1455">
        <v>139.99</v>
      </c>
    </row>
    <row r="1456" spans="1:11" x14ac:dyDescent="0.3">
      <c r="A1456" s="1">
        <v>41947</v>
      </c>
      <c r="B1456" s="3">
        <f t="shared" si="44"/>
        <v>11</v>
      </c>
      <c r="C1456" s="3">
        <f t="shared" si="45"/>
        <v>2014</v>
      </c>
      <c r="D1456" t="s">
        <v>1222</v>
      </c>
      <c r="E1456" t="s">
        <v>148</v>
      </c>
      <c r="F1456" t="s">
        <v>10</v>
      </c>
      <c r="G1456" t="s">
        <v>19</v>
      </c>
      <c r="H1456" t="s">
        <v>1566</v>
      </c>
      <c r="I1456">
        <v>52.06</v>
      </c>
      <c r="J1456">
        <v>4</v>
      </c>
      <c r="K1456">
        <v>18.87</v>
      </c>
    </row>
    <row r="1457" spans="1:11" x14ac:dyDescent="0.3">
      <c r="A1457" s="1">
        <v>41947</v>
      </c>
      <c r="B1457" s="3">
        <f t="shared" si="44"/>
        <v>11</v>
      </c>
      <c r="C1457" s="3">
        <f t="shared" si="45"/>
        <v>2014</v>
      </c>
      <c r="D1457" t="s">
        <v>1567</v>
      </c>
      <c r="E1457" t="s">
        <v>26</v>
      </c>
      <c r="F1457" t="s">
        <v>10</v>
      </c>
      <c r="G1457" t="s">
        <v>23</v>
      </c>
      <c r="H1457" t="s">
        <v>1568</v>
      </c>
      <c r="I1457">
        <v>2.94</v>
      </c>
      <c r="J1457">
        <v>1</v>
      </c>
      <c r="K1457">
        <v>0.79</v>
      </c>
    </row>
    <row r="1458" spans="1:11" x14ac:dyDescent="0.3">
      <c r="A1458" s="1">
        <v>41948</v>
      </c>
      <c r="B1458" s="3">
        <f t="shared" si="44"/>
        <v>11</v>
      </c>
      <c r="C1458" s="3">
        <f t="shared" si="45"/>
        <v>2014</v>
      </c>
      <c r="D1458" t="s">
        <v>1142</v>
      </c>
      <c r="E1458" t="s">
        <v>26</v>
      </c>
      <c r="F1458" t="s">
        <v>33</v>
      </c>
      <c r="G1458" t="s">
        <v>46</v>
      </c>
      <c r="H1458" t="s">
        <v>1569</v>
      </c>
      <c r="I1458">
        <v>20.04</v>
      </c>
      <c r="J1458">
        <v>6</v>
      </c>
      <c r="K1458">
        <v>8.82</v>
      </c>
    </row>
    <row r="1459" spans="1:11" x14ac:dyDescent="0.3">
      <c r="A1459" s="1">
        <v>41948</v>
      </c>
      <c r="B1459" s="3">
        <f t="shared" si="44"/>
        <v>11</v>
      </c>
      <c r="C1459" s="3">
        <f t="shared" si="45"/>
        <v>2014</v>
      </c>
      <c r="D1459" t="s">
        <v>214</v>
      </c>
      <c r="E1459" t="s">
        <v>54</v>
      </c>
      <c r="F1459" t="s">
        <v>38</v>
      </c>
      <c r="G1459" t="s">
        <v>51</v>
      </c>
      <c r="H1459" t="s">
        <v>597</v>
      </c>
      <c r="I1459">
        <v>47.79</v>
      </c>
      <c r="J1459">
        <v>3</v>
      </c>
      <c r="K1459">
        <v>16.25</v>
      </c>
    </row>
    <row r="1460" spans="1:11" x14ac:dyDescent="0.3">
      <c r="A1460" s="1">
        <v>41948</v>
      </c>
      <c r="B1460" s="3">
        <f t="shared" si="44"/>
        <v>11</v>
      </c>
      <c r="C1460" s="3">
        <f t="shared" si="45"/>
        <v>2014</v>
      </c>
      <c r="D1460" t="s">
        <v>1570</v>
      </c>
      <c r="E1460" t="s">
        <v>22</v>
      </c>
      <c r="F1460" t="s">
        <v>33</v>
      </c>
      <c r="G1460" t="s">
        <v>46</v>
      </c>
      <c r="H1460" t="s">
        <v>1553</v>
      </c>
      <c r="I1460">
        <v>273.57</v>
      </c>
      <c r="J1460">
        <v>2</v>
      </c>
      <c r="K1460">
        <v>-34.200000000000003</v>
      </c>
    </row>
    <row r="1461" spans="1:11" x14ac:dyDescent="0.3">
      <c r="A1461" s="1">
        <v>41948</v>
      </c>
      <c r="B1461" s="3">
        <f t="shared" si="44"/>
        <v>11</v>
      </c>
      <c r="C1461" s="3">
        <f t="shared" si="45"/>
        <v>2014</v>
      </c>
      <c r="D1461" t="s">
        <v>1570</v>
      </c>
      <c r="E1461" t="s">
        <v>22</v>
      </c>
      <c r="F1461" t="s">
        <v>10</v>
      </c>
      <c r="G1461" t="s">
        <v>19</v>
      </c>
      <c r="H1461" t="s">
        <v>626</v>
      </c>
      <c r="I1461">
        <v>13.19</v>
      </c>
      <c r="J1461">
        <v>2</v>
      </c>
      <c r="K1461">
        <v>-8.8000000000000007</v>
      </c>
    </row>
    <row r="1462" spans="1:11" x14ac:dyDescent="0.3">
      <c r="A1462" s="1">
        <v>41948</v>
      </c>
      <c r="B1462" s="3">
        <f t="shared" si="44"/>
        <v>11</v>
      </c>
      <c r="C1462" s="3">
        <f t="shared" si="45"/>
        <v>2014</v>
      </c>
      <c r="D1462" t="s">
        <v>1570</v>
      </c>
      <c r="E1462" t="s">
        <v>22</v>
      </c>
      <c r="F1462" t="s">
        <v>10</v>
      </c>
      <c r="G1462" t="s">
        <v>17</v>
      </c>
      <c r="H1462" t="s">
        <v>1571</v>
      </c>
      <c r="I1462">
        <v>1080.0999999999999</v>
      </c>
      <c r="J1462">
        <v>6</v>
      </c>
      <c r="K1462">
        <v>-94.51</v>
      </c>
    </row>
    <row r="1463" spans="1:11" x14ac:dyDescent="0.3">
      <c r="A1463" s="1">
        <v>41948</v>
      </c>
      <c r="B1463" s="3">
        <f t="shared" si="44"/>
        <v>11</v>
      </c>
      <c r="C1463" s="3">
        <f t="shared" si="45"/>
        <v>2014</v>
      </c>
      <c r="D1463" t="s">
        <v>1570</v>
      </c>
      <c r="E1463" t="s">
        <v>22</v>
      </c>
      <c r="F1463" t="s">
        <v>38</v>
      </c>
      <c r="G1463" t="s">
        <v>51</v>
      </c>
      <c r="H1463" t="s">
        <v>1460</v>
      </c>
      <c r="I1463">
        <v>51.56</v>
      </c>
      <c r="J1463">
        <v>5</v>
      </c>
      <c r="K1463">
        <v>-6.45</v>
      </c>
    </row>
    <row r="1464" spans="1:11" x14ac:dyDescent="0.3">
      <c r="A1464" s="1">
        <v>41948</v>
      </c>
      <c r="B1464" s="3">
        <f t="shared" si="44"/>
        <v>11</v>
      </c>
      <c r="C1464" s="3">
        <f t="shared" si="45"/>
        <v>2014</v>
      </c>
      <c r="D1464" t="s">
        <v>1570</v>
      </c>
      <c r="E1464" t="s">
        <v>22</v>
      </c>
      <c r="F1464" t="s">
        <v>38</v>
      </c>
      <c r="G1464" t="s">
        <v>51</v>
      </c>
      <c r="H1464" t="s">
        <v>1572</v>
      </c>
      <c r="I1464">
        <v>58.42</v>
      </c>
      <c r="J1464">
        <v>2</v>
      </c>
      <c r="K1464">
        <v>16.79</v>
      </c>
    </row>
    <row r="1465" spans="1:11" x14ac:dyDescent="0.3">
      <c r="A1465" s="1">
        <v>41948</v>
      </c>
      <c r="B1465" s="3">
        <f t="shared" si="44"/>
        <v>11</v>
      </c>
      <c r="C1465" s="3">
        <f t="shared" si="45"/>
        <v>2014</v>
      </c>
      <c r="D1465" t="s">
        <v>1573</v>
      </c>
      <c r="E1465" t="s">
        <v>54</v>
      </c>
      <c r="F1465" t="s">
        <v>33</v>
      </c>
      <c r="G1465" t="s">
        <v>34</v>
      </c>
      <c r="H1465" t="s">
        <v>1574</v>
      </c>
      <c r="I1465">
        <v>149.9</v>
      </c>
      <c r="J1465">
        <v>5</v>
      </c>
      <c r="K1465">
        <v>40.47</v>
      </c>
    </row>
    <row r="1466" spans="1:11" x14ac:dyDescent="0.3">
      <c r="A1466" s="1">
        <v>41949</v>
      </c>
      <c r="B1466" s="3">
        <f t="shared" si="44"/>
        <v>11</v>
      </c>
      <c r="C1466" s="3">
        <f t="shared" si="45"/>
        <v>2014</v>
      </c>
      <c r="D1466" t="s">
        <v>679</v>
      </c>
      <c r="E1466" t="s">
        <v>29</v>
      </c>
      <c r="F1466" t="s">
        <v>10</v>
      </c>
      <c r="G1466" t="s">
        <v>11</v>
      </c>
      <c r="H1466" t="s">
        <v>239</v>
      </c>
      <c r="I1466">
        <v>43.68</v>
      </c>
      <c r="J1466">
        <v>6</v>
      </c>
      <c r="K1466">
        <v>20.97</v>
      </c>
    </row>
    <row r="1467" spans="1:11" x14ac:dyDescent="0.3">
      <c r="A1467" s="1">
        <v>41950</v>
      </c>
      <c r="B1467" s="3">
        <f t="shared" si="44"/>
        <v>11</v>
      </c>
      <c r="C1467" s="3">
        <f t="shared" si="45"/>
        <v>2014</v>
      </c>
      <c r="D1467" t="s">
        <v>1575</v>
      </c>
      <c r="E1467" t="s">
        <v>9</v>
      </c>
      <c r="F1467" t="s">
        <v>10</v>
      </c>
      <c r="G1467" t="s">
        <v>19</v>
      </c>
      <c r="H1467" t="s">
        <v>1138</v>
      </c>
      <c r="I1467">
        <v>26.05</v>
      </c>
      <c r="J1467">
        <v>3</v>
      </c>
      <c r="K1467">
        <v>-44.28</v>
      </c>
    </row>
    <row r="1468" spans="1:11" x14ac:dyDescent="0.3">
      <c r="A1468" s="1">
        <v>41950</v>
      </c>
      <c r="B1468" s="3">
        <f t="shared" si="44"/>
        <v>11</v>
      </c>
      <c r="C1468" s="3">
        <f t="shared" si="45"/>
        <v>2014</v>
      </c>
      <c r="D1468" t="s">
        <v>1575</v>
      </c>
      <c r="E1468" t="s">
        <v>9</v>
      </c>
      <c r="F1468" t="s">
        <v>10</v>
      </c>
      <c r="G1468" t="s">
        <v>62</v>
      </c>
      <c r="H1468" t="s">
        <v>63</v>
      </c>
      <c r="I1468">
        <v>74.349999999999994</v>
      </c>
      <c r="J1468">
        <v>3</v>
      </c>
      <c r="K1468">
        <v>26.95</v>
      </c>
    </row>
    <row r="1469" spans="1:11" x14ac:dyDescent="0.3">
      <c r="A1469" s="1">
        <v>41950</v>
      </c>
      <c r="B1469" s="3">
        <f t="shared" si="44"/>
        <v>11</v>
      </c>
      <c r="C1469" s="3">
        <f t="shared" si="45"/>
        <v>2014</v>
      </c>
      <c r="D1469" t="s">
        <v>1137</v>
      </c>
      <c r="E1469" t="s">
        <v>26</v>
      </c>
      <c r="F1469" t="s">
        <v>10</v>
      </c>
      <c r="G1469" t="s">
        <v>19</v>
      </c>
      <c r="H1469" t="s">
        <v>626</v>
      </c>
      <c r="I1469">
        <v>123.14</v>
      </c>
      <c r="J1469">
        <v>7</v>
      </c>
      <c r="K1469">
        <v>46.18</v>
      </c>
    </row>
    <row r="1470" spans="1:11" x14ac:dyDescent="0.3">
      <c r="A1470" s="1">
        <v>41950</v>
      </c>
      <c r="B1470" s="3">
        <f t="shared" si="44"/>
        <v>11</v>
      </c>
      <c r="C1470" s="3">
        <f t="shared" si="45"/>
        <v>2014</v>
      </c>
      <c r="D1470" t="s">
        <v>767</v>
      </c>
      <c r="E1470" t="s">
        <v>9</v>
      </c>
      <c r="F1470" t="s">
        <v>33</v>
      </c>
      <c r="G1470" t="s">
        <v>34</v>
      </c>
      <c r="H1470" t="s">
        <v>791</v>
      </c>
      <c r="I1470">
        <v>683.14</v>
      </c>
      <c r="J1470">
        <v>4</v>
      </c>
      <c r="K1470">
        <v>0</v>
      </c>
    </row>
    <row r="1471" spans="1:11" x14ac:dyDescent="0.3">
      <c r="A1471" s="1">
        <v>41950</v>
      </c>
      <c r="B1471" s="3">
        <f t="shared" si="44"/>
        <v>11</v>
      </c>
      <c r="C1471" s="3">
        <f t="shared" si="45"/>
        <v>2014</v>
      </c>
      <c r="D1471" t="s">
        <v>767</v>
      </c>
      <c r="E1471" t="s">
        <v>9</v>
      </c>
      <c r="F1471" t="s">
        <v>10</v>
      </c>
      <c r="G1471" t="s">
        <v>19</v>
      </c>
      <c r="H1471" t="s">
        <v>1576</v>
      </c>
      <c r="I1471">
        <v>1.48</v>
      </c>
      <c r="J1471">
        <v>3</v>
      </c>
      <c r="K1471">
        <v>-2.21</v>
      </c>
    </row>
    <row r="1472" spans="1:11" x14ac:dyDescent="0.3">
      <c r="A1472" s="1">
        <v>41950</v>
      </c>
      <c r="B1472" s="3">
        <f t="shared" si="44"/>
        <v>11</v>
      </c>
      <c r="C1472" s="3">
        <f t="shared" si="45"/>
        <v>2014</v>
      </c>
      <c r="D1472" t="s">
        <v>767</v>
      </c>
      <c r="E1472" t="s">
        <v>9</v>
      </c>
      <c r="F1472" t="s">
        <v>10</v>
      </c>
      <c r="G1472" t="s">
        <v>199</v>
      </c>
      <c r="H1472" t="s">
        <v>1577</v>
      </c>
      <c r="I1472">
        <v>40.71</v>
      </c>
      <c r="J1472">
        <v>7</v>
      </c>
      <c r="K1472">
        <v>3.56</v>
      </c>
    </row>
    <row r="1473" spans="1:11" x14ac:dyDescent="0.3">
      <c r="A1473" s="1">
        <v>41950</v>
      </c>
      <c r="B1473" s="3">
        <f t="shared" si="44"/>
        <v>11</v>
      </c>
      <c r="C1473" s="3">
        <f t="shared" si="45"/>
        <v>2014</v>
      </c>
      <c r="D1473" t="s">
        <v>1257</v>
      </c>
      <c r="E1473" t="s">
        <v>156</v>
      </c>
      <c r="F1473" t="s">
        <v>10</v>
      </c>
      <c r="G1473" t="s">
        <v>91</v>
      </c>
      <c r="H1473" t="s">
        <v>198</v>
      </c>
      <c r="I1473">
        <v>245.88</v>
      </c>
      <c r="J1473">
        <v>6</v>
      </c>
      <c r="K1473">
        <v>68.849999999999994</v>
      </c>
    </row>
    <row r="1474" spans="1:11" x14ac:dyDescent="0.3">
      <c r="A1474" s="1">
        <v>41950</v>
      </c>
      <c r="B1474" s="3">
        <f t="shared" ref="B1474:B1537" si="46">MONTH(A:A)</f>
        <v>11</v>
      </c>
      <c r="C1474" s="3">
        <f t="shared" ref="C1474:C1537" si="47">YEAR(A:A)</f>
        <v>2014</v>
      </c>
      <c r="D1474" t="s">
        <v>1257</v>
      </c>
      <c r="E1474" t="s">
        <v>156</v>
      </c>
      <c r="F1474" t="s">
        <v>10</v>
      </c>
      <c r="G1474" t="s">
        <v>17</v>
      </c>
      <c r="H1474" t="s">
        <v>1170</v>
      </c>
      <c r="I1474">
        <v>36.630000000000003</v>
      </c>
      <c r="J1474">
        <v>3</v>
      </c>
      <c r="K1474">
        <v>9.89</v>
      </c>
    </row>
    <row r="1475" spans="1:11" x14ac:dyDescent="0.3">
      <c r="A1475" s="1">
        <v>41950</v>
      </c>
      <c r="B1475" s="3">
        <f t="shared" si="46"/>
        <v>11</v>
      </c>
      <c r="C1475" s="3">
        <f t="shared" si="47"/>
        <v>2014</v>
      </c>
      <c r="D1475" t="s">
        <v>1257</v>
      </c>
      <c r="E1475" t="s">
        <v>156</v>
      </c>
      <c r="F1475" t="s">
        <v>10</v>
      </c>
      <c r="G1475" t="s">
        <v>17</v>
      </c>
      <c r="H1475" t="s">
        <v>584</v>
      </c>
      <c r="I1475">
        <v>22.58</v>
      </c>
      <c r="J1475">
        <v>2</v>
      </c>
      <c r="K1475">
        <v>5.87</v>
      </c>
    </row>
    <row r="1476" spans="1:11" x14ac:dyDescent="0.3">
      <c r="A1476" s="1">
        <v>41950</v>
      </c>
      <c r="B1476" s="3">
        <f t="shared" si="46"/>
        <v>11</v>
      </c>
      <c r="C1476" s="3">
        <f t="shared" si="47"/>
        <v>2014</v>
      </c>
      <c r="D1476" t="s">
        <v>1257</v>
      </c>
      <c r="E1476" t="s">
        <v>156</v>
      </c>
      <c r="F1476" t="s">
        <v>10</v>
      </c>
      <c r="G1476" t="s">
        <v>19</v>
      </c>
      <c r="H1476" t="s">
        <v>558</v>
      </c>
      <c r="I1476">
        <v>12.39</v>
      </c>
      <c r="J1476">
        <v>3</v>
      </c>
      <c r="K1476">
        <v>5.82</v>
      </c>
    </row>
    <row r="1477" spans="1:11" x14ac:dyDescent="0.3">
      <c r="A1477" s="1">
        <v>41950</v>
      </c>
      <c r="B1477" s="3">
        <f t="shared" si="46"/>
        <v>11</v>
      </c>
      <c r="C1477" s="3">
        <f t="shared" si="47"/>
        <v>2014</v>
      </c>
      <c r="D1477" t="s">
        <v>787</v>
      </c>
      <c r="E1477" t="s">
        <v>148</v>
      </c>
      <c r="F1477" t="s">
        <v>10</v>
      </c>
      <c r="G1477" t="s">
        <v>42</v>
      </c>
      <c r="H1477" t="s">
        <v>495</v>
      </c>
      <c r="I1477">
        <v>5.92</v>
      </c>
      <c r="J1477">
        <v>4</v>
      </c>
      <c r="K1477">
        <v>2.84</v>
      </c>
    </row>
    <row r="1478" spans="1:11" x14ac:dyDescent="0.3">
      <c r="A1478" s="1">
        <v>41950</v>
      </c>
      <c r="B1478" s="3">
        <f t="shared" si="46"/>
        <v>11</v>
      </c>
      <c r="C1478" s="3">
        <f t="shared" si="47"/>
        <v>2014</v>
      </c>
      <c r="D1478" t="s">
        <v>787</v>
      </c>
      <c r="E1478" t="s">
        <v>148</v>
      </c>
      <c r="F1478" t="s">
        <v>10</v>
      </c>
      <c r="G1478" t="s">
        <v>11</v>
      </c>
      <c r="H1478" t="s">
        <v>1140</v>
      </c>
      <c r="I1478">
        <v>30.18</v>
      </c>
      <c r="J1478">
        <v>3</v>
      </c>
      <c r="K1478">
        <v>13.88</v>
      </c>
    </row>
    <row r="1479" spans="1:11" x14ac:dyDescent="0.3">
      <c r="A1479" s="1">
        <v>41950</v>
      </c>
      <c r="B1479" s="3">
        <f t="shared" si="46"/>
        <v>11</v>
      </c>
      <c r="C1479" s="3">
        <f t="shared" si="47"/>
        <v>2014</v>
      </c>
      <c r="D1479" t="s">
        <v>207</v>
      </c>
      <c r="E1479" t="s">
        <v>90</v>
      </c>
      <c r="F1479" t="s">
        <v>10</v>
      </c>
      <c r="G1479" t="s">
        <v>11</v>
      </c>
      <c r="H1479" t="s">
        <v>879</v>
      </c>
      <c r="I1479">
        <v>25.92</v>
      </c>
      <c r="J1479">
        <v>5</v>
      </c>
      <c r="K1479">
        <v>9.07</v>
      </c>
    </row>
    <row r="1480" spans="1:11" x14ac:dyDescent="0.3">
      <c r="A1480" s="1">
        <v>41950</v>
      </c>
      <c r="B1480" s="3">
        <f t="shared" si="46"/>
        <v>11</v>
      </c>
      <c r="C1480" s="3">
        <f t="shared" si="47"/>
        <v>2014</v>
      </c>
      <c r="D1480" t="s">
        <v>207</v>
      </c>
      <c r="E1480" t="s">
        <v>90</v>
      </c>
      <c r="F1480" t="s">
        <v>10</v>
      </c>
      <c r="G1480" t="s">
        <v>23</v>
      </c>
      <c r="H1480" t="s">
        <v>1578</v>
      </c>
      <c r="I1480">
        <v>120.77</v>
      </c>
      <c r="J1480">
        <v>4</v>
      </c>
      <c r="K1480">
        <v>9.06</v>
      </c>
    </row>
    <row r="1481" spans="1:11" x14ac:dyDescent="0.3">
      <c r="A1481" s="1">
        <v>41951</v>
      </c>
      <c r="B1481" s="3">
        <f t="shared" si="46"/>
        <v>11</v>
      </c>
      <c r="C1481" s="3">
        <f t="shared" si="47"/>
        <v>2014</v>
      </c>
      <c r="D1481" t="s">
        <v>621</v>
      </c>
      <c r="E1481" t="s">
        <v>26</v>
      </c>
      <c r="F1481" t="s">
        <v>38</v>
      </c>
      <c r="G1481" t="s">
        <v>39</v>
      </c>
      <c r="H1481" t="s">
        <v>1579</v>
      </c>
      <c r="I1481">
        <v>333.58</v>
      </c>
      <c r="J1481">
        <v>3</v>
      </c>
      <c r="K1481">
        <v>25.02</v>
      </c>
    </row>
    <row r="1482" spans="1:11" x14ac:dyDescent="0.3">
      <c r="A1482" s="1">
        <v>41952</v>
      </c>
      <c r="B1482" s="3">
        <f t="shared" si="46"/>
        <v>11</v>
      </c>
      <c r="C1482" s="3">
        <f t="shared" si="47"/>
        <v>2014</v>
      </c>
      <c r="D1482" t="s">
        <v>1144</v>
      </c>
      <c r="E1482" t="s">
        <v>26</v>
      </c>
      <c r="F1482" t="s">
        <v>10</v>
      </c>
      <c r="G1482" t="s">
        <v>17</v>
      </c>
      <c r="H1482" t="s">
        <v>18</v>
      </c>
      <c r="I1482">
        <v>340.92</v>
      </c>
      <c r="J1482">
        <v>3</v>
      </c>
      <c r="K1482">
        <v>3.41</v>
      </c>
    </row>
    <row r="1483" spans="1:11" x14ac:dyDescent="0.3">
      <c r="A1483" s="1">
        <v>41952</v>
      </c>
      <c r="B1483" s="3">
        <f t="shared" si="46"/>
        <v>11</v>
      </c>
      <c r="C1483" s="3">
        <f t="shared" si="47"/>
        <v>2014</v>
      </c>
      <c r="D1483" t="s">
        <v>1144</v>
      </c>
      <c r="E1483" t="s">
        <v>26</v>
      </c>
      <c r="F1483" t="s">
        <v>33</v>
      </c>
      <c r="G1483" t="s">
        <v>73</v>
      </c>
      <c r="H1483" t="s">
        <v>1580</v>
      </c>
      <c r="I1483">
        <v>222.67</v>
      </c>
      <c r="J1483">
        <v>2</v>
      </c>
      <c r="K1483">
        <v>10.48</v>
      </c>
    </row>
    <row r="1484" spans="1:11" x14ac:dyDescent="0.3">
      <c r="A1484" s="1">
        <v>41952</v>
      </c>
      <c r="B1484" s="3">
        <f t="shared" si="46"/>
        <v>11</v>
      </c>
      <c r="C1484" s="3">
        <f t="shared" si="47"/>
        <v>2014</v>
      </c>
      <c r="D1484" t="s">
        <v>1144</v>
      </c>
      <c r="E1484" t="s">
        <v>26</v>
      </c>
      <c r="F1484" t="s">
        <v>38</v>
      </c>
      <c r="G1484" t="s">
        <v>39</v>
      </c>
      <c r="H1484" t="s">
        <v>749</v>
      </c>
      <c r="I1484">
        <v>703.97</v>
      </c>
      <c r="J1484">
        <v>4</v>
      </c>
      <c r="K1484">
        <v>88</v>
      </c>
    </row>
    <row r="1485" spans="1:11" x14ac:dyDescent="0.3">
      <c r="A1485" s="1">
        <v>41952</v>
      </c>
      <c r="B1485" s="3">
        <f t="shared" si="46"/>
        <v>11</v>
      </c>
      <c r="C1485" s="3">
        <f t="shared" si="47"/>
        <v>2014</v>
      </c>
      <c r="D1485" t="s">
        <v>1144</v>
      </c>
      <c r="E1485" t="s">
        <v>26</v>
      </c>
      <c r="F1485" t="s">
        <v>10</v>
      </c>
      <c r="G1485" t="s">
        <v>17</v>
      </c>
      <c r="H1485" t="s">
        <v>1330</v>
      </c>
      <c r="I1485">
        <v>92.52</v>
      </c>
      <c r="J1485">
        <v>6</v>
      </c>
      <c r="K1485">
        <v>24.98</v>
      </c>
    </row>
    <row r="1486" spans="1:11" x14ac:dyDescent="0.3">
      <c r="A1486" s="1">
        <v>41952</v>
      </c>
      <c r="B1486" s="3">
        <f t="shared" si="46"/>
        <v>11</v>
      </c>
      <c r="C1486" s="3">
        <f t="shared" si="47"/>
        <v>2014</v>
      </c>
      <c r="D1486" t="s">
        <v>1144</v>
      </c>
      <c r="E1486" t="s">
        <v>26</v>
      </c>
      <c r="F1486" t="s">
        <v>10</v>
      </c>
      <c r="G1486" t="s">
        <v>11</v>
      </c>
      <c r="H1486" t="s">
        <v>1581</v>
      </c>
      <c r="I1486">
        <v>62.65</v>
      </c>
      <c r="J1486">
        <v>7</v>
      </c>
      <c r="K1486">
        <v>28.82</v>
      </c>
    </row>
    <row r="1487" spans="1:11" x14ac:dyDescent="0.3">
      <c r="A1487" s="1">
        <v>41952</v>
      </c>
      <c r="B1487" s="3">
        <f t="shared" si="46"/>
        <v>11</v>
      </c>
      <c r="C1487" s="3">
        <f t="shared" si="47"/>
        <v>2014</v>
      </c>
      <c r="D1487" t="s">
        <v>1144</v>
      </c>
      <c r="E1487" t="s">
        <v>26</v>
      </c>
      <c r="F1487" t="s">
        <v>10</v>
      </c>
      <c r="G1487" t="s">
        <v>11</v>
      </c>
      <c r="H1487" t="s">
        <v>1582</v>
      </c>
      <c r="I1487">
        <v>94.85</v>
      </c>
      <c r="J1487">
        <v>5</v>
      </c>
      <c r="K1487">
        <v>45.53</v>
      </c>
    </row>
    <row r="1488" spans="1:11" x14ac:dyDescent="0.3">
      <c r="A1488" s="1">
        <v>41952</v>
      </c>
      <c r="B1488" s="3">
        <f t="shared" si="46"/>
        <v>11</v>
      </c>
      <c r="C1488" s="3">
        <f t="shared" si="47"/>
        <v>2014</v>
      </c>
      <c r="D1488" t="s">
        <v>1583</v>
      </c>
      <c r="E1488" t="s">
        <v>148</v>
      </c>
      <c r="F1488" t="s">
        <v>33</v>
      </c>
      <c r="G1488" t="s">
        <v>46</v>
      </c>
      <c r="H1488" t="s">
        <v>1584</v>
      </c>
      <c r="I1488">
        <v>56.52</v>
      </c>
      <c r="J1488">
        <v>9</v>
      </c>
      <c r="K1488">
        <v>21.48</v>
      </c>
    </row>
    <row r="1489" spans="1:11" x14ac:dyDescent="0.3">
      <c r="A1489" s="1">
        <v>41953</v>
      </c>
      <c r="B1489" s="3">
        <f t="shared" si="46"/>
        <v>11</v>
      </c>
      <c r="C1489" s="3">
        <f t="shared" si="47"/>
        <v>2014</v>
      </c>
      <c r="D1489" t="s">
        <v>464</v>
      </c>
      <c r="E1489" t="s">
        <v>26</v>
      </c>
      <c r="F1489" t="s">
        <v>38</v>
      </c>
      <c r="G1489" t="s">
        <v>39</v>
      </c>
      <c r="H1489" t="s">
        <v>137</v>
      </c>
      <c r="I1489">
        <v>601.54</v>
      </c>
      <c r="J1489">
        <v>8</v>
      </c>
      <c r="K1489">
        <v>60.15</v>
      </c>
    </row>
    <row r="1490" spans="1:11" x14ac:dyDescent="0.3">
      <c r="A1490" s="1">
        <v>41953</v>
      </c>
      <c r="B1490" s="3">
        <f t="shared" si="46"/>
        <v>11</v>
      </c>
      <c r="C1490" s="3">
        <f t="shared" si="47"/>
        <v>2014</v>
      </c>
      <c r="D1490" t="s">
        <v>464</v>
      </c>
      <c r="E1490" t="s">
        <v>26</v>
      </c>
      <c r="F1490" t="s">
        <v>38</v>
      </c>
      <c r="G1490" t="s">
        <v>51</v>
      </c>
      <c r="H1490" t="s">
        <v>1242</v>
      </c>
      <c r="I1490">
        <v>10.99</v>
      </c>
      <c r="J1490">
        <v>1</v>
      </c>
      <c r="K1490">
        <v>4.29</v>
      </c>
    </row>
    <row r="1491" spans="1:11" x14ac:dyDescent="0.3">
      <c r="A1491" s="1">
        <v>41953</v>
      </c>
      <c r="B1491" s="3">
        <f t="shared" si="46"/>
        <v>11</v>
      </c>
      <c r="C1491" s="3">
        <f t="shared" si="47"/>
        <v>2014</v>
      </c>
      <c r="D1491" t="s">
        <v>464</v>
      </c>
      <c r="E1491" t="s">
        <v>26</v>
      </c>
      <c r="F1491" t="s">
        <v>33</v>
      </c>
      <c r="G1491" t="s">
        <v>46</v>
      </c>
      <c r="H1491" t="s">
        <v>1585</v>
      </c>
      <c r="I1491">
        <v>39.880000000000003</v>
      </c>
      <c r="J1491">
        <v>2</v>
      </c>
      <c r="K1491">
        <v>11.17</v>
      </c>
    </row>
    <row r="1492" spans="1:11" x14ac:dyDescent="0.3">
      <c r="A1492" s="1">
        <v>41953</v>
      </c>
      <c r="B1492" s="3">
        <f t="shared" si="46"/>
        <v>11</v>
      </c>
      <c r="C1492" s="3">
        <f t="shared" si="47"/>
        <v>2014</v>
      </c>
      <c r="D1492" t="s">
        <v>464</v>
      </c>
      <c r="E1492" t="s">
        <v>26</v>
      </c>
      <c r="F1492" t="s">
        <v>10</v>
      </c>
      <c r="G1492" t="s">
        <v>11</v>
      </c>
      <c r="H1492" t="s">
        <v>283</v>
      </c>
      <c r="I1492">
        <v>62.24</v>
      </c>
      <c r="J1492">
        <v>8</v>
      </c>
      <c r="K1492">
        <v>28.01</v>
      </c>
    </row>
    <row r="1493" spans="1:11" x14ac:dyDescent="0.3">
      <c r="A1493" s="1">
        <v>41953</v>
      </c>
      <c r="B1493" s="3">
        <f t="shared" si="46"/>
        <v>11</v>
      </c>
      <c r="C1493" s="3">
        <f t="shared" si="47"/>
        <v>2014</v>
      </c>
      <c r="D1493" t="s">
        <v>464</v>
      </c>
      <c r="E1493" t="s">
        <v>26</v>
      </c>
      <c r="F1493" t="s">
        <v>33</v>
      </c>
      <c r="G1493" t="s">
        <v>46</v>
      </c>
      <c r="H1493" t="s">
        <v>1586</v>
      </c>
      <c r="I1493">
        <v>53.2</v>
      </c>
      <c r="J1493">
        <v>5</v>
      </c>
      <c r="K1493">
        <v>14.9</v>
      </c>
    </row>
    <row r="1494" spans="1:11" x14ac:dyDescent="0.3">
      <c r="A1494" s="1">
        <v>41953</v>
      </c>
      <c r="B1494" s="3">
        <f t="shared" si="46"/>
        <v>11</v>
      </c>
      <c r="C1494" s="3">
        <f t="shared" si="47"/>
        <v>2014</v>
      </c>
      <c r="D1494" t="s">
        <v>464</v>
      </c>
      <c r="E1494" t="s">
        <v>26</v>
      </c>
      <c r="F1494" t="s">
        <v>10</v>
      </c>
      <c r="G1494" t="s">
        <v>15</v>
      </c>
      <c r="H1494" t="s">
        <v>1587</v>
      </c>
      <c r="I1494">
        <v>39.840000000000003</v>
      </c>
      <c r="J1494">
        <v>8</v>
      </c>
      <c r="K1494">
        <v>18.329999999999998</v>
      </c>
    </row>
    <row r="1495" spans="1:11" x14ac:dyDescent="0.3">
      <c r="A1495" s="1">
        <v>41953</v>
      </c>
      <c r="B1495" s="3">
        <f t="shared" si="46"/>
        <v>11</v>
      </c>
      <c r="C1495" s="3">
        <f t="shared" si="47"/>
        <v>2014</v>
      </c>
      <c r="D1495" t="s">
        <v>251</v>
      </c>
      <c r="E1495" t="s">
        <v>109</v>
      </c>
      <c r="F1495" t="s">
        <v>10</v>
      </c>
      <c r="G1495" t="s">
        <v>23</v>
      </c>
      <c r="H1495" t="s">
        <v>1588</v>
      </c>
      <c r="I1495">
        <v>3.9</v>
      </c>
      <c r="J1495">
        <v>2</v>
      </c>
      <c r="K1495">
        <v>1.52</v>
      </c>
    </row>
    <row r="1496" spans="1:11" x14ac:dyDescent="0.3">
      <c r="A1496" s="1">
        <v>41953</v>
      </c>
      <c r="B1496" s="3">
        <f t="shared" si="46"/>
        <v>11</v>
      </c>
      <c r="C1496" s="3">
        <f t="shared" si="47"/>
        <v>2014</v>
      </c>
      <c r="D1496" t="s">
        <v>251</v>
      </c>
      <c r="E1496" t="s">
        <v>109</v>
      </c>
      <c r="F1496" t="s">
        <v>10</v>
      </c>
      <c r="G1496" t="s">
        <v>11</v>
      </c>
      <c r="H1496" t="s">
        <v>1589</v>
      </c>
      <c r="I1496">
        <v>12.84</v>
      </c>
      <c r="J1496">
        <v>3</v>
      </c>
      <c r="K1496">
        <v>5.78</v>
      </c>
    </row>
    <row r="1497" spans="1:11" x14ac:dyDescent="0.3">
      <c r="A1497" s="1">
        <v>41953</v>
      </c>
      <c r="B1497" s="3">
        <f t="shared" si="46"/>
        <v>11</v>
      </c>
      <c r="C1497" s="3">
        <f t="shared" si="47"/>
        <v>2014</v>
      </c>
      <c r="D1497" t="s">
        <v>251</v>
      </c>
      <c r="E1497" t="s">
        <v>109</v>
      </c>
      <c r="F1497" t="s">
        <v>10</v>
      </c>
      <c r="G1497" t="s">
        <v>11</v>
      </c>
      <c r="H1497" t="s">
        <v>1590</v>
      </c>
      <c r="I1497">
        <v>15.84</v>
      </c>
      <c r="J1497">
        <v>3</v>
      </c>
      <c r="K1497">
        <v>7.13</v>
      </c>
    </row>
    <row r="1498" spans="1:11" x14ac:dyDescent="0.3">
      <c r="A1498" s="1">
        <v>41953</v>
      </c>
      <c r="B1498" s="3">
        <f t="shared" si="46"/>
        <v>11</v>
      </c>
      <c r="C1498" s="3">
        <f t="shared" si="47"/>
        <v>2014</v>
      </c>
      <c r="D1498" t="s">
        <v>251</v>
      </c>
      <c r="E1498" t="s">
        <v>109</v>
      </c>
      <c r="F1498" t="s">
        <v>33</v>
      </c>
      <c r="G1498" t="s">
        <v>34</v>
      </c>
      <c r="H1498" t="s">
        <v>993</v>
      </c>
      <c r="I1498">
        <v>563.94000000000005</v>
      </c>
      <c r="J1498">
        <v>3</v>
      </c>
      <c r="K1498">
        <v>112.79</v>
      </c>
    </row>
    <row r="1499" spans="1:11" x14ac:dyDescent="0.3">
      <c r="A1499" s="1">
        <v>41953</v>
      </c>
      <c r="B1499" s="3">
        <f t="shared" si="46"/>
        <v>11</v>
      </c>
      <c r="C1499" s="3">
        <f t="shared" si="47"/>
        <v>2014</v>
      </c>
      <c r="D1499" t="s">
        <v>251</v>
      </c>
      <c r="E1499" t="s">
        <v>109</v>
      </c>
      <c r="F1499" t="s">
        <v>10</v>
      </c>
      <c r="G1499" t="s">
        <v>17</v>
      </c>
      <c r="H1499" t="s">
        <v>1591</v>
      </c>
      <c r="I1499">
        <v>62.94</v>
      </c>
      <c r="J1499">
        <v>3</v>
      </c>
      <c r="K1499">
        <v>11.96</v>
      </c>
    </row>
    <row r="1500" spans="1:11" x14ac:dyDescent="0.3">
      <c r="A1500" s="1">
        <v>41953</v>
      </c>
      <c r="B1500" s="3">
        <f t="shared" si="46"/>
        <v>11</v>
      </c>
      <c r="C1500" s="3">
        <f t="shared" si="47"/>
        <v>2014</v>
      </c>
      <c r="D1500" t="s">
        <v>251</v>
      </c>
      <c r="E1500" t="s">
        <v>109</v>
      </c>
      <c r="F1500" t="s">
        <v>10</v>
      </c>
      <c r="G1500" t="s">
        <v>17</v>
      </c>
      <c r="H1500" t="s">
        <v>307</v>
      </c>
      <c r="I1500">
        <v>535.41</v>
      </c>
      <c r="J1500">
        <v>3</v>
      </c>
      <c r="K1500">
        <v>160.62</v>
      </c>
    </row>
    <row r="1501" spans="1:11" x14ac:dyDescent="0.3">
      <c r="A1501" s="1">
        <v>41954</v>
      </c>
      <c r="B1501" s="3">
        <f t="shared" si="46"/>
        <v>11</v>
      </c>
      <c r="C1501" s="3">
        <f t="shared" si="47"/>
        <v>2014</v>
      </c>
      <c r="D1501" t="s">
        <v>1592</v>
      </c>
      <c r="E1501" t="s">
        <v>156</v>
      </c>
      <c r="F1501" t="s">
        <v>10</v>
      </c>
      <c r="G1501" t="s">
        <v>17</v>
      </c>
      <c r="H1501" t="s">
        <v>1593</v>
      </c>
      <c r="I1501">
        <v>665.88</v>
      </c>
      <c r="J1501">
        <v>6</v>
      </c>
      <c r="K1501">
        <v>13.32</v>
      </c>
    </row>
    <row r="1502" spans="1:11" x14ac:dyDescent="0.3">
      <c r="A1502" s="1">
        <v>41954</v>
      </c>
      <c r="B1502" s="3">
        <f t="shared" si="46"/>
        <v>11</v>
      </c>
      <c r="C1502" s="3">
        <f t="shared" si="47"/>
        <v>2014</v>
      </c>
      <c r="D1502" t="s">
        <v>1594</v>
      </c>
      <c r="E1502" t="s">
        <v>277</v>
      </c>
      <c r="F1502" t="s">
        <v>10</v>
      </c>
      <c r="G1502" t="s">
        <v>23</v>
      </c>
      <c r="H1502" t="s">
        <v>385</v>
      </c>
      <c r="I1502">
        <v>3.39</v>
      </c>
      <c r="J1502">
        <v>1</v>
      </c>
      <c r="K1502">
        <v>0.81</v>
      </c>
    </row>
    <row r="1503" spans="1:11" x14ac:dyDescent="0.3">
      <c r="A1503" s="1">
        <v>41954</v>
      </c>
      <c r="B1503" s="3">
        <f t="shared" si="46"/>
        <v>11</v>
      </c>
      <c r="C1503" s="3">
        <f t="shared" si="47"/>
        <v>2014</v>
      </c>
      <c r="D1503" t="s">
        <v>1594</v>
      </c>
      <c r="E1503" t="s">
        <v>277</v>
      </c>
      <c r="F1503" t="s">
        <v>38</v>
      </c>
      <c r="G1503" t="s">
        <v>39</v>
      </c>
      <c r="H1503" t="s">
        <v>1595</v>
      </c>
      <c r="I1503">
        <v>559.98</v>
      </c>
      <c r="J1503">
        <v>2</v>
      </c>
      <c r="K1503">
        <v>56</v>
      </c>
    </row>
    <row r="1504" spans="1:11" x14ac:dyDescent="0.3">
      <c r="A1504" s="1">
        <v>41954</v>
      </c>
      <c r="B1504" s="3">
        <f t="shared" si="46"/>
        <v>11</v>
      </c>
      <c r="C1504" s="3">
        <f t="shared" si="47"/>
        <v>2014</v>
      </c>
      <c r="D1504" t="s">
        <v>1594</v>
      </c>
      <c r="E1504" t="s">
        <v>277</v>
      </c>
      <c r="F1504" t="s">
        <v>33</v>
      </c>
      <c r="G1504" t="s">
        <v>34</v>
      </c>
      <c r="H1504" t="s">
        <v>1596</v>
      </c>
      <c r="I1504">
        <v>603.91999999999996</v>
      </c>
      <c r="J1504">
        <v>5</v>
      </c>
      <c r="K1504">
        <v>75.489999999999995</v>
      </c>
    </row>
    <row r="1505" spans="1:11" x14ac:dyDescent="0.3">
      <c r="A1505" s="1">
        <v>41954</v>
      </c>
      <c r="B1505" s="3">
        <f t="shared" si="46"/>
        <v>11</v>
      </c>
      <c r="C1505" s="3">
        <f t="shared" si="47"/>
        <v>2014</v>
      </c>
      <c r="D1505" t="s">
        <v>1597</v>
      </c>
      <c r="E1505" t="s">
        <v>9</v>
      </c>
      <c r="F1505" t="s">
        <v>10</v>
      </c>
      <c r="G1505" t="s">
        <v>19</v>
      </c>
      <c r="H1505" t="s">
        <v>1141</v>
      </c>
      <c r="I1505">
        <v>896.99</v>
      </c>
      <c r="J1505">
        <v>5</v>
      </c>
      <c r="K1505">
        <v>-1480.03</v>
      </c>
    </row>
    <row r="1506" spans="1:11" x14ac:dyDescent="0.3">
      <c r="A1506" s="1">
        <v>41954</v>
      </c>
      <c r="B1506" s="3">
        <f t="shared" si="46"/>
        <v>11</v>
      </c>
      <c r="C1506" s="3">
        <f t="shared" si="47"/>
        <v>2014</v>
      </c>
      <c r="D1506" t="s">
        <v>1597</v>
      </c>
      <c r="E1506" t="s">
        <v>9</v>
      </c>
      <c r="F1506" t="s">
        <v>10</v>
      </c>
      <c r="G1506" t="s">
        <v>19</v>
      </c>
      <c r="H1506" t="s">
        <v>1598</v>
      </c>
      <c r="I1506">
        <v>1.23</v>
      </c>
      <c r="J1506">
        <v>1</v>
      </c>
      <c r="K1506">
        <v>-1.97</v>
      </c>
    </row>
    <row r="1507" spans="1:11" x14ac:dyDescent="0.3">
      <c r="A1507" s="1">
        <v>41954</v>
      </c>
      <c r="B1507" s="3">
        <f t="shared" si="46"/>
        <v>11</v>
      </c>
      <c r="C1507" s="3">
        <f t="shared" si="47"/>
        <v>2014</v>
      </c>
      <c r="D1507" t="s">
        <v>1597</v>
      </c>
      <c r="E1507" t="s">
        <v>9</v>
      </c>
      <c r="F1507" t="s">
        <v>10</v>
      </c>
      <c r="G1507" t="s">
        <v>23</v>
      </c>
      <c r="H1507" t="s">
        <v>1599</v>
      </c>
      <c r="I1507">
        <v>67.56</v>
      </c>
      <c r="J1507">
        <v>3</v>
      </c>
      <c r="K1507">
        <v>6.76</v>
      </c>
    </row>
    <row r="1508" spans="1:11" x14ac:dyDescent="0.3">
      <c r="A1508" s="1">
        <v>41954</v>
      </c>
      <c r="B1508" s="3">
        <f t="shared" si="46"/>
        <v>11</v>
      </c>
      <c r="C1508" s="3">
        <f t="shared" si="47"/>
        <v>2014</v>
      </c>
      <c r="D1508" t="s">
        <v>1597</v>
      </c>
      <c r="E1508" t="s">
        <v>9</v>
      </c>
      <c r="F1508" t="s">
        <v>10</v>
      </c>
      <c r="G1508" t="s">
        <v>11</v>
      </c>
      <c r="H1508" t="s">
        <v>1336</v>
      </c>
      <c r="I1508">
        <v>21.72</v>
      </c>
      <c r="J1508">
        <v>5</v>
      </c>
      <c r="K1508">
        <v>7.87</v>
      </c>
    </row>
    <row r="1509" spans="1:11" x14ac:dyDescent="0.3">
      <c r="A1509" s="1">
        <v>41954</v>
      </c>
      <c r="B1509" s="3">
        <f t="shared" si="46"/>
        <v>11</v>
      </c>
      <c r="C1509" s="3">
        <f t="shared" si="47"/>
        <v>2014</v>
      </c>
      <c r="D1509" t="s">
        <v>1597</v>
      </c>
      <c r="E1509" t="s">
        <v>9</v>
      </c>
      <c r="F1509" t="s">
        <v>10</v>
      </c>
      <c r="G1509" t="s">
        <v>11</v>
      </c>
      <c r="H1509" t="s">
        <v>1600</v>
      </c>
      <c r="I1509">
        <v>262.33999999999997</v>
      </c>
      <c r="J1509">
        <v>8</v>
      </c>
      <c r="K1509">
        <v>95.1</v>
      </c>
    </row>
    <row r="1510" spans="1:11" x14ac:dyDescent="0.3">
      <c r="A1510" s="1">
        <v>41954</v>
      </c>
      <c r="B1510" s="3">
        <f t="shared" si="46"/>
        <v>11</v>
      </c>
      <c r="C1510" s="3">
        <f t="shared" si="47"/>
        <v>2014</v>
      </c>
      <c r="D1510" t="s">
        <v>1597</v>
      </c>
      <c r="E1510" t="s">
        <v>9</v>
      </c>
      <c r="F1510" t="s">
        <v>38</v>
      </c>
      <c r="G1510" t="s">
        <v>39</v>
      </c>
      <c r="H1510" t="s">
        <v>744</v>
      </c>
      <c r="I1510">
        <v>148.47999999999999</v>
      </c>
      <c r="J1510">
        <v>2</v>
      </c>
      <c r="K1510">
        <v>16.7</v>
      </c>
    </row>
    <row r="1511" spans="1:11" x14ac:dyDescent="0.3">
      <c r="A1511" s="1">
        <v>41954</v>
      </c>
      <c r="B1511" s="3">
        <f t="shared" si="46"/>
        <v>11</v>
      </c>
      <c r="C1511" s="3">
        <f t="shared" si="47"/>
        <v>2014</v>
      </c>
      <c r="D1511" t="s">
        <v>1597</v>
      </c>
      <c r="E1511" t="s">
        <v>9</v>
      </c>
      <c r="F1511" t="s">
        <v>38</v>
      </c>
      <c r="G1511" t="s">
        <v>39</v>
      </c>
      <c r="H1511" t="s">
        <v>1601</v>
      </c>
      <c r="I1511">
        <v>241.18</v>
      </c>
      <c r="J1511">
        <v>3</v>
      </c>
      <c r="K1511">
        <v>15.07</v>
      </c>
    </row>
    <row r="1512" spans="1:11" x14ac:dyDescent="0.3">
      <c r="A1512" s="1">
        <v>41954</v>
      </c>
      <c r="B1512" s="3">
        <f t="shared" si="46"/>
        <v>11</v>
      </c>
      <c r="C1512" s="3">
        <f t="shared" si="47"/>
        <v>2014</v>
      </c>
      <c r="D1512" t="s">
        <v>1151</v>
      </c>
      <c r="E1512" t="s">
        <v>26</v>
      </c>
      <c r="F1512" t="s">
        <v>10</v>
      </c>
      <c r="G1512" t="s">
        <v>23</v>
      </c>
      <c r="H1512" t="s">
        <v>1602</v>
      </c>
      <c r="I1512">
        <v>30.48</v>
      </c>
      <c r="J1512">
        <v>3</v>
      </c>
      <c r="K1512">
        <v>7.92</v>
      </c>
    </row>
    <row r="1513" spans="1:11" x14ac:dyDescent="0.3">
      <c r="A1513" s="1">
        <v>41954</v>
      </c>
      <c r="B1513" s="3">
        <f t="shared" si="46"/>
        <v>11</v>
      </c>
      <c r="C1513" s="3">
        <f t="shared" si="47"/>
        <v>2014</v>
      </c>
      <c r="D1513" t="s">
        <v>1151</v>
      </c>
      <c r="E1513" t="s">
        <v>26</v>
      </c>
      <c r="F1513" t="s">
        <v>33</v>
      </c>
      <c r="G1513" t="s">
        <v>34</v>
      </c>
      <c r="H1513" t="s">
        <v>722</v>
      </c>
      <c r="I1513">
        <v>112.65</v>
      </c>
      <c r="J1513">
        <v>1</v>
      </c>
      <c r="K1513">
        <v>11.26</v>
      </c>
    </row>
    <row r="1514" spans="1:11" x14ac:dyDescent="0.3">
      <c r="A1514" s="1">
        <v>41954</v>
      </c>
      <c r="B1514" s="3">
        <f t="shared" si="46"/>
        <v>11</v>
      </c>
      <c r="C1514" s="3">
        <f t="shared" si="47"/>
        <v>2014</v>
      </c>
      <c r="D1514" t="s">
        <v>1037</v>
      </c>
      <c r="E1514" t="s">
        <v>22</v>
      </c>
      <c r="F1514" t="s">
        <v>33</v>
      </c>
      <c r="G1514" t="s">
        <v>46</v>
      </c>
      <c r="H1514" t="s">
        <v>552</v>
      </c>
      <c r="I1514">
        <v>23.97</v>
      </c>
      <c r="J1514">
        <v>2</v>
      </c>
      <c r="K1514">
        <v>7.79</v>
      </c>
    </row>
    <row r="1515" spans="1:11" x14ac:dyDescent="0.3">
      <c r="A1515" s="1">
        <v>41954</v>
      </c>
      <c r="B1515" s="3">
        <f t="shared" si="46"/>
        <v>11</v>
      </c>
      <c r="C1515" s="3">
        <f t="shared" si="47"/>
        <v>2014</v>
      </c>
      <c r="D1515" t="s">
        <v>1037</v>
      </c>
      <c r="E1515" t="s">
        <v>22</v>
      </c>
      <c r="F1515" t="s">
        <v>33</v>
      </c>
      <c r="G1515" t="s">
        <v>73</v>
      </c>
      <c r="H1515" t="s">
        <v>1603</v>
      </c>
      <c r="I1515">
        <v>521.96</v>
      </c>
      <c r="J1515">
        <v>4</v>
      </c>
      <c r="K1515">
        <v>-250.54</v>
      </c>
    </row>
    <row r="1516" spans="1:11" x14ac:dyDescent="0.3">
      <c r="A1516" s="1">
        <v>41954</v>
      </c>
      <c r="B1516" s="3">
        <f t="shared" si="46"/>
        <v>11</v>
      </c>
      <c r="C1516" s="3">
        <f t="shared" si="47"/>
        <v>2014</v>
      </c>
      <c r="D1516" t="s">
        <v>1087</v>
      </c>
      <c r="E1516" t="s">
        <v>26</v>
      </c>
      <c r="F1516" t="s">
        <v>38</v>
      </c>
      <c r="G1516" t="s">
        <v>39</v>
      </c>
      <c r="H1516" t="s">
        <v>766</v>
      </c>
      <c r="I1516">
        <v>575.92999999999995</v>
      </c>
      <c r="J1516">
        <v>9</v>
      </c>
      <c r="K1516">
        <v>57.59</v>
      </c>
    </row>
    <row r="1517" spans="1:11" x14ac:dyDescent="0.3">
      <c r="A1517" s="1">
        <v>41954</v>
      </c>
      <c r="B1517" s="3">
        <f t="shared" si="46"/>
        <v>11</v>
      </c>
      <c r="C1517" s="3">
        <f t="shared" si="47"/>
        <v>2014</v>
      </c>
      <c r="D1517" t="s">
        <v>1087</v>
      </c>
      <c r="E1517" t="s">
        <v>26</v>
      </c>
      <c r="F1517" t="s">
        <v>10</v>
      </c>
      <c r="G1517" t="s">
        <v>91</v>
      </c>
      <c r="H1517" t="s">
        <v>775</v>
      </c>
      <c r="I1517">
        <v>7.78</v>
      </c>
      <c r="J1517">
        <v>2</v>
      </c>
      <c r="K1517">
        <v>2.02</v>
      </c>
    </row>
    <row r="1518" spans="1:11" x14ac:dyDescent="0.3">
      <c r="A1518" s="1">
        <v>41954</v>
      </c>
      <c r="B1518" s="3">
        <f t="shared" si="46"/>
        <v>11</v>
      </c>
      <c r="C1518" s="3">
        <f t="shared" si="47"/>
        <v>2014</v>
      </c>
      <c r="D1518" t="s">
        <v>1087</v>
      </c>
      <c r="E1518" t="s">
        <v>26</v>
      </c>
      <c r="F1518" t="s">
        <v>10</v>
      </c>
      <c r="G1518" t="s">
        <v>11</v>
      </c>
      <c r="H1518" t="s">
        <v>1604</v>
      </c>
      <c r="I1518">
        <v>123.92</v>
      </c>
      <c r="J1518">
        <v>4</v>
      </c>
      <c r="K1518">
        <v>55.76</v>
      </c>
    </row>
    <row r="1519" spans="1:11" x14ac:dyDescent="0.3">
      <c r="A1519" s="1">
        <v>41954</v>
      </c>
      <c r="B1519" s="3">
        <f t="shared" si="46"/>
        <v>11</v>
      </c>
      <c r="C1519" s="3">
        <f t="shared" si="47"/>
        <v>2014</v>
      </c>
      <c r="D1519" t="s">
        <v>449</v>
      </c>
      <c r="E1519" t="s">
        <v>163</v>
      </c>
      <c r="F1519" t="s">
        <v>10</v>
      </c>
      <c r="G1519" t="s">
        <v>91</v>
      </c>
      <c r="H1519" t="s">
        <v>800</v>
      </c>
      <c r="I1519">
        <v>22.98</v>
      </c>
      <c r="J1519">
        <v>1</v>
      </c>
      <c r="K1519">
        <v>6.89</v>
      </c>
    </row>
    <row r="1520" spans="1:11" x14ac:dyDescent="0.3">
      <c r="A1520" s="1">
        <v>41954</v>
      </c>
      <c r="B1520" s="3">
        <f t="shared" si="46"/>
        <v>11</v>
      </c>
      <c r="C1520" s="3">
        <f t="shared" si="47"/>
        <v>2014</v>
      </c>
      <c r="D1520" t="s">
        <v>449</v>
      </c>
      <c r="E1520" t="s">
        <v>163</v>
      </c>
      <c r="F1520" t="s">
        <v>38</v>
      </c>
      <c r="G1520" t="s">
        <v>51</v>
      </c>
      <c r="H1520" t="s">
        <v>1226</v>
      </c>
      <c r="I1520">
        <v>102.13</v>
      </c>
      <c r="J1520">
        <v>7</v>
      </c>
      <c r="K1520">
        <v>15.32</v>
      </c>
    </row>
    <row r="1521" spans="1:11" x14ac:dyDescent="0.3">
      <c r="A1521" s="1">
        <v>41954</v>
      </c>
      <c r="B1521" s="3">
        <f t="shared" si="46"/>
        <v>11</v>
      </c>
      <c r="C1521" s="3">
        <f t="shared" si="47"/>
        <v>2014</v>
      </c>
      <c r="D1521" t="s">
        <v>449</v>
      </c>
      <c r="E1521" t="s">
        <v>163</v>
      </c>
      <c r="F1521" t="s">
        <v>10</v>
      </c>
      <c r="G1521" t="s">
        <v>19</v>
      </c>
      <c r="H1521" t="s">
        <v>1605</v>
      </c>
      <c r="I1521">
        <v>2033.58</v>
      </c>
      <c r="J1521">
        <v>2</v>
      </c>
      <c r="K1521">
        <v>762.59</v>
      </c>
    </row>
    <row r="1522" spans="1:11" x14ac:dyDescent="0.3">
      <c r="A1522" s="1">
        <v>41954</v>
      </c>
      <c r="B1522" s="3">
        <f t="shared" si="46"/>
        <v>11</v>
      </c>
      <c r="C1522" s="3">
        <f t="shared" si="47"/>
        <v>2014</v>
      </c>
      <c r="D1522" t="s">
        <v>795</v>
      </c>
      <c r="E1522" t="s">
        <v>14</v>
      </c>
      <c r="F1522" t="s">
        <v>33</v>
      </c>
      <c r="G1522" t="s">
        <v>46</v>
      </c>
      <c r="H1522" t="s">
        <v>1606</v>
      </c>
      <c r="I1522">
        <v>10.98</v>
      </c>
      <c r="J1522">
        <v>2</v>
      </c>
      <c r="K1522">
        <v>-7.96</v>
      </c>
    </row>
    <row r="1523" spans="1:11" x14ac:dyDescent="0.3">
      <c r="A1523" s="1">
        <v>41954</v>
      </c>
      <c r="B1523" s="3">
        <f t="shared" si="46"/>
        <v>11</v>
      </c>
      <c r="C1523" s="3">
        <f t="shared" si="47"/>
        <v>2014</v>
      </c>
      <c r="D1523" t="s">
        <v>795</v>
      </c>
      <c r="E1523" t="s">
        <v>14</v>
      </c>
      <c r="F1523" t="s">
        <v>33</v>
      </c>
      <c r="G1523" t="s">
        <v>34</v>
      </c>
      <c r="H1523" t="s">
        <v>293</v>
      </c>
      <c r="I1523">
        <v>797.94</v>
      </c>
      <c r="J1523">
        <v>4</v>
      </c>
      <c r="K1523">
        <v>-57</v>
      </c>
    </row>
    <row r="1524" spans="1:11" x14ac:dyDescent="0.3">
      <c r="A1524" s="1">
        <v>41954</v>
      </c>
      <c r="B1524" s="3">
        <f t="shared" si="46"/>
        <v>11</v>
      </c>
      <c r="C1524" s="3">
        <f t="shared" si="47"/>
        <v>2014</v>
      </c>
      <c r="D1524" t="s">
        <v>238</v>
      </c>
      <c r="E1524" t="s">
        <v>148</v>
      </c>
      <c r="F1524" t="s">
        <v>10</v>
      </c>
      <c r="G1524" t="s">
        <v>11</v>
      </c>
      <c r="H1524" t="s">
        <v>1607</v>
      </c>
      <c r="I1524">
        <v>46.35</v>
      </c>
      <c r="J1524">
        <v>5</v>
      </c>
      <c r="K1524">
        <v>21.78</v>
      </c>
    </row>
    <row r="1525" spans="1:11" x14ac:dyDescent="0.3">
      <c r="A1525" s="1">
        <v>41954</v>
      </c>
      <c r="B1525" s="3">
        <f t="shared" si="46"/>
        <v>11</v>
      </c>
      <c r="C1525" s="3">
        <f t="shared" si="47"/>
        <v>2014</v>
      </c>
      <c r="D1525" t="s">
        <v>238</v>
      </c>
      <c r="E1525" t="s">
        <v>148</v>
      </c>
      <c r="F1525" t="s">
        <v>10</v>
      </c>
      <c r="G1525" t="s">
        <v>11</v>
      </c>
      <c r="H1525" t="s">
        <v>1608</v>
      </c>
      <c r="I1525">
        <v>223.92</v>
      </c>
      <c r="J1525">
        <v>4</v>
      </c>
      <c r="K1525">
        <v>109.72</v>
      </c>
    </row>
    <row r="1526" spans="1:11" x14ac:dyDescent="0.3">
      <c r="A1526" s="1">
        <v>41954</v>
      </c>
      <c r="B1526" s="3">
        <f t="shared" si="46"/>
        <v>11</v>
      </c>
      <c r="C1526" s="3">
        <f t="shared" si="47"/>
        <v>2014</v>
      </c>
      <c r="D1526" t="s">
        <v>238</v>
      </c>
      <c r="E1526" t="s">
        <v>148</v>
      </c>
      <c r="F1526" t="s">
        <v>10</v>
      </c>
      <c r="G1526" t="s">
        <v>199</v>
      </c>
      <c r="H1526" t="s">
        <v>1291</v>
      </c>
      <c r="I1526">
        <v>7.3</v>
      </c>
      <c r="J1526">
        <v>2</v>
      </c>
      <c r="K1526">
        <v>2.19</v>
      </c>
    </row>
    <row r="1527" spans="1:11" x14ac:dyDescent="0.3">
      <c r="A1527" s="1">
        <v>41955</v>
      </c>
      <c r="B1527" s="3">
        <f t="shared" si="46"/>
        <v>11</v>
      </c>
      <c r="C1527" s="3">
        <f t="shared" si="47"/>
        <v>2014</v>
      </c>
      <c r="D1527" t="s">
        <v>1609</v>
      </c>
      <c r="E1527" t="s">
        <v>9</v>
      </c>
      <c r="F1527" t="s">
        <v>10</v>
      </c>
      <c r="G1527" t="s">
        <v>17</v>
      </c>
      <c r="H1527" t="s">
        <v>1610</v>
      </c>
      <c r="I1527">
        <v>49.63</v>
      </c>
      <c r="J1527">
        <v>4</v>
      </c>
      <c r="K1527">
        <v>4.96</v>
      </c>
    </row>
    <row r="1528" spans="1:11" x14ac:dyDescent="0.3">
      <c r="A1528" s="1">
        <v>41955</v>
      </c>
      <c r="B1528" s="3">
        <f t="shared" si="46"/>
        <v>11</v>
      </c>
      <c r="C1528" s="3">
        <f t="shared" si="47"/>
        <v>2014</v>
      </c>
      <c r="D1528" t="s">
        <v>1319</v>
      </c>
      <c r="E1528" t="s">
        <v>26</v>
      </c>
      <c r="F1528" t="s">
        <v>10</v>
      </c>
      <c r="G1528" t="s">
        <v>11</v>
      </c>
      <c r="H1528" t="s">
        <v>1611</v>
      </c>
      <c r="I1528">
        <v>11.96</v>
      </c>
      <c r="J1528">
        <v>2</v>
      </c>
      <c r="K1528">
        <v>5.86</v>
      </c>
    </row>
    <row r="1529" spans="1:11" x14ac:dyDescent="0.3">
      <c r="A1529" s="1">
        <v>41955</v>
      </c>
      <c r="B1529" s="3">
        <f t="shared" si="46"/>
        <v>11</v>
      </c>
      <c r="C1529" s="3">
        <f t="shared" si="47"/>
        <v>2014</v>
      </c>
      <c r="D1529" t="s">
        <v>1319</v>
      </c>
      <c r="E1529" t="s">
        <v>26</v>
      </c>
      <c r="F1529" t="s">
        <v>33</v>
      </c>
      <c r="G1529" t="s">
        <v>144</v>
      </c>
      <c r="H1529" t="s">
        <v>1612</v>
      </c>
      <c r="I1529">
        <v>629.05999999999995</v>
      </c>
      <c r="J1529">
        <v>3</v>
      </c>
      <c r="K1529">
        <v>31.45</v>
      </c>
    </row>
    <row r="1530" spans="1:11" x14ac:dyDescent="0.3">
      <c r="A1530" s="1">
        <v>41955</v>
      </c>
      <c r="B1530" s="3">
        <f t="shared" si="46"/>
        <v>11</v>
      </c>
      <c r="C1530" s="3">
        <f t="shared" si="47"/>
        <v>2014</v>
      </c>
      <c r="D1530" t="s">
        <v>1554</v>
      </c>
      <c r="E1530" t="s">
        <v>244</v>
      </c>
      <c r="F1530" t="s">
        <v>10</v>
      </c>
      <c r="G1530" t="s">
        <v>23</v>
      </c>
      <c r="H1530" t="s">
        <v>619</v>
      </c>
      <c r="I1530">
        <v>7.87</v>
      </c>
      <c r="J1530">
        <v>3</v>
      </c>
      <c r="K1530">
        <v>0.89</v>
      </c>
    </row>
    <row r="1531" spans="1:11" x14ac:dyDescent="0.3">
      <c r="A1531" s="1">
        <v>41955</v>
      </c>
      <c r="B1531" s="3">
        <f t="shared" si="46"/>
        <v>11</v>
      </c>
      <c r="C1531" s="3">
        <f t="shared" si="47"/>
        <v>2014</v>
      </c>
      <c r="D1531" t="s">
        <v>1613</v>
      </c>
      <c r="E1531" t="s">
        <v>9</v>
      </c>
      <c r="F1531" t="s">
        <v>10</v>
      </c>
      <c r="G1531" t="s">
        <v>23</v>
      </c>
      <c r="H1531" t="s">
        <v>337</v>
      </c>
      <c r="I1531">
        <v>2.67</v>
      </c>
      <c r="J1531">
        <v>1</v>
      </c>
      <c r="K1531">
        <v>0.33</v>
      </c>
    </row>
    <row r="1532" spans="1:11" x14ac:dyDescent="0.3">
      <c r="A1532" s="1">
        <v>41955</v>
      </c>
      <c r="B1532" s="3">
        <f t="shared" si="46"/>
        <v>11</v>
      </c>
      <c r="C1532" s="3">
        <f t="shared" si="47"/>
        <v>2014</v>
      </c>
      <c r="D1532" t="s">
        <v>1613</v>
      </c>
      <c r="E1532" t="s">
        <v>9</v>
      </c>
      <c r="F1532" t="s">
        <v>10</v>
      </c>
      <c r="G1532" t="s">
        <v>199</v>
      </c>
      <c r="H1532" t="s">
        <v>1118</v>
      </c>
      <c r="I1532">
        <v>16.66</v>
      </c>
      <c r="J1532">
        <v>6</v>
      </c>
      <c r="K1532">
        <v>-3.12</v>
      </c>
    </row>
    <row r="1533" spans="1:11" x14ac:dyDescent="0.3">
      <c r="A1533" s="1">
        <v>41955</v>
      </c>
      <c r="B1533" s="3">
        <f t="shared" si="46"/>
        <v>11</v>
      </c>
      <c r="C1533" s="3">
        <f t="shared" si="47"/>
        <v>2014</v>
      </c>
      <c r="D1533" t="s">
        <v>1613</v>
      </c>
      <c r="E1533" t="s">
        <v>9</v>
      </c>
      <c r="F1533" t="s">
        <v>38</v>
      </c>
      <c r="G1533" t="s">
        <v>51</v>
      </c>
      <c r="H1533" t="s">
        <v>1614</v>
      </c>
      <c r="I1533">
        <v>79.510000000000005</v>
      </c>
      <c r="J1533">
        <v>3</v>
      </c>
      <c r="K1533">
        <v>20.87</v>
      </c>
    </row>
    <row r="1534" spans="1:11" x14ac:dyDescent="0.3">
      <c r="A1534" s="1">
        <v>41955</v>
      </c>
      <c r="B1534" s="3">
        <f t="shared" si="46"/>
        <v>11</v>
      </c>
      <c r="C1534" s="3">
        <f t="shared" si="47"/>
        <v>2014</v>
      </c>
      <c r="D1534" t="s">
        <v>1613</v>
      </c>
      <c r="E1534" t="s">
        <v>9</v>
      </c>
      <c r="F1534" t="s">
        <v>10</v>
      </c>
      <c r="G1534" t="s">
        <v>11</v>
      </c>
      <c r="H1534" t="s">
        <v>1202</v>
      </c>
      <c r="I1534">
        <v>36.29</v>
      </c>
      <c r="J1534">
        <v>7</v>
      </c>
      <c r="K1534">
        <v>12.7</v>
      </c>
    </row>
    <row r="1535" spans="1:11" x14ac:dyDescent="0.3">
      <c r="A1535" s="1">
        <v>41955</v>
      </c>
      <c r="B1535" s="3">
        <f t="shared" si="46"/>
        <v>11</v>
      </c>
      <c r="C1535" s="3">
        <f t="shared" si="47"/>
        <v>2014</v>
      </c>
      <c r="D1535" t="s">
        <v>1613</v>
      </c>
      <c r="E1535" t="s">
        <v>9</v>
      </c>
      <c r="F1535" t="s">
        <v>33</v>
      </c>
      <c r="G1535" t="s">
        <v>73</v>
      </c>
      <c r="H1535" t="s">
        <v>643</v>
      </c>
      <c r="I1535">
        <v>67.989999999999995</v>
      </c>
      <c r="J1535">
        <v>1</v>
      </c>
      <c r="K1535">
        <v>-13</v>
      </c>
    </row>
    <row r="1536" spans="1:11" x14ac:dyDescent="0.3">
      <c r="A1536" s="1">
        <v>41955</v>
      </c>
      <c r="B1536" s="3">
        <f t="shared" si="46"/>
        <v>11</v>
      </c>
      <c r="C1536" s="3">
        <f t="shared" si="47"/>
        <v>2014</v>
      </c>
      <c r="D1536" t="s">
        <v>8</v>
      </c>
      <c r="E1536" t="s">
        <v>9</v>
      </c>
      <c r="F1536" t="s">
        <v>33</v>
      </c>
      <c r="G1536" t="s">
        <v>46</v>
      </c>
      <c r="H1536" t="s">
        <v>131</v>
      </c>
      <c r="I1536">
        <v>25.13</v>
      </c>
      <c r="J1536">
        <v>3</v>
      </c>
      <c r="K1536">
        <v>-6.91</v>
      </c>
    </row>
    <row r="1537" spans="1:11" x14ac:dyDescent="0.3">
      <c r="A1537" s="1">
        <v>41955</v>
      </c>
      <c r="B1537" s="3">
        <f t="shared" si="46"/>
        <v>11</v>
      </c>
      <c r="C1537" s="3">
        <f t="shared" si="47"/>
        <v>2014</v>
      </c>
      <c r="D1537" t="s">
        <v>8</v>
      </c>
      <c r="E1537" t="s">
        <v>9</v>
      </c>
      <c r="F1537" t="s">
        <v>38</v>
      </c>
      <c r="G1537" t="s">
        <v>51</v>
      </c>
      <c r="H1537" t="s">
        <v>998</v>
      </c>
      <c r="I1537">
        <v>127.98</v>
      </c>
      <c r="J1537">
        <v>2</v>
      </c>
      <c r="K1537">
        <v>25.6</v>
      </c>
    </row>
    <row r="1538" spans="1:11" x14ac:dyDescent="0.3">
      <c r="A1538" s="1">
        <v>41957</v>
      </c>
      <c r="B1538" s="3">
        <f t="shared" ref="B1538:B1601" si="48">MONTH(A:A)</f>
        <v>11</v>
      </c>
      <c r="C1538" s="3">
        <f t="shared" ref="C1538:C1601" si="49">YEAR(A:A)</f>
        <v>2014</v>
      </c>
      <c r="D1538" t="s">
        <v>1615</v>
      </c>
      <c r="E1538" t="s">
        <v>612</v>
      </c>
      <c r="F1538" t="s">
        <v>38</v>
      </c>
      <c r="G1538" t="s">
        <v>39</v>
      </c>
      <c r="H1538" t="s">
        <v>1563</v>
      </c>
      <c r="I1538">
        <v>832.93</v>
      </c>
      <c r="J1538">
        <v>7</v>
      </c>
      <c r="K1538">
        <v>233.22</v>
      </c>
    </row>
    <row r="1539" spans="1:11" x14ac:dyDescent="0.3">
      <c r="A1539" s="1">
        <v>41957</v>
      </c>
      <c r="B1539" s="3">
        <f t="shared" si="48"/>
        <v>11</v>
      </c>
      <c r="C1539" s="3">
        <f t="shared" si="49"/>
        <v>2014</v>
      </c>
      <c r="D1539" t="s">
        <v>1615</v>
      </c>
      <c r="E1539" t="s">
        <v>612</v>
      </c>
      <c r="F1539" t="s">
        <v>10</v>
      </c>
      <c r="G1539" t="s">
        <v>19</v>
      </c>
      <c r="H1539" t="s">
        <v>1379</v>
      </c>
      <c r="I1539">
        <v>43.8</v>
      </c>
      <c r="J1539">
        <v>10</v>
      </c>
      <c r="K1539">
        <v>21.02</v>
      </c>
    </row>
    <row r="1540" spans="1:11" x14ac:dyDescent="0.3">
      <c r="A1540" s="1">
        <v>41957</v>
      </c>
      <c r="B1540" s="3">
        <f t="shared" si="48"/>
        <v>11</v>
      </c>
      <c r="C1540" s="3">
        <f t="shared" si="49"/>
        <v>2014</v>
      </c>
      <c r="D1540" t="s">
        <v>1616</v>
      </c>
      <c r="E1540" t="s">
        <v>109</v>
      </c>
      <c r="F1540" t="s">
        <v>10</v>
      </c>
      <c r="G1540" t="s">
        <v>19</v>
      </c>
      <c r="H1540" t="s">
        <v>833</v>
      </c>
      <c r="I1540">
        <v>12.72</v>
      </c>
      <c r="J1540">
        <v>3</v>
      </c>
      <c r="K1540">
        <v>6.36</v>
      </c>
    </row>
    <row r="1541" spans="1:11" x14ac:dyDescent="0.3">
      <c r="A1541" s="1">
        <v>41957</v>
      </c>
      <c r="B1541" s="3">
        <f t="shared" si="48"/>
        <v>11</v>
      </c>
      <c r="C1541" s="3">
        <f t="shared" si="49"/>
        <v>2014</v>
      </c>
      <c r="D1541" t="s">
        <v>1616</v>
      </c>
      <c r="E1541" t="s">
        <v>109</v>
      </c>
      <c r="F1541" t="s">
        <v>10</v>
      </c>
      <c r="G1541" t="s">
        <v>19</v>
      </c>
      <c r="H1541" t="s">
        <v>898</v>
      </c>
      <c r="I1541">
        <v>11.52</v>
      </c>
      <c r="J1541">
        <v>4</v>
      </c>
      <c r="K1541">
        <v>5.64</v>
      </c>
    </row>
    <row r="1542" spans="1:11" x14ac:dyDescent="0.3">
      <c r="A1542" s="1">
        <v>41957</v>
      </c>
      <c r="B1542" s="3">
        <f t="shared" si="48"/>
        <v>11</v>
      </c>
      <c r="C1542" s="3">
        <f t="shared" si="49"/>
        <v>2014</v>
      </c>
      <c r="D1542" t="s">
        <v>1617</v>
      </c>
      <c r="E1542" t="s">
        <v>9</v>
      </c>
      <c r="F1542" t="s">
        <v>10</v>
      </c>
      <c r="G1542" t="s">
        <v>11</v>
      </c>
      <c r="H1542" t="s">
        <v>1618</v>
      </c>
      <c r="I1542">
        <v>20.74</v>
      </c>
      <c r="J1542">
        <v>4</v>
      </c>
      <c r="K1542">
        <v>7.26</v>
      </c>
    </row>
    <row r="1543" spans="1:11" x14ac:dyDescent="0.3">
      <c r="A1543" s="1">
        <v>41957</v>
      </c>
      <c r="B1543" s="3">
        <f t="shared" si="48"/>
        <v>11</v>
      </c>
      <c r="C1543" s="3">
        <f t="shared" si="49"/>
        <v>2014</v>
      </c>
      <c r="D1543" t="s">
        <v>1619</v>
      </c>
      <c r="E1543" t="s">
        <v>148</v>
      </c>
      <c r="F1543" t="s">
        <v>10</v>
      </c>
      <c r="G1543" t="s">
        <v>11</v>
      </c>
      <c r="H1543" t="s">
        <v>1620</v>
      </c>
      <c r="I1543">
        <v>11.36</v>
      </c>
      <c r="J1543">
        <v>2</v>
      </c>
      <c r="K1543">
        <v>5.23</v>
      </c>
    </row>
    <row r="1544" spans="1:11" x14ac:dyDescent="0.3">
      <c r="A1544" s="1">
        <v>41957</v>
      </c>
      <c r="B1544" s="3">
        <f t="shared" si="48"/>
        <v>11</v>
      </c>
      <c r="C1544" s="3">
        <f t="shared" si="49"/>
        <v>2014</v>
      </c>
      <c r="D1544" t="s">
        <v>1619</v>
      </c>
      <c r="E1544" t="s">
        <v>148</v>
      </c>
      <c r="F1544" t="s">
        <v>33</v>
      </c>
      <c r="G1544" t="s">
        <v>34</v>
      </c>
      <c r="H1544" t="s">
        <v>943</v>
      </c>
      <c r="I1544">
        <v>69.260000000000005</v>
      </c>
      <c r="J1544">
        <v>2</v>
      </c>
      <c r="K1544">
        <v>14.62</v>
      </c>
    </row>
    <row r="1545" spans="1:11" x14ac:dyDescent="0.3">
      <c r="A1545" s="1">
        <v>41957</v>
      </c>
      <c r="B1545" s="3">
        <f t="shared" si="48"/>
        <v>11</v>
      </c>
      <c r="C1545" s="3">
        <f t="shared" si="49"/>
        <v>2014</v>
      </c>
      <c r="D1545" t="s">
        <v>1270</v>
      </c>
      <c r="E1545" t="s">
        <v>54</v>
      </c>
      <c r="F1545" t="s">
        <v>10</v>
      </c>
      <c r="G1545" t="s">
        <v>11</v>
      </c>
      <c r="H1545" t="s">
        <v>1621</v>
      </c>
      <c r="I1545">
        <v>32.4</v>
      </c>
      <c r="J1545">
        <v>5</v>
      </c>
      <c r="K1545">
        <v>15.55</v>
      </c>
    </row>
    <row r="1546" spans="1:11" x14ac:dyDescent="0.3">
      <c r="A1546" s="1">
        <v>41958</v>
      </c>
      <c r="B1546" s="3">
        <f t="shared" si="48"/>
        <v>11</v>
      </c>
      <c r="C1546" s="3">
        <f t="shared" si="49"/>
        <v>2014</v>
      </c>
      <c r="D1546" t="s">
        <v>1622</v>
      </c>
      <c r="E1546" t="s">
        <v>119</v>
      </c>
      <c r="F1546" t="s">
        <v>10</v>
      </c>
      <c r="G1546" t="s">
        <v>23</v>
      </c>
      <c r="H1546" t="s">
        <v>1623</v>
      </c>
      <c r="I1546">
        <v>4.22</v>
      </c>
      <c r="J1546">
        <v>3</v>
      </c>
      <c r="K1546">
        <v>0.48</v>
      </c>
    </row>
    <row r="1547" spans="1:11" x14ac:dyDescent="0.3">
      <c r="A1547" s="1">
        <v>41958</v>
      </c>
      <c r="B1547" s="3">
        <f t="shared" si="48"/>
        <v>11</v>
      </c>
      <c r="C1547" s="3">
        <f t="shared" si="49"/>
        <v>2014</v>
      </c>
      <c r="D1547" t="s">
        <v>1622</v>
      </c>
      <c r="E1547" t="s">
        <v>119</v>
      </c>
      <c r="F1547" t="s">
        <v>10</v>
      </c>
      <c r="G1547" t="s">
        <v>91</v>
      </c>
      <c r="H1547" t="s">
        <v>710</v>
      </c>
      <c r="I1547">
        <v>333.06</v>
      </c>
      <c r="J1547">
        <v>2</v>
      </c>
      <c r="K1547">
        <v>29.14</v>
      </c>
    </row>
    <row r="1548" spans="1:11" x14ac:dyDescent="0.3">
      <c r="A1548" s="1">
        <v>41958</v>
      </c>
      <c r="B1548" s="3">
        <f t="shared" si="48"/>
        <v>11</v>
      </c>
      <c r="C1548" s="3">
        <f t="shared" si="49"/>
        <v>2014</v>
      </c>
      <c r="D1548" t="s">
        <v>1622</v>
      </c>
      <c r="E1548" t="s">
        <v>119</v>
      </c>
      <c r="F1548" t="s">
        <v>10</v>
      </c>
      <c r="G1548" t="s">
        <v>11</v>
      </c>
      <c r="H1548" t="s">
        <v>283</v>
      </c>
      <c r="I1548">
        <v>24.9</v>
      </c>
      <c r="J1548">
        <v>4</v>
      </c>
      <c r="K1548">
        <v>7.78</v>
      </c>
    </row>
    <row r="1549" spans="1:11" x14ac:dyDescent="0.3">
      <c r="A1549" s="1">
        <v>41958</v>
      </c>
      <c r="B1549" s="3">
        <f t="shared" si="48"/>
        <v>11</v>
      </c>
      <c r="C1549" s="3">
        <f t="shared" si="49"/>
        <v>2014</v>
      </c>
      <c r="D1549" t="s">
        <v>1624</v>
      </c>
      <c r="E1549" t="s">
        <v>9</v>
      </c>
      <c r="F1549" t="s">
        <v>10</v>
      </c>
      <c r="G1549" t="s">
        <v>62</v>
      </c>
      <c r="H1549" t="s">
        <v>1625</v>
      </c>
      <c r="I1549">
        <v>604.66</v>
      </c>
      <c r="J1549">
        <v>9</v>
      </c>
      <c r="K1549">
        <v>204.07</v>
      </c>
    </row>
    <row r="1550" spans="1:11" x14ac:dyDescent="0.3">
      <c r="A1550" s="1">
        <v>41958</v>
      </c>
      <c r="B1550" s="3">
        <f t="shared" si="48"/>
        <v>11</v>
      </c>
      <c r="C1550" s="3">
        <f t="shared" si="49"/>
        <v>2014</v>
      </c>
      <c r="D1550" t="s">
        <v>739</v>
      </c>
      <c r="E1550" t="s">
        <v>26</v>
      </c>
      <c r="F1550" t="s">
        <v>33</v>
      </c>
      <c r="G1550" t="s">
        <v>46</v>
      </c>
      <c r="H1550" t="s">
        <v>1626</v>
      </c>
      <c r="I1550">
        <v>10.11</v>
      </c>
      <c r="J1550">
        <v>3</v>
      </c>
      <c r="K1550">
        <v>3.24</v>
      </c>
    </row>
    <row r="1551" spans="1:11" x14ac:dyDescent="0.3">
      <c r="A1551" s="1">
        <v>41958</v>
      </c>
      <c r="B1551" s="3">
        <f t="shared" si="48"/>
        <v>11</v>
      </c>
      <c r="C1551" s="3">
        <f t="shared" si="49"/>
        <v>2014</v>
      </c>
      <c r="D1551" t="s">
        <v>739</v>
      </c>
      <c r="E1551" t="s">
        <v>26</v>
      </c>
      <c r="F1551" t="s">
        <v>38</v>
      </c>
      <c r="G1551" t="s">
        <v>51</v>
      </c>
      <c r="H1551" t="s">
        <v>1627</v>
      </c>
      <c r="I1551">
        <v>772.47</v>
      </c>
      <c r="J1551">
        <v>3</v>
      </c>
      <c r="K1551">
        <v>146.77000000000001</v>
      </c>
    </row>
    <row r="1552" spans="1:11" x14ac:dyDescent="0.3">
      <c r="A1552" s="1">
        <v>41958</v>
      </c>
      <c r="B1552" s="3">
        <f t="shared" si="48"/>
        <v>11</v>
      </c>
      <c r="C1552" s="3">
        <f t="shared" si="49"/>
        <v>2014</v>
      </c>
      <c r="D1552" t="s">
        <v>739</v>
      </c>
      <c r="E1552" t="s">
        <v>26</v>
      </c>
      <c r="F1552" t="s">
        <v>10</v>
      </c>
      <c r="G1552" t="s">
        <v>199</v>
      </c>
      <c r="H1552" t="s">
        <v>1052</v>
      </c>
      <c r="I1552">
        <v>20.46</v>
      </c>
      <c r="J1552">
        <v>2</v>
      </c>
      <c r="K1552">
        <v>5.32</v>
      </c>
    </row>
    <row r="1553" spans="1:11" x14ac:dyDescent="0.3">
      <c r="A1553" s="1">
        <v>41958</v>
      </c>
      <c r="B1553" s="3">
        <f t="shared" si="48"/>
        <v>11</v>
      </c>
      <c r="C1553" s="3">
        <f t="shared" si="49"/>
        <v>2014</v>
      </c>
      <c r="D1553" t="s">
        <v>474</v>
      </c>
      <c r="E1553" t="s">
        <v>26</v>
      </c>
      <c r="F1553" t="s">
        <v>10</v>
      </c>
      <c r="G1553" t="s">
        <v>199</v>
      </c>
      <c r="H1553" t="s">
        <v>1291</v>
      </c>
      <c r="I1553">
        <v>10.95</v>
      </c>
      <c r="J1553">
        <v>3</v>
      </c>
      <c r="K1553">
        <v>3.29</v>
      </c>
    </row>
    <row r="1554" spans="1:11" x14ac:dyDescent="0.3">
      <c r="A1554" s="1">
        <v>41959</v>
      </c>
      <c r="B1554" s="3">
        <f t="shared" si="48"/>
        <v>11</v>
      </c>
      <c r="C1554" s="3">
        <f t="shared" si="49"/>
        <v>2014</v>
      </c>
      <c r="D1554" t="s">
        <v>1628</v>
      </c>
      <c r="E1554" t="s">
        <v>1282</v>
      </c>
      <c r="F1554" t="s">
        <v>38</v>
      </c>
      <c r="G1554" t="s">
        <v>39</v>
      </c>
      <c r="H1554" t="s">
        <v>1100</v>
      </c>
      <c r="I1554">
        <v>273.95999999999998</v>
      </c>
      <c r="J1554">
        <v>2</v>
      </c>
      <c r="K1554">
        <v>10.96</v>
      </c>
    </row>
    <row r="1555" spans="1:11" x14ac:dyDescent="0.3">
      <c r="A1555" s="1">
        <v>41959</v>
      </c>
      <c r="B1555" s="3">
        <f t="shared" si="48"/>
        <v>11</v>
      </c>
      <c r="C1555" s="3">
        <f t="shared" si="49"/>
        <v>2014</v>
      </c>
      <c r="D1555" t="s">
        <v>214</v>
      </c>
      <c r="E1555" t="s">
        <v>128</v>
      </c>
      <c r="F1555" t="s">
        <v>10</v>
      </c>
      <c r="G1555" t="s">
        <v>62</v>
      </c>
      <c r="H1555" t="s">
        <v>1349</v>
      </c>
      <c r="I1555">
        <v>78.349999999999994</v>
      </c>
      <c r="J1555">
        <v>5</v>
      </c>
      <c r="K1555">
        <v>36.82</v>
      </c>
    </row>
    <row r="1556" spans="1:11" x14ac:dyDescent="0.3">
      <c r="A1556" s="1">
        <v>41959</v>
      </c>
      <c r="B1556" s="3">
        <f t="shared" si="48"/>
        <v>11</v>
      </c>
      <c r="C1556" s="3">
        <f t="shared" si="49"/>
        <v>2014</v>
      </c>
      <c r="D1556" t="s">
        <v>214</v>
      </c>
      <c r="E1556" t="s">
        <v>128</v>
      </c>
      <c r="F1556" t="s">
        <v>10</v>
      </c>
      <c r="G1556" t="s">
        <v>11</v>
      </c>
      <c r="H1556" t="s">
        <v>1375</v>
      </c>
      <c r="I1556">
        <v>31.68</v>
      </c>
      <c r="J1556">
        <v>6</v>
      </c>
      <c r="K1556">
        <v>14.26</v>
      </c>
    </row>
    <row r="1557" spans="1:11" x14ac:dyDescent="0.3">
      <c r="A1557" s="1">
        <v>41959</v>
      </c>
      <c r="B1557" s="3">
        <f t="shared" si="48"/>
        <v>11</v>
      </c>
      <c r="C1557" s="3">
        <f t="shared" si="49"/>
        <v>2014</v>
      </c>
      <c r="D1557" t="s">
        <v>214</v>
      </c>
      <c r="E1557" t="s">
        <v>128</v>
      </c>
      <c r="F1557" t="s">
        <v>10</v>
      </c>
      <c r="G1557" t="s">
        <v>19</v>
      </c>
      <c r="H1557" t="s">
        <v>1629</v>
      </c>
      <c r="I1557">
        <v>29.12</v>
      </c>
      <c r="J1557">
        <v>4</v>
      </c>
      <c r="K1557">
        <v>14.27</v>
      </c>
    </row>
    <row r="1558" spans="1:11" x14ac:dyDescent="0.3">
      <c r="A1558" s="1">
        <v>41959</v>
      </c>
      <c r="B1558" s="3">
        <f t="shared" si="48"/>
        <v>11</v>
      </c>
      <c r="C1558" s="3">
        <f t="shared" si="49"/>
        <v>2014</v>
      </c>
      <c r="D1558" t="s">
        <v>214</v>
      </c>
      <c r="E1558" t="s">
        <v>128</v>
      </c>
      <c r="F1558" t="s">
        <v>10</v>
      </c>
      <c r="G1558" t="s">
        <v>17</v>
      </c>
      <c r="H1558" t="s">
        <v>1359</v>
      </c>
      <c r="I1558">
        <v>169.45</v>
      </c>
      <c r="J1558">
        <v>5</v>
      </c>
      <c r="K1558">
        <v>42.36</v>
      </c>
    </row>
    <row r="1559" spans="1:11" x14ac:dyDescent="0.3">
      <c r="A1559" s="1">
        <v>41959</v>
      </c>
      <c r="B1559" s="3">
        <f t="shared" si="48"/>
        <v>11</v>
      </c>
      <c r="C1559" s="3">
        <f t="shared" si="49"/>
        <v>2014</v>
      </c>
      <c r="D1559" t="s">
        <v>1630</v>
      </c>
      <c r="E1559" t="s">
        <v>26</v>
      </c>
      <c r="F1559" t="s">
        <v>10</v>
      </c>
      <c r="G1559" t="s">
        <v>15</v>
      </c>
      <c r="H1559" t="s">
        <v>1631</v>
      </c>
      <c r="I1559">
        <v>5.22</v>
      </c>
      <c r="J1559">
        <v>2</v>
      </c>
      <c r="K1559">
        <v>2.4</v>
      </c>
    </row>
    <row r="1560" spans="1:11" x14ac:dyDescent="0.3">
      <c r="A1560" s="1">
        <v>41959</v>
      </c>
      <c r="B1560" s="3">
        <f t="shared" si="48"/>
        <v>11</v>
      </c>
      <c r="C1560" s="3">
        <f t="shared" si="49"/>
        <v>2014</v>
      </c>
      <c r="D1560" t="s">
        <v>1632</v>
      </c>
      <c r="E1560" t="s">
        <v>14</v>
      </c>
      <c r="F1560" t="s">
        <v>33</v>
      </c>
      <c r="G1560" t="s">
        <v>34</v>
      </c>
      <c r="H1560" t="s">
        <v>1633</v>
      </c>
      <c r="I1560">
        <v>37.299999999999997</v>
      </c>
      <c r="J1560">
        <v>2</v>
      </c>
      <c r="K1560">
        <v>-1.07</v>
      </c>
    </row>
    <row r="1561" spans="1:11" x14ac:dyDescent="0.3">
      <c r="A1561" s="1">
        <v>41959</v>
      </c>
      <c r="B1561" s="3">
        <f t="shared" si="48"/>
        <v>11</v>
      </c>
      <c r="C1561" s="3">
        <f t="shared" si="49"/>
        <v>2014</v>
      </c>
      <c r="D1561" t="s">
        <v>1634</v>
      </c>
      <c r="E1561" t="s">
        <v>26</v>
      </c>
      <c r="F1561" t="s">
        <v>38</v>
      </c>
      <c r="G1561" t="s">
        <v>39</v>
      </c>
      <c r="H1561" t="s">
        <v>1635</v>
      </c>
      <c r="I1561">
        <v>79.97</v>
      </c>
      <c r="J1561">
        <v>4</v>
      </c>
      <c r="K1561">
        <v>-17.989999999999998</v>
      </c>
    </row>
    <row r="1562" spans="1:11" x14ac:dyDescent="0.3">
      <c r="A1562" s="1">
        <v>41959</v>
      </c>
      <c r="B1562" s="3">
        <f t="shared" si="48"/>
        <v>11</v>
      </c>
      <c r="C1562" s="3">
        <f t="shared" si="49"/>
        <v>2014</v>
      </c>
      <c r="D1562" t="s">
        <v>1634</v>
      </c>
      <c r="E1562" t="s">
        <v>26</v>
      </c>
      <c r="F1562" t="s">
        <v>33</v>
      </c>
      <c r="G1562" t="s">
        <v>73</v>
      </c>
      <c r="H1562" t="s">
        <v>1636</v>
      </c>
      <c r="I1562">
        <v>305.97000000000003</v>
      </c>
      <c r="J1562">
        <v>3</v>
      </c>
      <c r="K1562">
        <v>25.2</v>
      </c>
    </row>
    <row r="1563" spans="1:11" x14ac:dyDescent="0.3">
      <c r="A1563" s="1">
        <v>41959</v>
      </c>
      <c r="B1563" s="3">
        <f t="shared" si="48"/>
        <v>11</v>
      </c>
      <c r="C1563" s="3">
        <f t="shared" si="49"/>
        <v>2014</v>
      </c>
      <c r="D1563" t="s">
        <v>1634</v>
      </c>
      <c r="E1563" t="s">
        <v>26</v>
      </c>
      <c r="F1563" t="s">
        <v>10</v>
      </c>
      <c r="G1563" t="s">
        <v>17</v>
      </c>
      <c r="H1563" t="s">
        <v>152</v>
      </c>
      <c r="I1563">
        <v>344.91</v>
      </c>
      <c r="J1563">
        <v>3</v>
      </c>
      <c r="K1563">
        <v>10.35</v>
      </c>
    </row>
    <row r="1564" spans="1:11" x14ac:dyDescent="0.3">
      <c r="A1564" s="1">
        <v>41960</v>
      </c>
      <c r="B1564" s="3">
        <f t="shared" si="48"/>
        <v>11</v>
      </c>
      <c r="C1564" s="3">
        <f t="shared" si="49"/>
        <v>2014</v>
      </c>
      <c r="D1564" t="s">
        <v>412</v>
      </c>
      <c r="E1564" t="s">
        <v>314</v>
      </c>
      <c r="F1564" t="s">
        <v>33</v>
      </c>
      <c r="G1564" t="s">
        <v>34</v>
      </c>
      <c r="H1564" t="s">
        <v>1255</v>
      </c>
      <c r="I1564">
        <v>479.9</v>
      </c>
      <c r="J1564">
        <v>5</v>
      </c>
      <c r="K1564">
        <v>81.58</v>
      </c>
    </row>
    <row r="1565" spans="1:11" x14ac:dyDescent="0.3">
      <c r="A1565" s="1">
        <v>41960</v>
      </c>
      <c r="B1565" s="3">
        <f t="shared" si="48"/>
        <v>11</v>
      </c>
      <c r="C1565" s="3">
        <f t="shared" si="49"/>
        <v>2014</v>
      </c>
      <c r="D1565" t="s">
        <v>1637</v>
      </c>
      <c r="E1565" t="s">
        <v>58</v>
      </c>
      <c r="F1565" t="s">
        <v>10</v>
      </c>
      <c r="G1565" t="s">
        <v>17</v>
      </c>
      <c r="H1565" t="s">
        <v>1047</v>
      </c>
      <c r="I1565">
        <v>2934.33</v>
      </c>
      <c r="J1565">
        <v>7</v>
      </c>
      <c r="K1565">
        <v>792.27</v>
      </c>
    </row>
    <row r="1566" spans="1:11" x14ac:dyDescent="0.3">
      <c r="A1566" s="1">
        <v>41960</v>
      </c>
      <c r="B1566" s="3">
        <f t="shared" si="48"/>
        <v>11</v>
      </c>
      <c r="C1566" s="3">
        <f t="shared" si="49"/>
        <v>2014</v>
      </c>
      <c r="D1566" t="s">
        <v>1637</v>
      </c>
      <c r="E1566" t="s">
        <v>58</v>
      </c>
      <c r="F1566" t="s">
        <v>33</v>
      </c>
      <c r="G1566" t="s">
        <v>46</v>
      </c>
      <c r="H1566" t="s">
        <v>1638</v>
      </c>
      <c r="I1566">
        <v>124.41</v>
      </c>
      <c r="J1566">
        <v>3</v>
      </c>
      <c r="K1566">
        <v>14.93</v>
      </c>
    </row>
    <row r="1567" spans="1:11" x14ac:dyDescent="0.3">
      <c r="A1567" s="1">
        <v>41960</v>
      </c>
      <c r="B1567" s="3">
        <f t="shared" si="48"/>
        <v>11</v>
      </c>
      <c r="C1567" s="3">
        <f t="shared" si="49"/>
        <v>2014</v>
      </c>
      <c r="D1567" t="s">
        <v>1637</v>
      </c>
      <c r="E1567" t="s">
        <v>58</v>
      </c>
      <c r="F1567" t="s">
        <v>10</v>
      </c>
      <c r="G1567" t="s">
        <v>23</v>
      </c>
      <c r="H1567" t="s">
        <v>807</v>
      </c>
      <c r="I1567">
        <v>57.75</v>
      </c>
      <c r="J1567">
        <v>5</v>
      </c>
      <c r="K1567">
        <v>26.57</v>
      </c>
    </row>
    <row r="1568" spans="1:11" x14ac:dyDescent="0.3">
      <c r="A1568" s="1">
        <v>41960</v>
      </c>
      <c r="B1568" s="3">
        <f t="shared" si="48"/>
        <v>11</v>
      </c>
      <c r="C1568" s="3">
        <f t="shared" si="49"/>
        <v>2014</v>
      </c>
      <c r="D1568" t="s">
        <v>354</v>
      </c>
      <c r="E1568" t="s">
        <v>26</v>
      </c>
      <c r="F1568" t="s">
        <v>38</v>
      </c>
      <c r="G1568" t="s">
        <v>51</v>
      </c>
      <c r="H1568" t="s">
        <v>1007</v>
      </c>
      <c r="I1568">
        <v>99.98</v>
      </c>
      <c r="J1568">
        <v>2</v>
      </c>
      <c r="K1568">
        <v>8</v>
      </c>
    </row>
    <row r="1569" spans="1:11" x14ac:dyDescent="0.3">
      <c r="A1569" s="1">
        <v>41960</v>
      </c>
      <c r="B1569" s="3">
        <f t="shared" si="48"/>
        <v>11</v>
      </c>
      <c r="C1569" s="3">
        <f t="shared" si="49"/>
        <v>2014</v>
      </c>
      <c r="D1569" t="s">
        <v>354</v>
      </c>
      <c r="E1569" t="s">
        <v>26</v>
      </c>
      <c r="F1569" t="s">
        <v>10</v>
      </c>
      <c r="G1569" t="s">
        <v>11</v>
      </c>
      <c r="H1569" t="s">
        <v>881</v>
      </c>
      <c r="I1569">
        <v>733.95</v>
      </c>
      <c r="J1569">
        <v>7</v>
      </c>
      <c r="K1569">
        <v>352.3</v>
      </c>
    </row>
    <row r="1570" spans="1:11" x14ac:dyDescent="0.3">
      <c r="A1570" s="1">
        <v>41960</v>
      </c>
      <c r="B1570" s="3">
        <f t="shared" si="48"/>
        <v>11</v>
      </c>
      <c r="C1570" s="3">
        <f t="shared" si="49"/>
        <v>2014</v>
      </c>
      <c r="D1570" t="s">
        <v>354</v>
      </c>
      <c r="E1570" t="s">
        <v>26</v>
      </c>
      <c r="F1570" t="s">
        <v>10</v>
      </c>
      <c r="G1570" t="s">
        <v>91</v>
      </c>
      <c r="H1570" t="s">
        <v>1639</v>
      </c>
      <c r="I1570">
        <v>241.44</v>
      </c>
      <c r="J1570">
        <v>3</v>
      </c>
      <c r="K1570">
        <v>72.430000000000007</v>
      </c>
    </row>
    <row r="1571" spans="1:11" x14ac:dyDescent="0.3">
      <c r="A1571" s="1">
        <v>41960</v>
      </c>
      <c r="B1571" s="3">
        <f t="shared" si="48"/>
        <v>11</v>
      </c>
      <c r="C1571" s="3">
        <f t="shared" si="49"/>
        <v>2014</v>
      </c>
      <c r="D1571" t="s">
        <v>1640</v>
      </c>
      <c r="E1571" t="s">
        <v>22</v>
      </c>
      <c r="F1571" t="s">
        <v>10</v>
      </c>
      <c r="G1571" t="s">
        <v>11</v>
      </c>
      <c r="H1571" t="s">
        <v>283</v>
      </c>
      <c r="I1571">
        <v>12.45</v>
      </c>
      <c r="J1571">
        <v>2</v>
      </c>
      <c r="K1571">
        <v>3.89</v>
      </c>
    </row>
    <row r="1572" spans="1:11" x14ac:dyDescent="0.3">
      <c r="A1572" s="1">
        <v>41960</v>
      </c>
      <c r="B1572" s="3">
        <f t="shared" si="48"/>
        <v>11</v>
      </c>
      <c r="C1572" s="3">
        <f t="shared" si="49"/>
        <v>2014</v>
      </c>
      <c r="D1572" t="s">
        <v>1640</v>
      </c>
      <c r="E1572" t="s">
        <v>22</v>
      </c>
      <c r="F1572" t="s">
        <v>33</v>
      </c>
      <c r="G1572" t="s">
        <v>34</v>
      </c>
      <c r="H1572" t="s">
        <v>993</v>
      </c>
      <c r="I1572">
        <v>657.93</v>
      </c>
      <c r="J1572">
        <v>5</v>
      </c>
      <c r="K1572">
        <v>-93.99</v>
      </c>
    </row>
    <row r="1573" spans="1:11" x14ac:dyDescent="0.3">
      <c r="A1573" s="1">
        <v>41960</v>
      </c>
      <c r="B1573" s="3">
        <f t="shared" si="48"/>
        <v>11</v>
      </c>
      <c r="C1573" s="3">
        <f t="shared" si="49"/>
        <v>2014</v>
      </c>
      <c r="D1573" t="s">
        <v>351</v>
      </c>
      <c r="E1573" t="s">
        <v>9</v>
      </c>
      <c r="F1573" t="s">
        <v>10</v>
      </c>
      <c r="G1573" t="s">
        <v>62</v>
      </c>
      <c r="H1573" t="s">
        <v>1164</v>
      </c>
      <c r="I1573">
        <v>7.08</v>
      </c>
      <c r="J1573">
        <v>3</v>
      </c>
      <c r="K1573">
        <v>2.48</v>
      </c>
    </row>
    <row r="1574" spans="1:11" x14ac:dyDescent="0.3">
      <c r="A1574" s="1">
        <v>41960</v>
      </c>
      <c r="B1574" s="3">
        <f t="shared" si="48"/>
        <v>11</v>
      </c>
      <c r="C1574" s="3">
        <f t="shared" si="49"/>
        <v>2014</v>
      </c>
      <c r="D1574" t="s">
        <v>708</v>
      </c>
      <c r="E1574" t="s">
        <v>148</v>
      </c>
      <c r="F1574" t="s">
        <v>10</v>
      </c>
      <c r="G1574" t="s">
        <v>19</v>
      </c>
      <c r="H1574" t="s">
        <v>1141</v>
      </c>
      <c r="I1574">
        <v>2152.7800000000002</v>
      </c>
      <c r="J1574">
        <v>3</v>
      </c>
      <c r="K1574">
        <v>726.56</v>
      </c>
    </row>
    <row r="1575" spans="1:11" x14ac:dyDescent="0.3">
      <c r="A1575" s="1">
        <v>41960</v>
      </c>
      <c r="B1575" s="3">
        <f t="shared" si="48"/>
        <v>11</v>
      </c>
      <c r="C1575" s="3">
        <f t="shared" si="49"/>
        <v>2014</v>
      </c>
      <c r="D1575" t="s">
        <v>708</v>
      </c>
      <c r="E1575" t="s">
        <v>148</v>
      </c>
      <c r="F1575" t="s">
        <v>33</v>
      </c>
      <c r="G1575" t="s">
        <v>73</v>
      </c>
      <c r="H1575" t="s">
        <v>1343</v>
      </c>
      <c r="I1575">
        <v>4007.84</v>
      </c>
      <c r="J1575">
        <v>10</v>
      </c>
      <c r="K1575">
        <v>-50.1</v>
      </c>
    </row>
    <row r="1576" spans="1:11" x14ac:dyDescent="0.3">
      <c r="A1576" s="1">
        <v>41960</v>
      </c>
      <c r="B1576" s="3">
        <f t="shared" si="48"/>
        <v>11</v>
      </c>
      <c r="C1576" s="3">
        <f t="shared" si="49"/>
        <v>2014</v>
      </c>
      <c r="D1576" t="s">
        <v>695</v>
      </c>
      <c r="E1576" t="s">
        <v>148</v>
      </c>
      <c r="F1576" t="s">
        <v>10</v>
      </c>
      <c r="G1576" t="s">
        <v>11</v>
      </c>
      <c r="H1576" t="s">
        <v>1641</v>
      </c>
      <c r="I1576">
        <v>34.44</v>
      </c>
      <c r="J1576">
        <v>3</v>
      </c>
      <c r="K1576">
        <v>17.22</v>
      </c>
    </row>
    <row r="1577" spans="1:11" x14ac:dyDescent="0.3">
      <c r="A1577" s="1">
        <v>41961</v>
      </c>
      <c r="B1577" s="3">
        <f t="shared" si="48"/>
        <v>11</v>
      </c>
      <c r="C1577" s="3">
        <f t="shared" si="49"/>
        <v>2014</v>
      </c>
      <c r="D1577" t="s">
        <v>1642</v>
      </c>
      <c r="E1577" t="s">
        <v>277</v>
      </c>
      <c r="F1577" t="s">
        <v>33</v>
      </c>
      <c r="G1577" t="s">
        <v>144</v>
      </c>
      <c r="H1577" t="s">
        <v>1643</v>
      </c>
      <c r="I1577">
        <v>145.97999999999999</v>
      </c>
      <c r="J1577">
        <v>2</v>
      </c>
      <c r="K1577">
        <v>-99.27</v>
      </c>
    </row>
    <row r="1578" spans="1:11" x14ac:dyDescent="0.3">
      <c r="A1578" s="1">
        <v>41961</v>
      </c>
      <c r="B1578" s="3">
        <f t="shared" si="48"/>
        <v>11</v>
      </c>
      <c r="C1578" s="3">
        <f t="shared" si="49"/>
        <v>2014</v>
      </c>
      <c r="D1578" t="s">
        <v>1642</v>
      </c>
      <c r="E1578" t="s">
        <v>277</v>
      </c>
      <c r="F1578" t="s">
        <v>10</v>
      </c>
      <c r="G1578" t="s">
        <v>11</v>
      </c>
      <c r="H1578" t="s">
        <v>275</v>
      </c>
      <c r="I1578">
        <v>35.81</v>
      </c>
      <c r="J1578">
        <v>4</v>
      </c>
      <c r="K1578">
        <v>12.53</v>
      </c>
    </row>
    <row r="1579" spans="1:11" x14ac:dyDescent="0.3">
      <c r="A1579" s="1">
        <v>41961</v>
      </c>
      <c r="B1579" s="3">
        <f t="shared" si="48"/>
        <v>11</v>
      </c>
      <c r="C1579" s="3">
        <f t="shared" si="49"/>
        <v>2014</v>
      </c>
      <c r="D1579" t="s">
        <v>790</v>
      </c>
      <c r="E1579" t="s">
        <v>22</v>
      </c>
      <c r="F1579" t="s">
        <v>10</v>
      </c>
      <c r="G1579" t="s">
        <v>19</v>
      </c>
      <c r="H1579" t="s">
        <v>527</v>
      </c>
      <c r="I1579">
        <v>51</v>
      </c>
      <c r="J1579">
        <v>1</v>
      </c>
      <c r="K1579">
        <v>-40.799999999999997</v>
      </c>
    </row>
    <row r="1580" spans="1:11" x14ac:dyDescent="0.3">
      <c r="A1580" s="1">
        <v>41961</v>
      </c>
      <c r="B1580" s="3">
        <f t="shared" si="48"/>
        <v>11</v>
      </c>
      <c r="C1580" s="3">
        <f t="shared" si="49"/>
        <v>2014</v>
      </c>
      <c r="D1580" t="s">
        <v>790</v>
      </c>
      <c r="E1580" t="s">
        <v>22</v>
      </c>
      <c r="F1580" t="s">
        <v>10</v>
      </c>
      <c r="G1580" t="s">
        <v>17</v>
      </c>
      <c r="H1580" t="s">
        <v>1644</v>
      </c>
      <c r="I1580">
        <v>76.790000000000006</v>
      </c>
      <c r="J1580">
        <v>1</v>
      </c>
      <c r="K1580">
        <v>-16.32</v>
      </c>
    </row>
    <row r="1581" spans="1:11" x14ac:dyDescent="0.3">
      <c r="A1581" s="1">
        <v>41961</v>
      </c>
      <c r="B1581" s="3">
        <f t="shared" si="48"/>
        <v>11</v>
      </c>
      <c r="C1581" s="3">
        <f t="shared" si="49"/>
        <v>2014</v>
      </c>
      <c r="D1581" t="s">
        <v>790</v>
      </c>
      <c r="E1581" t="s">
        <v>22</v>
      </c>
      <c r="F1581" t="s">
        <v>38</v>
      </c>
      <c r="G1581" t="s">
        <v>39</v>
      </c>
      <c r="H1581" t="s">
        <v>438</v>
      </c>
      <c r="I1581">
        <v>539.96</v>
      </c>
      <c r="J1581">
        <v>6</v>
      </c>
      <c r="K1581">
        <v>-107.99</v>
      </c>
    </row>
    <row r="1582" spans="1:11" x14ac:dyDescent="0.3">
      <c r="A1582" s="1">
        <v>41961</v>
      </c>
      <c r="B1582" s="3">
        <f t="shared" si="48"/>
        <v>11</v>
      </c>
      <c r="C1582" s="3">
        <f t="shared" si="49"/>
        <v>2014</v>
      </c>
      <c r="D1582" t="s">
        <v>790</v>
      </c>
      <c r="E1582" t="s">
        <v>22</v>
      </c>
      <c r="F1582" t="s">
        <v>33</v>
      </c>
      <c r="G1582" t="s">
        <v>46</v>
      </c>
      <c r="H1582" t="s">
        <v>1645</v>
      </c>
      <c r="I1582">
        <v>60.31</v>
      </c>
      <c r="J1582">
        <v>3</v>
      </c>
      <c r="K1582">
        <v>5.28</v>
      </c>
    </row>
    <row r="1583" spans="1:11" x14ac:dyDescent="0.3">
      <c r="A1583" s="1">
        <v>41961</v>
      </c>
      <c r="B1583" s="3">
        <f t="shared" si="48"/>
        <v>11</v>
      </c>
      <c r="C1583" s="3">
        <f t="shared" si="49"/>
        <v>2014</v>
      </c>
      <c r="D1583" t="s">
        <v>790</v>
      </c>
      <c r="E1583" t="s">
        <v>22</v>
      </c>
      <c r="F1583" t="s">
        <v>10</v>
      </c>
      <c r="G1583" t="s">
        <v>19</v>
      </c>
      <c r="H1583" t="s">
        <v>1646</v>
      </c>
      <c r="I1583">
        <v>1.94</v>
      </c>
      <c r="J1583">
        <v>3</v>
      </c>
      <c r="K1583">
        <v>-1.43</v>
      </c>
    </row>
    <row r="1584" spans="1:11" x14ac:dyDescent="0.3">
      <c r="A1584" s="1">
        <v>41961</v>
      </c>
      <c r="B1584" s="3">
        <f t="shared" si="48"/>
        <v>11</v>
      </c>
      <c r="C1584" s="3">
        <f t="shared" si="49"/>
        <v>2014</v>
      </c>
      <c r="D1584" t="s">
        <v>1647</v>
      </c>
      <c r="E1584" t="s">
        <v>14</v>
      </c>
      <c r="F1584" t="s">
        <v>10</v>
      </c>
      <c r="G1584" t="s">
        <v>19</v>
      </c>
      <c r="H1584" t="s">
        <v>1648</v>
      </c>
      <c r="I1584">
        <v>14.48</v>
      </c>
      <c r="J1584">
        <v>5</v>
      </c>
      <c r="K1584">
        <v>-23.89</v>
      </c>
    </row>
    <row r="1585" spans="1:11" x14ac:dyDescent="0.3">
      <c r="A1585" s="1">
        <v>41961</v>
      </c>
      <c r="B1585" s="3">
        <f t="shared" si="48"/>
        <v>11</v>
      </c>
      <c r="C1585" s="3">
        <f t="shared" si="49"/>
        <v>2014</v>
      </c>
      <c r="D1585" t="s">
        <v>1561</v>
      </c>
      <c r="E1585" t="s">
        <v>77</v>
      </c>
      <c r="F1585" t="s">
        <v>10</v>
      </c>
      <c r="G1585" t="s">
        <v>19</v>
      </c>
      <c r="H1585" t="s">
        <v>1649</v>
      </c>
      <c r="I1585">
        <v>11.81</v>
      </c>
      <c r="J1585">
        <v>8</v>
      </c>
      <c r="K1585">
        <v>-8.66</v>
      </c>
    </row>
    <row r="1586" spans="1:11" x14ac:dyDescent="0.3">
      <c r="A1586" s="1">
        <v>41961</v>
      </c>
      <c r="B1586" s="3">
        <f t="shared" si="48"/>
        <v>11</v>
      </c>
      <c r="C1586" s="3">
        <f t="shared" si="49"/>
        <v>2014</v>
      </c>
      <c r="D1586" t="s">
        <v>1561</v>
      </c>
      <c r="E1586" t="s">
        <v>77</v>
      </c>
      <c r="F1586" t="s">
        <v>38</v>
      </c>
      <c r="G1586" t="s">
        <v>39</v>
      </c>
      <c r="H1586" t="s">
        <v>1650</v>
      </c>
      <c r="I1586">
        <v>9.59</v>
      </c>
      <c r="J1586">
        <v>2</v>
      </c>
      <c r="K1586">
        <v>-2.08</v>
      </c>
    </row>
    <row r="1587" spans="1:11" x14ac:dyDescent="0.3">
      <c r="A1587" s="1">
        <v>41961</v>
      </c>
      <c r="B1587" s="3">
        <f t="shared" si="48"/>
        <v>11</v>
      </c>
      <c r="C1587" s="3">
        <f t="shared" si="49"/>
        <v>2014</v>
      </c>
      <c r="D1587" t="s">
        <v>461</v>
      </c>
      <c r="E1587" t="s">
        <v>295</v>
      </c>
      <c r="F1587" t="s">
        <v>10</v>
      </c>
      <c r="G1587" t="s">
        <v>11</v>
      </c>
      <c r="H1587" t="s">
        <v>618</v>
      </c>
      <c r="I1587">
        <v>21.98</v>
      </c>
      <c r="J1587">
        <v>7</v>
      </c>
      <c r="K1587">
        <v>9.89</v>
      </c>
    </row>
    <row r="1588" spans="1:11" x14ac:dyDescent="0.3">
      <c r="A1588" s="1">
        <v>41961</v>
      </c>
      <c r="B1588" s="3">
        <f t="shared" si="48"/>
        <v>11</v>
      </c>
      <c r="C1588" s="3">
        <f t="shared" si="49"/>
        <v>2014</v>
      </c>
      <c r="D1588" t="s">
        <v>1651</v>
      </c>
      <c r="E1588" t="s">
        <v>14</v>
      </c>
      <c r="F1588" t="s">
        <v>33</v>
      </c>
      <c r="G1588" t="s">
        <v>144</v>
      </c>
      <c r="H1588" t="s">
        <v>1652</v>
      </c>
      <c r="I1588">
        <v>292.10000000000002</v>
      </c>
      <c r="J1588">
        <v>4</v>
      </c>
      <c r="K1588">
        <v>-175.26</v>
      </c>
    </row>
    <row r="1589" spans="1:11" x14ac:dyDescent="0.3">
      <c r="A1589" s="1">
        <v>41961</v>
      </c>
      <c r="B1589" s="3">
        <f t="shared" si="48"/>
        <v>11</v>
      </c>
      <c r="C1589" s="3">
        <f t="shared" si="49"/>
        <v>2014</v>
      </c>
      <c r="D1589" t="s">
        <v>1651</v>
      </c>
      <c r="E1589" t="s">
        <v>14</v>
      </c>
      <c r="F1589" t="s">
        <v>33</v>
      </c>
      <c r="G1589" t="s">
        <v>46</v>
      </c>
      <c r="H1589" t="s">
        <v>1354</v>
      </c>
      <c r="I1589">
        <v>8.5399999999999991</v>
      </c>
      <c r="J1589">
        <v>2</v>
      </c>
      <c r="K1589">
        <v>-7.48</v>
      </c>
    </row>
    <row r="1590" spans="1:11" x14ac:dyDescent="0.3">
      <c r="A1590" s="1">
        <v>41961</v>
      </c>
      <c r="B1590" s="3">
        <f t="shared" si="48"/>
        <v>11</v>
      </c>
      <c r="C1590" s="3">
        <f t="shared" si="49"/>
        <v>2014</v>
      </c>
      <c r="D1590" t="s">
        <v>1651</v>
      </c>
      <c r="E1590" t="s">
        <v>14</v>
      </c>
      <c r="F1590" t="s">
        <v>33</v>
      </c>
      <c r="G1590" t="s">
        <v>73</v>
      </c>
      <c r="H1590" t="s">
        <v>1653</v>
      </c>
      <c r="I1590">
        <v>424.12</v>
      </c>
      <c r="J1590">
        <v>6</v>
      </c>
      <c r="K1590">
        <v>-30.29</v>
      </c>
    </row>
    <row r="1591" spans="1:11" x14ac:dyDescent="0.3">
      <c r="A1591" s="1">
        <v>41961</v>
      </c>
      <c r="B1591" s="3">
        <f t="shared" si="48"/>
        <v>11</v>
      </c>
      <c r="C1591" s="3">
        <f t="shared" si="49"/>
        <v>2014</v>
      </c>
      <c r="D1591" t="s">
        <v>1651</v>
      </c>
      <c r="E1591" t="s">
        <v>14</v>
      </c>
      <c r="F1591" t="s">
        <v>10</v>
      </c>
      <c r="G1591" t="s">
        <v>19</v>
      </c>
      <c r="H1591" t="s">
        <v>188</v>
      </c>
      <c r="I1591">
        <v>2.89</v>
      </c>
      <c r="J1591">
        <v>3</v>
      </c>
      <c r="K1591">
        <v>-4.92</v>
      </c>
    </row>
    <row r="1592" spans="1:11" x14ac:dyDescent="0.3">
      <c r="A1592" s="1">
        <v>41961</v>
      </c>
      <c r="B1592" s="3">
        <f t="shared" si="48"/>
        <v>11</v>
      </c>
      <c r="C1592" s="3">
        <f t="shared" si="49"/>
        <v>2014</v>
      </c>
      <c r="D1592" t="s">
        <v>1651</v>
      </c>
      <c r="E1592" t="s">
        <v>14</v>
      </c>
      <c r="F1592" t="s">
        <v>10</v>
      </c>
      <c r="G1592" t="s">
        <v>17</v>
      </c>
      <c r="H1592" t="s">
        <v>67</v>
      </c>
      <c r="I1592">
        <v>381.72</v>
      </c>
      <c r="J1592">
        <v>5</v>
      </c>
      <c r="K1592">
        <v>-66.8</v>
      </c>
    </row>
    <row r="1593" spans="1:11" x14ac:dyDescent="0.3">
      <c r="A1593" s="1">
        <v>41961</v>
      </c>
      <c r="B1593" s="3">
        <f t="shared" si="48"/>
        <v>11</v>
      </c>
      <c r="C1593" s="3">
        <f t="shared" si="49"/>
        <v>2014</v>
      </c>
      <c r="D1593" t="s">
        <v>1654</v>
      </c>
      <c r="E1593" t="s">
        <v>314</v>
      </c>
      <c r="F1593" t="s">
        <v>10</v>
      </c>
      <c r="G1593" t="s">
        <v>17</v>
      </c>
      <c r="H1593" t="s">
        <v>1655</v>
      </c>
      <c r="I1593">
        <v>67.150000000000006</v>
      </c>
      <c r="J1593">
        <v>5</v>
      </c>
      <c r="K1593">
        <v>16.79</v>
      </c>
    </row>
    <row r="1594" spans="1:11" x14ac:dyDescent="0.3">
      <c r="A1594" s="1">
        <v>41961</v>
      </c>
      <c r="B1594" s="3">
        <f t="shared" si="48"/>
        <v>11</v>
      </c>
      <c r="C1594" s="3">
        <f t="shared" si="49"/>
        <v>2014</v>
      </c>
      <c r="D1594" t="s">
        <v>1656</v>
      </c>
      <c r="E1594" t="s">
        <v>156</v>
      </c>
      <c r="F1594" t="s">
        <v>33</v>
      </c>
      <c r="G1594" t="s">
        <v>34</v>
      </c>
      <c r="H1594" t="s">
        <v>370</v>
      </c>
      <c r="I1594">
        <v>392.94</v>
      </c>
      <c r="J1594">
        <v>3</v>
      </c>
      <c r="K1594">
        <v>43.22</v>
      </c>
    </row>
    <row r="1595" spans="1:11" x14ac:dyDescent="0.3">
      <c r="A1595" s="1">
        <v>41961</v>
      </c>
      <c r="B1595" s="3">
        <f t="shared" si="48"/>
        <v>11</v>
      </c>
      <c r="C1595" s="3">
        <f t="shared" si="49"/>
        <v>2014</v>
      </c>
      <c r="D1595" t="s">
        <v>726</v>
      </c>
      <c r="E1595" t="s">
        <v>163</v>
      </c>
      <c r="F1595" t="s">
        <v>33</v>
      </c>
      <c r="G1595" t="s">
        <v>46</v>
      </c>
      <c r="H1595" t="s">
        <v>1657</v>
      </c>
      <c r="I1595">
        <v>137.54</v>
      </c>
      <c r="J1595">
        <v>2</v>
      </c>
      <c r="K1595">
        <v>55.02</v>
      </c>
    </row>
    <row r="1596" spans="1:11" x14ac:dyDescent="0.3">
      <c r="A1596" s="1">
        <v>41961</v>
      </c>
      <c r="B1596" s="3">
        <f t="shared" si="48"/>
        <v>11</v>
      </c>
      <c r="C1596" s="3">
        <f t="shared" si="49"/>
        <v>2014</v>
      </c>
      <c r="D1596" t="s">
        <v>726</v>
      </c>
      <c r="E1596" t="s">
        <v>163</v>
      </c>
      <c r="F1596" t="s">
        <v>33</v>
      </c>
      <c r="G1596" t="s">
        <v>144</v>
      </c>
      <c r="H1596" t="s">
        <v>1495</v>
      </c>
      <c r="I1596">
        <v>730.2</v>
      </c>
      <c r="J1596">
        <v>4</v>
      </c>
      <c r="K1596">
        <v>94.93</v>
      </c>
    </row>
    <row r="1597" spans="1:11" x14ac:dyDescent="0.3">
      <c r="A1597" s="1">
        <v>41962</v>
      </c>
      <c r="B1597" s="3">
        <f t="shared" si="48"/>
        <v>11</v>
      </c>
      <c r="C1597" s="3">
        <f t="shared" si="49"/>
        <v>2014</v>
      </c>
      <c r="D1597" t="s">
        <v>1619</v>
      </c>
      <c r="E1597" t="s">
        <v>61</v>
      </c>
      <c r="F1597" t="s">
        <v>38</v>
      </c>
      <c r="G1597" t="s">
        <v>39</v>
      </c>
      <c r="H1597" t="s">
        <v>399</v>
      </c>
      <c r="I1597">
        <v>503.96</v>
      </c>
      <c r="J1597">
        <v>4</v>
      </c>
      <c r="K1597">
        <v>131.03</v>
      </c>
    </row>
    <row r="1598" spans="1:11" x14ac:dyDescent="0.3">
      <c r="A1598" s="1">
        <v>41962</v>
      </c>
      <c r="B1598" s="3">
        <f t="shared" si="48"/>
        <v>11</v>
      </c>
      <c r="C1598" s="3">
        <f t="shared" si="49"/>
        <v>2014</v>
      </c>
      <c r="D1598" t="s">
        <v>1619</v>
      </c>
      <c r="E1598" t="s">
        <v>61</v>
      </c>
      <c r="F1598" t="s">
        <v>38</v>
      </c>
      <c r="G1598" t="s">
        <v>39</v>
      </c>
      <c r="H1598" t="s">
        <v>1658</v>
      </c>
      <c r="I1598">
        <v>149.94999999999999</v>
      </c>
      <c r="J1598">
        <v>5</v>
      </c>
      <c r="K1598">
        <v>41.99</v>
      </c>
    </row>
    <row r="1599" spans="1:11" x14ac:dyDescent="0.3">
      <c r="A1599" s="1">
        <v>41962</v>
      </c>
      <c r="B1599" s="3">
        <f t="shared" si="48"/>
        <v>11</v>
      </c>
      <c r="C1599" s="3">
        <f t="shared" si="49"/>
        <v>2014</v>
      </c>
      <c r="D1599" t="s">
        <v>1619</v>
      </c>
      <c r="E1599" t="s">
        <v>61</v>
      </c>
      <c r="F1599" t="s">
        <v>38</v>
      </c>
      <c r="G1599" t="s">
        <v>51</v>
      </c>
      <c r="H1599" t="s">
        <v>1659</v>
      </c>
      <c r="I1599">
        <v>29</v>
      </c>
      <c r="J1599">
        <v>2</v>
      </c>
      <c r="K1599">
        <v>7.25</v>
      </c>
    </row>
    <row r="1600" spans="1:11" x14ac:dyDescent="0.3">
      <c r="A1600" s="1">
        <v>41962</v>
      </c>
      <c r="B1600" s="3">
        <f t="shared" si="48"/>
        <v>11</v>
      </c>
      <c r="C1600" s="3">
        <f t="shared" si="49"/>
        <v>2014</v>
      </c>
      <c r="D1600" t="s">
        <v>1660</v>
      </c>
      <c r="E1600" t="s">
        <v>148</v>
      </c>
      <c r="F1600" t="s">
        <v>38</v>
      </c>
      <c r="G1600" t="s">
        <v>39</v>
      </c>
      <c r="H1600" t="s">
        <v>675</v>
      </c>
      <c r="I1600">
        <v>4548.8100000000004</v>
      </c>
      <c r="J1600">
        <v>7</v>
      </c>
      <c r="K1600">
        <v>1228.18</v>
      </c>
    </row>
    <row r="1601" spans="1:11" x14ac:dyDescent="0.3">
      <c r="A1601" s="1">
        <v>41962</v>
      </c>
      <c r="B1601" s="3">
        <f t="shared" si="48"/>
        <v>11</v>
      </c>
      <c r="C1601" s="3">
        <f t="shared" si="49"/>
        <v>2014</v>
      </c>
      <c r="D1601" t="s">
        <v>1661</v>
      </c>
      <c r="E1601" t="s">
        <v>58</v>
      </c>
      <c r="F1601" t="s">
        <v>10</v>
      </c>
      <c r="G1601" t="s">
        <v>15</v>
      </c>
      <c r="H1601" t="s">
        <v>171</v>
      </c>
      <c r="I1601">
        <v>22.5</v>
      </c>
      <c r="J1601">
        <v>6</v>
      </c>
      <c r="K1601">
        <v>10.8</v>
      </c>
    </row>
    <row r="1602" spans="1:11" x14ac:dyDescent="0.3">
      <c r="A1602" s="1">
        <v>41962</v>
      </c>
      <c r="B1602" s="3">
        <f t="shared" ref="B1602:B1665" si="50">MONTH(A:A)</f>
        <v>11</v>
      </c>
      <c r="C1602" s="3">
        <f t="shared" ref="C1602:C1665" si="51">YEAR(A:A)</f>
        <v>2014</v>
      </c>
      <c r="D1602" t="s">
        <v>1661</v>
      </c>
      <c r="E1602" t="s">
        <v>58</v>
      </c>
      <c r="F1602" t="s">
        <v>10</v>
      </c>
      <c r="G1602" t="s">
        <v>15</v>
      </c>
      <c r="H1602" t="s">
        <v>1335</v>
      </c>
      <c r="I1602">
        <v>9.9600000000000009</v>
      </c>
      <c r="J1602">
        <v>2</v>
      </c>
      <c r="K1602">
        <v>4.58</v>
      </c>
    </row>
    <row r="1603" spans="1:11" x14ac:dyDescent="0.3">
      <c r="A1603" s="1">
        <v>41962</v>
      </c>
      <c r="B1603" s="3">
        <f t="shared" si="50"/>
        <v>11</v>
      </c>
      <c r="C1603" s="3">
        <f t="shared" si="51"/>
        <v>2014</v>
      </c>
      <c r="D1603" t="s">
        <v>1661</v>
      </c>
      <c r="E1603" t="s">
        <v>58</v>
      </c>
      <c r="F1603" t="s">
        <v>10</v>
      </c>
      <c r="G1603" t="s">
        <v>19</v>
      </c>
      <c r="H1603" t="s">
        <v>1280</v>
      </c>
      <c r="I1603">
        <v>213.08</v>
      </c>
      <c r="J1603">
        <v>7</v>
      </c>
      <c r="K1603">
        <v>102.28</v>
      </c>
    </row>
    <row r="1604" spans="1:11" x14ac:dyDescent="0.3">
      <c r="A1604" s="1">
        <v>41962</v>
      </c>
      <c r="B1604" s="3">
        <f t="shared" si="50"/>
        <v>11</v>
      </c>
      <c r="C1604" s="3">
        <f t="shared" si="51"/>
        <v>2014</v>
      </c>
      <c r="D1604" t="s">
        <v>1661</v>
      </c>
      <c r="E1604" t="s">
        <v>58</v>
      </c>
      <c r="F1604" t="s">
        <v>33</v>
      </c>
      <c r="G1604" t="s">
        <v>73</v>
      </c>
      <c r="H1604" t="s">
        <v>718</v>
      </c>
      <c r="I1604">
        <v>1025.8800000000001</v>
      </c>
      <c r="J1604">
        <v>6</v>
      </c>
      <c r="K1604">
        <v>235.95</v>
      </c>
    </row>
    <row r="1605" spans="1:11" x14ac:dyDescent="0.3">
      <c r="A1605" s="1">
        <v>41962</v>
      </c>
      <c r="B1605" s="3">
        <f t="shared" si="50"/>
        <v>11</v>
      </c>
      <c r="C1605" s="3">
        <f t="shared" si="51"/>
        <v>2014</v>
      </c>
      <c r="D1605" t="s">
        <v>1662</v>
      </c>
      <c r="E1605" t="s">
        <v>295</v>
      </c>
      <c r="F1605" t="s">
        <v>10</v>
      </c>
      <c r="G1605" t="s">
        <v>11</v>
      </c>
      <c r="H1605" t="s">
        <v>1663</v>
      </c>
      <c r="I1605">
        <v>166.44</v>
      </c>
      <c r="J1605">
        <v>3</v>
      </c>
      <c r="K1605">
        <v>79.89</v>
      </c>
    </row>
    <row r="1606" spans="1:11" x14ac:dyDescent="0.3">
      <c r="A1606" s="1">
        <v>41962</v>
      </c>
      <c r="B1606" s="3">
        <f t="shared" si="50"/>
        <v>11</v>
      </c>
      <c r="C1606" s="3">
        <f t="shared" si="51"/>
        <v>2014</v>
      </c>
      <c r="D1606" t="s">
        <v>464</v>
      </c>
      <c r="E1606" t="s">
        <v>22</v>
      </c>
      <c r="F1606" t="s">
        <v>38</v>
      </c>
      <c r="G1606" t="s">
        <v>51</v>
      </c>
      <c r="H1606" t="s">
        <v>1427</v>
      </c>
      <c r="I1606">
        <v>47.5</v>
      </c>
      <c r="J1606">
        <v>1</v>
      </c>
      <c r="K1606">
        <v>-1.19</v>
      </c>
    </row>
    <row r="1607" spans="1:11" x14ac:dyDescent="0.3">
      <c r="A1607" s="1">
        <v>41962</v>
      </c>
      <c r="B1607" s="3">
        <f t="shared" si="50"/>
        <v>11</v>
      </c>
      <c r="C1607" s="3">
        <f t="shared" si="51"/>
        <v>2014</v>
      </c>
      <c r="D1607" t="s">
        <v>1171</v>
      </c>
      <c r="E1607" t="s">
        <v>314</v>
      </c>
      <c r="F1607" t="s">
        <v>10</v>
      </c>
      <c r="G1607" t="s">
        <v>17</v>
      </c>
      <c r="H1607" t="s">
        <v>579</v>
      </c>
      <c r="I1607">
        <v>221.16</v>
      </c>
      <c r="J1607">
        <v>4</v>
      </c>
      <c r="K1607">
        <v>57.5</v>
      </c>
    </row>
    <row r="1608" spans="1:11" x14ac:dyDescent="0.3">
      <c r="A1608" s="1">
        <v>41962</v>
      </c>
      <c r="B1608" s="3">
        <f t="shared" si="50"/>
        <v>11</v>
      </c>
      <c r="C1608" s="3">
        <f t="shared" si="51"/>
        <v>2014</v>
      </c>
      <c r="D1608" t="s">
        <v>1171</v>
      </c>
      <c r="E1608" t="s">
        <v>314</v>
      </c>
      <c r="F1608" t="s">
        <v>38</v>
      </c>
      <c r="G1608" t="s">
        <v>39</v>
      </c>
      <c r="H1608" t="s">
        <v>137</v>
      </c>
      <c r="I1608">
        <v>281.97000000000003</v>
      </c>
      <c r="J1608">
        <v>3</v>
      </c>
      <c r="K1608">
        <v>78.95</v>
      </c>
    </row>
    <row r="1609" spans="1:11" x14ac:dyDescent="0.3">
      <c r="A1609" s="1">
        <v>41962</v>
      </c>
      <c r="B1609" s="3">
        <f t="shared" si="50"/>
        <v>11</v>
      </c>
      <c r="C1609" s="3">
        <f t="shared" si="51"/>
        <v>2014</v>
      </c>
      <c r="D1609" t="s">
        <v>1664</v>
      </c>
      <c r="E1609" t="s">
        <v>22</v>
      </c>
      <c r="F1609" t="s">
        <v>10</v>
      </c>
      <c r="G1609" t="s">
        <v>11</v>
      </c>
      <c r="H1609" t="s">
        <v>1665</v>
      </c>
      <c r="I1609">
        <v>5.88</v>
      </c>
      <c r="J1609">
        <v>1</v>
      </c>
      <c r="K1609">
        <v>1.98</v>
      </c>
    </row>
    <row r="1610" spans="1:11" x14ac:dyDescent="0.3">
      <c r="A1610" s="1">
        <v>41963</v>
      </c>
      <c r="B1610" s="3">
        <f t="shared" si="50"/>
        <v>11</v>
      </c>
      <c r="C1610" s="3">
        <f t="shared" si="51"/>
        <v>2014</v>
      </c>
      <c r="D1610" t="s">
        <v>432</v>
      </c>
      <c r="E1610" t="s">
        <v>148</v>
      </c>
      <c r="F1610" t="s">
        <v>10</v>
      </c>
      <c r="G1610" t="s">
        <v>62</v>
      </c>
      <c r="H1610" t="s">
        <v>1666</v>
      </c>
      <c r="I1610">
        <v>34.74</v>
      </c>
      <c r="J1610">
        <v>3</v>
      </c>
      <c r="K1610">
        <v>17.37</v>
      </c>
    </row>
    <row r="1611" spans="1:11" x14ac:dyDescent="0.3">
      <c r="A1611" s="1">
        <v>41963</v>
      </c>
      <c r="B1611" s="3">
        <f t="shared" si="50"/>
        <v>11</v>
      </c>
      <c r="C1611" s="3">
        <f t="shared" si="51"/>
        <v>2014</v>
      </c>
      <c r="D1611" t="s">
        <v>432</v>
      </c>
      <c r="E1611" t="s">
        <v>148</v>
      </c>
      <c r="F1611" t="s">
        <v>38</v>
      </c>
      <c r="G1611" t="s">
        <v>39</v>
      </c>
      <c r="H1611" t="s">
        <v>1579</v>
      </c>
      <c r="I1611">
        <v>833.94</v>
      </c>
      <c r="J1611">
        <v>6</v>
      </c>
      <c r="K1611">
        <v>216.82</v>
      </c>
    </row>
    <row r="1612" spans="1:11" x14ac:dyDescent="0.3">
      <c r="A1612" s="1">
        <v>41963</v>
      </c>
      <c r="B1612" s="3">
        <f t="shared" si="50"/>
        <v>11</v>
      </c>
      <c r="C1612" s="3">
        <f t="shared" si="51"/>
        <v>2014</v>
      </c>
      <c r="D1612" t="s">
        <v>432</v>
      </c>
      <c r="E1612" t="s">
        <v>148</v>
      </c>
      <c r="F1612" t="s">
        <v>10</v>
      </c>
      <c r="G1612" t="s">
        <v>19</v>
      </c>
      <c r="H1612" t="s">
        <v>1667</v>
      </c>
      <c r="I1612">
        <v>12.96</v>
      </c>
      <c r="J1612">
        <v>3</v>
      </c>
      <c r="K1612">
        <v>4.54</v>
      </c>
    </row>
    <row r="1613" spans="1:11" x14ac:dyDescent="0.3">
      <c r="A1613" s="1">
        <v>41963</v>
      </c>
      <c r="B1613" s="3">
        <f t="shared" si="50"/>
        <v>11</v>
      </c>
      <c r="C1613" s="3">
        <f t="shared" si="51"/>
        <v>2014</v>
      </c>
      <c r="D1613" t="s">
        <v>432</v>
      </c>
      <c r="E1613" t="s">
        <v>148</v>
      </c>
      <c r="F1613" t="s">
        <v>10</v>
      </c>
      <c r="G1613" t="s">
        <v>11</v>
      </c>
      <c r="H1613" t="s">
        <v>1218</v>
      </c>
      <c r="I1613">
        <v>25.92</v>
      </c>
      <c r="J1613">
        <v>4</v>
      </c>
      <c r="K1613">
        <v>12.44</v>
      </c>
    </row>
    <row r="1614" spans="1:11" x14ac:dyDescent="0.3">
      <c r="A1614" s="1">
        <v>41964</v>
      </c>
      <c r="B1614" s="3">
        <f t="shared" si="50"/>
        <v>11</v>
      </c>
      <c r="C1614" s="3">
        <f t="shared" si="51"/>
        <v>2014</v>
      </c>
      <c r="D1614" t="s">
        <v>1668</v>
      </c>
      <c r="E1614" t="s">
        <v>32</v>
      </c>
      <c r="F1614" t="s">
        <v>38</v>
      </c>
      <c r="G1614" t="s">
        <v>39</v>
      </c>
      <c r="H1614" t="s">
        <v>900</v>
      </c>
      <c r="I1614">
        <v>36.99</v>
      </c>
      <c r="J1614">
        <v>1</v>
      </c>
      <c r="K1614">
        <v>9.99</v>
      </c>
    </row>
    <row r="1615" spans="1:11" x14ac:dyDescent="0.3">
      <c r="A1615" s="1">
        <v>41964</v>
      </c>
      <c r="B1615" s="3">
        <f t="shared" si="50"/>
        <v>11</v>
      </c>
      <c r="C1615" s="3">
        <f t="shared" si="51"/>
        <v>2014</v>
      </c>
      <c r="D1615" t="s">
        <v>1668</v>
      </c>
      <c r="E1615" t="s">
        <v>32</v>
      </c>
      <c r="F1615" t="s">
        <v>10</v>
      </c>
      <c r="G1615" t="s">
        <v>11</v>
      </c>
      <c r="H1615" t="s">
        <v>1669</v>
      </c>
      <c r="I1615">
        <v>629.1</v>
      </c>
      <c r="J1615">
        <v>6</v>
      </c>
      <c r="K1615">
        <v>301.97000000000003</v>
      </c>
    </row>
    <row r="1616" spans="1:11" x14ac:dyDescent="0.3">
      <c r="A1616" s="1">
        <v>41964</v>
      </c>
      <c r="B1616" s="3">
        <f t="shared" si="50"/>
        <v>11</v>
      </c>
      <c r="C1616" s="3">
        <f t="shared" si="51"/>
        <v>2014</v>
      </c>
      <c r="D1616" t="s">
        <v>1668</v>
      </c>
      <c r="E1616" t="s">
        <v>32</v>
      </c>
      <c r="F1616" t="s">
        <v>10</v>
      </c>
      <c r="G1616" t="s">
        <v>17</v>
      </c>
      <c r="H1616" t="s">
        <v>417</v>
      </c>
      <c r="I1616">
        <v>193.95</v>
      </c>
      <c r="J1616">
        <v>3</v>
      </c>
      <c r="K1616">
        <v>9.6999999999999993</v>
      </c>
    </row>
    <row r="1617" spans="1:11" x14ac:dyDescent="0.3">
      <c r="A1617" s="1">
        <v>41964</v>
      </c>
      <c r="B1617" s="3">
        <f t="shared" si="50"/>
        <v>11</v>
      </c>
      <c r="C1617" s="3">
        <f t="shared" si="51"/>
        <v>2014</v>
      </c>
      <c r="D1617" t="s">
        <v>1668</v>
      </c>
      <c r="E1617" t="s">
        <v>32</v>
      </c>
      <c r="F1617" t="s">
        <v>10</v>
      </c>
      <c r="G1617" t="s">
        <v>23</v>
      </c>
      <c r="H1617" t="s">
        <v>797</v>
      </c>
      <c r="I1617">
        <v>5.46</v>
      </c>
      <c r="J1617">
        <v>3</v>
      </c>
      <c r="K1617">
        <v>1.47</v>
      </c>
    </row>
    <row r="1618" spans="1:11" x14ac:dyDescent="0.3">
      <c r="A1618" s="1">
        <v>41964</v>
      </c>
      <c r="B1618" s="3">
        <f t="shared" si="50"/>
        <v>11</v>
      </c>
      <c r="C1618" s="3">
        <f t="shared" si="51"/>
        <v>2014</v>
      </c>
      <c r="D1618" t="s">
        <v>1661</v>
      </c>
      <c r="E1618" t="s">
        <v>26</v>
      </c>
      <c r="F1618" t="s">
        <v>10</v>
      </c>
      <c r="G1618" t="s">
        <v>11</v>
      </c>
      <c r="H1618" t="s">
        <v>480</v>
      </c>
      <c r="I1618">
        <v>12.96</v>
      </c>
      <c r="J1618">
        <v>2</v>
      </c>
      <c r="K1618">
        <v>6.22</v>
      </c>
    </row>
    <row r="1619" spans="1:11" x14ac:dyDescent="0.3">
      <c r="A1619" s="1">
        <v>41964</v>
      </c>
      <c r="B1619" s="3">
        <f t="shared" si="50"/>
        <v>11</v>
      </c>
      <c r="C1619" s="3">
        <f t="shared" si="51"/>
        <v>2014</v>
      </c>
      <c r="D1619" t="s">
        <v>1670</v>
      </c>
      <c r="E1619" t="s">
        <v>9</v>
      </c>
      <c r="F1619" t="s">
        <v>10</v>
      </c>
      <c r="G1619" t="s">
        <v>62</v>
      </c>
      <c r="H1619" t="s">
        <v>395</v>
      </c>
      <c r="I1619">
        <v>1.63</v>
      </c>
      <c r="J1619">
        <v>1</v>
      </c>
      <c r="K1619">
        <v>0.55000000000000004</v>
      </c>
    </row>
    <row r="1620" spans="1:11" x14ac:dyDescent="0.3">
      <c r="A1620" s="1">
        <v>41964</v>
      </c>
      <c r="B1620" s="3">
        <f t="shared" si="50"/>
        <v>11</v>
      </c>
      <c r="C1620" s="3">
        <f t="shared" si="51"/>
        <v>2014</v>
      </c>
      <c r="D1620" t="s">
        <v>1670</v>
      </c>
      <c r="E1620" t="s">
        <v>9</v>
      </c>
      <c r="F1620" t="s">
        <v>38</v>
      </c>
      <c r="G1620" t="s">
        <v>39</v>
      </c>
      <c r="H1620" t="s">
        <v>493</v>
      </c>
      <c r="I1620">
        <v>267.95999999999998</v>
      </c>
      <c r="J1620">
        <v>5</v>
      </c>
      <c r="K1620">
        <v>16.75</v>
      </c>
    </row>
    <row r="1621" spans="1:11" x14ac:dyDescent="0.3">
      <c r="A1621" s="1">
        <v>41964</v>
      </c>
      <c r="B1621" s="3">
        <f t="shared" si="50"/>
        <v>11</v>
      </c>
      <c r="C1621" s="3">
        <f t="shared" si="51"/>
        <v>2014</v>
      </c>
      <c r="D1621" t="s">
        <v>1671</v>
      </c>
      <c r="E1621" t="s">
        <v>26</v>
      </c>
      <c r="F1621" t="s">
        <v>10</v>
      </c>
      <c r="G1621" t="s">
        <v>11</v>
      </c>
      <c r="H1621" t="s">
        <v>1672</v>
      </c>
      <c r="I1621">
        <v>6.58</v>
      </c>
      <c r="J1621">
        <v>2</v>
      </c>
      <c r="K1621">
        <v>3.03</v>
      </c>
    </row>
    <row r="1622" spans="1:11" x14ac:dyDescent="0.3">
      <c r="A1622" s="1">
        <v>41964</v>
      </c>
      <c r="B1622" s="3">
        <f t="shared" si="50"/>
        <v>11</v>
      </c>
      <c r="C1622" s="3">
        <f t="shared" si="51"/>
        <v>2014</v>
      </c>
      <c r="D1622" t="s">
        <v>1671</v>
      </c>
      <c r="E1622" t="s">
        <v>26</v>
      </c>
      <c r="F1622" t="s">
        <v>38</v>
      </c>
      <c r="G1622" t="s">
        <v>51</v>
      </c>
      <c r="H1622" t="s">
        <v>543</v>
      </c>
      <c r="I1622">
        <v>94.99</v>
      </c>
      <c r="J1622">
        <v>1</v>
      </c>
      <c r="K1622">
        <v>28.5</v>
      </c>
    </row>
    <row r="1623" spans="1:11" x14ac:dyDescent="0.3">
      <c r="A1623" s="1">
        <v>41965</v>
      </c>
      <c r="B1623" s="3">
        <f t="shared" si="50"/>
        <v>11</v>
      </c>
      <c r="C1623" s="3">
        <f t="shared" si="51"/>
        <v>2014</v>
      </c>
      <c r="D1623" t="s">
        <v>497</v>
      </c>
      <c r="E1623" t="s">
        <v>29</v>
      </c>
      <c r="F1623" t="s">
        <v>10</v>
      </c>
      <c r="G1623" t="s">
        <v>62</v>
      </c>
      <c r="H1623" t="s">
        <v>1673</v>
      </c>
      <c r="I1623">
        <v>16.23</v>
      </c>
      <c r="J1623">
        <v>3</v>
      </c>
      <c r="K1623">
        <v>7.95</v>
      </c>
    </row>
    <row r="1624" spans="1:11" x14ac:dyDescent="0.3">
      <c r="A1624" s="1">
        <v>41965</v>
      </c>
      <c r="B1624" s="3">
        <f t="shared" si="50"/>
        <v>11</v>
      </c>
      <c r="C1624" s="3">
        <f t="shared" si="51"/>
        <v>2014</v>
      </c>
      <c r="D1624" t="s">
        <v>497</v>
      </c>
      <c r="E1624" t="s">
        <v>29</v>
      </c>
      <c r="F1624" t="s">
        <v>10</v>
      </c>
      <c r="G1624" t="s">
        <v>19</v>
      </c>
      <c r="H1624" t="s">
        <v>696</v>
      </c>
      <c r="I1624">
        <v>319.89999999999998</v>
      </c>
      <c r="J1624">
        <v>5</v>
      </c>
      <c r="K1624">
        <v>156.75</v>
      </c>
    </row>
    <row r="1625" spans="1:11" x14ac:dyDescent="0.3">
      <c r="A1625" s="1">
        <v>41965</v>
      </c>
      <c r="B1625" s="3">
        <f t="shared" si="50"/>
        <v>11</v>
      </c>
      <c r="C1625" s="3">
        <f t="shared" si="51"/>
        <v>2014</v>
      </c>
      <c r="D1625" t="s">
        <v>497</v>
      </c>
      <c r="E1625" t="s">
        <v>29</v>
      </c>
      <c r="F1625" t="s">
        <v>10</v>
      </c>
      <c r="G1625" t="s">
        <v>62</v>
      </c>
      <c r="H1625" t="s">
        <v>63</v>
      </c>
      <c r="I1625">
        <v>11.36</v>
      </c>
      <c r="J1625">
        <v>2</v>
      </c>
      <c r="K1625">
        <v>5.34</v>
      </c>
    </row>
    <row r="1626" spans="1:11" x14ac:dyDescent="0.3">
      <c r="A1626" s="1">
        <v>41965</v>
      </c>
      <c r="B1626" s="3">
        <f t="shared" si="50"/>
        <v>11</v>
      </c>
      <c r="C1626" s="3">
        <f t="shared" si="51"/>
        <v>2014</v>
      </c>
      <c r="D1626" t="s">
        <v>497</v>
      </c>
      <c r="E1626" t="s">
        <v>29</v>
      </c>
      <c r="F1626" t="s">
        <v>10</v>
      </c>
      <c r="G1626" t="s">
        <v>91</v>
      </c>
      <c r="H1626" t="s">
        <v>1674</v>
      </c>
      <c r="I1626">
        <v>675.12</v>
      </c>
      <c r="J1626">
        <v>3</v>
      </c>
      <c r="K1626">
        <v>290.3</v>
      </c>
    </row>
    <row r="1627" spans="1:11" x14ac:dyDescent="0.3">
      <c r="A1627" s="1">
        <v>41965</v>
      </c>
      <c r="B1627" s="3">
        <f t="shared" si="50"/>
        <v>11</v>
      </c>
      <c r="C1627" s="3">
        <f t="shared" si="51"/>
        <v>2014</v>
      </c>
      <c r="D1627" t="s">
        <v>701</v>
      </c>
      <c r="E1627" t="s">
        <v>9</v>
      </c>
      <c r="F1627" t="s">
        <v>10</v>
      </c>
      <c r="G1627" t="s">
        <v>19</v>
      </c>
      <c r="H1627" t="s">
        <v>762</v>
      </c>
      <c r="I1627">
        <v>6.93</v>
      </c>
      <c r="J1627">
        <v>1</v>
      </c>
      <c r="K1627">
        <v>-11.08</v>
      </c>
    </row>
    <row r="1628" spans="1:11" x14ac:dyDescent="0.3">
      <c r="A1628" s="1">
        <v>41965</v>
      </c>
      <c r="B1628" s="3">
        <f t="shared" si="50"/>
        <v>11</v>
      </c>
      <c r="C1628" s="3">
        <f t="shared" si="51"/>
        <v>2014</v>
      </c>
      <c r="D1628" t="s">
        <v>1675</v>
      </c>
      <c r="E1628" t="s">
        <v>14</v>
      </c>
      <c r="F1628" t="s">
        <v>10</v>
      </c>
      <c r="G1628" t="s">
        <v>19</v>
      </c>
      <c r="H1628" t="s">
        <v>1522</v>
      </c>
      <c r="I1628">
        <v>9.98</v>
      </c>
      <c r="J1628">
        <v>5</v>
      </c>
      <c r="K1628">
        <v>-16.47</v>
      </c>
    </row>
    <row r="1629" spans="1:11" x14ac:dyDescent="0.3">
      <c r="A1629" s="1">
        <v>41965</v>
      </c>
      <c r="B1629" s="3">
        <f t="shared" si="50"/>
        <v>11</v>
      </c>
      <c r="C1629" s="3">
        <f t="shared" si="51"/>
        <v>2014</v>
      </c>
      <c r="D1629" t="s">
        <v>1676</v>
      </c>
      <c r="E1629" t="s">
        <v>26</v>
      </c>
      <c r="F1629" t="s">
        <v>10</v>
      </c>
      <c r="G1629" t="s">
        <v>11</v>
      </c>
      <c r="H1629" t="s">
        <v>923</v>
      </c>
      <c r="I1629">
        <v>53.82</v>
      </c>
      <c r="J1629">
        <v>9</v>
      </c>
      <c r="K1629">
        <v>24.22</v>
      </c>
    </row>
    <row r="1630" spans="1:11" x14ac:dyDescent="0.3">
      <c r="A1630" s="1">
        <v>41965</v>
      </c>
      <c r="B1630" s="3">
        <f t="shared" si="50"/>
        <v>11</v>
      </c>
      <c r="C1630" s="3">
        <f t="shared" si="51"/>
        <v>2014</v>
      </c>
      <c r="D1630" t="s">
        <v>1150</v>
      </c>
      <c r="E1630" t="s">
        <v>29</v>
      </c>
      <c r="F1630" t="s">
        <v>10</v>
      </c>
      <c r="G1630" t="s">
        <v>11</v>
      </c>
      <c r="H1630" t="s">
        <v>1677</v>
      </c>
      <c r="I1630">
        <v>9.9600000000000009</v>
      </c>
      <c r="J1630">
        <v>2</v>
      </c>
      <c r="K1630">
        <v>4.88</v>
      </c>
    </row>
    <row r="1631" spans="1:11" x14ac:dyDescent="0.3">
      <c r="A1631" s="1">
        <v>41966</v>
      </c>
      <c r="B1631" s="3">
        <f t="shared" si="50"/>
        <v>11</v>
      </c>
      <c r="C1631" s="3">
        <f t="shared" si="51"/>
        <v>2014</v>
      </c>
      <c r="D1631" t="s">
        <v>192</v>
      </c>
      <c r="E1631" t="s">
        <v>26</v>
      </c>
      <c r="F1631" t="s">
        <v>33</v>
      </c>
      <c r="G1631" t="s">
        <v>34</v>
      </c>
      <c r="H1631" t="s">
        <v>230</v>
      </c>
      <c r="I1631">
        <v>603.91999999999996</v>
      </c>
      <c r="J1631">
        <v>5</v>
      </c>
      <c r="K1631">
        <v>-67.94</v>
      </c>
    </row>
    <row r="1632" spans="1:11" x14ac:dyDescent="0.3">
      <c r="A1632" s="1">
        <v>41966</v>
      </c>
      <c r="B1632" s="3">
        <f t="shared" si="50"/>
        <v>11</v>
      </c>
      <c r="C1632" s="3">
        <f t="shared" si="51"/>
        <v>2014</v>
      </c>
      <c r="D1632" t="s">
        <v>192</v>
      </c>
      <c r="E1632" t="s">
        <v>26</v>
      </c>
      <c r="F1632" t="s">
        <v>10</v>
      </c>
      <c r="G1632" t="s">
        <v>62</v>
      </c>
      <c r="H1632" t="s">
        <v>1463</v>
      </c>
      <c r="I1632">
        <v>21.84</v>
      </c>
      <c r="J1632">
        <v>3</v>
      </c>
      <c r="K1632">
        <v>10.48</v>
      </c>
    </row>
    <row r="1633" spans="1:11" x14ac:dyDescent="0.3">
      <c r="A1633" s="1">
        <v>41966</v>
      </c>
      <c r="B1633" s="3">
        <f t="shared" si="50"/>
        <v>11</v>
      </c>
      <c r="C1633" s="3">
        <f t="shared" si="51"/>
        <v>2014</v>
      </c>
      <c r="D1633" t="s">
        <v>192</v>
      </c>
      <c r="E1633" t="s">
        <v>26</v>
      </c>
      <c r="F1633" t="s">
        <v>38</v>
      </c>
      <c r="G1633" t="s">
        <v>51</v>
      </c>
      <c r="H1633" t="s">
        <v>1555</v>
      </c>
      <c r="I1633">
        <v>29.99</v>
      </c>
      <c r="J1633">
        <v>1</v>
      </c>
      <c r="K1633">
        <v>6.3</v>
      </c>
    </row>
    <row r="1634" spans="1:11" x14ac:dyDescent="0.3">
      <c r="A1634" s="1">
        <v>41966</v>
      </c>
      <c r="B1634" s="3">
        <f t="shared" si="50"/>
        <v>11</v>
      </c>
      <c r="C1634" s="3">
        <f t="shared" si="51"/>
        <v>2014</v>
      </c>
      <c r="D1634" t="s">
        <v>192</v>
      </c>
      <c r="E1634" t="s">
        <v>26</v>
      </c>
      <c r="F1634" t="s">
        <v>33</v>
      </c>
      <c r="G1634" t="s">
        <v>34</v>
      </c>
      <c r="H1634" t="s">
        <v>1678</v>
      </c>
      <c r="I1634">
        <v>381.44</v>
      </c>
      <c r="J1634">
        <v>2</v>
      </c>
      <c r="K1634">
        <v>23.84</v>
      </c>
    </row>
    <row r="1635" spans="1:11" x14ac:dyDescent="0.3">
      <c r="A1635" s="1">
        <v>41966</v>
      </c>
      <c r="B1635" s="3">
        <f t="shared" si="50"/>
        <v>11</v>
      </c>
      <c r="C1635" s="3">
        <f t="shared" si="51"/>
        <v>2014</v>
      </c>
      <c r="D1635" t="s">
        <v>1096</v>
      </c>
      <c r="E1635" t="s">
        <v>9</v>
      </c>
      <c r="F1635" t="s">
        <v>10</v>
      </c>
      <c r="G1635" t="s">
        <v>15</v>
      </c>
      <c r="H1635" t="s">
        <v>1258</v>
      </c>
      <c r="I1635">
        <v>23.68</v>
      </c>
      <c r="J1635">
        <v>2</v>
      </c>
      <c r="K1635">
        <v>8.8800000000000008</v>
      </c>
    </row>
    <row r="1636" spans="1:11" x14ac:dyDescent="0.3">
      <c r="A1636" s="1">
        <v>41966</v>
      </c>
      <c r="B1636" s="3">
        <f t="shared" si="50"/>
        <v>11</v>
      </c>
      <c r="C1636" s="3">
        <f t="shared" si="51"/>
        <v>2014</v>
      </c>
      <c r="D1636" t="s">
        <v>1679</v>
      </c>
      <c r="E1636" t="s">
        <v>9</v>
      </c>
      <c r="F1636" t="s">
        <v>33</v>
      </c>
      <c r="G1636" t="s">
        <v>46</v>
      </c>
      <c r="H1636" t="s">
        <v>1014</v>
      </c>
      <c r="I1636">
        <v>6.37</v>
      </c>
      <c r="J1636">
        <v>2</v>
      </c>
      <c r="K1636">
        <v>-2.5499999999999998</v>
      </c>
    </row>
    <row r="1637" spans="1:11" x14ac:dyDescent="0.3">
      <c r="A1637" s="1">
        <v>41966</v>
      </c>
      <c r="B1637" s="3">
        <f t="shared" si="50"/>
        <v>11</v>
      </c>
      <c r="C1637" s="3">
        <f t="shared" si="51"/>
        <v>2014</v>
      </c>
      <c r="D1637" t="s">
        <v>1679</v>
      </c>
      <c r="E1637" t="s">
        <v>9</v>
      </c>
      <c r="F1637" t="s">
        <v>10</v>
      </c>
      <c r="G1637" t="s">
        <v>91</v>
      </c>
      <c r="H1637" t="s">
        <v>1680</v>
      </c>
      <c r="I1637">
        <v>34.18</v>
      </c>
      <c r="J1637">
        <v>3</v>
      </c>
      <c r="K1637">
        <v>-87.15</v>
      </c>
    </row>
    <row r="1638" spans="1:11" x14ac:dyDescent="0.3">
      <c r="A1638" s="1">
        <v>41966</v>
      </c>
      <c r="B1638" s="3">
        <f t="shared" si="50"/>
        <v>11</v>
      </c>
      <c r="C1638" s="3">
        <f t="shared" si="51"/>
        <v>2014</v>
      </c>
      <c r="D1638" t="s">
        <v>1679</v>
      </c>
      <c r="E1638" t="s">
        <v>9</v>
      </c>
      <c r="F1638" t="s">
        <v>38</v>
      </c>
      <c r="G1638" t="s">
        <v>51</v>
      </c>
      <c r="H1638" t="s">
        <v>960</v>
      </c>
      <c r="I1638">
        <v>5.54</v>
      </c>
      <c r="J1638">
        <v>7</v>
      </c>
      <c r="K1638">
        <v>1.66</v>
      </c>
    </row>
    <row r="1639" spans="1:11" x14ac:dyDescent="0.3">
      <c r="A1639" s="1">
        <v>41966</v>
      </c>
      <c r="B1639" s="3">
        <f t="shared" si="50"/>
        <v>11</v>
      </c>
      <c r="C1639" s="3">
        <f t="shared" si="51"/>
        <v>2014</v>
      </c>
      <c r="D1639" t="s">
        <v>1681</v>
      </c>
      <c r="E1639" t="s">
        <v>22</v>
      </c>
      <c r="F1639" t="s">
        <v>10</v>
      </c>
      <c r="G1639" t="s">
        <v>62</v>
      </c>
      <c r="H1639" t="s">
        <v>1682</v>
      </c>
      <c r="I1639">
        <v>62.81</v>
      </c>
      <c r="J1639">
        <v>3</v>
      </c>
      <c r="K1639">
        <v>21.2</v>
      </c>
    </row>
    <row r="1640" spans="1:11" x14ac:dyDescent="0.3">
      <c r="A1640" s="1">
        <v>41966</v>
      </c>
      <c r="B1640" s="3">
        <f t="shared" si="50"/>
        <v>11</v>
      </c>
      <c r="C1640" s="3">
        <f t="shared" si="51"/>
        <v>2014</v>
      </c>
      <c r="D1640" t="s">
        <v>1683</v>
      </c>
      <c r="E1640" t="s">
        <v>94</v>
      </c>
      <c r="F1640" t="s">
        <v>10</v>
      </c>
      <c r="G1640" t="s">
        <v>62</v>
      </c>
      <c r="H1640" t="s">
        <v>63</v>
      </c>
      <c r="I1640">
        <v>23.47</v>
      </c>
      <c r="J1640">
        <v>3</v>
      </c>
      <c r="K1640">
        <v>8.8000000000000007</v>
      </c>
    </row>
    <row r="1641" spans="1:11" x14ac:dyDescent="0.3">
      <c r="A1641" s="1">
        <v>41966</v>
      </c>
      <c r="B1641" s="3">
        <f t="shared" si="50"/>
        <v>11</v>
      </c>
      <c r="C1641" s="3">
        <f t="shared" si="51"/>
        <v>2014</v>
      </c>
      <c r="D1641" t="s">
        <v>388</v>
      </c>
      <c r="E1641" t="s">
        <v>9</v>
      </c>
      <c r="F1641" t="s">
        <v>33</v>
      </c>
      <c r="G1641" t="s">
        <v>34</v>
      </c>
      <c r="H1641" t="s">
        <v>1684</v>
      </c>
      <c r="I1641">
        <v>155.37</v>
      </c>
      <c r="J1641">
        <v>2</v>
      </c>
      <c r="K1641">
        <v>-35.51</v>
      </c>
    </row>
    <row r="1642" spans="1:11" x14ac:dyDescent="0.3">
      <c r="A1642" s="1">
        <v>41966</v>
      </c>
      <c r="B1642" s="3">
        <f t="shared" si="50"/>
        <v>11</v>
      </c>
      <c r="C1642" s="3">
        <f t="shared" si="51"/>
        <v>2014</v>
      </c>
      <c r="D1642" t="s">
        <v>773</v>
      </c>
      <c r="E1642" t="s">
        <v>109</v>
      </c>
      <c r="F1642" t="s">
        <v>10</v>
      </c>
      <c r="G1642" t="s">
        <v>19</v>
      </c>
      <c r="H1642" t="s">
        <v>1685</v>
      </c>
      <c r="I1642">
        <v>14.67</v>
      </c>
      <c r="J1642">
        <v>3</v>
      </c>
      <c r="K1642">
        <v>6.75</v>
      </c>
    </row>
    <row r="1643" spans="1:11" x14ac:dyDescent="0.3">
      <c r="A1643" s="1">
        <v>41967</v>
      </c>
      <c r="B1643" s="3">
        <f t="shared" si="50"/>
        <v>11</v>
      </c>
      <c r="C1643" s="3">
        <f t="shared" si="51"/>
        <v>2014</v>
      </c>
      <c r="D1643" t="s">
        <v>1686</v>
      </c>
      <c r="E1643" t="s">
        <v>77</v>
      </c>
      <c r="F1643" t="s">
        <v>10</v>
      </c>
      <c r="G1643" t="s">
        <v>23</v>
      </c>
      <c r="H1643" t="s">
        <v>458</v>
      </c>
      <c r="I1643">
        <v>2.62</v>
      </c>
      <c r="J1643">
        <v>1</v>
      </c>
      <c r="K1643">
        <v>0.43</v>
      </c>
    </row>
    <row r="1644" spans="1:11" x14ac:dyDescent="0.3">
      <c r="A1644" s="1">
        <v>41967</v>
      </c>
      <c r="B1644" s="3">
        <f t="shared" si="50"/>
        <v>11</v>
      </c>
      <c r="C1644" s="3">
        <f t="shared" si="51"/>
        <v>2014</v>
      </c>
      <c r="D1644" t="s">
        <v>1092</v>
      </c>
      <c r="E1644" t="s">
        <v>26</v>
      </c>
      <c r="F1644" t="s">
        <v>33</v>
      </c>
      <c r="G1644" t="s">
        <v>46</v>
      </c>
      <c r="H1644" t="s">
        <v>1084</v>
      </c>
      <c r="I1644">
        <v>151.72</v>
      </c>
      <c r="J1644">
        <v>4</v>
      </c>
      <c r="K1644">
        <v>27.31</v>
      </c>
    </row>
    <row r="1645" spans="1:11" x14ac:dyDescent="0.3">
      <c r="A1645" s="1">
        <v>41967</v>
      </c>
      <c r="B1645" s="3">
        <f t="shared" si="50"/>
        <v>11</v>
      </c>
      <c r="C1645" s="3">
        <f t="shared" si="51"/>
        <v>2014</v>
      </c>
      <c r="D1645" t="s">
        <v>1687</v>
      </c>
      <c r="E1645" t="s">
        <v>163</v>
      </c>
      <c r="F1645" t="s">
        <v>10</v>
      </c>
      <c r="G1645" t="s">
        <v>19</v>
      </c>
      <c r="H1645" t="s">
        <v>1646</v>
      </c>
      <c r="I1645">
        <v>12.1</v>
      </c>
      <c r="J1645">
        <v>7</v>
      </c>
      <c r="K1645">
        <v>4.2300000000000004</v>
      </c>
    </row>
    <row r="1646" spans="1:11" x14ac:dyDescent="0.3">
      <c r="A1646" s="1">
        <v>41967</v>
      </c>
      <c r="B1646" s="3">
        <f t="shared" si="50"/>
        <v>11</v>
      </c>
      <c r="C1646" s="3">
        <f t="shared" si="51"/>
        <v>2014</v>
      </c>
      <c r="D1646" t="s">
        <v>1687</v>
      </c>
      <c r="E1646" t="s">
        <v>163</v>
      </c>
      <c r="F1646" t="s">
        <v>10</v>
      </c>
      <c r="G1646" t="s">
        <v>17</v>
      </c>
      <c r="H1646" t="s">
        <v>266</v>
      </c>
      <c r="I1646">
        <v>485.88</v>
      </c>
      <c r="J1646">
        <v>6</v>
      </c>
      <c r="K1646">
        <v>9.7200000000000006</v>
      </c>
    </row>
    <row r="1647" spans="1:11" x14ac:dyDescent="0.3">
      <c r="A1647" s="1">
        <v>41967</v>
      </c>
      <c r="B1647" s="3">
        <f t="shared" si="50"/>
        <v>11</v>
      </c>
      <c r="C1647" s="3">
        <f t="shared" si="51"/>
        <v>2014</v>
      </c>
      <c r="D1647" t="s">
        <v>1687</v>
      </c>
      <c r="E1647" t="s">
        <v>163</v>
      </c>
      <c r="F1647" t="s">
        <v>10</v>
      </c>
      <c r="G1647" t="s">
        <v>11</v>
      </c>
      <c r="H1647" t="s">
        <v>218</v>
      </c>
      <c r="I1647">
        <v>25.92</v>
      </c>
      <c r="J1647">
        <v>4</v>
      </c>
      <c r="K1647">
        <v>12.44</v>
      </c>
    </row>
    <row r="1648" spans="1:11" x14ac:dyDescent="0.3">
      <c r="A1648" s="1">
        <v>41967</v>
      </c>
      <c r="B1648" s="3">
        <f t="shared" si="50"/>
        <v>11</v>
      </c>
      <c r="C1648" s="3">
        <f t="shared" si="51"/>
        <v>2014</v>
      </c>
      <c r="D1648" t="s">
        <v>1687</v>
      </c>
      <c r="E1648" t="s">
        <v>163</v>
      </c>
      <c r="F1648" t="s">
        <v>10</v>
      </c>
      <c r="G1648" t="s">
        <v>17</v>
      </c>
      <c r="H1648" t="s">
        <v>1688</v>
      </c>
      <c r="I1648">
        <v>197.58</v>
      </c>
      <c r="J1648">
        <v>2</v>
      </c>
      <c r="K1648">
        <v>53.35</v>
      </c>
    </row>
    <row r="1649" spans="1:11" x14ac:dyDescent="0.3">
      <c r="A1649" s="1">
        <v>41967</v>
      </c>
      <c r="B1649" s="3">
        <f t="shared" si="50"/>
        <v>11</v>
      </c>
      <c r="C1649" s="3">
        <f t="shared" si="51"/>
        <v>2014</v>
      </c>
      <c r="D1649" t="s">
        <v>288</v>
      </c>
      <c r="E1649" t="s">
        <v>185</v>
      </c>
      <c r="F1649" t="s">
        <v>38</v>
      </c>
      <c r="G1649" t="s">
        <v>51</v>
      </c>
      <c r="H1649" t="s">
        <v>1689</v>
      </c>
      <c r="I1649">
        <v>111.79</v>
      </c>
      <c r="J1649">
        <v>7</v>
      </c>
      <c r="K1649">
        <v>43.6</v>
      </c>
    </row>
    <row r="1650" spans="1:11" x14ac:dyDescent="0.3">
      <c r="A1650" s="1">
        <v>41967</v>
      </c>
      <c r="B1650" s="3">
        <f t="shared" si="50"/>
        <v>11</v>
      </c>
      <c r="C1650" s="3">
        <f t="shared" si="51"/>
        <v>2014</v>
      </c>
      <c r="D1650" t="s">
        <v>82</v>
      </c>
      <c r="E1650" t="s">
        <v>26</v>
      </c>
      <c r="F1650" t="s">
        <v>33</v>
      </c>
      <c r="G1650" t="s">
        <v>34</v>
      </c>
      <c r="H1650" t="s">
        <v>1690</v>
      </c>
      <c r="I1650">
        <v>120.71</v>
      </c>
      <c r="J1650">
        <v>1</v>
      </c>
      <c r="K1650">
        <v>-18.11</v>
      </c>
    </row>
    <row r="1651" spans="1:11" x14ac:dyDescent="0.3">
      <c r="A1651" s="1">
        <v>41967</v>
      </c>
      <c r="B1651" s="3">
        <f t="shared" si="50"/>
        <v>11</v>
      </c>
      <c r="C1651" s="3">
        <f t="shared" si="51"/>
        <v>2014</v>
      </c>
      <c r="D1651" t="s">
        <v>577</v>
      </c>
      <c r="E1651" t="s">
        <v>77</v>
      </c>
      <c r="F1651" t="s">
        <v>38</v>
      </c>
      <c r="G1651" t="s">
        <v>39</v>
      </c>
      <c r="H1651" t="s">
        <v>1595</v>
      </c>
      <c r="I1651">
        <v>1049.97</v>
      </c>
      <c r="J1651">
        <v>5</v>
      </c>
      <c r="K1651">
        <v>-209.99</v>
      </c>
    </row>
    <row r="1652" spans="1:11" x14ac:dyDescent="0.3">
      <c r="A1652" s="1">
        <v>41967</v>
      </c>
      <c r="B1652" s="3">
        <f t="shared" si="50"/>
        <v>11</v>
      </c>
      <c r="C1652" s="3">
        <f t="shared" si="51"/>
        <v>2014</v>
      </c>
      <c r="D1652" t="s">
        <v>577</v>
      </c>
      <c r="E1652" t="s">
        <v>77</v>
      </c>
      <c r="F1652" t="s">
        <v>33</v>
      </c>
      <c r="G1652" t="s">
        <v>34</v>
      </c>
      <c r="H1652" t="s">
        <v>1691</v>
      </c>
      <c r="I1652">
        <v>611.05999999999995</v>
      </c>
      <c r="J1652">
        <v>3</v>
      </c>
      <c r="K1652">
        <v>-34.92</v>
      </c>
    </row>
    <row r="1653" spans="1:11" x14ac:dyDescent="0.3">
      <c r="A1653" s="1">
        <v>41967</v>
      </c>
      <c r="B1653" s="3">
        <f t="shared" si="50"/>
        <v>11</v>
      </c>
      <c r="C1653" s="3">
        <f t="shared" si="51"/>
        <v>2014</v>
      </c>
      <c r="D1653" t="s">
        <v>1692</v>
      </c>
      <c r="E1653" t="s">
        <v>14</v>
      </c>
      <c r="F1653" t="s">
        <v>10</v>
      </c>
      <c r="G1653" t="s">
        <v>17</v>
      </c>
      <c r="H1653" t="s">
        <v>1409</v>
      </c>
      <c r="I1653">
        <v>646.20000000000005</v>
      </c>
      <c r="J1653">
        <v>5</v>
      </c>
      <c r="K1653">
        <v>-8.08</v>
      </c>
    </row>
    <row r="1654" spans="1:11" x14ac:dyDescent="0.3">
      <c r="A1654" s="1">
        <v>41967</v>
      </c>
      <c r="B1654" s="3">
        <f t="shared" si="50"/>
        <v>11</v>
      </c>
      <c r="C1654" s="3">
        <f t="shared" si="51"/>
        <v>2014</v>
      </c>
      <c r="D1654" t="s">
        <v>1391</v>
      </c>
      <c r="E1654" t="s">
        <v>77</v>
      </c>
      <c r="F1654" t="s">
        <v>33</v>
      </c>
      <c r="G1654" t="s">
        <v>46</v>
      </c>
      <c r="H1654" t="s">
        <v>1693</v>
      </c>
      <c r="I1654">
        <v>35.17</v>
      </c>
      <c r="J1654">
        <v>7</v>
      </c>
      <c r="K1654">
        <v>9.67</v>
      </c>
    </row>
    <row r="1655" spans="1:11" x14ac:dyDescent="0.3">
      <c r="A1655" s="1">
        <v>41967</v>
      </c>
      <c r="B1655" s="3">
        <f t="shared" si="50"/>
        <v>11</v>
      </c>
      <c r="C1655" s="3">
        <f t="shared" si="51"/>
        <v>2014</v>
      </c>
      <c r="D1655" t="s">
        <v>1391</v>
      </c>
      <c r="E1655" t="s">
        <v>77</v>
      </c>
      <c r="F1655" t="s">
        <v>38</v>
      </c>
      <c r="G1655" t="s">
        <v>39</v>
      </c>
      <c r="H1655" t="s">
        <v>1694</v>
      </c>
      <c r="I1655">
        <v>1502.38</v>
      </c>
      <c r="J1655">
        <v>4</v>
      </c>
      <c r="K1655">
        <v>-250.4</v>
      </c>
    </row>
    <row r="1656" spans="1:11" x14ac:dyDescent="0.3">
      <c r="A1656" s="1">
        <v>41967</v>
      </c>
      <c r="B1656" s="3">
        <f t="shared" si="50"/>
        <v>11</v>
      </c>
      <c r="C1656" s="3">
        <f t="shared" si="51"/>
        <v>2014</v>
      </c>
      <c r="D1656" t="s">
        <v>1695</v>
      </c>
      <c r="E1656" t="s">
        <v>109</v>
      </c>
      <c r="F1656" t="s">
        <v>10</v>
      </c>
      <c r="G1656" t="s">
        <v>23</v>
      </c>
      <c r="H1656" t="s">
        <v>1252</v>
      </c>
      <c r="I1656">
        <v>151.91999999999999</v>
      </c>
      <c r="J1656">
        <v>4</v>
      </c>
      <c r="K1656">
        <v>45.58</v>
      </c>
    </row>
    <row r="1657" spans="1:11" x14ac:dyDescent="0.3">
      <c r="A1657" s="1">
        <v>41967</v>
      </c>
      <c r="B1657" s="3">
        <f t="shared" si="50"/>
        <v>11</v>
      </c>
      <c r="C1657" s="3">
        <f t="shared" si="51"/>
        <v>2014</v>
      </c>
      <c r="D1657" t="s">
        <v>1695</v>
      </c>
      <c r="E1657" t="s">
        <v>109</v>
      </c>
      <c r="F1657" t="s">
        <v>10</v>
      </c>
      <c r="G1657" t="s">
        <v>15</v>
      </c>
      <c r="H1657" t="s">
        <v>813</v>
      </c>
      <c r="I1657">
        <v>196.62</v>
      </c>
      <c r="J1657">
        <v>2</v>
      </c>
      <c r="K1657">
        <v>96.34</v>
      </c>
    </row>
    <row r="1658" spans="1:11" x14ac:dyDescent="0.3">
      <c r="A1658" s="1">
        <v>41967</v>
      </c>
      <c r="B1658" s="3">
        <f t="shared" si="50"/>
        <v>11</v>
      </c>
      <c r="C1658" s="3">
        <f t="shared" si="51"/>
        <v>2014</v>
      </c>
      <c r="D1658" t="s">
        <v>1695</v>
      </c>
      <c r="E1658" t="s">
        <v>109</v>
      </c>
      <c r="F1658" t="s">
        <v>10</v>
      </c>
      <c r="G1658" t="s">
        <v>11</v>
      </c>
      <c r="H1658" t="s">
        <v>1696</v>
      </c>
      <c r="I1658">
        <v>144.12</v>
      </c>
      <c r="J1658">
        <v>3</v>
      </c>
      <c r="K1658">
        <v>69.180000000000007</v>
      </c>
    </row>
    <row r="1659" spans="1:11" x14ac:dyDescent="0.3">
      <c r="A1659" s="1">
        <v>41967</v>
      </c>
      <c r="B1659" s="3">
        <f t="shared" si="50"/>
        <v>11</v>
      </c>
      <c r="C1659" s="3">
        <f t="shared" si="51"/>
        <v>2014</v>
      </c>
      <c r="D1659" t="s">
        <v>1695</v>
      </c>
      <c r="E1659" t="s">
        <v>109</v>
      </c>
      <c r="F1659" t="s">
        <v>10</v>
      </c>
      <c r="G1659" t="s">
        <v>11</v>
      </c>
      <c r="H1659" t="s">
        <v>753</v>
      </c>
      <c r="I1659">
        <v>15.96</v>
      </c>
      <c r="J1659">
        <v>2</v>
      </c>
      <c r="K1659">
        <v>7.98</v>
      </c>
    </row>
    <row r="1660" spans="1:11" x14ac:dyDescent="0.3">
      <c r="A1660" s="1">
        <v>41967</v>
      </c>
      <c r="B1660" s="3">
        <f t="shared" si="50"/>
        <v>11</v>
      </c>
      <c r="C1660" s="3">
        <f t="shared" si="51"/>
        <v>2014</v>
      </c>
      <c r="D1660" t="s">
        <v>625</v>
      </c>
      <c r="E1660" t="s">
        <v>54</v>
      </c>
      <c r="F1660" t="s">
        <v>33</v>
      </c>
      <c r="G1660" t="s">
        <v>46</v>
      </c>
      <c r="H1660" t="s">
        <v>1697</v>
      </c>
      <c r="I1660">
        <v>111.15</v>
      </c>
      <c r="J1660">
        <v>5</v>
      </c>
      <c r="K1660">
        <v>48.91</v>
      </c>
    </row>
    <row r="1661" spans="1:11" x14ac:dyDescent="0.3">
      <c r="A1661" s="1">
        <v>41967</v>
      </c>
      <c r="B1661" s="3">
        <f t="shared" si="50"/>
        <v>11</v>
      </c>
      <c r="C1661" s="3">
        <f t="shared" si="51"/>
        <v>2014</v>
      </c>
      <c r="D1661" t="s">
        <v>1698</v>
      </c>
      <c r="E1661" t="s">
        <v>77</v>
      </c>
      <c r="F1661" t="s">
        <v>10</v>
      </c>
      <c r="G1661" t="s">
        <v>19</v>
      </c>
      <c r="H1661" t="s">
        <v>1699</v>
      </c>
      <c r="I1661">
        <v>5.74</v>
      </c>
      <c r="J1661">
        <v>3</v>
      </c>
      <c r="K1661">
        <v>-4.59</v>
      </c>
    </row>
    <row r="1662" spans="1:11" x14ac:dyDescent="0.3">
      <c r="A1662" s="1">
        <v>41968</v>
      </c>
      <c r="B1662" s="3">
        <f t="shared" si="50"/>
        <v>11</v>
      </c>
      <c r="C1662" s="3">
        <f t="shared" si="51"/>
        <v>2014</v>
      </c>
      <c r="D1662" t="s">
        <v>742</v>
      </c>
      <c r="E1662" t="s">
        <v>26</v>
      </c>
      <c r="F1662" t="s">
        <v>10</v>
      </c>
      <c r="G1662" t="s">
        <v>91</v>
      </c>
      <c r="H1662" t="s">
        <v>533</v>
      </c>
      <c r="I1662">
        <v>320.88</v>
      </c>
      <c r="J1662">
        <v>6</v>
      </c>
      <c r="K1662">
        <v>93.06</v>
      </c>
    </row>
    <row r="1663" spans="1:11" x14ac:dyDescent="0.3">
      <c r="A1663" s="1">
        <v>41968</v>
      </c>
      <c r="B1663" s="3">
        <f t="shared" si="50"/>
        <v>11</v>
      </c>
      <c r="C1663" s="3">
        <f t="shared" si="51"/>
        <v>2014</v>
      </c>
      <c r="D1663" t="s">
        <v>742</v>
      </c>
      <c r="E1663" t="s">
        <v>26</v>
      </c>
      <c r="F1663" t="s">
        <v>33</v>
      </c>
      <c r="G1663" t="s">
        <v>46</v>
      </c>
      <c r="H1663" t="s">
        <v>1014</v>
      </c>
      <c r="I1663">
        <v>23.88</v>
      </c>
      <c r="J1663">
        <v>3</v>
      </c>
      <c r="K1663">
        <v>10.51</v>
      </c>
    </row>
    <row r="1664" spans="1:11" x14ac:dyDescent="0.3">
      <c r="A1664" s="1">
        <v>41968</v>
      </c>
      <c r="B1664" s="3">
        <f t="shared" si="50"/>
        <v>11</v>
      </c>
      <c r="C1664" s="3">
        <f t="shared" si="51"/>
        <v>2014</v>
      </c>
      <c r="D1664" t="s">
        <v>742</v>
      </c>
      <c r="E1664" t="s">
        <v>26</v>
      </c>
      <c r="F1664" t="s">
        <v>10</v>
      </c>
      <c r="G1664" t="s">
        <v>11</v>
      </c>
      <c r="H1664" t="s">
        <v>1700</v>
      </c>
      <c r="I1664">
        <v>26.76</v>
      </c>
      <c r="J1664">
        <v>4</v>
      </c>
      <c r="K1664">
        <v>12.31</v>
      </c>
    </row>
    <row r="1665" spans="1:11" x14ac:dyDescent="0.3">
      <c r="A1665" s="1">
        <v>41968</v>
      </c>
      <c r="B1665" s="3">
        <f t="shared" si="50"/>
        <v>11</v>
      </c>
      <c r="C1665" s="3">
        <f t="shared" si="51"/>
        <v>2014</v>
      </c>
      <c r="D1665" t="s">
        <v>688</v>
      </c>
      <c r="E1665" t="s">
        <v>9</v>
      </c>
      <c r="F1665" t="s">
        <v>38</v>
      </c>
      <c r="G1665" t="s">
        <v>51</v>
      </c>
      <c r="H1665" t="s">
        <v>1198</v>
      </c>
      <c r="I1665">
        <v>24.67</v>
      </c>
      <c r="J1665">
        <v>3</v>
      </c>
      <c r="K1665">
        <v>0</v>
      </c>
    </row>
    <row r="1666" spans="1:11" x14ac:dyDescent="0.3">
      <c r="A1666" s="1">
        <v>41968</v>
      </c>
      <c r="B1666" s="3">
        <f t="shared" ref="B1666:B1729" si="52">MONTH(A:A)</f>
        <v>11</v>
      </c>
      <c r="C1666" s="3">
        <f t="shared" ref="C1666:C1729" si="53">YEAR(A:A)</f>
        <v>2014</v>
      </c>
      <c r="D1666" t="s">
        <v>688</v>
      </c>
      <c r="E1666" t="s">
        <v>9</v>
      </c>
      <c r="F1666" t="s">
        <v>10</v>
      </c>
      <c r="G1666" t="s">
        <v>15</v>
      </c>
      <c r="H1666" t="s">
        <v>1701</v>
      </c>
      <c r="I1666">
        <v>2.52</v>
      </c>
      <c r="J1666">
        <v>1</v>
      </c>
      <c r="K1666">
        <v>0.88</v>
      </c>
    </row>
    <row r="1667" spans="1:11" x14ac:dyDescent="0.3">
      <c r="A1667" s="1">
        <v>41968</v>
      </c>
      <c r="B1667" s="3">
        <f t="shared" si="52"/>
        <v>11</v>
      </c>
      <c r="C1667" s="3">
        <f t="shared" si="53"/>
        <v>2014</v>
      </c>
      <c r="D1667" t="s">
        <v>688</v>
      </c>
      <c r="E1667" t="s">
        <v>9</v>
      </c>
      <c r="F1667" t="s">
        <v>33</v>
      </c>
      <c r="G1667" t="s">
        <v>144</v>
      </c>
      <c r="H1667" t="s">
        <v>1702</v>
      </c>
      <c r="I1667">
        <v>1218.74</v>
      </c>
      <c r="J1667">
        <v>5</v>
      </c>
      <c r="K1667">
        <v>-121.87</v>
      </c>
    </row>
    <row r="1668" spans="1:11" x14ac:dyDescent="0.3">
      <c r="A1668" s="1">
        <v>41968</v>
      </c>
      <c r="B1668" s="3">
        <f t="shared" si="52"/>
        <v>11</v>
      </c>
      <c r="C1668" s="3">
        <f t="shared" si="53"/>
        <v>2014</v>
      </c>
      <c r="D1668" t="s">
        <v>688</v>
      </c>
      <c r="E1668" t="s">
        <v>9</v>
      </c>
      <c r="F1668" t="s">
        <v>10</v>
      </c>
      <c r="G1668" t="s">
        <v>15</v>
      </c>
      <c r="H1668" t="s">
        <v>1703</v>
      </c>
      <c r="I1668">
        <v>5.9</v>
      </c>
      <c r="J1668">
        <v>2</v>
      </c>
      <c r="K1668">
        <v>1.99</v>
      </c>
    </row>
    <row r="1669" spans="1:11" x14ac:dyDescent="0.3">
      <c r="A1669" s="1">
        <v>41968</v>
      </c>
      <c r="B1669" s="3">
        <f t="shared" si="52"/>
        <v>11</v>
      </c>
      <c r="C1669" s="3">
        <f t="shared" si="53"/>
        <v>2014</v>
      </c>
      <c r="D1669" t="s">
        <v>688</v>
      </c>
      <c r="E1669" t="s">
        <v>9</v>
      </c>
      <c r="F1669" t="s">
        <v>10</v>
      </c>
      <c r="G1669" t="s">
        <v>11</v>
      </c>
      <c r="H1669" t="s">
        <v>44</v>
      </c>
      <c r="I1669">
        <v>15.7</v>
      </c>
      <c r="J1669">
        <v>3</v>
      </c>
      <c r="K1669">
        <v>5.0999999999999996</v>
      </c>
    </row>
    <row r="1670" spans="1:11" x14ac:dyDescent="0.3">
      <c r="A1670" s="1">
        <v>41968</v>
      </c>
      <c r="B1670" s="3">
        <f t="shared" si="52"/>
        <v>11</v>
      </c>
      <c r="C1670" s="3">
        <f t="shared" si="53"/>
        <v>2014</v>
      </c>
      <c r="D1670" t="s">
        <v>688</v>
      </c>
      <c r="E1670" t="s">
        <v>9</v>
      </c>
      <c r="F1670" t="s">
        <v>33</v>
      </c>
      <c r="G1670" t="s">
        <v>46</v>
      </c>
      <c r="H1670" t="s">
        <v>213</v>
      </c>
      <c r="I1670">
        <v>6.1</v>
      </c>
      <c r="J1670">
        <v>3</v>
      </c>
      <c r="K1670">
        <v>-3.96</v>
      </c>
    </row>
    <row r="1671" spans="1:11" x14ac:dyDescent="0.3">
      <c r="A1671" s="1">
        <v>41968</v>
      </c>
      <c r="B1671" s="3">
        <f t="shared" si="52"/>
        <v>11</v>
      </c>
      <c r="C1671" s="3">
        <f t="shared" si="53"/>
        <v>2014</v>
      </c>
      <c r="D1671" t="s">
        <v>1704</v>
      </c>
      <c r="E1671" t="s">
        <v>1528</v>
      </c>
      <c r="F1671" t="s">
        <v>33</v>
      </c>
      <c r="G1671" t="s">
        <v>46</v>
      </c>
      <c r="H1671" t="s">
        <v>85</v>
      </c>
      <c r="I1671">
        <v>52.96</v>
      </c>
      <c r="J1671">
        <v>2</v>
      </c>
      <c r="K1671">
        <v>20.12</v>
      </c>
    </row>
    <row r="1672" spans="1:11" x14ac:dyDescent="0.3">
      <c r="A1672" s="1">
        <v>41968</v>
      </c>
      <c r="B1672" s="3">
        <f t="shared" si="52"/>
        <v>11</v>
      </c>
      <c r="C1672" s="3">
        <f t="shared" si="53"/>
        <v>2014</v>
      </c>
      <c r="D1672" t="s">
        <v>400</v>
      </c>
      <c r="E1672" t="s">
        <v>148</v>
      </c>
      <c r="F1672" t="s">
        <v>10</v>
      </c>
      <c r="G1672" t="s">
        <v>17</v>
      </c>
      <c r="H1672" t="s">
        <v>794</v>
      </c>
      <c r="I1672">
        <v>1117.92</v>
      </c>
      <c r="J1672">
        <v>4</v>
      </c>
      <c r="K1672">
        <v>55.9</v>
      </c>
    </row>
    <row r="1673" spans="1:11" x14ac:dyDescent="0.3">
      <c r="A1673" s="1">
        <v>41968</v>
      </c>
      <c r="B1673" s="3">
        <f t="shared" si="52"/>
        <v>11</v>
      </c>
      <c r="C1673" s="3">
        <f t="shared" si="53"/>
        <v>2014</v>
      </c>
      <c r="D1673" t="s">
        <v>400</v>
      </c>
      <c r="E1673" t="s">
        <v>148</v>
      </c>
      <c r="F1673" t="s">
        <v>33</v>
      </c>
      <c r="G1673" t="s">
        <v>73</v>
      </c>
      <c r="H1673" t="s">
        <v>1705</v>
      </c>
      <c r="I1673">
        <v>275.95</v>
      </c>
      <c r="J1673">
        <v>3</v>
      </c>
      <c r="K1673">
        <v>-37.94</v>
      </c>
    </row>
    <row r="1674" spans="1:11" x14ac:dyDescent="0.3">
      <c r="A1674" s="1">
        <v>41968</v>
      </c>
      <c r="B1674" s="3">
        <f t="shared" si="52"/>
        <v>11</v>
      </c>
      <c r="C1674" s="3">
        <f t="shared" si="53"/>
        <v>2014</v>
      </c>
      <c r="D1674" t="s">
        <v>508</v>
      </c>
      <c r="E1674" t="s">
        <v>90</v>
      </c>
      <c r="F1674" t="s">
        <v>10</v>
      </c>
      <c r="G1674" t="s">
        <v>23</v>
      </c>
      <c r="H1674" t="s">
        <v>146</v>
      </c>
      <c r="I1674">
        <v>51.02</v>
      </c>
      <c r="J1674">
        <v>7</v>
      </c>
      <c r="K1674">
        <v>8.2899999999999991</v>
      </c>
    </row>
    <row r="1675" spans="1:11" x14ac:dyDescent="0.3">
      <c r="A1675" s="1">
        <v>41968</v>
      </c>
      <c r="B1675" s="3">
        <f t="shared" si="52"/>
        <v>11</v>
      </c>
      <c r="C1675" s="3">
        <f t="shared" si="53"/>
        <v>2014</v>
      </c>
      <c r="D1675" t="s">
        <v>288</v>
      </c>
      <c r="E1675" t="s">
        <v>26</v>
      </c>
      <c r="F1675" t="s">
        <v>38</v>
      </c>
      <c r="G1675" t="s">
        <v>39</v>
      </c>
      <c r="H1675" t="s">
        <v>1706</v>
      </c>
      <c r="I1675">
        <v>539.91999999999996</v>
      </c>
      <c r="J1675">
        <v>5</v>
      </c>
      <c r="K1675">
        <v>47.24</v>
      </c>
    </row>
    <row r="1676" spans="1:11" x14ac:dyDescent="0.3">
      <c r="A1676" s="1">
        <v>41968</v>
      </c>
      <c r="B1676" s="3">
        <f t="shared" si="52"/>
        <v>11</v>
      </c>
      <c r="C1676" s="3">
        <f t="shared" si="53"/>
        <v>2014</v>
      </c>
      <c r="D1676" t="s">
        <v>288</v>
      </c>
      <c r="E1676" t="s">
        <v>26</v>
      </c>
      <c r="F1676" t="s">
        <v>33</v>
      </c>
      <c r="G1676" t="s">
        <v>34</v>
      </c>
      <c r="H1676" t="s">
        <v>1071</v>
      </c>
      <c r="I1676">
        <v>725.34</v>
      </c>
      <c r="J1676">
        <v>4</v>
      </c>
      <c r="K1676">
        <v>54.4</v>
      </c>
    </row>
    <row r="1677" spans="1:11" x14ac:dyDescent="0.3">
      <c r="A1677" s="1">
        <v>41968</v>
      </c>
      <c r="B1677" s="3">
        <f t="shared" si="52"/>
        <v>11</v>
      </c>
      <c r="C1677" s="3">
        <f t="shared" si="53"/>
        <v>2014</v>
      </c>
      <c r="D1677" t="s">
        <v>288</v>
      </c>
      <c r="E1677" t="s">
        <v>26</v>
      </c>
      <c r="F1677" t="s">
        <v>10</v>
      </c>
      <c r="G1677" t="s">
        <v>23</v>
      </c>
      <c r="H1677" t="s">
        <v>206</v>
      </c>
      <c r="I1677">
        <v>7.44</v>
      </c>
      <c r="J1677">
        <v>3</v>
      </c>
      <c r="K1677">
        <v>2.6</v>
      </c>
    </row>
    <row r="1678" spans="1:11" x14ac:dyDescent="0.3">
      <c r="A1678" s="1">
        <v>41969</v>
      </c>
      <c r="B1678" s="3">
        <f t="shared" si="52"/>
        <v>11</v>
      </c>
      <c r="C1678" s="3">
        <f t="shared" si="53"/>
        <v>2014</v>
      </c>
      <c r="D1678" t="s">
        <v>856</v>
      </c>
      <c r="E1678" t="s">
        <v>9</v>
      </c>
      <c r="F1678" t="s">
        <v>33</v>
      </c>
      <c r="G1678" t="s">
        <v>46</v>
      </c>
      <c r="H1678" t="s">
        <v>103</v>
      </c>
      <c r="I1678">
        <v>19.3</v>
      </c>
      <c r="J1678">
        <v>5</v>
      </c>
      <c r="K1678">
        <v>-14.48</v>
      </c>
    </row>
    <row r="1679" spans="1:11" x14ac:dyDescent="0.3">
      <c r="A1679" s="1">
        <v>41969</v>
      </c>
      <c r="B1679" s="3">
        <f t="shared" si="52"/>
        <v>11</v>
      </c>
      <c r="C1679" s="3">
        <f t="shared" si="53"/>
        <v>2014</v>
      </c>
      <c r="D1679" t="s">
        <v>847</v>
      </c>
      <c r="E1679" t="s">
        <v>90</v>
      </c>
      <c r="F1679" t="s">
        <v>10</v>
      </c>
      <c r="G1679" t="s">
        <v>11</v>
      </c>
      <c r="H1679" t="s">
        <v>835</v>
      </c>
      <c r="I1679">
        <v>15.55</v>
      </c>
      <c r="J1679">
        <v>3</v>
      </c>
      <c r="K1679">
        <v>5.44</v>
      </c>
    </row>
    <row r="1680" spans="1:11" x14ac:dyDescent="0.3">
      <c r="A1680" s="1">
        <v>41969</v>
      </c>
      <c r="B1680" s="3">
        <f t="shared" si="52"/>
        <v>11</v>
      </c>
      <c r="C1680" s="3">
        <f t="shared" si="53"/>
        <v>2014</v>
      </c>
      <c r="D1680" t="s">
        <v>847</v>
      </c>
      <c r="E1680" t="s">
        <v>90</v>
      </c>
      <c r="F1680" t="s">
        <v>10</v>
      </c>
      <c r="G1680" t="s">
        <v>17</v>
      </c>
      <c r="H1680" t="s">
        <v>859</v>
      </c>
      <c r="I1680">
        <v>669.08</v>
      </c>
      <c r="J1680">
        <v>5</v>
      </c>
      <c r="K1680">
        <v>-167.27</v>
      </c>
    </row>
    <row r="1681" spans="1:11" x14ac:dyDescent="0.3">
      <c r="A1681" s="1">
        <v>41969</v>
      </c>
      <c r="B1681" s="3">
        <f t="shared" si="52"/>
        <v>11</v>
      </c>
      <c r="C1681" s="3">
        <f t="shared" si="53"/>
        <v>2014</v>
      </c>
      <c r="D1681" t="s">
        <v>847</v>
      </c>
      <c r="E1681" t="s">
        <v>90</v>
      </c>
      <c r="F1681" t="s">
        <v>38</v>
      </c>
      <c r="G1681" t="s">
        <v>39</v>
      </c>
      <c r="H1681" t="s">
        <v>1100</v>
      </c>
      <c r="I1681">
        <v>438.34</v>
      </c>
      <c r="J1681">
        <v>4</v>
      </c>
      <c r="K1681">
        <v>-87.67</v>
      </c>
    </row>
    <row r="1682" spans="1:11" x14ac:dyDescent="0.3">
      <c r="A1682" s="1">
        <v>41969</v>
      </c>
      <c r="B1682" s="3">
        <f t="shared" si="52"/>
        <v>11</v>
      </c>
      <c r="C1682" s="3">
        <f t="shared" si="53"/>
        <v>2014</v>
      </c>
      <c r="D1682" t="s">
        <v>1496</v>
      </c>
      <c r="E1682" t="s">
        <v>26</v>
      </c>
      <c r="F1682" t="s">
        <v>10</v>
      </c>
      <c r="G1682" t="s">
        <v>11</v>
      </c>
      <c r="H1682" t="s">
        <v>1600</v>
      </c>
      <c r="I1682">
        <v>81.98</v>
      </c>
      <c r="J1682">
        <v>2</v>
      </c>
      <c r="K1682">
        <v>40.17</v>
      </c>
    </row>
    <row r="1683" spans="1:11" x14ac:dyDescent="0.3">
      <c r="A1683" s="1">
        <v>41969</v>
      </c>
      <c r="B1683" s="3">
        <f t="shared" si="52"/>
        <v>11</v>
      </c>
      <c r="C1683" s="3">
        <f t="shared" si="53"/>
        <v>2014</v>
      </c>
      <c r="D1683" t="s">
        <v>1474</v>
      </c>
      <c r="E1683" t="s">
        <v>148</v>
      </c>
      <c r="F1683" t="s">
        <v>38</v>
      </c>
      <c r="G1683" t="s">
        <v>39</v>
      </c>
      <c r="H1683" t="s">
        <v>1707</v>
      </c>
      <c r="I1683">
        <v>279.95999999999998</v>
      </c>
      <c r="J1683">
        <v>4</v>
      </c>
      <c r="K1683">
        <v>78.39</v>
      </c>
    </row>
    <row r="1684" spans="1:11" x14ac:dyDescent="0.3">
      <c r="A1684" s="1">
        <v>41969</v>
      </c>
      <c r="B1684" s="3">
        <f t="shared" si="52"/>
        <v>11</v>
      </c>
      <c r="C1684" s="3">
        <f t="shared" si="53"/>
        <v>2014</v>
      </c>
      <c r="D1684" t="s">
        <v>1474</v>
      </c>
      <c r="E1684" t="s">
        <v>148</v>
      </c>
      <c r="F1684" t="s">
        <v>10</v>
      </c>
      <c r="G1684" t="s">
        <v>19</v>
      </c>
      <c r="H1684" t="s">
        <v>630</v>
      </c>
      <c r="I1684">
        <v>12.91</v>
      </c>
      <c r="J1684">
        <v>3</v>
      </c>
      <c r="K1684">
        <v>4.68</v>
      </c>
    </row>
    <row r="1685" spans="1:11" x14ac:dyDescent="0.3">
      <c r="A1685" s="1">
        <v>41969</v>
      </c>
      <c r="B1685" s="3">
        <f t="shared" si="52"/>
        <v>11</v>
      </c>
      <c r="C1685" s="3">
        <f t="shared" si="53"/>
        <v>2014</v>
      </c>
      <c r="D1685" t="s">
        <v>1474</v>
      </c>
      <c r="E1685" t="s">
        <v>148</v>
      </c>
      <c r="F1685" t="s">
        <v>10</v>
      </c>
      <c r="G1685" t="s">
        <v>19</v>
      </c>
      <c r="H1685" t="s">
        <v>202</v>
      </c>
      <c r="I1685">
        <v>17.09</v>
      </c>
      <c r="J1685">
        <v>4</v>
      </c>
      <c r="K1685">
        <v>5.77</v>
      </c>
    </row>
    <row r="1686" spans="1:11" x14ac:dyDescent="0.3">
      <c r="A1686" s="1">
        <v>41969</v>
      </c>
      <c r="B1686" s="3">
        <f t="shared" si="52"/>
        <v>11</v>
      </c>
      <c r="C1686" s="3">
        <f t="shared" si="53"/>
        <v>2014</v>
      </c>
      <c r="D1686" t="s">
        <v>1474</v>
      </c>
      <c r="E1686" t="s">
        <v>148</v>
      </c>
      <c r="F1686" t="s">
        <v>10</v>
      </c>
      <c r="G1686" t="s">
        <v>15</v>
      </c>
      <c r="H1686" t="s">
        <v>1708</v>
      </c>
      <c r="I1686">
        <v>93.15</v>
      </c>
      <c r="J1686">
        <v>9</v>
      </c>
      <c r="K1686">
        <v>44.71</v>
      </c>
    </row>
    <row r="1687" spans="1:11" x14ac:dyDescent="0.3">
      <c r="A1687" s="1">
        <v>41969</v>
      </c>
      <c r="B1687" s="3">
        <f t="shared" si="52"/>
        <v>11</v>
      </c>
      <c r="C1687" s="3">
        <f t="shared" si="53"/>
        <v>2014</v>
      </c>
      <c r="D1687" t="s">
        <v>1474</v>
      </c>
      <c r="E1687" t="s">
        <v>148</v>
      </c>
      <c r="F1687" t="s">
        <v>10</v>
      </c>
      <c r="G1687" t="s">
        <v>15</v>
      </c>
      <c r="H1687" t="s">
        <v>583</v>
      </c>
      <c r="I1687">
        <v>11.52</v>
      </c>
      <c r="J1687">
        <v>4</v>
      </c>
      <c r="K1687">
        <v>5.64</v>
      </c>
    </row>
    <row r="1688" spans="1:11" x14ac:dyDescent="0.3">
      <c r="A1688" s="1">
        <v>41969</v>
      </c>
      <c r="B1688" s="3">
        <f t="shared" si="52"/>
        <v>11</v>
      </c>
      <c r="C1688" s="3">
        <f t="shared" si="53"/>
        <v>2014</v>
      </c>
      <c r="D1688" t="s">
        <v>1482</v>
      </c>
      <c r="E1688" t="s">
        <v>26</v>
      </c>
      <c r="F1688" t="s">
        <v>10</v>
      </c>
      <c r="G1688" t="s">
        <v>19</v>
      </c>
      <c r="H1688" t="s">
        <v>204</v>
      </c>
      <c r="I1688">
        <v>4.32</v>
      </c>
      <c r="J1688">
        <v>3</v>
      </c>
      <c r="K1688">
        <v>1.51</v>
      </c>
    </row>
    <row r="1689" spans="1:11" x14ac:dyDescent="0.3">
      <c r="A1689" s="1">
        <v>41969</v>
      </c>
      <c r="B1689" s="3">
        <f t="shared" si="52"/>
        <v>11</v>
      </c>
      <c r="C1689" s="3">
        <f t="shared" si="53"/>
        <v>2014</v>
      </c>
      <c r="D1689" t="s">
        <v>1482</v>
      </c>
      <c r="E1689" t="s">
        <v>26</v>
      </c>
      <c r="F1689" t="s">
        <v>10</v>
      </c>
      <c r="G1689" t="s">
        <v>11</v>
      </c>
      <c r="H1689" t="s">
        <v>1709</v>
      </c>
      <c r="I1689">
        <v>14.94</v>
      </c>
      <c r="J1689">
        <v>3</v>
      </c>
      <c r="K1689">
        <v>7.02</v>
      </c>
    </row>
    <row r="1690" spans="1:11" x14ac:dyDescent="0.3">
      <c r="A1690" s="1">
        <v>41969</v>
      </c>
      <c r="B1690" s="3">
        <f t="shared" si="52"/>
        <v>11</v>
      </c>
      <c r="C1690" s="3">
        <f t="shared" si="53"/>
        <v>2014</v>
      </c>
      <c r="D1690" t="s">
        <v>1482</v>
      </c>
      <c r="E1690" t="s">
        <v>26</v>
      </c>
      <c r="F1690" t="s">
        <v>10</v>
      </c>
      <c r="G1690" t="s">
        <v>91</v>
      </c>
      <c r="H1690" t="s">
        <v>92</v>
      </c>
      <c r="I1690">
        <v>40.54</v>
      </c>
      <c r="J1690">
        <v>2</v>
      </c>
      <c r="K1690">
        <v>11.35</v>
      </c>
    </row>
    <row r="1691" spans="1:11" x14ac:dyDescent="0.3">
      <c r="A1691" s="1">
        <v>41969</v>
      </c>
      <c r="B1691" s="3">
        <f t="shared" si="52"/>
        <v>11</v>
      </c>
      <c r="C1691" s="3">
        <f t="shared" si="53"/>
        <v>2014</v>
      </c>
      <c r="D1691" t="s">
        <v>1482</v>
      </c>
      <c r="E1691" t="s">
        <v>26</v>
      </c>
      <c r="F1691" t="s">
        <v>10</v>
      </c>
      <c r="G1691" t="s">
        <v>19</v>
      </c>
      <c r="H1691" t="s">
        <v>864</v>
      </c>
      <c r="I1691">
        <v>7.31</v>
      </c>
      <c r="J1691">
        <v>1</v>
      </c>
      <c r="K1691">
        <v>2.56</v>
      </c>
    </row>
    <row r="1692" spans="1:11" x14ac:dyDescent="0.3">
      <c r="A1692" s="1">
        <v>41970</v>
      </c>
      <c r="B1692" s="3">
        <f t="shared" si="52"/>
        <v>11</v>
      </c>
      <c r="C1692" s="3">
        <f t="shared" si="53"/>
        <v>2014</v>
      </c>
      <c r="D1692" t="s">
        <v>901</v>
      </c>
      <c r="E1692" t="s">
        <v>148</v>
      </c>
      <c r="F1692" t="s">
        <v>10</v>
      </c>
      <c r="G1692" t="s">
        <v>42</v>
      </c>
      <c r="H1692" t="s">
        <v>159</v>
      </c>
      <c r="I1692">
        <v>3.76</v>
      </c>
      <c r="J1692">
        <v>2</v>
      </c>
      <c r="K1692">
        <v>1.32</v>
      </c>
    </row>
    <row r="1693" spans="1:11" x14ac:dyDescent="0.3">
      <c r="A1693" s="1">
        <v>41970</v>
      </c>
      <c r="B1693" s="3">
        <f t="shared" si="52"/>
        <v>11</v>
      </c>
      <c r="C1693" s="3">
        <f t="shared" si="53"/>
        <v>2014</v>
      </c>
      <c r="D1693" t="s">
        <v>28</v>
      </c>
      <c r="E1693" t="s">
        <v>148</v>
      </c>
      <c r="F1693" t="s">
        <v>33</v>
      </c>
      <c r="G1693" t="s">
        <v>46</v>
      </c>
      <c r="H1693" t="s">
        <v>1710</v>
      </c>
      <c r="I1693">
        <v>199.9</v>
      </c>
      <c r="J1693">
        <v>5</v>
      </c>
      <c r="K1693">
        <v>39.979999999999997</v>
      </c>
    </row>
    <row r="1694" spans="1:11" x14ac:dyDescent="0.3">
      <c r="A1694" s="1">
        <v>41971</v>
      </c>
      <c r="B1694" s="3">
        <f t="shared" si="52"/>
        <v>11</v>
      </c>
      <c r="C1694" s="3">
        <f t="shared" si="53"/>
        <v>2014</v>
      </c>
      <c r="D1694" t="s">
        <v>1711</v>
      </c>
      <c r="E1694" t="s">
        <v>487</v>
      </c>
      <c r="F1694" t="s">
        <v>10</v>
      </c>
      <c r="G1694" t="s">
        <v>23</v>
      </c>
      <c r="H1694" t="s">
        <v>1712</v>
      </c>
      <c r="I1694">
        <v>14.67</v>
      </c>
      <c r="J1694">
        <v>3</v>
      </c>
      <c r="K1694">
        <v>3.96</v>
      </c>
    </row>
    <row r="1695" spans="1:11" x14ac:dyDescent="0.3">
      <c r="A1695" s="1">
        <v>41971</v>
      </c>
      <c r="B1695" s="3">
        <f t="shared" si="52"/>
        <v>11</v>
      </c>
      <c r="C1695" s="3">
        <f t="shared" si="53"/>
        <v>2014</v>
      </c>
      <c r="D1695" t="s">
        <v>1713</v>
      </c>
      <c r="E1695" t="s">
        <v>148</v>
      </c>
      <c r="F1695" t="s">
        <v>10</v>
      </c>
      <c r="G1695" t="s">
        <v>19</v>
      </c>
      <c r="H1695" t="s">
        <v>95</v>
      </c>
      <c r="I1695">
        <v>17.25</v>
      </c>
      <c r="J1695">
        <v>2</v>
      </c>
      <c r="K1695">
        <v>6.04</v>
      </c>
    </row>
    <row r="1696" spans="1:11" x14ac:dyDescent="0.3">
      <c r="A1696" s="1">
        <v>41971</v>
      </c>
      <c r="B1696" s="3">
        <f t="shared" si="52"/>
        <v>11</v>
      </c>
      <c r="C1696" s="3">
        <f t="shared" si="53"/>
        <v>2014</v>
      </c>
      <c r="D1696" t="s">
        <v>60</v>
      </c>
      <c r="E1696" t="s">
        <v>69</v>
      </c>
      <c r="F1696" t="s">
        <v>33</v>
      </c>
      <c r="G1696" t="s">
        <v>46</v>
      </c>
      <c r="H1696" t="s">
        <v>1714</v>
      </c>
      <c r="I1696">
        <v>397.6</v>
      </c>
      <c r="J1696">
        <v>5</v>
      </c>
      <c r="K1696">
        <v>43.74</v>
      </c>
    </row>
    <row r="1697" spans="1:11" x14ac:dyDescent="0.3">
      <c r="A1697" s="1">
        <v>41971</v>
      </c>
      <c r="B1697" s="3">
        <f t="shared" si="52"/>
        <v>11</v>
      </c>
      <c r="C1697" s="3">
        <f t="shared" si="53"/>
        <v>2014</v>
      </c>
      <c r="D1697" t="s">
        <v>60</v>
      </c>
      <c r="E1697" t="s">
        <v>69</v>
      </c>
      <c r="F1697" t="s">
        <v>10</v>
      </c>
      <c r="G1697" t="s">
        <v>11</v>
      </c>
      <c r="H1697" t="s">
        <v>620</v>
      </c>
      <c r="I1697">
        <v>85.96</v>
      </c>
      <c r="J1697">
        <v>7</v>
      </c>
      <c r="K1697">
        <v>40.4</v>
      </c>
    </row>
    <row r="1698" spans="1:11" x14ac:dyDescent="0.3">
      <c r="A1698" s="1">
        <v>41971</v>
      </c>
      <c r="B1698" s="3">
        <f t="shared" si="52"/>
        <v>11</v>
      </c>
      <c r="C1698" s="3">
        <f t="shared" si="53"/>
        <v>2014</v>
      </c>
      <c r="D1698" t="s">
        <v>60</v>
      </c>
      <c r="E1698" t="s">
        <v>69</v>
      </c>
      <c r="F1698" t="s">
        <v>10</v>
      </c>
      <c r="G1698" t="s">
        <v>23</v>
      </c>
      <c r="H1698" t="s">
        <v>458</v>
      </c>
      <c r="I1698">
        <v>13.12</v>
      </c>
      <c r="J1698">
        <v>4</v>
      </c>
      <c r="K1698">
        <v>4.33</v>
      </c>
    </row>
    <row r="1699" spans="1:11" x14ac:dyDescent="0.3">
      <c r="A1699" s="1">
        <v>41971</v>
      </c>
      <c r="B1699" s="3">
        <f t="shared" si="52"/>
        <v>11</v>
      </c>
      <c r="C1699" s="3">
        <f t="shared" si="53"/>
        <v>2014</v>
      </c>
      <c r="D1699" t="s">
        <v>60</v>
      </c>
      <c r="E1699" t="s">
        <v>69</v>
      </c>
      <c r="F1699" t="s">
        <v>10</v>
      </c>
      <c r="G1699" t="s">
        <v>19</v>
      </c>
      <c r="H1699" t="s">
        <v>329</v>
      </c>
      <c r="I1699">
        <v>45.66</v>
      </c>
      <c r="J1699">
        <v>3</v>
      </c>
      <c r="K1699">
        <v>22.37</v>
      </c>
    </row>
    <row r="1700" spans="1:11" x14ac:dyDescent="0.3">
      <c r="A1700" s="1">
        <v>41971</v>
      </c>
      <c r="B1700" s="3">
        <f t="shared" si="52"/>
        <v>11</v>
      </c>
      <c r="C1700" s="3">
        <f t="shared" si="53"/>
        <v>2014</v>
      </c>
      <c r="D1700" t="s">
        <v>1114</v>
      </c>
      <c r="E1700" t="s">
        <v>26</v>
      </c>
      <c r="F1700" t="s">
        <v>10</v>
      </c>
      <c r="G1700" t="s">
        <v>199</v>
      </c>
      <c r="H1700" t="s">
        <v>806</v>
      </c>
      <c r="I1700">
        <v>7.36</v>
      </c>
      <c r="J1700">
        <v>2</v>
      </c>
      <c r="K1700">
        <v>0.15</v>
      </c>
    </row>
    <row r="1701" spans="1:11" x14ac:dyDescent="0.3">
      <c r="A1701" s="1">
        <v>41971</v>
      </c>
      <c r="B1701" s="3">
        <f t="shared" si="52"/>
        <v>11</v>
      </c>
      <c r="C1701" s="3">
        <f t="shared" si="53"/>
        <v>2014</v>
      </c>
      <c r="D1701" t="s">
        <v>1114</v>
      </c>
      <c r="E1701" t="s">
        <v>26</v>
      </c>
      <c r="F1701" t="s">
        <v>10</v>
      </c>
      <c r="G1701" t="s">
        <v>15</v>
      </c>
      <c r="H1701" t="s">
        <v>1715</v>
      </c>
      <c r="I1701">
        <v>41.4</v>
      </c>
      <c r="J1701">
        <v>4</v>
      </c>
      <c r="K1701">
        <v>19.87</v>
      </c>
    </row>
    <row r="1702" spans="1:11" x14ac:dyDescent="0.3">
      <c r="A1702" s="1">
        <v>41971</v>
      </c>
      <c r="B1702" s="3">
        <f t="shared" si="52"/>
        <v>11</v>
      </c>
      <c r="C1702" s="3">
        <f t="shared" si="53"/>
        <v>2014</v>
      </c>
      <c r="D1702" t="s">
        <v>1114</v>
      </c>
      <c r="E1702" t="s">
        <v>26</v>
      </c>
      <c r="F1702" t="s">
        <v>33</v>
      </c>
      <c r="G1702" t="s">
        <v>73</v>
      </c>
      <c r="H1702" t="s">
        <v>1716</v>
      </c>
      <c r="I1702">
        <v>411.33</v>
      </c>
      <c r="J1702">
        <v>4</v>
      </c>
      <c r="K1702">
        <v>-4.84</v>
      </c>
    </row>
    <row r="1703" spans="1:11" x14ac:dyDescent="0.3">
      <c r="A1703" s="1">
        <v>41971</v>
      </c>
      <c r="B1703" s="3">
        <f t="shared" si="52"/>
        <v>11</v>
      </c>
      <c r="C1703" s="3">
        <f t="shared" si="53"/>
        <v>2014</v>
      </c>
      <c r="D1703" t="s">
        <v>1022</v>
      </c>
      <c r="E1703" t="s">
        <v>26</v>
      </c>
      <c r="F1703" t="s">
        <v>10</v>
      </c>
      <c r="G1703" t="s">
        <v>91</v>
      </c>
      <c r="H1703" t="s">
        <v>763</v>
      </c>
      <c r="I1703">
        <v>43.68</v>
      </c>
      <c r="J1703">
        <v>3</v>
      </c>
      <c r="K1703">
        <v>11.79</v>
      </c>
    </row>
    <row r="1704" spans="1:11" x14ac:dyDescent="0.3">
      <c r="A1704" s="1">
        <v>41971</v>
      </c>
      <c r="B1704" s="3">
        <f t="shared" si="52"/>
        <v>11</v>
      </c>
      <c r="C1704" s="3">
        <f t="shared" si="53"/>
        <v>2014</v>
      </c>
      <c r="D1704" t="s">
        <v>1022</v>
      </c>
      <c r="E1704" t="s">
        <v>26</v>
      </c>
      <c r="F1704" t="s">
        <v>38</v>
      </c>
      <c r="G1704" t="s">
        <v>51</v>
      </c>
      <c r="H1704" t="s">
        <v>1717</v>
      </c>
      <c r="I1704">
        <v>139.93</v>
      </c>
      <c r="J1704">
        <v>7</v>
      </c>
      <c r="K1704">
        <v>34.979999999999997</v>
      </c>
    </row>
    <row r="1705" spans="1:11" x14ac:dyDescent="0.3">
      <c r="A1705" s="1">
        <v>41971</v>
      </c>
      <c r="B1705" s="3">
        <f t="shared" si="52"/>
        <v>11</v>
      </c>
      <c r="C1705" s="3">
        <f t="shared" si="53"/>
        <v>2014</v>
      </c>
      <c r="D1705" t="s">
        <v>1718</v>
      </c>
      <c r="E1705" t="s">
        <v>9</v>
      </c>
      <c r="F1705" t="s">
        <v>38</v>
      </c>
      <c r="G1705" t="s">
        <v>301</v>
      </c>
      <c r="H1705" t="s">
        <v>1216</v>
      </c>
      <c r="I1705">
        <v>998.85</v>
      </c>
      <c r="J1705">
        <v>5</v>
      </c>
      <c r="K1705">
        <v>-199.77</v>
      </c>
    </row>
    <row r="1706" spans="1:11" x14ac:dyDescent="0.3">
      <c r="A1706" s="1">
        <v>41971</v>
      </c>
      <c r="B1706" s="3">
        <f t="shared" si="52"/>
        <v>11</v>
      </c>
      <c r="C1706" s="3">
        <f t="shared" si="53"/>
        <v>2014</v>
      </c>
      <c r="D1706" t="s">
        <v>1719</v>
      </c>
      <c r="E1706" t="s">
        <v>128</v>
      </c>
      <c r="F1706" t="s">
        <v>10</v>
      </c>
      <c r="G1706" t="s">
        <v>62</v>
      </c>
      <c r="H1706" t="s">
        <v>1720</v>
      </c>
      <c r="I1706">
        <v>64.02</v>
      </c>
      <c r="J1706">
        <v>6</v>
      </c>
      <c r="K1706">
        <v>29.45</v>
      </c>
    </row>
    <row r="1707" spans="1:11" x14ac:dyDescent="0.3">
      <c r="A1707" s="1">
        <v>41972</v>
      </c>
      <c r="B1707" s="3">
        <f t="shared" si="52"/>
        <v>11</v>
      </c>
      <c r="C1707" s="3">
        <f t="shared" si="53"/>
        <v>2014</v>
      </c>
      <c r="D1707" t="s">
        <v>838</v>
      </c>
      <c r="E1707" t="s">
        <v>22</v>
      </c>
      <c r="F1707" t="s">
        <v>10</v>
      </c>
      <c r="G1707" t="s">
        <v>15</v>
      </c>
      <c r="H1707" t="s">
        <v>581</v>
      </c>
      <c r="I1707">
        <v>5.04</v>
      </c>
      <c r="J1707">
        <v>2</v>
      </c>
      <c r="K1707">
        <v>1.76</v>
      </c>
    </row>
    <row r="1708" spans="1:11" x14ac:dyDescent="0.3">
      <c r="A1708" s="1">
        <v>41972</v>
      </c>
      <c r="B1708" s="3">
        <f t="shared" si="52"/>
        <v>11</v>
      </c>
      <c r="C1708" s="3">
        <f t="shared" si="53"/>
        <v>2014</v>
      </c>
      <c r="D1708" t="s">
        <v>1721</v>
      </c>
      <c r="E1708" t="s">
        <v>14</v>
      </c>
      <c r="F1708" t="s">
        <v>10</v>
      </c>
      <c r="G1708" t="s">
        <v>42</v>
      </c>
      <c r="H1708" t="s">
        <v>159</v>
      </c>
      <c r="I1708">
        <v>12.62</v>
      </c>
      <c r="J1708">
        <v>2</v>
      </c>
      <c r="K1708">
        <v>3.95</v>
      </c>
    </row>
    <row r="1709" spans="1:11" x14ac:dyDescent="0.3">
      <c r="A1709" s="1">
        <v>41972</v>
      </c>
      <c r="B1709" s="3">
        <f t="shared" si="52"/>
        <v>11</v>
      </c>
      <c r="C1709" s="3">
        <f t="shared" si="53"/>
        <v>2014</v>
      </c>
      <c r="D1709" t="s">
        <v>1722</v>
      </c>
      <c r="E1709" t="s">
        <v>26</v>
      </c>
      <c r="F1709" t="s">
        <v>38</v>
      </c>
      <c r="G1709" t="s">
        <v>39</v>
      </c>
      <c r="H1709" t="s">
        <v>897</v>
      </c>
      <c r="I1709">
        <v>575.91999999999996</v>
      </c>
      <c r="J1709">
        <v>2</v>
      </c>
      <c r="K1709">
        <v>71.989999999999995</v>
      </c>
    </row>
    <row r="1710" spans="1:11" x14ac:dyDescent="0.3">
      <c r="A1710" s="1">
        <v>41972</v>
      </c>
      <c r="B1710" s="3">
        <f t="shared" si="52"/>
        <v>11</v>
      </c>
      <c r="C1710" s="3">
        <f t="shared" si="53"/>
        <v>2014</v>
      </c>
      <c r="D1710" t="s">
        <v>1722</v>
      </c>
      <c r="E1710" t="s">
        <v>26</v>
      </c>
      <c r="F1710" t="s">
        <v>10</v>
      </c>
      <c r="G1710" t="s">
        <v>42</v>
      </c>
      <c r="H1710" t="s">
        <v>159</v>
      </c>
      <c r="I1710">
        <v>30.4</v>
      </c>
      <c r="J1710">
        <v>5</v>
      </c>
      <c r="K1710">
        <v>15.2</v>
      </c>
    </row>
    <row r="1711" spans="1:11" x14ac:dyDescent="0.3">
      <c r="A1711" s="1">
        <v>41972</v>
      </c>
      <c r="B1711" s="3">
        <f t="shared" si="52"/>
        <v>11</v>
      </c>
      <c r="C1711" s="3">
        <f t="shared" si="53"/>
        <v>2014</v>
      </c>
      <c r="D1711" t="s">
        <v>952</v>
      </c>
      <c r="E1711" t="s">
        <v>148</v>
      </c>
      <c r="F1711" t="s">
        <v>10</v>
      </c>
      <c r="G1711" t="s">
        <v>15</v>
      </c>
      <c r="H1711" t="s">
        <v>1024</v>
      </c>
      <c r="I1711">
        <v>25.06</v>
      </c>
      <c r="J1711">
        <v>2</v>
      </c>
      <c r="K1711">
        <v>11.78</v>
      </c>
    </row>
    <row r="1712" spans="1:11" x14ac:dyDescent="0.3">
      <c r="A1712" s="1">
        <v>41973</v>
      </c>
      <c r="B1712" s="3">
        <f t="shared" si="52"/>
        <v>11</v>
      </c>
      <c r="C1712" s="3">
        <f t="shared" si="53"/>
        <v>2014</v>
      </c>
      <c r="D1712" t="s">
        <v>1616</v>
      </c>
      <c r="E1712" t="s">
        <v>148</v>
      </c>
      <c r="F1712" t="s">
        <v>10</v>
      </c>
      <c r="G1712" t="s">
        <v>62</v>
      </c>
      <c r="H1712" t="s">
        <v>1723</v>
      </c>
      <c r="I1712">
        <v>62.28</v>
      </c>
      <c r="J1712">
        <v>4</v>
      </c>
      <c r="K1712">
        <v>29.27</v>
      </c>
    </row>
    <row r="1713" spans="1:11" x14ac:dyDescent="0.3">
      <c r="A1713" s="1">
        <v>41973</v>
      </c>
      <c r="B1713" s="3">
        <f t="shared" si="52"/>
        <v>11</v>
      </c>
      <c r="C1713" s="3">
        <f t="shared" si="53"/>
        <v>2014</v>
      </c>
      <c r="D1713" t="s">
        <v>683</v>
      </c>
      <c r="E1713" t="s">
        <v>122</v>
      </c>
      <c r="F1713" t="s">
        <v>10</v>
      </c>
      <c r="G1713" t="s">
        <v>19</v>
      </c>
      <c r="H1713" t="s">
        <v>1576</v>
      </c>
      <c r="I1713">
        <v>6.64</v>
      </c>
      <c r="J1713">
        <v>9</v>
      </c>
      <c r="K1713">
        <v>-4.43</v>
      </c>
    </row>
    <row r="1714" spans="1:11" x14ac:dyDescent="0.3">
      <c r="A1714" s="1">
        <v>41973</v>
      </c>
      <c r="B1714" s="3">
        <f t="shared" si="52"/>
        <v>11</v>
      </c>
      <c r="C1714" s="3">
        <f t="shared" si="53"/>
        <v>2014</v>
      </c>
      <c r="D1714" t="s">
        <v>952</v>
      </c>
      <c r="E1714" t="s">
        <v>94</v>
      </c>
      <c r="F1714" t="s">
        <v>10</v>
      </c>
      <c r="G1714" t="s">
        <v>199</v>
      </c>
      <c r="H1714" t="s">
        <v>781</v>
      </c>
      <c r="I1714">
        <v>47.99</v>
      </c>
      <c r="J1714">
        <v>7</v>
      </c>
      <c r="K1714">
        <v>3.6</v>
      </c>
    </row>
    <row r="1715" spans="1:11" x14ac:dyDescent="0.3">
      <c r="A1715" s="1">
        <v>41973</v>
      </c>
      <c r="B1715" s="3">
        <f t="shared" si="52"/>
        <v>11</v>
      </c>
      <c r="C1715" s="3">
        <f t="shared" si="53"/>
        <v>2014</v>
      </c>
      <c r="D1715" t="s">
        <v>952</v>
      </c>
      <c r="E1715" t="s">
        <v>94</v>
      </c>
      <c r="F1715" t="s">
        <v>38</v>
      </c>
      <c r="G1715" t="s">
        <v>51</v>
      </c>
      <c r="H1715" t="s">
        <v>1724</v>
      </c>
      <c r="I1715">
        <v>102.24</v>
      </c>
      <c r="J1715">
        <v>4</v>
      </c>
      <c r="K1715">
        <v>-16.61</v>
      </c>
    </row>
    <row r="1716" spans="1:11" x14ac:dyDescent="0.3">
      <c r="A1716" s="1">
        <v>41974</v>
      </c>
      <c r="B1716" s="3">
        <f t="shared" si="52"/>
        <v>12</v>
      </c>
      <c r="C1716" s="3">
        <f t="shared" si="53"/>
        <v>2014</v>
      </c>
      <c r="D1716" t="s">
        <v>711</v>
      </c>
      <c r="E1716" t="s">
        <v>156</v>
      </c>
      <c r="F1716" t="s">
        <v>33</v>
      </c>
      <c r="G1716" t="s">
        <v>34</v>
      </c>
      <c r="H1716" t="s">
        <v>1725</v>
      </c>
      <c r="I1716">
        <v>2807.84</v>
      </c>
      <c r="J1716">
        <v>8</v>
      </c>
      <c r="K1716">
        <v>673.88</v>
      </c>
    </row>
    <row r="1717" spans="1:11" x14ac:dyDescent="0.3">
      <c r="A1717" s="1">
        <v>41974</v>
      </c>
      <c r="B1717" s="3">
        <f t="shared" si="52"/>
        <v>12</v>
      </c>
      <c r="C1717" s="3">
        <f t="shared" si="53"/>
        <v>2014</v>
      </c>
      <c r="D1717" t="s">
        <v>711</v>
      </c>
      <c r="E1717" t="s">
        <v>156</v>
      </c>
      <c r="F1717" t="s">
        <v>10</v>
      </c>
      <c r="G1717" t="s">
        <v>23</v>
      </c>
      <c r="H1717" t="s">
        <v>876</v>
      </c>
      <c r="I1717">
        <v>46.64</v>
      </c>
      <c r="J1717">
        <v>4</v>
      </c>
      <c r="K1717">
        <v>12.59</v>
      </c>
    </row>
    <row r="1718" spans="1:11" x14ac:dyDescent="0.3">
      <c r="A1718" s="1">
        <v>41974</v>
      </c>
      <c r="B1718" s="3">
        <f t="shared" si="52"/>
        <v>12</v>
      </c>
      <c r="C1718" s="3">
        <f t="shared" si="53"/>
        <v>2014</v>
      </c>
      <c r="D1718" t="s">
        <v>1726</v>
      </c>
      <c r="E1718" t="s">
        <v>26</v>
      </c>
      <c r="F1718" t="s">
        <v>33</v>
      </c>
      <c r="G1718" t="s">
        <v>46</v>
      </c>
      <c r="H1718" t="s">
        <v>1727</v>
      </c>
      <c r="I1718">
        <v>58.2</v>
      </c>
      <c r="J1718">
        <v>3</v>
      </c>
      <c r="K1718">
        <v>28.52</v>
      </c>
    </row>
    <row r="1719" spans="1:11" x14ac:dyDescent="0.3">
      <c r="A1719" s="1">
        <v>41974</v>
      </c>
      <c r="B1719" s="3">
        <f t="shared" si="52"/>
        <v>12</v>
      </c>
      <c r="C1719" s="3">
        <f t="shared" si="53"/>
        <v>2014</v>
      </c>
      <c r="D1719" t="s">
        <v>852</v>
      </c>
      <c r="E1719" t="s">
        <v>244</v>
      </c>
      <c r="F1719" t="s">
        <v>38</v>
      </c>
      <c r="G1719" t="s">
        <v>39</v>
      </c>
      <c r="H1719" t="s">
        <v>1728</v>
      </c>
      <c r="I1719">
        <v>95.97</v>
      </c>
      <c r="J1719">
        <v>4</v>
      </c>
      <c r="K1719">
        <v>9.6</v>
      </c>
    </row>
    <row r="1720" spans="1:11" x14ac:dyDescent="0.3">
      <c r="A1720" s="1">
        <v>41974</v>
      </c>
      <c r="B1720" s="3">
        <f t="shared" si="52"/>
        <v>12</v>
      </c>
      <c r="C1720" s="3">
        <f t="shared" si="53"/>
        <v>2014</v>
      </c>
      <c r="D1720" t="s">
        <v>1651</v>
      </c>
      <c r="E1720" t="s">
        <v>77</v>
      </c>
      <c r="F1720" t="s">
        <v>38</v>
      </c>
      <c r="G1720" t="s">
        <v>602</v>
      </c>
      <c r="H1720" t="s">
        <v>1088</v>
      </c>
      <c r="I1720">
        <v>659.99</v>
      </c>
      <c r="J1720">
        <v>2</v>
      </c>
      <c r="K1720">
        <v>110</v>
      </c>
    </row>
    <row r="1721" spans="1:11" x14ac:dyDescent="0.3">
      <c r="A1721" s="1">
        <v>41974</v>
      </c>
      <c r="B1721" s="3">
        <f t="shared" si="52"/>
        <v>12</v>
      </c>
      <c r="C1721" s="3">
        <f t="shared" si="53"/>
        <v>2014</v>
      </c>
      <c r="D1721" t="s">
        <v>1651</v>
      </c>
      <c r="E1721" t="s">
        <v>77</v>
      </c>
      <c r="F1721" t="s">
        <v>33</v>
      </c>
      <c r="G1721" t="s">
        <v>46</v>
      </c>
      <c r="H1721" t="s">
        <v>213</v>
      </c>
      <c r="I1721">
        <v>8.1300000000000008</v>
      </c>
      <c r="J1721">
        <v>2</v>
      </c>
      <c r="K1721">
        <v>1.42</v>
      </c>
    </row>
    <row r="1722" spans="1:11" x14ac:dyDescent="0.3">
      <c r="A1722" s="1">
        <v>41974</v>
      </c>
      <c r="B1722" s="3">
        <f t="shared" si="52"/>
        <v>12</v>
      </c>
      <c r="C1722" s="3">
        <f t="shared" si="53"/>
        <v>2014</v>
      </c>
      <c r="D1722" t="s">
        <v>1651</v>
      </c>
      <c r="E1722" t="s">
        <v>77</v>
      </c>
      <c r="F1722" t="s">
        <v>10</v>
      </c>
      <c r="G1722" t="s">
        <v>11</v>
      </c>
      <c r="H1722" t="s">
        <v>1729</v>
      </c>
      <c r="I1722">
        <v>36.29</v>
      </c>
      <c r="J1722">
        <v>7</v>
      </c>
      <c r="K1722">
        <v>12.7</v>
      </c>
    </row>
    <row r="1723" spans="1:11" x14ac:dyDescent="0.3">
      <c r="A1723" s="1">
        <v>41974</v>
      </c>
      <c r="B1723" s="3">
        <f t="shared" si="52"/>
        <v>12</v>
      </c>
      <c r="C1723" s="3">
        <f t="shared" si="53"/>
        <v>2014</v>
      </c>
      <c r="D1723" t="s">
        <v>1651</v>
      </c>
      <c r="E1723" t="s">
        <v>77</v>
      </c>
      <c r="F1723" t="s">
        <v>33</v>
      </c>
      <c r="G1723" t="s">
        <v>34</v>
      </c>
      <c r="H1723" t="s">
        <v>659</v>
      </c>
      <c r="I1723">
        <v>909.72</v>
      </c>
      <c r="J1723">
        <v>6</v>
      </c>
      <c r="K1723">
        <v>-51.98</v>
      </c>
    </row>
    <row r="1724" spans="1:11" x14ac:dyDescent="0.3">
      <c r="A1724" s="1">
        <v>41974</v>
      </c>
      <c r="B1724" s="3">
        <f t="shared" si="52"/>
        <v>12</v>
      </c>
      <c r="C1724" s="3">
        <f t="shared" si="53"/>
        <v>2014</v>
      </c>
      <c r="D1724" t="s">
        <v>345</v>
      </c>
      <c r="E1724" t="s">
        <v>9</v>
      </c>
      <c r="F1724" t="s">
        <v>33</v>
      </c>
      <c r="G1724" t="s">
        <v>34</v>
      </c>
      <c r="H1724" t="s">
        <v>1730</v>
      </c>
      <c r="I1724">
        <v>674.06</v>
      </c>
      <c r="J1724">
        <v>3</v>
      </c>
      <c r="K1724">
        <v>-19.260000000000002</v>
      </c>
    </row>
    <row r="1725" spans="1:11" x14ac:dyDescent="0.3">
      <c r="A1725" s="1">
        <v>41974</v>
      </c>
      <c r="B1725" s="3">
        <f t="shared" si="52"/>
        <v>12</v>
      </c>
      <c r="C1725" s="3">
        <f t="shared" si="53"/>
        <v>2014</v>
      </c>
      <c r="D1725" t="s">
        <v>860</v>
      </c>
      <c r="E1725" t="s">
        <v>433</v>
      </c>
      <c r="F1725" t="s">
        <v>38</v>
      </c>
      <c r="G1725" t="s">
        <v>39</v>
      </c>
      <c r="H1725" t="s">
        <v>1538</v>
      </c>
      <c r="I1725">
        <v>271.89999999999998</v>
      </c>
      <c r="J1725">
        <v>2</v>
      </c>
      <c r="K1725">
        <v>78.849999999999994</v>
      </c>
    </row>
    <row r="1726" spans="1:11" x14ac:dyDescent="0.3">
      <c r="A1726" s="1">
        <v>41974</v>
      </c>
      <c r="B1726" s="3">
        <f t="shared" si="52"/>
        <v>12</v>
      </c>
      <c r="C1726" s="3">
        <f t="shared" si="53"/>
        <v>2014</v>
      </c>
      <c r="D1726" t="s">
        <v>860</v>
      </c>
      <c r="E1726" t="s">
        <v>433</v>
      </c>
      <c r="F1726" t="s">
        <v>33</v>
      </c>
      <c r="G1726" t="s">
        <v>46</v>
      </c>
      <c r="H1726" t="s">
        <v>1731</v>
      </c>
      <c r="I1726">
        <v>45.84</v>
      </c>
      <c r="J1726">
        <v>3</v>
      </c>
      <c r="K1726">
        <v>15.59</v>
      </c>
    </row>
    <row r="1727" spans="1:11" x14ac:dyDescent="0.3">
      <c r="A1727" s="1">
        <v>41974</v>
      </c>
      <c r="B1727" s="3">
        <f t="shared" si="52"/>
        <v>12</v>
      </c>
      <c r="C1727" s="3">
        <f t="shared" si="53"/>
        <v>2014</v>
      </c>
      <c r="D1727" t="s">
        <v>860</v>
      </c>
      <c r="E1727" t="s">
        <v>433</v>
      </c>
      <c r="F1727" t="s">
        <v>33</v>
      </c>
      <c r="G1727" t="s">
        <v>46</v>
      </c>
      <c r="H1727" t="s">
        <v>116</v>
      </c>
      <c r="I1727">
        <v>9.82</v>
      </c>
      <c r="J1727">
        <v>2</v>
      </c>
      <c r="K1727">
        <v>3.24</v>
      </c>
    </row>
    <row r="1728" spans="1:11" x14ac:dyDescent="0.3">
      <c r="A1728" s="1">
        <v>41975</v>
      </c>
      <c r="B1728" s="3">
        <f t="shared" si="52"/>
        <v>12</v>
      </c>
      <c r="C1728" s="3">
        <f t="shared" si="53"/>
        <v>2014</v>
      </c>
      <c r="D1728" t="s">
        <v>1732</v>
      </c>
      <c r="E1728" t="s">
        <v>148</v>
      </c>
      <c r="F1728" t="s">
        <v>38</v>
      </c>
      <c r="G1728" t="s">
        <v>51</v>
      </c>
      <c r="H1728" t="s">
        <v>83</v>
      </c>
      <c r="I1728">
        <v>119.96</v>
      </c>
      <c r="J1728">
        <v>4</v>
      </c>
      <c r="K1728">
        <v>52.78</v>
      </c>
    </row>
    <row r="1729" spans="1:11" x14ac:dyDescent="0.3">
      <c r="A1729" s="1">
        <v>41975</v>
      </c>
      <c r="B1729" s="3">
        <f t="shared" si="52"/>
        <v>12</v>
      </c>
      <c r="C1729" s="3">
        <f t="shared" si="53"/>
        <v>2014</v>
      </c>
      <c r="D1729" t="s">
        <v>1732</v>
      </c>
      <c r="E1729" t="s">
        <v>148</v>
      </c>
      <c r="F1729" t="s">
        <v>33</v>
      </c>
      <c r="G1729" t="s">
        <v>73</v>
      </c>
      <c r="H1729" t="s">
        <v>776</v>
      </c>
      <c r="I1729">
        <v>883.92</v>
      </c>
      <c r="J1729">
        <v>5</v>
      </c>
      <c r="K1729">
        <v>-110.49</v>
      </c>
    </row>
    <row r="1730" spans="1:11" x14ac:dyDescent="0.3">
      <c r="A1730" s="1">
        <v>41975</v>
      </c>
      <c r="B1730" s="3">
        <f t="shared" ref="B1730:B1793" si="54">MONTH(A:A)</f>
        <v>12</v>
      </c>
      <c r="C1730" s="3">
        <f t="shared" ref="C1730:C1793" si="55">YEAR(A:A)</f>
        <v>2014</v>
      </c>
      <c r="D1730" t="s">
        <v>1732</v>
      </c>
      <c r="E1730" t="s">
        <v>148</v>
      </c>
      <c r="F1730" t="s">
        <v>10</v>
      </c>
      <c r="G1730" t="s">
        <v>19</v>
      </c>
      <c r="H1730" t="s">
        <v>1224</v>
      </c>
      <c r="I1730">
        <v>46.72</v>
      </c>
      <c r="J1730">
        <v>8</v>
      </c>
      <c r="K1730">
        <v>15.77</v>
      </c>
    </row>
    <row r="1731" spans="1:11" x14ac:dyDescent="0.3">
      <c r="A1731" s="1">
        <v>41975</v>
      </c>
      <c r="B1731" s="3">
        <f t="shared" si="54"/>
        <v>12</v>
      </c>
      <c r="C1731" s="3">
        <f t="shared" si="55"/>
        <v>2014</v>
      </c>
      <c r="D1731" t="s">
        <v>1733</v>
      </c>
      <c r="E1731" t="s">
        <v>9</v>
      </c>
      <c r="F1731" t="s">
        <v>33</v>
      </c>
      <c r="G1731" t="s">
        <v>46</v>
      </c>
      <c r="H1731" t="s">
        <v>1390</v>
      </c>
      <c r="I1731">
        <v>58.36</v>
      </c>
      <c r="J1731">
        <v>5</v>
      </c>
      <c r="K1731">
        <v>-24.8</v>
      </c>
    </row>
    <row r="1732" spans="1:11" x14ac:dyDescent="0.3">
      <c r="A1732" s="1">
        <v>41975</v>
      </c>
      <c r="B1732" s="3">
        <f t="shared" si="54"/>
        <v>12</v>
      </c>
      <c r="C1732" s="3">
        <f t="shared" si="55"/>
        <v>2014</v>
      </c>
      <c r="D1732" t="s">
        <v>1733</v>
      </c>
      <c r="E1732" t="s">
        <v>9</v>
      </c>
      <c r="F1732" t="s">
        <v>10</v>
      </c>
      <c r="G1732" t="s">
        <v>23</v>
      </c>
      <c r="H1732" t="s">
        <v>1568</v>
      </c>
      <c r="I1732">
        <v>16.46</v>
      </c>
      <c r="J1732">
        <v>7</v>
      </c>
      <c r="K1732">
        <v>1.44</v>
      </c>
    </row>
    <row r="1733" spans="1:11" x14ac:dyDescent="0.3">
      <c r="A1733" s="1">
        <v>41975</v>
      </c>
      <c r="B1733" s="3">
        <f t="shared" si="54"/>
        <v>12</v>
      </c>
      <c r="C1733" s="3">
        <f t="shared" si="55"/>
        <v>2014</v>
      </c>
      <c r="D1733" t="s">
        <v>1733</v>
      </c>
      <c r="E1733" t="s">
        <v>9</v>
      </c>
      <c r="F1733" t="s">
        <v>33</v>
      </c>
      <c r="G1733" t="s">
        <v>46</v>
      </c>
      <c r="H1733" t="s">
        <v>1734</v>
      </c>
      <c r="I1733">
        <v>39.96</v>
      </c>
      <c r="J1733">
        <v>5</v>
      </c>
      <c r="K1733">
        <v>-23.98</v>
      </c>
    </row>
    <row r="1734" spans="1:11" x14ac:dyDescent="0.3">
      <c r="A1734" s="1">
        <v>41975</v>
      </c>
      <c r="B1734" s="3">
        <f t="shared" si="54"/>
        <v>12</v>
      </c>
      <c r="C1734" s="3">
        <f t="shared" si="55"/>
        <v>2014</v>
      </c>
      <c r="D1734" t="s">
        <v>1735</v>
      </c>
      <c r="E1734" t="s">
        <v>77</v>
      </c>
      <c r="F1734" t="s">
        <v>38</v>
      </c>
      <c r="G1734" t="s">
        <v>51</v>
      </c>
      <c r="H1734" t="s">
        <v>1736</v>
      </c>
      <c r="I1734">
        <v>119.8</v>
      </c>
      <c r="J1734">
        <v>5</v>
      </c>
      <c r="K1734">
        <v>29.95</v>
      </c>
    </row>
    <row r="1735" spans="1:11" x14ac:dyDescent="0.3">
      <c r="A1735" s="1">
        <v>41975</v>
      </c>
      <c r="B1735" s="3">
        <f t="shared" si="54"/>
        <v>12</v>
      </c>
      <c r="C1735" s="3">
        <f t="shared" si="55"/>
        <v>2014</v>
      </c>
      <c r="D1735" t="s">
        <v>1737</v>
      </c>
      <c r="E1735" t="s">
        <v>14</v>
      </c>
      <c r="F1735" t="s">
        <v>10</v>
      </c>
      <c r="G1735" t="s">
        <v>91</v>
      </c>
      <c r="H1735" t="s">
        <v>657</v>
      </c>
      <c r="I1735">
        <v>2.39</v>
      </c>
      <c r="J1735">
        <v>1</v>
      </c>
      <c r="K1735">
        <v>-6.34</v>
      </c>
    </row>
    <row r="1736" spans="1:11" x14ac:dyDescent="0.3">
      <c r="A1736" s="1">
        <v>41975</v>
      </c>
      <c r="B1736" s="3">
        <f t="shared" si="54"/>
        <v>12</v>
      </c>
      <c r="C1736" s="3">
        <f t="shared" si="55"/>
        <v>2014</v>
      </c>
      <c r="D1736" t="s">
        <v>1288</v>
      </c>
      <c r="E1736" t="s">
        <v>530</v>
      </c>
      <c r="F1736" t="s">
        <v>33</v>
      </c>
      <c r="G1736" t="s">
        <v>46</v>
      </c>
      <c r="H1736" t="s">
        <v>1738</v>
      </c>
      <c r="I1736">
        <v>60.72</v>
      </c>
      <c r="J1736">
        <v>3</v>
      </c>
      <c r="K1736">
        <v>23.68</v>
      </c>
    </row>
    <row r="1737" spans="1:11" x14ac:dyDescent="0.3">
      <c r="A1737" s="1">
        <v>41975</v>
      </c>
      <c r="B1737" s="3">
        <f t="shared" si="54"/>
        <v>12</v>
      </c>
      <c r="C1737" s="3">
        <f t="shared" si="55"/>
        <v>2014</v>
      </c>
      <c r="D1737" t="s">
        <v>1288</v>
      </c>
      <c r="E1737" t="s">
        <v>530</v>
      </c>
      <c r="F1737" t="s">
        <v>10</v>
      </c>
      <c r="G1737" t="s">
        <v>11</v>
      </c>
      <c r="H1737" t="s">
        <v>1293</v>
      </c>
      <c r="I1737">
        <v>146.82</v>
      </c>
      <c r="J1737">
        <v>3</v>
      </c>
      <c r="K1737">
        <v>73.41</v>
      </c>
    </row>
    <row r="1738" spans="1:11" x14ac:dyDescent="0.3">
      <c r="A1738" s="1">
        <v>41975</v>
      </c>
      <c r="B1738" s="3">
        <f t="shared" si="54"/>
        <v>12</v>
      </c>
      <c r="C1738" s="3">
        <f t="shared" si="55"/>
        <v>2014</v>
      </c>
      <c r="D1738" t="s">
        <v>1288</v>
      </c>
      <c r="E1738" t="s">
        <v>530</v>
      </c>
      <c r="F1738" t="s">
        <v>33</v>
      </c>
      <c r="G1738" t="s">
        <v>34</v>
      </c>
      <c r="H1738" t="s">
        <v>1574</v>
      </c>
      <c r="I1738">
        <v>239.84</v>
      </c>
      <c r="J1738">
        <v>8</v>
      </c>
      <c r="K1738">
        <v>64.760000000000005</v>
      </c>
    </row>
    <row r="1739" spans="1:11" x14ac:dyDescent="0.3">
      <c r="A1739" s="1">
        <v>41975</v>
      </c>
      <c r="B1739" s="3">
        <f t="shared" si="54"/>
        <v>12</v>
      </c>
      <c r="C1739" s="3">
        <f t="shared" si="55"/>
        <v>2014</v>
      </c>
      <c r="D1739" t="s">
        <v>1288</v>
      </c>
      <c r="E1739" t="s">
        <v>530</v>
      </c>
      <c r="F1739" t="s">
        <v>10</v>
      </c>
      <c r="G1739" t="s">
        <v>15</v>
      </c>
      <c r="H1739" t="s">
        <v>1739</v>
      </c>
      <c r="I1739">
        <v>15.66</v>
      </c>
      <c r="J1739">
        <v>6</v>
      </c>
      <c r="K1739">
        <v>7.2</v>
      </c>
    </row>
    <row r="1740" spans="1:11" x14ac:dyDescent="0.3">
      <c r="A1740" s="1">
        <v>41975</v>
      </c>
      <c r="B1740" s="3">
        <f t="shared" si="54"/>
        <v>12</v>
      </c>
      <c r="C1740" s="3">
        <f t="shared" si="55"/>
        <v>2014</v>
      </c>
      <c r="D1740" t="s">
        <v>1740</v>
      </c>
      <c r="E1740" t="s">
        <v>29</v>
      </c>
      <c r="F1740" t="s">
        <v>38</v>
      </c>
      <c r="G1740" t="s">
        <v>51</v>
      </c>
      <c r="H1740" t="s">
        <v>1741</v>
      </c>
      <c r="I1740">
        <v>5.95</v>
      </c>
      <c r="J1740">
        <v>1</v>
      </c>
      <c r="K1740">
        <v>0.83</v>
      </c>
    </row>
    <row r="1741" spans="1:11" x14ac:dyDescent="0.3">
      <c r="A1741" s="1">
        <v>41975</v>
      </c>
      <c r="B1741" s="3">
        <f t="shared" si="54"/>
        <v>12</v>
      </c>
      <c r="C1741" s="3">
        <f t="shared" si="55"/>
        <v>2014</v>
      </c>
      <c r="D1741" t="s">
        <v>1740</v>
      </c>
      <c r="E1741" t="s">
        <v>29</v>
      </c>
      <c r="F1741" t="s">
        <v>10</v>
      </c>
      <c r="G1741" t="s">
        <v>11</v>
      </c>
      <c r="H1741" t="s">
        <v>1530</v>
      </c>
      <c r="I1741">
        <v>15.24</v>
      </c>
      <c r="J1741">
        <v>3</v>
      </c>
      <c r="K1741">
        <v>7.16</v>
      </c>
    </row>
    <row r="1742" spans="1:11" x14ac:dyDescent="0.3">
      <c r="A1742" s="1">
        <v>41976</v>
      </c>
      <c r="B1742" s="3">
        <f t="shared" si="54"/>
        <v>12</v>
      </c>
      <c r="C1742" s="3">
        <f t="shared" si="55"/>
        <v>2014</v>
      </c>
      <c r="D1742" t="s">
        <v>1686</v>
      </c>
      <c r="E1742" t="s">
        <v>839</v>
      </c>
      <c r="F1742" t="s">
        <v>38</v>
      </c>
      <c r="G1742" t="s">
        <v>39</v>
      </c>
      <c r="H1742" t="s">
        <v>1742</v>
      </c>
      <c r="I1742">
        <v>479.96</v>
      </c>
      <c r="J1742">
        <v>4</v>
      </c>
      <c r="K1742">
        <v>134.38999999999999</v>
      </c>
    </row>
    <row r="1743" spans="1:11" x14ac:dyDescent="0.3">
      <c r="A1743" s="1">
        <v>41976</v>
      </c>
      <c r="B1743" s="3">
        <f t="shared" si="54"/>
        <v>12</v>
      </c>
      <c r="C1743" s="3">
        <f t="shared" si="55"/>
        <v>2014</v>
      </c>
      <c r="D1743" t="s">
        <v>1719</v>
      </c>
      <c r="E1743" t="s">
        <v>185</v>
      </c>
      <c r="F1743" t="s">
        <v>10</v>
      </c>
      <c r="G1743" t="s">
        <v>11</v>
      </c>
      <c r="H1743" t="s">
        <v>1729</v>
      </c>
      <c r="I1743">
        <v>25.92</v>
      </c>
      <c r="J1743">
        <v>4</v>
      </c>
      <c r="K1743">
        <v>12.44</v>
      </c>
    </row>
    <row r="1744" spans="1:11" x14ac:dyDescent="0.3">
      <c r="A1744" s="1">
        <v>41977</v>
      </c>
      <c r="B1744" s="3">
        <f t="shared" si="54"/>
        <v>12</v>
      </c>
      <c r="C1744" s="3">
        <f t="shared" si="55"/>
        <v>2014</v>
      </c>
      <c r="D1744" t="s">
        <v>1743</v>
      </c>
      <c r="E1744" t="s">
        <v>148</v>
      </c>
      <c r="F1744" t="s">
        <v>38</v>
      </c>
      <c r="G1744" t="s">
        <v>39</v>
      </c>
      <c r="H1744" t="s">
        <v>1536</v>
      </c>
      <c r="I1744">
        <v>129.97999999999999</v>
      </c>
      <c r="J1744">
        <v>2</v>
      </c>
      <c r="K1744">
        <v>62.39</v>
      </c>
    </row>
    <row r="1745" spans="1:11" x14ac:dyDescent="0.3">
      <c r="A1745" s="1">
        <v>41978</v>
      </c>
      <c r="B1745" s="3">
        <f t="shared" si="54"/>
        <v>12</v>
      </c>
      <c r="C1745" s="3">
        <f t="shared" si="55"/>
        <v>2014</v>
      </c>
      <c r="D1745" t="s">
        <v>80</v>
      </c>
      <c r="E1745" t="s">
        <v>94</v>
      </c>
      <c r="F1745" t="s">
        <v>10</v>
      </c>
      <c r="G1745" t="s">
        <v>23</v>
      </c>
      <c r="H1745" t="s">
        <v>1744</v>
      </c>
      <c r="I1745">
        <v>1113.02</v>
      </c>
      <c r="J1745">
        <v>8</v>
      </c>
      <c r="K1745">
        <v>111.3</v>
      </c>
    </row>
    <row r="1746" spans="1:11" x14ac:dyDescent="0.3">
      <c r="A1746" s="1">
        <v>41978</v>
      </c>
      <c r="B1746" s="3">
        <f t="shared" si="54"/>
        <v>12</v>
      </c>
      <c r="C1746" s="3">
        <f t="shared" si="55"/>
        <v>2014</v>
      </c>
      <c r="D1746" t="s">
        <v>80</v>
      </c>
      <c r="E1746" t="s">
        <v>94</v>
      </c>
      <c r="F1746" t="s">
        <v>38</v>
      </c>
      <c r="G1746" t="s">
        <v>39</v>
      </c>
      <c r="H1746" t="s">
        <v>720</v>
      </c>
      <c r="I1746">
        <v>167.97</v>
      </c>
      <c r="J1746">
        <v>4</v>
      </c>
      <c r="K1746">
        <v>62.99</v>
      </c>
    </row>
    <row r="1747" spans="1:11" x14ac:dyDescent="0.3">
      <c r="A1747" s="1">
        <v>41978</v>
      </c>
      <c r="B1747" s="3">
        <f t="shared" si="54"/>
        <v>12</v>
      </c>
      <c r="C1747" s="3">
        <f t="shared" si="55"/>
        <v>2014</v>
      </c>
      <c r="D1747" t="s">
        <v>1745</v>
      </c>
      <c r="E1747" t="s">
        <v>14</v>
      </c>
      <c r="F1747" t="s">
        <v>10</v>
      </c>
      <c r="G1747" t="s">
        <v>17</v>
      </c>
      <c r="H1747" t="s">
        <v>462</v>
      </c>
      <c r="I1747">
        <v>24.82</v>
      </c>
      <c r="J1747">
        <v>2</v>
      </c>
      <c r="K1747">
        <v>1.86</v>
      </c>
    </row>
    <row r="1748" spans="1:11" x14ac:dyDescent="0.3">
      <c r="A1748" s="1">
        <v>41978</v>
      </c>
      <c r="B1748" s="3">
        <f t="shared" si="54"/>
        <v>12</v>
      </c>
      <c r="C1748" s="3">
        <f t="shared" si="55"/>
        <v>2014</v>
      </c>
      <c r="D1748" t="s">
        <v>1745</v>
      </c>
      <c r="E1748" t="s">
        <v>14</v>
      </c>
      <c r="F1748" t="s">
        <v>38</v>
      </c>
      <c r="G1748" t="s">
        <v>51</v>
      </c>
      <c r="H1748" t="s">
        <v>473</v>
      </c>
      <c r="I1748">
        <v>408.74</v>
      </c>
      <c r="J1748">
        <v>7</v>
      </c>
      <c r="K1748">
        <v>76.64</v>
      </c>
    </row>
    <row r="1749" spans="1:11" x14ac:dyDescent="0.3">
      <c r="A1749" s="1">
        <v>41978</v>
      </c>
      <c r="B1749" s="3">
        <f t="shared" si="54"/>
        <v>12</v>
      </c>
      <c r="C1749" s="3">
        <f t="shared" si="55"/>
        <v>2014</v>
      </c>
      <c r="D1749" t="s">
        <v>1746</v>
      </c>
      <c r="E1749" t="s">
        <v>54</v>
      </c>
      <c r="F1749" t="s">
        <v>10</v>
      </c>
      <c r="G1749" t="s">
        <v>17</v>
      </c>
      <c r="H1749" t="s">
        <v>842</v>
      </c>
      <c r="I1749">
        <v>24.56</v>
      </c>
      <c r="J1749">
        <v>2</v>
      </c>
      <c r="K1749">
        <v>6.88</v>
      </c>
    </row>
    <row r="1750" spans="1:11" x14ac:dyDescent="0.3">
      <c r="A1750" s="1">
        <v>41978</v>
      </c>
      <c r="B1750" s="3">
        <f t="shared" si="54"/>
        <v>12</v>
      </c>
      <c r="C1750" s="3">
        <f t="shared" si="55"/>
        <v>2014</v>
      </c>
      <c r="D1750" t="s">
        <v>1747</v>
      </c>
      <c r="E1750" t="s">
        <v>22</v>
      </c>
      <c r="F1750" t="s">
        <v>10</v>
      </c>
      <c r="G1750" t="s">
        <v>62</v>
      </c>
      <c r="H1750" t="s">
        <v>542</v>
      </c>
      <c r="I1750">
        <v>348.49</v>
      </c>
      <c r="J1750">
        <v>7</v>
      </c>
      <c r="K1750">
        <v>117.61</v>
      </c>
    </row>
    <row r="1751" spans="1:11" x14ac:dyDescent="0.3">
      <c r="A1751" s="1">
        <v>41978</v>
      </c>
      <c r="B1751" s="3">
        <f t="shared" si="54"/>
        <v>12</v>
      </c>
      <c r="C1751" s="3">
        <f t="shared" si="55"/>
        <v>2014</v>
      </c>
      <c r="D1751" t="s">
        <v>1747</v>
      </c>
      <c r="E1751" t="s">
        <v>22</v>
      </c>
      <c r="F1751" t="s">
        <v>10</v>
      </c>
      <c r="G1751" t="s">
        <v>17</v>
      </c>
      <c r="H1751" t="s">
        <v>235</v>
      </c>
      <c r="I1751">
        <v>172.74</v>
      </c>
      <c r="J1751">
        <v>4</v>
      </c>
      <c r="K1751">
        <v>-30.23</v>
      </c>
    </row>
    <row r="1752" spans="1:11" x14ac:dyDescent="0.3">
      <c r="A1752" s="1">
        <v>41978</v>
      </c>
      <c r="B1752" s="3">
        <f t="shared" si="54"/>
        <v>12</v>
      </c>
      <c r="C1752" s="3">
        <f t="shared" si="55"/>
        <v>2014</v>
      </c>
      <c r="D1752" t="s">
        <v>1286</v>
      </c>
      <c r="E1752" t="s">
        <v>77</v>
      </c>
      <c r="F1752" t="s">
        <v>10</v>
      </c>
      <c r="G1752" t="s">
        <v>11</v>
      </c>
      <c r="H1752" t="s">
        <v>1600</v>
      </c>
      <c r="I1752">
        <v>98.38</v>
      </c>
      <c r="J1752">
        <v>3</v>
      </c>
      <c r="K1752">
        <v>35.659999999999997</v>
      </c>
    </row>
    <row r="1753" spans="1:11" x14ac:dyDescent="0.3">
      <c r="A1753" s="1">
        <v>41978</v>
      </c>
      <c r="B1753" s="3">
        <f t="shared" si="54"/>
        <v>12</v>
      </c>
      <c r="C1753" s="3">
        <f t="shared" si="55"/>
        <v>2014</v>
      </c>
      <c r="D1753" t="s">
        <v>1286</v>
      </c>
      <c r="E1753" t="s">
        <v>77</v>
      </c>
      <c r="F1753" t="s">
        <v>10</v>
      </c>
      <c r="G1753" t="s">
        <v>19</v>
      </c>
      <c r="H1753" t="s">
        <v>470</v>
      </c>
      <c r="I1753">
        <v>29.94</v>
      </c>
      <c r="J1753">
        <v>4</v>
      </c>
      <c r="K1753">
        <v>-23.95</v>
      </c>
    </row>
    <row r="1754" spans="1:11" x14ac:dyDescent="0.3">
      <c r="A1754" s="1">
        <v>41978</v>
      </c>
      <c r="B1754" s="3">
        <f t="shared" si="54"/>
        <v>12</v>
      </c>
      <c r="C1754" s="3">
        <f t="shared" si="55"/>
        <v>2014</v>
      </c>
      <c r="D1754" t="s">
        <v>1286</v>
      </c>
      <c r="E1754" t="s">
        <v>77</v>
      </c>
      <c r="F1754" t="s">
        <v>10</v>
      </c>
      <c r="G1754" t="s">
        <v>11</v>
      </c>
      <c r="H1754" t="s">
        <v>231</v>
      </c>
      <c r="I1754">
        <v>17.47</v>
      </c>
      <c r="J1754">
        <v>3</v>
      </c>
      <c r="K1754">
        <v>5.68</v>
      </c>
    </row>
    <row r="1755" spans="1:11" x14ac:dyDescent="0.3">
      <c r="A1755" s="1">
        <v>41978</v>
      </c>
      <c r="B1755" s="3">
        <f t="shared" si="54"/>
        <v>12</v>
      </c>
      <c r="C1755" s="3">
        <f t="shared" si="55"/>
        <v>2014</v>
      </c>
      <c r="D1755" t="s">
        <v>1286</v>
      </c>
      <c r="E1755" t="s">
        <v>77</v>
      </c>
      <c r="F1755" t="s">
        <v>38</v>
      </c>
      <c r="G1755" t="s">
        <v>39</v>
      </c>
      <c r="H1755" t="s">
        <v>1748</v>
      </c>
      <c r="I1755">
        <v>36.74</v>
      </c>
      <c r="J1755">
        <v>1</v>
      </c>
      <c r="K1755">
        <v>-9.18</v>
      </c>
    </row>
    <row r="1756" spans="1:11" x14ac:dyDescent="0.3">
      <c r="A1756" s="1">
        <v>41978</v>
      </c>
      <c r="B1756" s="3">
        <f t="shared" si="54"/>
        <v>12</v>
      </c>
      <c r="C1756" s="3">
        <f t="shared" si="55"/>
        <v>2014</v>
      </c>
      <c r="D1756" t="s">
        <v>1286</v>
      </c>
      <c r="E1756" t="s">
        <v>77</v>
      </c>
      <c r="F1756" t="s">
        <v>38</v>
      </c>
      <c r="G1756" t="s">
        <v>39</v>
      </c>
      <c r="H1756" t="s">
        <v>1749</v>
      </c>
      <c r="I1756">
        <v>179.94</v>
      </c>
      <c r="J1756">
        <v>2</v>
      </c>
      <c r="K1756">
        <v>-44.99</v>
      </c>
    </row>
    <row r="1757" spans="1:11" x14ac:dyDescent="0.3">
      <c r="A1757" s="1">
        <v>41978</v>
      </c>
      <c r="B1757" s="3">
        <f t="shared" si="54"/>
        <v>12</v>
      </c>
      <c r="C1757" s="3">
        <f t="shared" si="55"/>
        <v>2014</v>
      </c>
      <c r="D1757" t="s">
        <v>1750</v>
      </c>
      <c r="E1757" t="s">
        <v>26</v>
      </c>
      <c r="F1757" t="s">
        <v>10</v>
      </c>
      <c r="G1757" t="s">
        <v>23</v>
      </c>
      <c r="H1757" t="s">
        <v>1251</v>
      </c>
      <c r="I1757">
        <v>26.46</v>
      </c>
      <c r="J1757">
        <v>9</v>
      </c>
      <c r="K1757">
        <v>11.91</v>
      </c>
    </row>
    <row r="1758" spans="1:11" x14ac:dyDescent="0.3">
      <c r="A1758" s="1">
        <v>41978</v>
      </c>
      <c r="B1758" s="3">
        <f t="shared" si="54"/>
        <v>12</v>
      </c>
      <c r="C1758" s="3">
        <f t="shared" si="55"/>
        <v>2014</v>
      </c>
      <c r="D1758" t="s">
        <v>1750</v>
      </c>
      <c r="E1758" t="s">
        <v>26</v>
      </c>
      <c r="F1758" t="s">
        <v>10</v>
      </c>
      <c r="G1758" t="s">
        <v>11</v>
      </c>
      <c r="H1758" t="s">
        <v>620</v>
      </c>
      <c r="I1758">
        <v>49.12</v>
      </c>
      <c r="J1758">
        <v>4</v>
      </c>
      <c r="K1758">
        <v>23.09</v>
      </c>
    </row>
    <row r="1759" spans="1:11" x14ac:dyDescent="0.3">
      <c r="A1759" s="1">
        <v>41978</v>
      </c>
      <c r="B1759" s="3">
        <f t="shared" si="54"/>
        <v>12</v>
      </c>
      <c r="C1759" s="3">
        <f t="shared" si="55"/>
        <v>2014</v>
      </c>
      <c r="D1759" t="s">
        <v>1750</v>
      </c>
      <c r="E1759" t="s">
        <v>26</v>
      </c>
      <c r="F1759" t="s">
        <v>10</v>
      </c>
      <c r="G1759" t="s">
        <v>42</v>
      </c>
      <c r="H1759" t="s">
        <v>1246</v>
      </c>
      <c r="I1759">
        <v>15</v>
      </c>
      <c r="J1759">
        <v>3</v>
      </c>
      <c r="K1759">
        <v>7.2</v>
      </c>
    </row>
    <row r="1760" spans="1:11" x14ac:dyDescent="0.3">
      <c r="A1760" s="1">
        <v>41978</v>
      </c>
      <c r="B1760" s="3">
        <f t="shared" si="54"/>
        <v>12</v>
      </c>
      <c r="C1760" s="3">
        <f t="shared" si="55"/>
        <v>2014</v>
      </c>
      <c r="D1760" t="s">
        <v>1751</v>
      </c>
      <c r="E1760" t="s">
        <v>26</v>
      </c>
      <c r="F1760" t="s">
        <v>10</v>
      </c>
      <c r="G1760" t="s">
        <v>91</v>
      </c>
      <c r="H1760" t="s">
        <v>1277</v>
      </c>
      <c r="I1760">
        <v>250.26</v>
      </c>
      <c r="J1760">
        <v>6</v>
      </c>
      <c r="K1760">
        <v>72.58</v>
      </c>
    </row>
    <row r="1761" spans="1:11" x14ac:dyDescent="0.3">
      <c r="A1761" s="1">
        <v>41979</v>
      </c>
      <c r="B1761" s="3">
        <f t="shared" si="54"/>
        <v>12</v>
      </c>
      <c r="C1761" s="3">
        <f t="shared" si="55"/>
        <v>2014</v>
      </c>
      <c r="D1761" t="s">
        <v>1026</v>
      </c>
      <c r="E1761" t="s">
        <v>9</v>
      </c>
      <c r="F1761" t="s">
        <v>33</v>
      </c>
      <c r="G1761" t="s">
        <v>46</v>
      </c>
      <c r="H1761" t="s">
        <v>1734</v>
      </c>
      <c r="I1761">
        <v>23.98</v>
      </c>
      <c r="J1761">
        <v>3</v>
      </c>
      <c r="K1761">
        <v>-14.39</v>
      </c>
    </row>
    <row r="1762" spans="1:11" x14ac:dyDescent="0.3">
      <c r="A1762" s="1">
        <v>41979</v>
      </c>
      <c r="B1762" s="3">
        <f t="shared" si="54"/>
        <v>12</v>
      </c>
      <c r="C1762" s="3">
        <f t="shared" si="55"/>
        <v>2014</v>
      </c>
      <c r="D1762" t="s">
        <v>1163</v>
      </c>
      <c r="E1762" t="s">
        <v>90</v>
      </c>
      <c r="F1762" t="s">
        <v>10</v>
      </c>
      <c r="G1762" t="s">
        <v>17</v>
      </c>
      <c r="H1762" t="s">
        <v>1752</v>
      </c>
      <c r="I1762">
        <v>53.42</v>
      </c>
      <c r="J1762">
        <v>3</v>
      </c>
      <c r="K1762">
        <v>4.67</v>
      </c>
    </row>
    <row r="1763" spans="1:11" x14ac:dyDescent="0.3">
      <c r="A1763" s="1">
        <v>41979</v>
      </c>
      <c r="B1763" s="3">
        <f t="shared" si="54"/>
        <v>12</v>
      </c>
      <c r="C1763" s="3">
        <f t="shared" si="55"/>
        <v>2014</v>
      </c>
      <c r="D1763" t="s">
        <v>1163</v>
      </c>
      <c r="E1763" t="s">
        <v>90</v>
      </c>
      <c r="F1763" t="s">
        <v>33</v>
      </c>
      <c r="G1763" t="s">
        <v>144</v>
      </c>
      <c r="H1763" t="s">
        <v>782</v>
      </c>
      <c r="I1763">
        <v>275.49</v>
      </c>
      <c r="J1763">
        <v>1</v>
      </c>
      <c r="K1763">
        <v>-170.8</v>
      </c>
    </row>
    <row r="1764" spans="1:11" x14ac:dyDescent="0.3">
      <c r="A1764" s="1">
        <v>41979</v>
      </c>
      <c r="B1764" s="3">
        <f t="shared" si="54"/>
        <v>12</v>
      </c>
      <c r="C1764" s="3">
        <f t="shared" si="55"/>
        <v>2014</v>
      </c>
      <c r="D1764" t="s">
        <v>1050</v>
      </c>
      <c r="E1764" t="s">
        <v>14</v>
      </c>
      <c r="F1764" t="s">
        <v>10</v>
      </c>
      <c r="G1764" t="s">
        <v>91</v>
      </c>
      <c r="H1764" t="s">
        <v>1753</v>
      </c>
      <c r="I1764">
        <v>14.02</v>
      </c>
      <c r="J1764">
        <v>4</v>
      </c>
      <c r="K1764">
        <v>-31.54</v>
      </c>
    </row>
    <row r="1765" spans="1:11" x14ac:dyDescent="0.3">
      <c r="A1765" s="1">
        <v>41979</v>
      </c>
      <c r="B1765" s="3">
        <f t="shared" si="54"/>
        <v>12</v>
      </c>
      <c r="C1765" s="3">
        <f t="shared" si="55"/>
        <v>2014</v>
      </c>
      <c r="D1765" t="s">
        <v>1050</v>
      </c>
      <c r="E1765" t="s">
        <v>14</v>
      </c>
      <c r="F1765" t="s">
        <v>33</v>
      </c>
      <c r="G1765" t="s">
        <v>144</v>
      </c>
      <c r="H1765" t="s">
        <v>472</v>
      </c>
      <c r="I1765">
        <v>214.95</v>
      </c>
      <c r="J1765">
        <v>5</v>
      </c>
      <c r="K1765">
        <v>-120.37</v>
      </c>
    </row>
    <row r="1766" spans="1:11" x14ac:dyDescent="0.3">
      <c r="A1766" s="1">
        <v>41979</v>
      </c>
      <c r="B1766" s="3">
        <f t="shared" si="54"/>
        <v>12</v>
      </c>
      <c r="C1766" s="3">
        <f t="shared" si="55"/>
        <v>2014</v>
      </c>
      <c r="D1766" t="s">
        <v>1050</v>
      </c>
      <c r="E1766" t="s">
        <v>14</v>
      </c>
      <c r="F1766" t="s">
        <v>38</v>
      </c>
      <c r="G1766" t="s">
        <v>39</v>
      </c>
      <c r="H1766" t="s">
        <v>1754</v>
      </c>
      <c r="I1766">
        <v>35.04</v>
      </c>
      <c r="J1766">
        <v>4</v>
      </c>
      <c r="K1766">
        <v>-7.01</v>
      </c>
    </row>
    <row r="1767" spans="1:11" x14ac:dyDescent="0.3">
      <c r="A1767" s="1">
        <v>41979</v>
      </c>
      <c r="B1767" s="3">
        <f t="shared" si="54"/>
        <v>12</v>
      </c>
      <c r="C1767" s="3">
        <f t="shared" si="55"/>
        <v>2014</v>
      </c>
      <c r="D1767" t="s">
        <v>1050</v>
      </c>
      <c r="E1767" t="s">
        <v>14</v>
      </c>
      <c r="F1767" t="s">
        <v>33</v>
      </c>
      <c r="G1767" t="s">
        <v>46</v>
      </c>
      <c r="H1767" t="s">
        <v>1091</v>
      </c>
      <c r="I1767">
        <v>10.78</v>
      </c>
      <c r="J1767">
        <v>3</v>
      </c>
      <c r="K1767">
        <v>-4.8499999999999996</v>
      </c>
    </row>
    <row r="1768" spans="1:11" x14ac:dyDescent="0.3">
      <c r="A1768" s="1">
        <v>41979</v>
      </c>
      <c r="B1768" s="3">
        <f t="shared" si="54"/>
        <v>12</v>
      </c>
      <c r="C1768" s="3">
        <f t="shared" si="55"/>
        <v>2014</v>
      </c>
      <c r="D1768" t="s">
        <v>1050</v>
      </c>
      <c r="E1768" t="s">
        <v>14</v>
      </c>
      <c r="F1768" t="s">
        <v>10</v>
      </c>
      <c r="G1768" t="s">
        <v>19</v>
      </c>
      <c r="H1768" t="s">
        <v>1371</v>
      </c>
      <c r="I1768">
        <v>4.5999999999999996</v>
      </c>
      <c r="J1768">
        <v>2</v>
      </c>
      <c r="K1768">
        <v>-8.0500000000000007</v>
      </c>
    </row>
    <row r="1769" spans="1:11" x14ac:dyDescent="0.3">
      <c r="A1769" s="1">
        <v>41979</v>
      </c>
      <c r="B1769" s="3">
        <f t="shared" si="54"/>
        <v>12</v>
      </c>
      <c r="C1769" s="3">
        <f t="shared" si="55"/>
        <v>2014</v>
      </c>
      <c r="D1769" t="s">
        <v>1050</v>
      </c>
      <c r="E1769" t="s">
        <v>14</v>
      </c>
      <c r="F1769" t="s">
        <v>10</v>
      </c>
      <c r="G1769" t="s">
        <v>17</v>
      </c>
      <c r="H1769" t="s">
        <v>1755</v>
      </c>
      <c r="I1769">
        <v>35.17</v>
      </c>
      <c r="J1769">
        <v>2</v>
      </c>
      <c r="K1769">
        <v>-8.35</v>
      </c>
    </row>
    <row r="1770" spans="1:11" x14ac:dyDescent="0.3">
      <c r="A1770" s="1">
        <v>41979</v>
      </c>
      <c r="B1770" s="3">
        <f t="shared" si="54"/>
        <v>12</v>
      </c>
      <c r="C1770" s="3">
        <f t="shared" si="55"/>
        <v>2014</v>
      </c>
      <c r="D1770" t="s">
        <v>489</v>
      </c>
      <c r="E1770" t="s">
        <v>26</v>
      </c>
      <c r="F1770" t="s">
        <v>10</v>
      </c>
      <c r="G1770" t="s">
        <v>17</v>
      </c>
      <c r="H1770" t="s">
        <v>1756</v>
      </c>
      <c r="I1770">
        <v>1261.33</v>
      </c>
      <c r="J1770">
        <v>7</v>
      </c>
      <c r="K1770">
        <v>327.95</v>
      </c>
    </row>
    <row r="1771" spans="1:11" x14ac:dyDescent="0.3">
      <c r="A1771" s="1">
        <v>41979</v>
      </c>
      <c r="B1771" s="3">
        <f t="shared" si="54"/>
        <v>12</v>
      </c>
      <c r="C1771" s="3">
        <f t="shared" si="55"/>
        <v>2014</v>
      </c>
      <c r="D1771" t="s">
        <v>1573</v>
      </c>
      <c r="E1771" t="s">
        <v>119</v>
      </c>
      <c r="F1771" t="s">
        <v>10</v>
      </c>
      <c r="G1771" t="s">
        <v>11</v>
      </c>
      <c r="H1771" t="s">
        <v>334</v>
      </c>
      <c r="I1771">
        <v>42.21</v>
      </c>
      <c r="J1771">
        <v>2</v>
      </c>
      <c r="K1771">
        <v>13.72</v>
      </c>
    </row>
    <row r="1772" spans="1:11" x14ac:dyDescent="0.3">
      <c r="A1772" s="1">
        <v>41980</v>
      </c>
      <c r="B1772" s="3">
        <f t="shared" si="54"/>
        <v>12</v>
      </c>
      <c r="C1772" s="3">
        <f t="shared" si="55"/>
        <v>2014</v>
      </c>
      <c r="D1772" t="s">
        <v>1545</v>
      </c>
      <c r="E1772" t="s">
        <v>54</v>
      </c>
      <c r="F1772" t="s">
        <v>10</v>
      </c>
      <c r="G1772" t="s">
        <v>11</v>
      </c>
      <c r="H1772" t="s">
        <v>334</v>
      </c>
      <c r="I1772">
        <v>105.52</v>
      </c>
      <c r="J1772">
        <v>4</v>
      </c>
      <c r="K1772">
        <v>48.54</v>
      </c>
    </row>
    <row r="1773" spans="1:11" x14ac:dyDescent="0.3">
      <c r="A1773" s="1">
        <v>41980</v>
      </c>
      <c r="B1773" s="3">
        <f t="shared" si="54"/>
        <v>12</v>
      </c>
      <c r="C1773" s="3">
        <f t="shared" si="55"/>
        <v>2014</v>
      </c>
      <c r="D1773" t="s">
        <v>1757</v>
      </c>
      <c r="E1773" t="s">
        <v>26</v>
      </c>
      <c r="F1773" t="s">
        <v>10</v>
      </c>
      <c r="G1773" t="s">
        <v>23</v>
      </c>
      <c r="H1773" t="s">
        <v>999</v>
      </c>
      <c r="I1773">
        <v>8.64</v>
      </c>
      <c r="J1773">
        <v>3</v>
      </c>
      <c r="K1773">
        <v>2.42</v>
      </c>
    </row>
    <row r="1774" spans="1:11" x14ac:dyDescent="0.3">
      <c r="A1774" s="1">
        <v>41980</v>
      </c>
      <c r="B1774" s="3">
        <f t="shared" si="54"/>
        <v>12</v>
      </c>
      <c r="C1774" s="3">
        <f t="shared" si="55"/>
        <v>2014</v>
      </c>
      <c r="D1774" t="s">
        <v>1043</v>
      </c>
      <c r="E1774" t="s">
        <v>163</v>
      </c>
      <c r="F1774" t="s">
        <v>10</v>
      </c>
      <c r="G1774" t="s">
        <v>17</v>
      </c>
      <c r="H1774" t="s">
        <v>1086</v>
      </c>
      <c r="I1774">
        <v>269.36</v>
      </c>
      <c r="J1774">
        <v>7</v>
      </c>
      <c r="K1774">
        <v>70.03</v>
      </c>
    </row>
    <row r="1775" spans="1:11" x14ac:dyDescent="0.3">
      <c r="A1775" s="1">
        <v>41980</v>
      </c>
      <c r="B1775" s="3">
        <f t="shared" si="54"/>
        <v>12</v>
      </c>
      <c r="C1775" s="3">
        <f t="shared" si="55"/>
        <v>2014</v>
      </c>
      <c r="D1775" t="s">
        <v>664</v>
      </c>
      <c r="E1775" t="s">
        <v>26</v>
      </c>
      <c r="F1775" t="s">
        <v>10</v>
      </c>
      <c r="G1775" t="s">
        <v>11</v>
      </c>
      <c r="H1775" t="s">
        <v>1758</v>
      </c>
      <c r="I1775">
        <v>164.88</v>
      </c>
      <c r="J1775">
        <v>3</v>
      </c>
      <c r="K1775">
        <v>80.790000000000006</v>
      </c>
    </row>
    <row r="1776" spans="1:11" x14ac:dyDescent="0.3">
      <c r="A1776" s="1">
        <v>41981</v>
      </c>
      <c r="B1776" s="3">
        <f t="shared" si="54"/>
        <v>12</v>
      </c>
      <c r="C1776" s="3">
        <f t="shared" si="55"/>
        <v>2014</v>
      </c>
      <c r="D1776" t="s">
        <v>1759</v>
      </c>
      <c r="E1776" t="s">
        <v>9</v>
      </c>
      <c r="F1776" t="s">
        <v>10</v>
      </c>
      <c r="G1776" t="s">
        <v>17</v>
      </c>
      <c r="H1776" t="s">
        <v>1760</v>
      </c>
      <c r="I1776">
        <v>60.42</v>
      </c>
      <c r="J1776">
        <v>2</v>
      </c>
      <c r="K1776">
        <v>6.04</v>
      </c>
    </row>
    <row r="1777" spans="1:11" x14ac:dyDescent="0.3">
      <c r="A1777" s="1">
        <v>41981</v>
      </c>
      <c r="B1777" s="3">
        <f t="shared" si="54"/>
        <v>12</v>
      </c>
      <c r="C1777" s="3">
        <f t="shared" si="55"/>
        <v>2014</v>
      </c>
      <c r="D1777" t="s">
        <v>1761</v>
      </c>
      <c r="E1777" t="s">
        <v>90</v>
      </c>
      <c r="F1777" t="s">
        <v>10</v>
      </c>
      <c r="G1777" t="s">
        <v>15</v>
      </c>
      <c r="H1777" t="s">
        <v>1335</v>
      </c>
      <c r="I1777">
        <v>27.89</v>
      </c>
      <c r="J1777">
        <v>7</v>
      </c>
      <c r="K1777">
        <v>9.06</v>
      </c>
    </row>
    <row r="1778" spans="1:11" x14ac:dyDescent="0.3">
      <c r="A1778" s="1">
        <v>41981</v>
      </c>
      <c r="B1778" s="3">
        <f t="shared" si="54"/>
        <v>12</v>
      </c>
      <c r="C1778" s="3">
        <f t="shared" si="55"/>
        <v>2014</v>
      </c>
      <c r="D1778" t="s">
        <v>1761</v>
      </c>
      <c r="E1778" t="s">
        <v>90</v>
      </c>
      <c r="F1778" t="s">
        <v>10</v>
      </c>
      <c r="G1778" t="s">
        <v>19</v>
      </c>
      <c r="H1778" t="s">
        <v>1762</v>
      </c>
      <c r="I1778">
        <v>6.46</v>
      </c>
      <c r="J1778">
        <v>4</v>
      </c>
      <c r="K1778">
        <v>-4.5199999999999996</v>
      </c>
    </row>
    <row r="1779" spans="1:11" x14ac:dyDescent="0.3">
      <c r="A1779" s="1">
        <v>41981</v>
      </c>
      <c r="B1779" s="3">
        <f t="shared" si="54"/>
        <v>12</v>
      </c>
      <c r="C1779" s="3">
        <f t="shared" si="55"/>
        <v>2014</v>
      </c>
      <c r="D1779" t="s">
        <v>1761</v>
      </c>
      <c r="E1779" t="s">
        <v>90</v>
      </c>
      <c r="F1779" t="s">
        <v>38</v>
      </c>
      <c r="G1779" t="s">
        <v>39</v>
      </c>
      <c r="H1779" t="s">
        <v>1763</v>
      </c>
      <c r="I1779">
        <v>52.68</v>
      </c>
      <c r="J1779">
        <v>3</v>
      </c>
      <c r="K1779">
        <v>19.760000000000002</v>
      </c>
    </row>
    <row r="1780" spans="1:11" x14ac:dyDescent="0.3">
      <c r="A1780" s="1">
        <v>41981</v>
      </c>
      <c r="B1780" s="3">
        <f t="shared" si="54"/>
        <v>12</v>
      </c>
      <c r="C1780" s="3">
        <f t="shared" si="55"/>
        <v>2014</v>
      </c>
      <c r="D1780" t="s">
        <v>1761</v>
      </c>
      <c r="E1780" t="s">
        <v>90</v>
      </c>
      <c r="F1780" t="s">
        <v>10</v>
      </c>
      <c r="G1780" t="s">
        <v>199</v>
      </c>
      <c r="H1780" t="s">
        <v>1118</v>
      </c>
      <c r="I1780">
        <v>13.88</v>
      </c>
      <c r="J1780">
        <v>5</v>
      </c>
      <c r="K1780">
        <v>-2.6</v>
      </c>
    </row>
    <row r="1781" spans="1:11" x14ac:dyDescent="0.3">
      <c r="A1781" s="1">
        <v>41981</v>
      </c>
      <c r="B1781" s="3">
        <f t="shared" si="54"/>
        <v>12</v>
      </c>
      <c r="C1781" s="3">
        <f t="shared" si="55"/>
        <v>2014</v>
      </c>
      <c r="D1781" t="s">
        <v>1761</v>
      </c>
      <c r="E1781" t="s">
        <v>90</v>
      </c>
      <c r="F1781" t="s">
        <v>38</v>
      </c>
      <c r="G1781" t="s">
        <v>51</v>
      </c>
      <c r="H1781" t="s">
        <v>690</v>
      </c>
      <c r="I1781">
        <v>103.92</v>
      </c>
      <c r="J1781">
        <v>10</v>
      </c>
      <c r="K1781">
        <v>-18.190000000000001</v>
      </c>
    </row>
    <row r="1782" spans="1:11" x14ac:dyDescent="0.3">
      <c r="A1782" s="1">
        <v>41981</v>
      </c>
      <c r="B1782" s="3">
        <f t="shared" si="54"/>
        <v>12</v>
      </c>
      <c r="C1782" s="3">
        <f t="shared" si="55"/>
        <v>2014</v>
      </c>
      <c r="D1782" t="s">
        <v>1761</v>
      </c>
      <c r="E1782" t="s">
        <v>90</v>
      </c>
      <c r="F1782" t="s">
        <v>10</v>
      </c>
      <c r="G1782" t="s">
        <v>15</v>
      </c>
      <c r="H1782" t="s">
        <v>358</v>
      </c>
      <c r="I1782">
        <v>11.52</v>
      </c>
      <c r="J1782">
        <v>5</v>
      </c>
      <c r="K1782">
        <v>3.74</v>
      </c>
    </row>
    <row r="1783" spans="1:11" x14ac:dyDescent="0.3">
      <c r="A1783" s="1">
        <v>41981</v>
      </c>
      <c r="B1783" s="3">
        <f t="shared" si="54"/>
        <v>12</v>
      </c>
      <c r="C1783" s="3">
        <f t="shared" si="55"/>
        <v>2014</v>
      </c>
      <c r="D1783" t="s">
        <v>1761</v>
      </c>
      <c r="E1783" t="s">
        <v>90</v>
      </c>
      <c r="F1783" t="s">
        <v>10</v>
      </c>
      <c r="G1783" t="s">
        <v>11</v>
      </c>
      <c r="H1783" t="s">
        <v>548</v>
      </c>
      <c r="I1783">
        <v>10.37</v>
      </c>
      <c r="J1783">
        <v>2</v>
      </c>
      <c r="K1783">
        <v>3.63</v>
      </c>
    </row>
    <row r="1784" spans="1:11" x14ac:dyDescent="0.3">
      <c r="A1784" s="1">
        <v>41981</v>
      </c>
      <c r="B1784" s="3">
        <f t="shared" si="54"/>
        <v>12</v>
      </c>
      <c r="C1784" s="3">
        <f t="shared" si="55"/>
        <v>2014</v>
      </c>
      <c r="D1784" t="s">
        <v>1761</v>
      </c>
      <c r="E1784" t="s">
        <v>90</v>
      </c>
      <c r="F1784" t="s">
        <v>10</v>
      </c>
      <c r="G1784" t="s">
        <v>17</v>
      </c>
      <c r="H1784" t="s">
        <v>463</v>
      </c>
      <c r="I1784">
        <v>39.07</v>
      </c>
      <c r="J1784">
        <v>3</v>
      </c>
      <c r="K1784">
        <v>2.93</v>
      </c>
    </row>
    <row r="1785" spans="1:11" x14ac:dyDescent="0.3">
      <c r="A1785" s="1">
        <v>41981</v>
      </c>
      <c r="B1785" s="3">
        <f t="shared" si="54"/>
        <v>12</v>
      </c>
      <c r="C1785" s="3">
        <f t="shared" si="55"/>
        <v>2014</v>
      </c>
      <c r="D1785" t="s">
        <v>748</v>
      </c>
      <c r="E1785" t="s">
        <v>163</v>
      </c>
      <c r="F1785" t="s">
        <v>10</v>
      </c>
      <c r="G1785" t="s">
        <v>11</v>
      </c>
      <c r="H1785" t="s">
        <v>1764</v>
      </c>
      <c r="I1785">
        <v>45.68</v>
      </c>
      <c r="J1785">
        <v>2</v>
      </c>
      <c r="K1785">
        <v>21.01</v>
      </c>
    </row>
    <row r="1786" spans="1:11" x14ac:dyDescent="0.3">
      <c r="A1786" s="1">
        <v>41981</v>
      </c>
      <c r="B1786" s="3">
        <f t="shared" si="54"/>
        <v>12</v>
      </c>
      <c r="C1786" s="3">
        <f t="shared" si="55"/>
        <v>2014</v>
      </c>
      <c r="D1786" t="s">
        <v>748</v>
      </c>
      <c r="E1786" t="s">
        <v>163</v>
      </c>
      <c r="F1786" t="s">
        <v>33</v>
      </c>
      <c r="G1786" t="s">
        <v>34</v>
      </c>
      <c r="H1786" t="s">
        <v>541</v>
      </c>
      <c r="I1786">
        <v>603.91999999999996</v>
      </c>
      <c r="J1786">
        <v>5</v>
      </c>
      <c r="K1786">
        <v>45.29</v>
      </c>
    </row>
    <row r="1787" spans="1:11" x14ac:dyDescent="0.3">
      <c r="A1787" s="1">
        <v>41981</v>
      </c>
      <c r="B1787" s="3">
        <f t="shared" si="54"/>
        <v>12</v>
      </c>
      <c r="C1787" s="3">
        <f t="shared" si="55"/>
        <v>2014</v>
      </c>
      <c r="D1787" t="s">
        <v>1765</v>
      </c>
      <c r="E1787" t="s">
        <v>26</v>
      </c>
      <c r="F1787" t="s">
        <v>33</v>
      </c>
      <c r="G1787" t="s">
        <v>46</v>
      </c>
      <c r="H1787" t="s">
        <v>1585</v>
      </c>
      <c r="I1787">
        <v>39.880000000000003</v>
      </c>
      <c r="J1787">
        <v>2</v>
      </c>
      <c r="K1787">
        <v>11.17</v>
      </c>
    </row>
    <row r="1788" spans="1:11" x14ac:dyDescent="0.3">
      <c r="A1788" s="1">
        <v>41981</v>
      </c>
      <c r="B1788" s="3">
        <f t="shared" si="54"/>
        <v>12</v>
      </c>
      <c r="C1788" s="3">
        <f t="shared" si="55"/>
        <v>2014</v>
      </c>
      <c r="D1788" t="s">
        <v>1765</v>
      </c>
      <c r="E1788" t="s">
        <v>26</v>
      </c>
      <c r="F1788" t="s">
        <v>33</v>
      </c>
      <c r="G1788" t="s">
        <v>46</v>
      </c>
      <c r="H1788" t="s">
        <v>1215</v>
      </c>
      <c r="I1788">
        <v>79.44</v>
      </c>
      <c r="J1788">
        <v>3</v>
      </c>
      <c r="K1788">
        <v>28.6</v>
      </c>
    </row>
    <row r="1789" spans="1:11" x14ac:dyDescent="0.3">
      <c r="A1789" s="1">
        <v>41982</v>
      </c>
      <c r="B1789" s="3">
        <f t="shared" si="54"/>
        <v>12</v>
      </c>
      <c r="C1789" s="3">
        <f t="shared" si="55"/>
        <v>2014</v>
      </c>
      <c r="D1789" t="s">
        <v>175</v>
      </c>
      <c r="E1789" t="s">
        <v>26</v>
      </c>
      <c r="F1789" t="s">
        <v>10</v>
      </c>
      <c r="G1789" t="s">
        <v>11</v>
      </c>
      <c r="H1789" t="s">
        <v>1766</v>
      </c>
      <c r="I1789">
        <v>34.68</v>
      </c>
      <c r="J1789">
        <v>6</v>
      </c>
      <c r="K1789">
        <v>16.989999999999998</v>
      </c>
    </row>
    <row r="1790" spans="1:11" x14ac:dyDescent="0.3">
      <c r="A1790" s="1">
        <v>41982</v>
      </c>
      <c r="B1790" s="3">
        <f t="shared" si="54"/>
        <v>12</v>
      </c>
      <c r="C1790" s="3">
        <f t="shared" si="55"/>
        <v>2014</v>
      </c>
      <c r="D1790" t="s">
        <v>1413</v>
      </c>
      <c r="E1790" t="s">
        <v>94</v>
      </c>
      <c r="F1790" t="s">
        <v>10</v>
      </c>
      <c r="G1790" t="s">
        <v>17</v>
      </c>
      <c r="H1790" t="s">
        <v>1591</v>
      </c>
      <c r="I1790">
        <v>100.7</v>
      </c>
      <c r="J1790">
        <v>6</v>
      </c>
      <c r="K1790">
        <v>-1.26</v>
      </c>
    </row>
    <row r="1791" spans="1:11" x14ac:dyDescent="0.3">
      <c r="A1791" s="1">
        <v>41982</v>
      </c>
      <c r="B1791" s="3">
        <f t="shared" si="54"/>
        <v>12</v>
      </c>
      <c r="C1791" s="3">
        <f t="shared" si="55"/>
        <v>2014</v>
      </c>
      <c r="D1791" t="s">
        <v>1213</v>
      </c>
      <c r="E1791" t="s">
        <v>9</v>
      </c>
      <c r="F1791" t="s">
        <v>10</v>
      </c>
      <c r="G1791" t="s">
        <v>11</v>
      </c>
      <c r="H1791" t="s">
        <v>126</v>
      </c>
      <c r="I1791">
        <v>10.69</v>
      </c>
      <c r="J1791">
        <v>2</v>
      </c>
      <c r="K1791">
        <v>3.74</v>
      </c>
    </row>
    <row r="1792" spans="1:11" x14ac:dyDescent="0.3">
      <c r="A1792" s="1">
        <v>41982</v>
      </c>
      <c r="B1792" s="3">
        <f t="shared" si="54"/>
        <v>12</v>
      </c>
      <c r="C1792" s="3">
        <f t="shared" si="55"/>
        <v>2014</v>
      </c>
      <c r="D1792" t="s">
        <v>1213</v>
      </c>
      <c r="E1792" t="s">
        <v>9</v>
      </c>
      <c r="F1792" t="s">
        <v>10</v>
      </c>
      <c r="G1792" t="s">
        <v>17</v>
      </c>
      <c r="H1792" t="s">
        <v>1688</v>
      </c>
      <c r="I1792">
        <v>237.1</v>
      </c>
      <c r="J1792">
        <v>3</v>
      </c>
      <c r="K1792">
        <v>20.75</v>
      </c>
    </row>
    <row r="1793" spans="1:11" x14ac:dyDescent="0.3">
      <c r="A1793" s="1">
        <v>41982</v>
      </c>
      <c r="B1793" s="3">
        <f t="shared" si="54"/>
        <v>12</v>
      </c>
      <c r="C1793" s="3">
        <f t="shared" si="55"/>
        <v>2014</v>
      </c>
      <c r="D1793" t="s">
        <v>354</v>
      </c>
      <c r="E1793" t="s">
        <v>14</v>
      </c>
      <c r="F1793" t="s">
        <v>10</v>
      </c>
      <c r="G1793" t="s">
        <v>11</v>
      </c>
      <c r="H1793" t="s">
        <v>1767</v>
      </c>
      <c r="I1793">
        <v>8.4499999999999993</v>
      </c>
      <c r="J1793">
        <v>2</v>
      </c>
      <c r="K1793">
        <v>2.96</v>
      </c>
    </row>
    <row r="1794" spans="1:11" x14ac:dyDescent="0.3">
      <c r="A1794" s="1">
        <v>41982</v>
      </c>
      <c r="B1794" s="3">
        <f t="shared" ref="B1794:B1857" si="56">MONTH(A:A)</f>
        <v>12</v>
      </c>
      <c r="C1794" s="3">
        <f t="shared" ref="C1794:C1857" si="57">YEAR(A:A)</f>
        <v>2014</v>
      </c>
      <c r="D1794" t="s">
        <v>354</v>
      </c>
      <c r="E1794" t="s">
        <v>14</v>
      </c>
      <c r="F1794" t="s">
        <v>10</v>
      </c>
      <c r="G1794" t="s">
        <v>91</v>
      </c>
      <c r="H1794" t="s">
        <v>1124</v>
      </c>
      <c r="I1794">
        <v>20.39</v>
      </c>
      <c r="J1794">
        <v>2</v>
      </c>
      <c r="K1794">
        <v>-53.01</v>
      </c>
    </row>
    <row r="1795" spans="1:11" x14ac:dyDescent="0.3">
      <c r="A1795" s="1">
        <v>41982</v>
      </c>
      <c r="B1795" s="3">
        <f t="shared" si="56"/>
        <v>12</v>
      </c>
      <c r="C1795" s="3">
        <f t="shared" si="57"/>
        <v>2014</v>
      </c>
      <c r="D1795" t="s">
        <v>1757</v>
      </c>
      <c r="E1795" t="s">
        <v>22</v>
      </c>
      <c r="F1795" t="s">
        <v>10</v>
      </c>
      <c r="G1795" t="s">
        <v>62</v>
      </c>
      <c r="H1795" t="s">
        <v>1090</v>
      </c>
      <c r="I1795">
        <v>30.67</v>
      </c>
      <c r="J1795">
        <v>3</v>
      </c>
      <c r="K1795">
        <v>9.59</v>
      </c>
    </row>
    <row r="1796" spans="1:11" x14ac:dyDescent="0.3">
      <c r="A1796" s="1">
        <v>41982</v>
      </c>
      <c r="B1796" s="3">
        <f t="shared" si="56"/>
        <v>12</v>
      </c>
      <c r="C1796" s="3">
        <f t="shared" si="57"/>
        <v>2014</v>
      </c>
      <c r="D1796" t="s">
        <v>1757</v>
      </c>
      <c r="E1796" t="s">
        <v>22</v>
      </c>
      <c r="F1796" t="s">
        <v>38</v>
      </c>
      <c r="G1796" t="s">
        <v>602</v>
      </c>
      <c r="H1796" t="s">
        <v>1768</v>
      </c>
      <c r="I1796">
        <v>1079.98</v>
      </c>
      <c r="J1796">
        <v>4</v>
      </c>
      <c r="K1796">
        <v>126</v>
      </c>
    </row>
    <row r="1797" spans="1:11" x14ac:dyDescent="0.3">
      <c r="A1797" s="1">
        <v>41983</v>
      </c>
      <c r="B1797" s="3">
        <f t="shared" si="56"/>
        <v>12</v>
      </c>
      <c r="C1797" s="3">
        <f t="shared" si="57"/>
        <v>2014</v>
      </c>
      <c r="D1797" t="s">
        <v>1683</v>
      </c>
      <c r="E1797" t="s">
        <v>148</v>
      </c>
      <c r="F1797" t="s">
        <v>10</v>
      </c>
      <c r="G1797" t="s">
        <v>11</v>
      </c>
      <c r="H1797" t="s">
        <v>1620</v>
      </c>
      <c r="I1797">
        <v>11.36</v>
      </c>
      <c r="J1797">
        <v>2</v>
      </c>
      <c r="K1797">
        <v>5.23</v>
      </c>
    </row>
    <row r="1798" spans="1:11" x14ac:dyDescent="0.3">
      <c r="A1798" s="1">
        <v>41983</v>
      </c>
      <c r="B1798" s="3">
        <f t="shared" si="56"/>
        <v>12</v>
      </c>
      <c r="C1798" s="3">
        <f t="shared" si="57"/>
        <v>2014</v>
      </c>
      <c r="D1798" t="s">
        <v>1683</v>
      </c>
      <c r="E1798" t="s">
        <v>148</v>
      </c>
      <c r="F1798" t="s">
        <v>10</v>
      </c>
      <c r="G1798" t="s">
        <v>19</v>
      </c>
      <c r="H1798" t="s">
        <v>1769</v>
      </c>
      <c r="I1798">
        <v>106.34</v>
      </c>
      <c r="J1798">
        <v>7</v>
      </c>
      <c r="K1798">
        <v>37.22</v>
      </c>
    </row>
    <row r="1799" spans="1:11" x14ac:dyDescent="0.3">
      <c r="A1799" s="1">
        <v>41983</v>
      </c>
      <c r="B1799" s="3">
        <f t="shared" si="56"/>
        <v>12</v>
      </c>
      <c r="C1799" s="3">
        <f t="shared" si="57"/>
        <v>2014</v>
      </c>
      <c r="D1799" t="s">
        <v>1770</v>
      </c>
      <c r="E1799" t="s">
        <v>509</v>
      </c>
      <c r="F1799" t="s">
        <v>33</v>
      </c>
      <c r="G1799" t="s">
        <v>34</v>
      </c>
      <c r="H1799" t="s">
        <v>1771</v>
      </c>
      <c r="I1799">
        <v>338.35</v>
      </c>
      <c r="J1799">
        <v>3</v>
      </c>
      <c r="K1799">
        <v>4.2300000000000004</v>
      </c>
    </row>
    <row r="1800" spans="1:11" x14ac:dyDescent="0.3">
      <c r="A1800" s="1">
        <v>41983</v>
      </c>
      <c r="B1800" s="3">
        <f t="shared" si="56"/>
        <v>12</v>
      </c>
      <c r="C1800" s="3">
        <f t="shared" si="57"/>
        <v>2014</v>
      </c>
      <c r="D1800" t="s">
        <v>1770</v>
      </c>
      <c r="E1800" t="s">
        <v>509</v>
      </c>
      <c r="F1800" t="s">
        <v>10</v>
      </c>
      <c r="G1800" t="s">
        <v>11</v>
      </c>
      <c r="H1800" t="s">
        <v>1156</v>
      </c>
      <c r="I1800">
        <v>25.92</v>
      </c>
      <c r="J1800">
        <v>4</v>
      </c>
      <c r="K1800">
        <v>12.44</v>
      </c>
    </row>
    <row r="1801" spans="1:11" x14ac:dyDescent="0.3">
      <c r="A1801" s="1">
        <v>41983</v>
      </c>
      <c r="B1801" s="3">
        <f t="shared" si="56"/>
        <v>12</v>
      </c>
      <c r="C1801" s="3">
        <f t="shared" si="57"/>
        <v>2014</v>
      </c>
      <c r="D1801" t="s">
        <v>1770</v>
      </c>
      <c r="E1801" t="s">
        <v>509</v>
      </c>
      <c r="F1801" t="s">
        <v>10</v>
      </c>
      <c r="G1801" t="s">
        <v>11</v>
      </c>
      <c r="H1801" t="s">
        <v>1772</v>
      </c>
      <c r="I1801">
        <v>91.36</v>
      </c>
      <c r="J1801">
        <v>4</v>
      </c>
      <c r="K1801">
        <v>42.03</v>
      </c>
    </row>
    <row r="1802" spans="1:11" x14ac:dyDescent="0.3">
      <c r="A1802" s="1">
        <v>41985</v>
      </c>
      <c r="B1802" s="3">
        <f t="shared" si="56"/>
        <v>12</v>
      </c>
      <c r="C1802" s="3">
        <f t="shared" si="57"/>
        <v>2014</v>
      </c>
      <c r="D1802" t="s">
        <v>1210</v>
      </c>
      <c r="E1802" t="s">
        <v>26</v>
      </c>
      <c r="F1802" t="s">
        <v>33</v>
      </c>
      <c r="G1802" t="s">
        <v>144</v>
      </c>
      <c r="H1802" t="s">
        <v>1773</v>
      </c>
      <c r="I1802">
        <v>764.69</v>
      </c>
      <c r="J1802">
        <v>6</v>
      </c>
      <c r="K1802">
        <v>95.59</v>
      </c>
    </row>
    <row r="1803" spans="1:11" x14ac:dyDescent="0.3">
      <c r="A1803" s="1">
        <v>41985</v>
      </c>
      <c r="B1803" s="3">
        <f t="shared" si="56"/>
        <v>12</v>
      </c>
      <c r="C1803" s="3">
        <f t="shared" si="57"/>
        <v>2014</v>
      </c>
      <c r="D1803" t="s">
        <v>1210</v>
      </c>
      <c r="E1803" t="s">
        <v>26</v>
      </c>
      <c r="F1803" t="s">
        <v>33</v>
      </c>
      <c r="G1803" t="s">
        <v>144</v>
      </c>
      <c r="H1803" t="s">
        <v>319</v>
      </c>
      <c r="I1803">
        <v>3610.85</v>
      </c>
      <c r="J1803">
        <v>12</v>
      </c>
      <c r="K1803">
        <v>135.41</v>
      </c>
    </row>
    <row r="1804" spans="1:11" x14ac:dyDescent="0.3">
      <c r="A1804" s="1">
        <v>41985</v>
      </c>
      <c r="B1804" s="3">
        <f t="shared" si="56"/>
        <v>12</v>
      </c>
      <c r="C1804" s="3">
        <f t="shared" si="57"/>
        <v>2014</v>
      </c>
      <c r="D1804" t="s">
        <v>1210</v>
      </c>
      <c r="E1804" t="s">
        <v>26</v>
      </c>
      <c r="F1804" t="s">
        <v>33</v>
      </c>
      <c r="G1804" t="s">
        <v>73</v>
      </c>
      <c r="H1804" t="s">
        <v>643</v>
      </c>
      <c r="I1804">
        <v>254.97</v>
      </c>
      <c r="J1804">
        <v>3</v>
      </c>
      <c r="K1804">
        <v>12</v>
      </c>
    </row>
    <row r="1805" spans="1:11" x14ac:dyDescent="0.3">
      <c r="A1805" s="1">
        <v>41985</v>
      </c>
      <c r="B1805" s="3">
        <f t="shared" si="56"/>
        <v>12</v>
      </c>
      <c r="C1805" s="3">
        <f t="shared" si="57"/>
        <v>2014</v>
      </c>
      <c r="D1805" t="s">
        <v>1562</v>
      </c>
      <c r="E1805" t="s">
        <v>26</v>
      </c>
      <c r="F1805" t="s">
        <v>33</v>
      </c>
      <c r="G1805" t="s">
        <v>46</v>
      </c>
      <c r="H1805" t="s">
        <v>1774</v>
      </c>
      <c r="I1805">
        <v>43.31</v>
      </c>
      <c r="J1805">
        <v>1</v>
      </c>
      <c r="K1805">
        <v>4.33</v>
      </c>
    </row>
    <row r="1806" spans="1:11" x14ac:dyDescent="0.3">
      <c r="A1806" s="1">
        <v>41985</v>
      </c>
      <c r="B1806" s="3">
        <f t="shared" si="56"/>
        <v>12</v>
      </c>
      <c r="C1806" s="3">
        <f t="shared" si="57"/>
        <v>2014</v>
      </c>
      <c r="D1806" t="s">
        <v>1775</v>
      </c>
      <c r="E1806" t="s">
        <v>9</v>
      </c>
      <c r="F1806" t="s">
        <v>10</v>
      </c>
      <c r="G1806" t="s">
        <v>19</v>
      </c>
      <c r="H1806" t="s">
        <v>1776</v>
      </c>
      <c r="I1806">
        <v>210.39</v>
      </c>
      <c r="J1806">
        <v>2</v>
      </c>
      <c r="K1806">
        <v>-336.63</v>
      </c>
    </row>
    <row r="1807" spans="1:11" x14ac:dyDescent="0.3">
      <c r="A1807" s="1">
        <v>41985</v>
      </c>
      <c r="B1807" s="3">
        <f t="shared" si="56"/>
        <v>12</v>
      </c>
      <c r="C1807" s="3">
        <f t="shared" si="57"/>
        <v>2014</v>
      </c>
      <c r="D1807" t="s">
        <v>1777</v>
      </c>
      <c r="E1807" t="s">
        <v>26</v>
      </c>
      <c r="F1807" t="s">
        <v>33</v>
      </c>
      <c r="G1807" t="s">
        <v>46</v>
      </c>
      <c r="H1807" t="s">
        <v>1778</v>
      </c>
      <c r="I1807">
        <v>12.54</v>
      </c>
      <c r="J1807">
        <v>3</v>
      </c>
      <c r="K1807">
        <v>4.51</v>
      </c>
    </row>
    <row r="1808" spans="1:11" x14ac:dyDescent="0.3">
      <c r="A1808" s="1">
        <v>41985</v>
      </c>
      <c r="B1808" s="3">
        <f t="shared" si="56"/>
        <v>12</v>
      </c>
      <c r="C1808" s="3">
        <f t="shared" si="57"/>
        <v>2014</v>
      </c>
      <c r="D1808" t="s">
        <v>1777</v>
      </c>
      <c r="E1808" t="s">
        <v>26</v>
      </c>
      <c r="F1808" t="s">
        <v>10</v>
      </c>
      <c r="G1808" t="s">
        <v>17</v>
      </c>
      <c r="H1808" t="s">
        <v>1779</v>
      </c>
      <c r="I1808">
        <v>8.94</v>
      </c>
      <c r="J1808">
        <v>3</v>
      </c>
      <c r="K1808">
        <v>0.63</v>
      </c>
    </row>
    <row r="1809" spans="1:11" x14ac:dyDescent="0.3">
      <c r="A1809" s="1">
        <v>41985</v>
      </c>
      <c r="B1809" s="3">
        <f t="shared" si="56"/>
        <v>12</v>
      </c>
      <c r="C1809" s="3">
        <f t="shared" si="57"/>
        <v>2014</v>
      </c>
      <c r="D1809" t="s">
        <v>1777</v>
      </c>
      <c r="E1809" t="s">
        <v>26</v>
      </c>
      <c r="F1809" t="s">
        <v>33</v>
      </c>
      <c r="G1809" t="s">
        <v>46</v>
      </c>
      <c r="H1809" t="s">
        <v>1403</v>
      </c>
      <c r="I1809">
        <v>9.24</v>
      </c>
      <c r="J1809">
        <v>3</v>
      </c>
      <c r="K1809">
        <v>4.4400000000000004</v>
      </c>
    </row>
    <row r="1810" spans="1:11" x14ac:dyDescent="0.3">
      <c r="A1810" s="1">
        <v>41985</v>
      </c>
      <c r="B1810" s="3">
        <f t="shared" si="56"/>
        <v>12</v>
      </c>
      <c r="C1810" s="3">
        <f t="shared" si="57"/>
        <v>2014</v>
      </c>
      <c r="D1810" t="s">
        <v>952</v>
      </c>
      <c r="E1810" t="s">
        <v>122</v>
      </c>
      <c r="F1810" t="s">
        <v>10</v>
      </c>
      <c r="G1810" t="s">
        <v>62</v>
      </c>
      <c r="H1810" t="s">
        <v>63</v>
      </c>
      <c r="I1810">
        <v>23.47</v>
      </c>
      <c r="J1810">
        <v>3</v>
      </c>
      <c r="K1810">
        <v>7.63</v>
      </c>
    </row>
    <row r="1811" spans="1:11" x14ac:dyDescent="0.3">
      <c r="A1811" s="1">
        <v>41986</v>
      </c>
      <c r="B1811" s="3">
        <f t="shared" si="56"/>
        <v>12</v>
      </c>
      <c r="C1811" s="3">
        <f t="shared" si="57"/>
        <v>2014</v>
      </c>
      <c r="D1811" t="s">
        <v>1206</v>
      </c>
      <c r="E1811" t="s">
        <v>26</v>
      </c>
      <c r="F1811" t="s">
        <v>10</v>
      </c>
      <c r="G1811" t="s">
        <v>11</v>
      </c>
      <c r="H1811" t="s">
        <v>1394</v>
      </c>
      <c r="I1811">
        <v>90.24</v>
      </c>
      <c r="J1811">
        <v>6</v>
      </c>
      <c r="K1811">
        <v>41.51</v>
      </c>
    </row>
    <row r="1812" spans="1:11" x14ac:dyDescent="0.3">
      <c r="A1812" s="1">
        <v>41986</v>
      </c>
      <c r="B1812" s="3">
        <f t="shared" si="56"/>
        <v>12</v>
      </c>
      <c r="C1812" s="3">
        <f t="shared" si="57"/>
        <v>2014</v>
      </c>
      <c r="D1812" t="s">
        <v>1780</v>
      </c>
      <c r="E1812" t="s">
        <v>9</v>
      </c>
      <c r="F1812" t="s">
        <v>10</v>
      </c>
      <c r="G1812" t="s">
        <v>199</v>
      </c>
      <c r="H1812" t="s">
        <v>1291</v>
      </c>
      <c r="I1812">
        <v>2.92</v>
      </c>
      <c r="J1812">
        <v>1</v>
      </c>
      <c r="K1812">
        <v>0.37</v>
      </c>
    </row>
    <row r="1813" spans="1:11" x14ac:dyDescent="0.3">
      <c r="A1813" s="1">
        <v>41986</v>
      </c>
      <c r="B1813" s="3">
        <f t="shared" si="56"/>
        <v>12</v>
      </c>
      <c r="C1813" s="3">
        <f t="shared" si="57"/>
        <v>2014</v>
      </c>
      <c r="D1813" t="s">
        <v>737</v>
      </c>
      <c r="E1813" t="s">
        <v>14</v>
      </c>
      <c r="F1813" t="s">
        <v>33</v>
      </c>
      <c r="G1813" t="s">
        <v>46</v>
      </c>
      <c r="H1813" t="s">
        <v>1781</v>
      </c>
      <c r="I1813">
        <v>94.43</v>
      </c>
      <c r="J1813">
        <v>3</v>
      </c>
      <c r="K1813">
        <v>-42.49</v>
      </c>
    </row>
    <row r="1814" spans="1:11" x14ac:dyDescent="0.3">
      <c r="A1814" s="1">
        <v>41986</v>
      </c>
      <c r="B1814" s="3">
        <f t="shared" si="56"/>
        <v>12</v>
      </c>
      <c r="C1814" s="3">
        <f t="shared" si="57"/>
        <v>2014</v>
      </c>
      <c r="D1814" t="s">
        <v>683</v>
      </c>
      <c r="E1814" t="s">
        <v>94</v>
      </c>
      <c r="F1814" t="s">
        <v>33</v>
      </c>
      <c r="G1814" t="s">
        <v>46</v>
      </c>
      <c r="H1814" t="s">
        <v>715</v>
      </c>
      <c r="I1814">
        <v>87.96</v>
      </c>
      <c r="J1814">
        <v>3</v>
      </c>
      <c r="K1814">
        <v>7.7</v>
      </c>
    </row>
    <row r="1815" spans="1:11" x14ac:dyDescent="0.3">
      <c r="A1815" s="1">
        <v>41986</v>
      </c>
      <c r="B1815" s="3">
        <f t="shared" si="56"/>
        <v>12</v>
      </c>
      <c r="C1815" s="3">
        <f t="shared" si="57"/>
        <v>2014</v>
      </c>
      <c r="D1815" t="s">
        <v>683</v>
      </c>
      <c r="E1815" t="s">
        <v>94</v>
      </c>
      <c r="F1815" t="s">
        <v>10</v>
      </c>
      <c r="G1815" t="s">
        <v>19</v>
      </c>
      <c r="H1815" t="s">
        <v>965</v>
      </c>
      <c r="I1815">
        <v>5.21</v>
      </c>
      <c r="J1815">
        <v>2</v>
      </c>
      <c r="K1815">
        <v>-4.17</v>
      </c>
    </row>
    <row r="1816" spans="1:11" x14ac:dyDescent="0.3">
      <c r="A1816" s="1">
        <v>41986</v>
      </c>
      <c r="B1816" s="3">
        <f t="shared" si="56"/>
        <v>12</v>
      </c>
      <c r="C1816" s="3">
        <f t="shared" si="57"/>
        <v>2014</v>
      </c>
      <c r="D1816" t="s">
        <v>1782</v>
      </c>
      <c r="E1816" t="s">
        <v>32</v>
      </c>
      <c r="F1816" t="s">
        <v>10</v>
      </c>
      <c r="G1816" t="s">
        <v>19</v>
      </c>
      <c r="H1816" t="s">
        <v>558</v>
      </c>
      <c r="I1816">
        <v>12.39</v>
      </c>
      <c r="J1816">
        <v>3</v>
      </c>
      <c r="K1816">
        <v>5.82</v>
      </c>
    </row>
    <row r="1817" spans="1:11" x14ac:dyDescent="0.3">
      <c r="A1817" s="1">
        <v>41987</v>
      </c>
      <c r="B1817" s="3">
        <f t="shared" si="56"/>
        <v>12</v>
      </c>
      <c r="C1817" s="3">
        <f t="shared" si="57"/>
        <v>2014</v>
      </c>
      <c r="D1817" t="s">
        <v>1432</v>
      </c>
      <c r="E1817" t="s">
        <v>14</v>
      </c>
      <c r="F1817" t="s">
        <v>10</v>
      </c>
      <c r="G1817" t="s">
        <v>19</v>
      </c>
      <c r="H1817" t="s">
        <v>681</v>
      </c>
      <c r="I1817">
        <v>5.0999999999999996</v>
      </c>
      <c r="J1817">
        <v>4</v>
      </c>
      <c r="K1817">
        <v>-8.68</v>
      </c>
    </row>
    <row r="1818" spans="1:11" x14ac:dyDescent="0.3">
      <c r="A1818" s="1">
        <v>41987</v>
      </c>
      <c r="B1818" s="3">
        <f t="shared" si="56"/>
        <v>12</v>
      </c>
      <c r="C1818" s="3">
        <f t="shared" si="57"/>
        <v>2014</v>
      </c>
      <c r="D1818" t="s">
        <v>1432</v>
      </c>
      <c r="E1818" t="s">
        <v>14</v>
      </c>
      <c r="F1818" t="s">
        <v>10</v>
      </c>
      <c r="G1818" t="s">
        <v>42</v>
      </c>
      <c r="H1818" t="s">
        <v>1783</v>
      </c>
      <c r="I1818">
        <v>2.9</v>
      </c>
      <c r="J1818">
        <v>2</v>
      </c>
      <c r="K1818">
        <v>0.47</v>
      </c>
    </row>
    <row r="1819" spans="1:11" x14ac:dyDescent="0.3">
      <c r="A1819" s="1">
        <v>41987</v>
      </c>
      <c r="B1819" s="3">
        <f t="shared" si="56"/>
        <v>12</v>
      </c>
      <c r="C1819" s="3">
        <f t="shared" si="57"/>
        <v>2014</v>
      </c>
      <c r="D1819" t="s">
        <v>1432</v>
      </c>
      <c r="E1819" t="s">
        <v>14</v>
      </c>
      <c r="F1819" t="s">
        <v>38</v>
      </c>
      <c r="G1819" t="s">
        <v>51</v>
      </c>
      <c r="H1819" t="s">
        <v>1226</v>
      </c>
      <c r="I1819">
        <v>35.020000000000003</v>
      </c>
      <c r="J1819">
        <v>3</v>
      </c>
      <c r="K1819">
        <v>-2.19</v>
      </c>
    </row>
    <row r="1820" spans="1:11" x14ac:dyDescent="0.3">
      <c r="A1820" s="1">
        <v>41987</v>
      </c>
      <c r="B1820" s="3">
        <f t="shared" si="56"/>
        <v>12</v>
      </c>
      <c r="C1820" s="3">
        <f t="shared" si="57"/>
        <v>2014</v>
      </c>
      <c r="D1820" t="s">
        <v>777</v>
      </c>
      <c r="E1820" t="s">
        <v>122</v>
      </c>
      <c r="F1820" t="s">
        <v>33</v>
      </c>
      <c r="G1820" t="s">
        <v>34</v>
      </c>
      <c r="H1820" t="s">
        <v>381</v>
      </c>
      <c r="I1820">
        <v>186.3</v>
      </c>
      <c r="J1820">
        <v>4</v>
      </c>
      <c r="K1820">
        <v>13.97</v>
      </c>
    </row>
    <row r="1821" spans="1:11" x14ac:dyDescent="0.3">
      <c r="A1821" s="1">
        <v>41987</v>
      </c>
      <c r="B1821" s="3">
        <f t="shared" si="56"/>
        <v>12</v>
      </c>
      <c r="C1821" s="3">
        <f t="shared" si="57"/>
        <v>2014</v>
      </c>
      <c r="D1821" t="s">
        <v>1784</v>
      </c>
      <c r="E1821" t="s">
        <v>77</v>
      </c>
      <c r="F1821" t="s">
        <v>10</v>
      </c>
      <c r="G1821" t="s">
        <v>23</v>
      </c>
      <c r="H1821" t="s">
        <v>316</v>
      </c>
      <c r="I1821">
        <v>2.62</v>
      </c>
      <c r="J1821">
        <v>1</v>
      </c>
      <c r="K1821">
        <v>0.3</v>
      </c>
    </row>
    <row r="1822" spans="1:11" x14ac:dyDescent="0.3">
      <c r="A1822" s="1">
        <v>41987</v>
      </c>
      <c r="B1822" s="3">
        <f t="shared" si="56"/>
        <v>12</v>
      </c>
      <c r="C1822" s="3">
        <f t="shared" si="57"/>
        <v>2014</v>
      </c>
      <c r="D1822" t="s">
        <v>1784</v>
      </c>
      <c r="E1822" t="s">
        <v>77</v>
      </c>
      <c r="F1822" t="s">
        <v>33</v>
      </c>
      <c r="G1822" t="s">
        <v>144</v>
      </c>
      <c r="H1822" t="s">
        <v>1785</v>
      </c>
      <c r="I1822">
        <v>136.53</v>
      </c>
      <c r="J1822">
        <v>1</v>
      </c>
      <c r="K1822">
        <v>-52.34</v>
      </c>
    </row>
    <row r="1823" spans="1:11" x14ac:dyDescent="0.3">
      <c r="A1823" s="1">
        <v>41987</v>
      </c>
      <c r="B1823" s="3">
        <f t="shared" si="56"/>
        <v>12</v>
      </c>
      <c r="C1823" s="3">
        <f t="shared" si="57"/>
        <v>2014</v>
      </c>
      <c r="D1823" t="s">
        <v>1784</v>
      </c>
      <c r="E1823" t="s">
        <v>77</v>
      </c>
      <c r="F1823" t="s">
        <v>38</v>
      </c>
      <c r="G1823" t="s">
        <v>51</v>
      </c>
      <c r="H1823" t="s">
        <v>1786</v>
      </c>
      <c r="I1823">
        <v>263.95999999999998</v>
      </c>
      <c r="J1823">
        <v>1</v>
      </c>
      <c r="K1823">
        <v>42.89</v>
      </c>
    </row>
    <row r="1824" spans="1:11" x14ac:dyDescent="0.3">
      <c r="A1824" s="1">
        <v>41987</v>
      </c>
      <c r="B1824" s="3">
        <f t="shared" si="56"/>
        <v>12</v>
      </c>
      <c r="C1824" s="3">
        <f t="shared" si="57"/>
        <v>2014</v>
      </c>
      <c r="D1824" t="s">
        <v>121</v>
      </c>
      <c r="E1824" t="s">
        <v>148</v>
      </c>
      <c r="F1824" t="s">
        <v>38</v>
      </c>
      <c r="G1824" t="s">
        <v>301</v>
      </c>
      <c r="H1824" t="s">
        <v>1328</v>
      </c>
      <c r="I1824">
        <v>6999.96</v>
      </c>
      <c r="J1824">
        <v>4</v>
      </c>
      <c r="K1824">
        <v>2239.9899999999998</v>
      </c>
    </row>
    <row r="1825" spans="1:11" x14ac:dyDescent="0.3">
      <c r="A1825" s="1">
        <v>41987</v>
      </c>
      <c r="B1825" s="3">
        <f t="shared" si="56"/>
        <v>12</v>
      </c>
      <c r="C1825" s="3">
        <f t="shared" si="57"/>
        <v>2014</v>
      </c>
      <c r="D1825" t="s">
        <v>1787</v>
      </c>
      <c r="E1825" t="s">
        <v>14</v>
      </c>
      <c r="F1825" t="s">
        <v>10</v>
      </c>
      <c r="G1825" t="s">
        <v>19</v>
      </c>
      <c r="H1825" t="s">
        <v>1508</v>
      </c>
      <c r="I1825">
        <v>9.26</v>
      </c>
      <c r="J1825">
        <v>3</v>
      </c>
      <c r="K1825">
        <v>-13.9</v>
      </c>
    </row>
    <row r="1826" spans="1:11" x14ac:dyDescent="0.3">
      <c r="A1826" s="1">
        <v>41988</v>
      </c>
      <c r="B1826" s="3">
        <f t="shared" si="56"/>
        <v>12</v>
      </c>
      <c r="C1826" s="3">
        <f t="shared" si="57"/>
        <v>2014</v>
      </c>
      <c r="D1826" t="s">
        <v>830</v>
      </c>
      <c r="E1826" t="s">
        <v>9</v>
      </c>
      <c r="F1826" t="s">
        <v>38</v>
      </c>
      <c r="G1826" t="s">
        <v>39</v>
      </c>
      <c r="H1826" t="s">
        <v>1788</v>
      </c>
      <c r="I1826">
        <v>40.68</v>
      </c>
      <c r="J1826">
        <v>3</v>
      </c>
      <c r="K1826">
        <v>-9.15</v>
      </c>
    </row>
    <row r="1827" spans="1:11" x14ac:dyDescent="0.3">
      <c r="A1827" s="1">
        <v>41988</v>
      </c>
      <c r="B1827" s="3">
        <f t="shared" si="56"/>
        <v>12</v>
      </c>
      <c r="C1827" s="3">
        <f t="shared" si="57"/>
        <v>2014</v>
      </c>
      <c r="D1827" t="s">
        <v>830</v>
      </c>
      <c r="E1827" t="s">
        <v>9</v>
      </c>
      <c r="F1827" t="s">
        <v>33</v>
      </c>
      <c r="G1827" t="s">
        <v>34</v>
      </c>
      <c r="H1827" t="s">
        <v>632</v>
      </c>
      <c r="I1827">
        <v>763.28</v>
      </c>
      <c r="J1827">
        <v>5</v>
      </c>
      <c r="K1827">
        <v>-21.81</v>
      </c>
    </row>
    <row r="1828" spans="1:11" x14ac:dyDescent="0.3">
      <c r="A1828" s="1">
        <v>41988</v>
      </c>
      <c r="B1828" s="3">
        <f t="shared" si="56"/>
        <v>12</v>
      </c>
      <c r="C1828" s="3">
        <f t="shared" si="57"/>
        <v>2014</v>
      </c>
      <c r="D1828" t="s">
        <v>421</v>
      </c>
      <c r="E1828" t="s">
        <v>26</v>
      </c>
      <c r="F1828" t="s">
        <v>33</v>
      </c>
      <c r="G1828" t="s">
        <v>46</v>
      </c>
      <c r="H1828" t="s">
        <v>1789</v>
      </c>
      <c r="I1828">
        <v>6.16</v>
      </c>
      <c r="J1828">
        <v>2</v>
      </c>
      <c r="K1828">
        <v>1.97</v>
      </c>
    </row>
    <row r="1829" spans="1:11" x14ac:dyDescent="0.3">
      <c r="A1829" s="1">
        <v>41988</v>
      </c>
      <c r="B1829" s="3">
        <f t="shared" si="56"/>
        <v>12</v>
      </c>
      <c r="C1829" s="3">
        <f t="shared" si="57"/>
        <v>2014</v>
      </c>
      <c r="D1829" t="s">
        <v>1790</v>
      </c>
      <c r="E1829" t="s">
        <v>14</v>
      </c>
      <c r="F1829" t="s">
        <v>33</v>
      </c>
      <c r="G1829" t="s">
        <v>46</v>
      </c>
      <c r="H1829" t="s">
        <v>1354</v>
      </c>
      <c r="I1829">
        <v>8.5399999999999991</v>
      </c>
      <c r="J1829">
        <v>2</v>
      </c>
      <c r="K1829">
        <v>-7.48</v>
      </c>
    </row>
    <row r="1830" spans="1:11" x14ac:dyDescent="0.3">
      <c r="A1830" s="1">
        <v>41988</v>
      </c>
      <c r="B1830" s="3">
        <f t="shared" si="56"/>
        <v>12</v>
      </c>
      <c r="C1830" s="3">
        <f t="shared" si="57"/>
        <v>2014</v>
      </c>
      <c r="D1830" t="s">
        <v>921</v>
      </c>
      <c r="E1830" t="s">
        <v>22</v>
      </c>
      <c r="F1830" t="s">
        <v>33</v>
      </c>
      <c r="G1830" t="s">
        <v>34</v>
      </c>
      <c r="H1830" t="s">
        <v>1479</v>
      </c>
      <c r="I1830">
        <v>445.8</v>
      </c>
      <c r="J1830">
        <v>7</v>
      </c>
      <c r="K1830">
        <v>-108.27</v>
      </c>
    </row>
    <row r="1831" spans="1:11" x14ac:dyDescent="0.3">
      <c r="A1831" s="1">
        <v>41989</v>
      </c>
      <c r="B1831" s="3">
        <f t="shared" si="56"/>
        <v>12</v>
      </c>
      <c r="C1831" s="3">
        <f t="shared" si="57"/>
        <v>2014</v>
      </c>
      <c r="D1831" t="s">
        <v>518</v>
      </c>
      <c r="E1831" t="s">
        <v>122</v>
      </c>
      <c r="F1831" t="s">
        <v>10</v>
      </c>
      <c r="G1831" t="s">
        <v>19</v>
      </c>
      <c r="H1831" t="s">
        <v>1791</v>
      </c>
      <c r="I1831">
        <v>1.17</v>
      </c>
      <c r="J1831">
        <v>1</v>
      </c>
      <c r="K1831">
        <v>-0.86</v>
      </c>
    </row>
    <row r="1832" spans="1:11" x14ac:dyDescent="0.3">
      <c r="A1832" s="1">
        <v>41989</v>
      </c>
      <c r="B1832" s="3">
        <f t="shared" si="56"/>
        <v>12</v>
      </c>
      <c r="C1832" s="3">
        <f t="shared" si="57"/>
        <v>2014</v>
      </c>
      <c r="D1832" t="s">
        <v>1792</v>
      </c>
      <c r="E1832" t="s">
        <v>26</v>
      </c>
      <c r="F1832" t="s">
        <v>33</v>
      </c>
      <c r="G1832" t="s">
        <v>46</v>
      </c>
      <c r="H1832" t="s">
        <v>1793</v>
      </c>
      <c r="I1832">
        <v>44.46</v>
      </c>
      <c r="J1832">
        <v>2</v>
      </c>
      <c r="K1832">
        <v>14.67</v>
      </c>
    </row>
    <row r="1833" spans="1:11" x14ac:dyDescent="0.3">
      <c r="A1833" s="1">
        <v>41989</v>
      </c>
      <c r="B1833" s="3">
        <f t="shared" si="56"/>
        <v>12</v>
      </c>
      <c r="C1833" s="3">
        <f t="shared" si="57"/>
        <v>2014</v>
      </c>
      <c r="D1833" t="s">
        <v>1792</v>
      </c>
      <c r="E1833" t="s">
        <v>26</v>
      </c>
      <c r="F1833" t="s">
        <v>33</v>
      </c>
      <c r="G1833" t="s">
        <v>34</v>
      </c>
      <c r="H1833" t="s">
        <v>541</v>
      </c>
      <c r="I1833">
        <v>241.57</v>
      </c>
      <c r="J1833">
        <v>2</v>
      </c>
      <c r="K1833">
        <v>18.12</v>
      </c>
    </row>
    <row r="1834" spans="1:11" x14ac:dyDescent="0.3">
      <c r="A1834" s="1">
        <v>41989</v>
      </c>
      <c r="B1834" s="3">
        <f t="shared" si="56"/>
        <v>12</v>
      </c>
      <c r="C1834" s="3">
        <f t="shared" si="57"/>
        <v>2014</v>
      </c>
      <c r="D1834" t="s">
        <v>1792</v>
      </c>
      <c r="E1834" t="s">
        <v>26</v>
      </c>
      <c r="F1834" t="s">
        <v>38</v>
      </c>
      <c r="G1834" t="s">
        <v>51</v>
      </c>
      <c r="H1834" t="s">
        <v>1794</v>
      </c>
      <c r="I1834">
        <v>395</v>
      </c>
      <c r="J1834">
        <v>5</v>
      </c>
      <c r="K1834">
        <v>39.5</v>
      </c>
    </row>
    <row r="1835" spans="1:11" x14ac:dyDescent="0.3">
      <c r="A1835" s="1">
        <v>41989</v>
      </c>
      <c r="B1835" s="3">
        <f t="shared" si="56"/>
        <v>12</v>
      </c>
      <c r="C1835" s="3">
        <f t="shared" si="57"/>
        <v>2014</v>
      </c>
      <c r="D1835" t="s">
        <v>1792</v>
      </c>
      <c r="E1835" t="s">
        <v>26</v>
      </c>
      <c r="F1835" t="s">
        <v>38</v>
      </c>
      <c r="G1835" t="s">
        <v>39</v>
      </c>
      <c r="H1835" t="s">
        <v>40</v>
      </c>
      <c r="I1835">
        <v>627.16999999999996</v>
      </c>
      <c r="J1835">
        <v>4</v>
      </c>
      <c r="K1835">
        <v>70.56</v>
      </c>
    </row>
    <row r="1836" spans="1:11" x14ac:dyDescent="0.3">
      <c r="A1836" s="1">
        <v>41989</v>
      </c>
      <c r="B1836" s="3">
        <f t="shared" si="56"/>
        <v>12</v>
      </c>
      <c r="C1836" s="3">
        <f t="shared" si="57"/>
        <v>2014</v>
      </c>
      <c r="D1836" t="s">
        <v>451</v>
      </c>
      <c r="E1836" t="s">
        <v>122</v>
      </c>
      <c r="F1836" t="s">
        <v>33</v>
      </c>
      <c r="G1836" t="s">
        <v>34</v>
      </c>
      <c r="H1836" t="s">
        <v>722</v>
      </c>
      <c r="I1836">
        <v>1013.83</v>
      </c>
      <c r="J1836">
        <v>9</v>
      </c>
      <c r="K1836">
        <v>101.38</v>
      </c>
    </row>
    <row r="1837" spans="1:11" x14ac:dyDescent="0.3">
      <c r="A1837" s="1">
        <v>41989</v>
      </c>
      <c r="B1837" s="3">
        <f t="shared" si="56"/>
        <v>12</v>
      </c>
      <c r="C1837" s="3">
        <f t="shared" si="57"/>
        <v>2014</v>
      </c>
      <c r="D1837" t="s">
        <v>451</v>
      </c>
      <c r="E1837" t="s">
        <v>122</v>
      </c>
      <c r="F1837" t="s">
        <v>10</v>
      </c>
      <c r="G1837" t="s">
        <v>42</v>
      </c>
      <c r="H1837" t="s">
        <v>1795</v>
      </c>
      <c r="I1837">
        <v>1.98</v>
      </c>
      <c r="J1837">
        <v>2</v>
      </c>
      <c r="K1837">
        <v>0.67</v>
      </c>
    </row>
    <row r="1838" spans="1:11" x14ac:dyDescent="0.3">
      <c r="A1838" s="1">
        <v>41989</v>
      </c>
      <c r="B1838" s="3">
        <f t="shared" si="56"/>
        <v>12</v>
      </c>
      <c r="C1838" s="3">
        <f t="shared" si="57"/>
        <v>2014</v>
      </c>
      <c r="D1838" t="s">
        <v>142</v>
      </c>
      <c r="E1838" t="s">
        <v>9</v>
      </c>
      <c r="F1838" t="s">
        <v>10</v>
      </c>
      <c r="G1838" t="s">
        <v>11</v>
      </c>
      <c r="H1838" t="s">
        <v>506</v>
      </c>
      <c r="I1838">
        <v>36.29</v>
      </c>
      <c r="J1838">
        <v>7</v>
      </c>
      <c r="K1838">
        <v>12.7</v>
      </c>
    </row>
    <row r="1839" spans="1:11" x14ac:dyDescent="0.3">
      <c r="A1839" s="1">
        <v>41989</v>
      </c>
      <c r="B1839" s="3">
        <f t="shared" si="56"/>
        <v>12</v>
      </c>
      <c r="C1839" s="3">
        <f t="shared" si="57"/>
        <v>2014</v>
      </c>
      <c r="D1839" t="s">
        <v>142</v>
      </c>
      <c r="E1839" t="s">
        <v>9</v>
      </c>
      <c r="F1839" t="s">
        <v>33</v>
      </c>
      <c r="G1839" t="s">
        <v>46</v>
      </c>
      <c r="H1839" t="s">
        <v>1204</v>
      </c>
      <c r="I1839">
        <v>56.57</v>
      </c>
      <c r="J1839">
        <v>2</v>
      </c>
      <c r="K1839">
        <v>-74.95</v>
      </c>
    </row>
    <row r="1840" spans="1:11" x14ac:dyDescent="0.3">
      <c r="A1840" s="1">
        <v>41989</v>
      </c>
      <c r="B1840" s="3">
        <f t="shared" si="56"/>
        <v>12</v>
      </c>
      <c r="C1840" s="3">
        <f t="shared" si="57"/>
        <v>2014</v>
      </c>
      <c r="D1840" t="s">
        <v>1796</v>
      </c>
      <c r="E1840" t="s">
        <v>109</v>
      </c>
      <c r="F1840" t="s">
        <v>10</v>
      </c>
      <c r="G1840" t="s">
        <v>11</v>
      </c>
      <c r="H1840" t="s">
        <v>1131</v>
      </c>
      <c r="I1840">
        <v>114.2</v>
      </c>
      <c r="J1840">
        <v>5</v>
      </c>
      <c r="K1840">
        <v>52.53</v>
      </c>
    </row>
    <row r="1841" spans="1:11" x14ac:dyDescent="0.3">
      <c r="A1841" s="1">
        <v>41989</v>
      </c>
      <c r="B1841" s="3">
        <f t="shared" si="56"/>
        <v>12</v>
      </c>
      <c r="C1841" s="3">
        <f t="shared" si="57"/>
        <v>2014</v>
      </c>
      <c r="D1841" t="s">
        <v>1797</v>
      </c>
      <c r="E1841" t="s">
        <v>26</v>
      </c>
      <c r="F1841" t="s">
        <v>33</v>
      </c>
      <c r="G1841" t="s">
        <v>34</v>
      </c>
      <c r="H1841" t="s">
        <v>1725</v>
      </c>
      <c r="I1841">
        <v>1403.92</v>
      </c>
      <c r="J1841">
        <v>5</v>
      </c>
      <c r="K1841">
        <v>70.2</v>
      </c>
    </row>
    <row r="1842" spans="1:11" x14ac:dyDescent="0.3">
      <c r="A1842" s="1">
        <v>41989</v>
      </c>
      <c r="B1842" s="3">
        <f t="shared" si="56"/>
        <v>12</v>
      </c>
      <c r="C1842" s="3">
        <f t="shared" si="57"/>
        <v>2014</v>
      </c>
      <c r="D1842" t="s">
        <v>731</v>
      </c>
      <c r="E1842" t="s">
        <v>54</v>
      </c>
      <c r="F1842" t="s">
        <v>38</v>
      </c>
      <c r="G1842" t="s">
        <v>51</v>
      </c>
      <c r="H1842" t="s">
        <v>1007</v>
      </c>
      <c r="I1842">
        <v>99.98</v>
      </c>
      <c r="J1842">
        <v>2</v>
      </c>
      <c r="K1842">
        <v>8</v>
      </c>
    </row>
    <row r="1843" spans="1:11" x14ac:dyDescent="0.3">
      <c r="A1843" s="1">
        <v>41989</v>
      </c>
      <c r="B1843" s="3">
        <f t="shared" si="56"/>
        <v>12</v>
      </c>
      <c r="C1843" s="3">
        <f t="shared" si="57"/>
        <v>2014</v>
      </c>
      <c r="D1843" t="s">
        <v>731</v>
      </c>
      <c r="E1843" t="s">
        <v>54</v>
      </c>
      <c r="F1843" t="s">
        <v>33</v>
      </c>
      <c r="G1843" t="s">
        <v>46</v>
      </c>
      <c r="H1843" t="s">
        <v>116</v>
      </c>
      <c r="I1843">
        <v>29.46</v>
      </c>
      <c r="J1843">
        <v>6</v>
      </c>
      <c r="K1843">
        <v>9.7200000000000006</v>
      </c>
    </row>
    <row r="1844" spans="1:11" x14ac:dyDescent="0.3">
      <c r="A1844" s="1">
        <v>41989</v>
      </c>
      <c r="B1844" s="3">
        <f t="shared" si="56"/>
        <v>12</v>
      </c>
      <c r="C1844" s="3">
        <f t="shared" si="57"/>
        <v>2014</v>
      </c>
      <c r="D1844" t="s">
        <v>1798</v>
      </c>
      <c r="E1844" t="s">
        <v>9</v>
      </c>
      <c r="F1844" t="s">
        <v>38</v>
      </c>
      <c r="G1844" t="s">
        <v>51</v>
      </c>
      <c r="H1844" t="s">
        <v>485</v>
      </c>
      <c r="I1844">
        <v>319.97000000000003</v>
      </c>
      <c r="J1844">
        <v>4</v>
      </c>
      <c r="K1844">
        <v>95.99</v>
      </c>
    </row>
    <row r="1845" spans="1:11" x14ac:dyDescent="0.3">
      <c r="A1845" s="1">
        <v>41989</v>
      </c>
      <c r="B1845" s="3">
        <f t="shared" si="56"/>
        <v>12</v>
      </c>
      <c r="C1845" s="3">
        <f t="shared" si="57"/>
        <v>2014</v>
      </c>
      <c r="D1845" t="s">
        <v>1798</v>
      </c>
      <c r="E1845" t="s">
        <v>9</v>
      </c>
      <c r="F1845" t="s">
        <v>33</v>
      </c>
      <c r="G1845" t="s">
        <v>46</v>
      </c>
      <c r="H1845" t="s">
        <v>1403</v>
      </c>
      <c r="I1845">
        <v>8.6199999999999992</v>
      </c>
      <c r="J1845">
        <v>7</v>
      </c>
      <c r="K1845">
        <v>-2.59</v>
      </c>
    </row>
    <row r="1846" spans="1:11" x14ac:dyDescent="0.3">
      <c r="A1846" s="1">
        <v>41990</v>
      </c>
      <c r="B1846" s="3">
        <f t="shared" si="56"/>
        <v>12</v>
      </c>
      <c r="C1846" s="3">
        <f t="shared" si="57"/>
        <v>2014</v>
      </c>
      <c r="D1846" t="s">
        <v>1609</v>
      </c>
      <c r="E1846" t="s">
        <v>29</v>
      </c>
      <c r="F1846" t="s">
        <v>10</v>
      </c>
      <c r="G1846" t="s">
        <v>23</v>
      </c>
      <c r="H1846" t="s">
        <v>465</v>
      </c>
      <c r="I1846">
        <v>40.049999999999997</v>
      </c>
      <c r="J1846">
        <v>3</v>
      </c>
      <c r="K1846">
        <v>11.21</v>
      </c>
    </row>
    <row r="1847" spans="1:11" x14ac:dyDescent="0.3">
      <c r="A1847" s="1">
        <v>41990</v>
      </c>
      <c r="B1847" s="3">
        <f t="shared" si="56"/>
        <v>12</v>
      </c>
      <c r="C1847" s="3">
        <f t="shared" si="57"/>
        <v>2014</v>
      </c>
      <c r="D1847" t="s">
        <v>1799</v>
      </c>
      <c r="E1847" t="s">
        <v>77</v>
      </c>
      <c r="F1847" t="s">
        <v>10</v>
      </c>
      <c r="G1847" t="s">
        <v>19</v>
      </c>
      <c r="H1847" t="s">
        <v>936</v>
      </c>
      <c r="I1847">
        <v>5.48</v>
      </c>
      <c r="J1847">
        <v>4</v>
      </c>
      <c r="K1847">
        <v>-4.0199999999999996</v>
      </c>
    </row>
    <row r="1848" spans="1:11" x14ac:dyDescent="0.3">
      <c r="A1848" s="1">
        <v>41992</v>
      </c>
      <c r="B1848" s="3">
        <f t="shared" si="56"/>
        <v>12</v>
      </c>
      <c r="C1848" s="3">
        <f t="shared" si="57"/>
        <v>2014</v>
      </c>
      <c r="D1848" t="s">
        <v>1800</v>
      </c>
      <c r="E1848" t="s">
        <v>122</v>
      </c>
      <c r="F1848" t="s">
        <v>10</v>
      </c>
      <c r="G1848" t="s">
        <v>19</v>
      </c>
      <c r="H1848" t="s">
        <v>309</v>
      </c>
      <c r="I1848">
        <v>4.8099999999999996</v>
      </c>
      <c r="J1848">
        <v>2</v>
      </c>
      <c r="K1848">
        <v>-3.69</v>
      </c>
    </row>
    <row r="1849" spans="1:11" x14ac:dyDescent="0.3">
      <c r="A1849" s="1">
        <v>41992</v>
      </c>
      <c r="B1849" s="3">
        <f t="shared" si="56"/>
        <v>12</v>
      </c>
      <c r="C1849" s="3">
        <f t="shared" si="57"/>
        <v>2014</v>
      </c>
      <c r="D1849" t="s">
        <v>1800</v>
      </c>
      <c r="E1849" t="s">
        <v>122</v>
      </c>
      <c r="F1849" t="s">
        <v>38</v>
      </c>
      <c r="G1849" t="s">
        <v>51</v>
      </c>
      <c r="H1849" t="s">
        <v>1801</v>
      </c>
      <c r="I1849">
        <v>247.8</v>
      </c>
      <c r="J1849">
        <v>5</v>
      </c>
      <c r="K1849">
        <v>-18.59</v>
      </c>
    </row>
    <row r="1850" spans="1:11" x14ac:dyDescent="0.3">
      <c r="A1850" s="1">
        <v>41992</v>
      </c>
      <c r="B1850" s="3">
        <f t="shared" si="56"/>
        <v>12</v>
      </c>
      <c r="C1850" s="3">
        <f t="shared" si="57"/>
        <v>2014</v>
      </c>
      <c r="D1850" t="s">
        <v>1802</v>
      </c>
      <c r="E1850" t="s">
        <v>487</v>
      </c>
      <c r="F1850" t="s">
        <v>10</v>
      </c>
      <c r="G1850" t="s">
        <v>19</v>
      </c>
      <c r="H1850" t="s">
        <v>1803</v>
      </c>
      <c r="I1850">
        <v>152.76</v>
      </c>
      <c r="J1850">
        <v>6</v>
      </c>
      <c r="K1850">
        <v>74.849999999999994</v>
      </c>
    </row>
    <row r="1851" spans="1:11" x14ac:dyDescent="0.3">
      <c r="A1851" s="1">
        <v>41992</v>
      </c>
      <c r="B1851" s="3">
        <f t="shared" si="56"/>
        <v>12</v>
      </c>
      <c r="C1851" s="3">
        <f t="shared" si="57"/>
        <v>2014</v>
      </c>
      <c r="D1851" t="s">
        <v>1802</v>
      </c>
      <c r="E1851" t="s">
        <v>487</v>
      </c>
      <c r="F1851" t="s">
        <v>10</v>
      </c>
      <c r="G1851" t="s">
        <v>199</v>
      </c>
      <c r="H1851" t="s">
        <v>1577</v>
      </c>
      <c r="I1851">
        <v>7.27</v>
      </c>
      <c r="J1851">
        <v>1</v>
      </c>
      <c r="K1851">
        <v>1.96</v>
      </c>
    </row>
    <row r="1852" spans="1:11" x14ac:dyDescent="0.3">
      <c r="A1852" s="1">
        <v>41992</v>
      </c>
      <c r="B1852" s="3">
        <f t="shared" si="56"/>
        <v>12</v>
      </c>
      <c r="C1852" s="3">
        <f t="shared" si="57"/>
        <v>2014</v>
      </c>
      <c r="D1852" t="s">
        <v>1802</v>
      </c>
      <c r="E1852" t="s">
        <v>487</v>
      </c>
      <c r="F1852" t="s">
        <v>33</v>
      </c>
      <c r="G1852" t="s">
        <v>34</v>
      </c>
      <c r="H1852" t="s">
        <v>1804</v>
      </c>
      <c r="I1852">
        <v>1819.86</v>
      </c>
      <c r="J1852">
        <v>14</v>
      </c>
      <c r="K1852">
        <v>163.79</v>
      </c>
    </row>
    <row r="1853" spans="1:11" x14ac:dyDescent="0.3">
      <c r="A1853" s="1">
        <v>41992</v>
      </c>
      <c r="B1853" s="3">
        <f t="shared" si="56"/>
        <v>12</v>
      </c>
      <c r="C1853" s="3">
        <f t="shared" si="57"/>
        <v>2014</v>
      </c>
      <c r="D1853" t="s">
        <v>787</v>
      </c>
      <c r="E1853" t="s">
        <v>26</v>
      </c>
      <c r="F1853" t="s">
        <v>10</v>
      </c>
      <c r="G1853" t="s">
        <v>15</v>
      </c>
      <c r="H1853" t="s">
        <v>905</v>
      </c>
      <c r="I1853">
        <v>14.62</v>
      </c>
      <c r="J1853">
        <v>2</v>
      </c>
      <c r="K1853">
        <v>6.87</v>
      </c>
    </row>
    <row r="1854" spans="1:11" x14ac:dyDescent="0.3">
      <c r="A1854" s="1">
        <v>41992</v>
      </c>
      <c r="B1854" s="3">
        <f t="shared" si="56"/>
        <v>12</v>
      </c>
      <c r="C1854" s="3">
        <f t="shared" si="57"/>
        <v>2014</v>
      </c>
      <c r="D1854" t="s">
        <v>787</v>
      </c>
      <c r="E1854" t="s">
        <v>26</v>
      </c>
      <c r="F1854" t="s">
        <v>10</v>
      </c>
      <c r="G1854" t="s">
        <v>42</v>
      </c>
      <c r="H1854" t="s">
        <v>1805</v>
      </c>
      <c r="I1854">
        <v>22.55</v>
      </c>
      <c r="J1854">
        <v>5</v>
      </c>
      <c r="K1854">
        <v>8.7899999999999991</v>
      </c>
    </row>
    <row r="1855" spans="1:11" x14ac:dyDescent="0.3">
      <c r="A1855" s="1">
        <v>41992</v>
      </c>
      <c r="B1855" s="3">
        <f t="shared" si="56"/>
        <v>12</v>
      </c>
      <c r="C1855" s="3">
        <f t="shared" si="57"/>
        <v>2014</v>
      </c>
      <c r="D1855" t="s">
        <v>787</v>
      </c>
      <c r="E1855" t="s">
        <v>26</v>
      </c>
      <c r="F1855" t="s">
        <v>38</v>
      </c>
      <c r="G1855" t="s">
        <v>39</v>
      </c>
      <c r="H1855" t="s">
        <v>1806</v>
      </c>
      <c r="I1855">
        <v>583.79999999999995</v>
      </c>
      <c r="J1855">
        <v>5</v>
      </c>
      <c r="K1855">
        <v>72.98</v>
      </c>
    </row>
    <row r="1856" spans="1:11" x14ac:dyDescent="0.3">
      <c r="A1856" s="1">
        <v>41992</v>
      </c>
      <c r="B1856" s="3">
        <f t="shared" si="56"/>
        <v>12</v>
      </c>
      <c r="C1856" s="3">
        <f t="shared" si="57"/>
        <v>2014</v>
      </c>
      <c r="D1856" t="s">
        <v>787</v>
      </c>
      <c r="E1856" t="s">
        <v>26</v>
      </c>
      <c r="F1856" t="s">
        <v>38</v>
      </c>
      <c r="G1856" t="s">
        <v>39</v>
      </c>
      <c r="H1856" t="s">
        <v>1807</v>
      </c>
      <c r="I1856">
        <v>211.17</v>
      </c>
      <c r="J1856">
        <v>4</v>
      </c>
      <c r="K1856">
        <v>15.84</v>
      </c>
    </row>
    <row r="1857" spans="1:11" x14ac:dyDescent="0.3">
      <c r="A1857" s="1">
        <v>41992</v>
      </c>
      <c r="B1857" s="3">
        <f t="shared" si="56"/>
        <v>12</v>
      </c>
      <c r="C1857" s="3">
        <f t="shared" si="57"/>
        <v>2014</v>
      </c>
      <c r="D1857" t="s">
        <v>127</v>
      </c>
      <c r="E1857" t="s">
        <v>14</v>
      </c>
      <c r="F1857" t="s">
        <v>38</v>
      </c>
      <c r="G1857" t="s">
        <v>39</v>
      </c>
      <c r="H1857" t="s">
        <v>1808</v>
      </c>
      <c r="I1857">
        <v>323.98</v>
      </c>
      <c r="J1857">
        <v>3</v>
      </c>
      <c r="K1857">
        <v>36.450000000000003</v>
      </c>
    </row>
    <row r="1858" spans="1:11" x14ac:dyDescent="0.3">
      <c r="A1858" s="1">
        <v>41992</v>
      </c>
      <c r="B1858" s="3">
        <f t="shared" ref="B1858:B1921" si="58">MONTH(A:A)</f>
        <v>12</v>
      </c>
      <c r="C1858" s="3">
        <f t="shared" ref="C1858:C1921" si="59">YEAR(A:A)</f>
        <v>2014</v>
      </c>
      <c r="D1858" t="s">
        <v>127</v>
      </c>
      <c r="E1858" t="s">
        <v>14</v>
      </c>
      <c r="F1858" t="s">
        <v>10</v>
      </c>
      <c r="G1858" t="s">
        <v>11</v>
      </c>
      <c r="H1858" t="s">
        <v>1115</v>
      </c>
      <c r="I1858">
        <v>15.55</v>
      </c>
      <c r="J1858">
        <v>3</v>
      </c>
      <c r="K1858">
        <v>5.44</v>
      </c>
    </row>
    <row r="1859" spans="1:11" x14ac:dyDescent="0.3">
      <c r="A1859" s="1">
        <v>41992</v>
      </c>
      <c r="B1859" s="3">
        <f t="shared" si="58"/>
        <v>12</v>
      </c>
      <c r="C1859" s="3">
        <f t="shared" si="59"/>
        <v>2014</v>
      </c>
      <c r="D1859" t="s">
        <v>127</v>
      </c>
      <c r="E1859" t="s">
        <v>14</v>
      </c>
      <c r="F1859" t="s">
        <v>10</v>
      </c>
      <c r="G1859" t="s">
        <v>17</v>
      </c>
      <c r="H1859" t="s">
        <v>1809</v>
      </c>
      <c r="I1859">
        <v>32.590000000000003</v>
      </c>
      <c r="J1859">
        <v>3</v>
      </c>
      <c r="K1859">
        <v>-7.74</v>
      </c>
    </row>
    <row r="1860" spans="1:11" x14ac:dyDescent="0.3">
      <c r="A1860" s="1">
        <v>41993</v>
      </c>
      <c r="B1860" s="3">
        <f t="shared" si="58"/>
        <v>12</v>
      </c>
      <c r="C1860" s="3">
        <f t="shared" si="59"/>
        <v>2014</v>
      </c>
      <c r="D1860" t="s">
        <v>1810</v>
      </c>
      <c r="E1860" t="s">
        <v>54</v>
      </c>
      <c r="F1860" t="s">
        <v>10</v>
      </c>
      <c r="G1860" t="s">
        <v>17</v>
      </c>
      <c r="H1860" t="s">
        <v>132</v>
      </c>
      <c r="I1860">
        <v>122.48</v>
      </c>
      <c r="J1860">
        <v>2</v>
      </c>
      <c r="K1860">
        <v>0</v>
      </c>
    </row>
    <row r="1861" spans="1:11" x14ac:dyDescent="0.3">
      <c r="A1861" s="1">
        <v>41993</v>
      </c>
      <c r="B1861" s="3">
        <f t="shared" si="58"/>
        <v>12</v>
      </c>
      <c r="C1861" s="3">
        <f t="shared" si="59"/>
        <v>2014</v>
      </c>
      <c r="D1861" t="s">
        <v>1810</v>
      </c>
      <c r="E1861" t="s">
        <v>54</v>
      </c>
      <c r="F1861" t="s">
        <v>33</v>
      </c>
      <c r="G1861" t="s">
        <v>144</v>
      </c>
      <c r="H1861" t="s">
        <v>1811</v>
      </c>
      <c r="I1861">
        <v>2244.48</v>
      </c>
      <c r="J1861">
        <v>7</v>
      </c>
      <c r="K1861">
        <v>493.79</v>
      </c>
    </row>
    <row r="1862" spans="1:11" x14ac:dyDescent="0.3">
      <c r="A1862" s="1">
        <v>41993</v>
      </c>
      <c r="B1862" s="3">
        <f t="shared" si="58"/>
        <v>12</v>
      </c>
      <c r="C1862" s="3">
        <f t="shared" si="59"/>
        <v>2014</v>
      </c>
      <c r="D1862" t="s">
        <v>1810</v>
      </c>
      <c r="E1862" t="s">
        <v>54</v>
      </c>
      <c r="F1862" t="s">
        <v>10</v>
      </c>
      <c r="G1862" t="s">
        <v>19</v>
      </c>
      <c r="H1862" t="s">
        <v>780</v>
      </c>
      <c r="I1862">
        <v>62.31</v>
      </c>
      <c r="J1862">
        <v>3</v>
      </c>
      <c r="K1862">
        <v>29.29</v>
      </c>
    </row>
    <row r="1863" spans="1:11" x14ac:dyDescent="0.3">
      <c r="A1863" s="1">
        <v>41993</v>
      </c>
      <c r="B1863" s="3">
        <f t="shared" si="58"/>
        <v>12</v>
      </c>
      <c r="C1863" s="3">
        <f t="shared" si="59"/>
        <v>2014</v>
      </c>
      <c r="D1863" t="s">
        <v>1810</v>
      </c>
      <c r="E1863" t="s">
        <v>54</v>
      </c>
      <c r="F1863" t="s">
        <v>33</v>
      </c>
      <c r="G1863" t="s">
        <v>144</v>
      </c>
      <c r="H1863" t="s">
        <v>1500</v>
      </c>
      <c r="I1863">
        <v>455.1</v>
      </c>
      <c r="J1863">
        <v>2</v>
      </c>
      <c r="K1863">
        <v>100.12</v>
      </c>
    </row>
    <row r="1864" spans="1:11" x14ac:dyDescent="0.3">
      <c r="A1864" s="1">
        <v>41993</v>
      </c>
      <c r="B1864" s="3">
        <f t="shared" si="58"/>
        <v>12</v>
      </c>
      <c r="C1864" s="3">
        <f t="shared" si="59"/>
        <v>2014</v>
      </c>
      <c r="D1864" t="s">
        <v>1120</v>
      </c>
      <c r="E1864" t="s">
        <v>163</v>
      </c>
      <c r="F1864" t="s">
        <v>10</v>
      </c>
      <c r="G1864" t="s">
        <v>15</v>
      </c>
      <c r="H1864" t="s">
        <v>1715</v>
      </c>
      <c r="I1864">
        <v>31.05</v>
      </c>
      <c r="J1864">
        <v>3</v>
      </c>
      <c r="K1864">
        <v>14.9</v>
      </c>
    </row>
    <row r="1865" spans="1:11" x14ac:dyDescent="0.3">
      <c r="A1865" s="1">
        <v>41993</v>
      </c>
      <c r="B1865" s="3">
        <f t="shared" si="58"/>
        <v>12</v>
      </c>
      <c r="C1865" s="3">
        <f t="shared" si="59"/>
        <v>2014</v>
      </c>
      <c r="D1865" t="s">
        <v>1812</v>
      </c>
      <c r="E1865" t="s">
        <v>119</v>
      </c>
      <c r="F1865" t="s">
        <v>10</v>
      </c>
      <c r="G1865" t="s">
        <v>91</v>
      </c>
      <c r="H1865" t="s">
        <v>1813</v>
      </c>
      <c r="I1865">
        <v>43.51</v>
      </c>
      <c r="J1865">
        <v>7</v>
      </c>
      <c r="K1865">
        <v>3.81</v>
      </c>
    </row>
    <row r="1866" spans="1:11" x14ac:dyDescent="0.3">
      <c r="A1866" s="1">
        <v>41993</v>
      </c>
      <c r="B1866" s="3">
        <f t="shared" si="58"/>
        <v>12</v>
      </c>
      <c r="C1866" s="3">
        <f t="shared" si="59"/>
        <v>2014</v>
      </c>
      <c r="D1866" t="s">
        <v>1812</v>
      </c>
      <c r="E1866" t="s">
        <v>119</v>
      </c>
      <c r="F1866" t="s">
        <v>33</v>
      </c>
      <c r="G1866" t="s">
        <v>34</v>
      </c>
      <c r="H1866" t="s">
        <v>1236</v>
      </c>
      <c r="I1866">
        <v>662.88</v>
      </c>
      <c r="J1866">
        <v>3</v>
      </c>
      <c r="K1866">
        <v>74.569999999999993</v>
      </c>
    </row>
    <row r="1867" spans="1:11" x14ac:dyDescent="0.3">
      <c r="A1867" s="1">
        <v>41993</v>
      </c>
      <c r="B1867" s="3">
        <f t="shared" si="58"/>
        <v>12</v>
      </c>
      <c r="C1867" s="3">
        <f t="shared" si="59"/>
        <v>2014</v>
      </c>
      <c r="D1867" t="s">
        <v>1812</v>
      </c>
      <c r="E1867" t="s">
        <v>119</v>
      </c>
      <c r="F1867" t="s">
        <v>10</v>
      </c>
      <c r="G1867" t="s">
        <v>11</v>
      </c>
      <c r="H1867" t="s">
        <v>639</v>
      </c>
      <c r="I1867">
        <v>25.92</v>
      </c>
      <c r="J1867">
        <v>5</v>
      </c>
      <c r="K1867">
        <v>9.07</v>
      </c>
    </row>
    <row r="1868" spans="1:11" x14ac:dyDescent="0.3">
      <c r="A1868" s="1">
        <v>41993</v>
      </c>
      <c r="B1868" s="3">
        <f t="shared" si="58"/>
        <v>12</v>
      </c>
      <c r="C1868" s="3">
        <f t="shared" si="59"/>
        <v>2014</v>
      </c>
      <c r="D1868" t="s">
        <v>903</v>
      </c>
      <c r="E1868" t="s">
        <v>26</v>
      </c>
      <c r="F1868" t="s">
        <v>10</v>
      </c>
      <c r="G1868" t="s">
        <v>19</v>
      </c>
      <c r="H1868" t="s">
        <v>36</v>
      </c>
      <c r="I1868">
        <v>487.98</v>
      </c>
      <c r="J1868">
        <v>2</v>
      </c>
      <c r="K1868">
        <v>152.5</v>
      </c>
    </row>
    <row r="1869" spans="1:11" x14ac:dyDescent="0.3">
      <c r="A1869" s="1">
        <v>41993</v>
      </c>
      <c r="B1869" s="3">
        <f t="shared" si="58"/>
        <v>12</v>
      </c>
      <c r="C1869" s="3">
        <f t="shared" si="59"/>
        <v>2014</v>
      </c>
      <c r="D1869" t="s">
        <v>903</v>
      </c>
      <c r="E1869" t="s">
        <v>26</v>
      </c>
      <c r="F1869" t="s">
        <v>10</v>
      </c>
      <c r="G1869" t="s">
        <v>23</v>
      </c>
      <c r="H1869" t="s">
        <v>483</v>
      </c>
      <c r="I1869">
        <v>47.3</v>
      </c>
      <c r="J1869">
        <v>2</v>
      </c>
      <c r="K1869">
        <v>12.3</v>
      </c>
    </row>
    <row r="1870" spans="1:11" x14ac:dyDescent="0.3">
      <c r="A1870" s="1">
        <v>41993</v>
      </c>
      <c r="B1870" s="3">
        <f t="shared" si="58"/>
        <v>12</v>
      </c>
      <c r="C1870" s="3">
        <f t="shared" si="59"/>
        <v>2014</v>
      </c>
      <c r="D1870" t="s">
        <v>903</v>
      </c>
      <c r="E1870" t="s">
        <v>26</v>
      </c>
      <c r="F1870" t="s">
        <v>10</v>
      </c>
      <c r="G1870" t="s">
        <v>23</v>
      </c>
      <c r="H1870" t="s">
        <v>1814</v>
      </c>
      <c r="I1870">
        <v>4.13</v>
      </c>
      <c r="J1870">
        <v>1</v>
      </c>
      <c r="K1870">
        <v>1.1599999999999999</v>
      </c>
    </row>
    <row r="1871" spans="1:11" x14ac:dyDescent="0.3">
      <c r="A1871" s="1">
        <v>41993</v>
      </c>
      <c r="B1871" s="3">
        <f t="shared" si="58"/>
        <v>12</v>
      </c>
      <c r="C1871" s="3">
        <f t="shared" si="59"/>
        <v>2014</v>
      </c>
      <c r="D1871" t="s">
        <v>903</v>
      </c>
      <c r="E1871" t="s">
        <v>26</v>
      </c>
      <c r="F1871" t="s">
        <v>10</v>
      </c>
      <c r="G1871" t="s">
        <v>19</v>
      </c>
      <c r="H1871" t="s">
        <v>299</v>
      </c>
      <c r="I1871">
        <v>155.12</v>
      </c>
      <c r="J1871">
        <v>5</v>
      </c>
      <c r="K1871">
        <v>50.41</v>
      </c>
    </row>
    <row r="1872" spans="1:11" x14ac:dyDescent="0.3">
      <c r="A1872" s="1">
        <v>41993</v>
      </c>
      <c r="B1872" s="3">
        <f t="shared" si="58"/>
        <v>12</v>
      </c>
      <c r="C1872" s="3">
        <f t="shared" si="59"/>
        <v>2014</v>
      </c>
      <c r="D1872" t="s">
        <v>1470</v>
      </c>
      <c r="E1872" t="s">
        <v>277</v>
      </c>
      <c r="F1872" t="s">
        <v>38</v>
      </c>
      <c r="G1872" t="s">
        <v>51</v>
      </c>
      <c r="H1872" t="s">
        <v>1815</v>
      </c>
      <c r="I1872">
        <v>447.94</v>
      </c>
      <c r="J1872">
        <v>7</v>
      </c>
      <c r="K1872">
        <v>89.59</v>
      </c>
    </row>
    <row r="1873" spans="1:11" x14ac:dyDescent="0.3">
      <c r="A1873" s="1">
        <v>41993</v>
      </c>
      <c r="B1873" s="3">
        <f t="shared" si="58"/>
        <v>12</v>
      </c>
      <c r="C1873" s="3">
        <f t="shared" si="59"/>
        <v>2014</v>
      </c>
      <c r="D1873" t="s">
        <v>1816</v>
      </c>
      <c r="E1873" t="s">
        <v>128</v>
      </c>
      <c r="F1873" t="s">
        <v>10</v>
      </c>
      <c r="G1873" t="s">
        <v>15</v>
      </c>
      <c r="H1873" t="s">
        <v>1817</v>
      </c>
      <c r="I1873">
        <v>3.69</v>
      </c>
      <c r="J1873">
        <v>1</v>
      </c>
      <c r="K1873">
        <v>1.73</v>
      </c>
    </row>
    <row r="1874" spans="1:11" x14ac:dyDescent="0.3">
      <c r="A1874" s="1">
        <v>41993</v>
      </c>
      <c r="B1874" s="3">
        <f t="shared" si="58"/>
        <v>12</v>
      </c>
      <c r="C1874" s="3">
        <f t="shared" si="59"/>
        <v>2014</v>
      </c>
      <c r="D1874" t="s">
        <v>1816</v>
      </c>
      <c r="E1874" t="s">
        <v>128</v>
      </c>
      <c r="F1874" t="s">
        <v>10</v>
      </c>
      <c r="G1874" t="s">
        <v>19</v>
      </c>
      <c r="H1874" t="s">
        <v>1102</v>
      </c>
      <c r="I1874">
        <v>1103.97</v>
      </c>
      <c r="J1874">
        <v>3</v>
      </c>
      <c r="K1874">
        <v>496.79</v>
      </c>
    </row>
    <row r="1875" spans="1:11" x14ac:dyDescent="0.3">
      <c r="A1875" s="1">
        <v>41993</v>
      </c>
      <c r="B1875" s="3">
        <f t="shared" si="58"/>
        <v>12</v>
      </c>
      <c r="C1875" s="3">
        <f t="shared" si="59"/>
        <v>2014</v>
      </c>
      <c r="D1875" t="s">
        <v>934</v>
      </c>
      <c r="E1875" t="s">
        <v>77</v>
      </c>
      <c r="F1875" t="s">
        <v>33</v>
      </c>
      <c r="G1875" t="s">
        <v>46</v>
      </c>
      <c r="H1875" t="s">
        <v>1714</v>
      </c>
      <c r="I1875">
        <v>190.85</v>
      </c>
      <c r="J1875">
        <v>3</v>
      </c>
      <c r="K1875">
        <v>-21.47</v>
      </c>
    </row>
    <row r="1876" spans="1:11" x14ac:dyDescent="0.3">
      <c r="A1876" s="1">
        <v>41993</v>
      </c>
      <c r="B1876" s="3">
        <f t="shared" si="58"/>
        <v>12</v>
      </c>
      <c r="C1876" s="3">
        <f t="shared" si="59"/>
        <v>2014</v>
      </c>
      <c r="D1876" t="s">
        <v>629</v>
      </c>
      <c r="E1876" t="s">
        <v>94</v>
      </c>
      <c r="F1876" t="s">
        <v>33</v>
      </c>
      <c r="G1876" t="s">
        <v>46</v>
      </c>
      <c r="H1876" t="s">
        <v>1361</v>
      </c>
      <c r="I1876">
        <v>51.97</v>
      </c>
      <c r="J1876">
        <v>2</v>
      </c>
      <c r="K1876">
        <v>10.39</v>
      </c>
    </row>
    <row r="1877" spans="1:11" x14ac:dyDescent="0.3">
      <c r="A1877" s="1">
        <v>41993</v>
      </c>
      <c r="B1877" s="3">
        <f t="shared" si="58"/>
        <v>12</v>
      </c>
      <c r="C1877" s="3">
        <f t="shared" si="59"/>
        <v>2014</v>
      </c>
      <c r="D1877" t="s">
        <v>629</v>
      </c>
      <c r="E1877" t="s">
        <v>94</v>
      </c>
      <c r="F1877" t="s">
        <v>38</v>
      </c>
      <c r="G1877" t="s">
        <v>51</v>
      </c>
      <c r="H1877" t="s">
        <v>83</v>
      </c>
      <c r="I1877">
        <v>71.98</v>
      </c>
      <c r="J1877">
        <v>3</v>
      </c>
      <c r="K1877">
        <v>21.59</v>
      </c>
    </row>
    <row r="1878" spans="1:11" x14ac:dyDescent="0.3">
      <c r="A1878" s="1">
        <v>41993</v>
      </c>
      <c r="B1878" s="3">
        <f t="shared" si="58"/>
        <v>12</v>
      </c>
      <c r="C1878" s="3">
        <f t="shared" si="59"/>
        <v>2014</v>
      </c>
      <c r="D1878" t="s">
        <v>629</v>
      </c>
      <c r="E1878" t="s">
        <v>94</v>
      </c>
      <c r="F1878" t="s">
        <v>33</v>
      </c>
      <c r="G1878" t="s">
        <v>34</v>
      </c>
      <c r="H1878" t="s">
        <v>1818</v>
      </c>
      <c r="I1878">
        <v>242.35</v>
      </c>
      <c r="J1878">
        <v>3</v>
      </c>
      <c r="K1878">
        <v>-42.41</v>
      </c>
    </row>
    <row r="1879" spans="1:11" x14ac:dyDescent="0.3">
      <c r="A1879" s="1">
        <v>41993</v>
      </c>
      <c r="B1879" s="3">
        <f t="shared" si="58"/>
        <v>12</v>
      </c>
      <c r="C1879" s="3">
        <f t="shared" si="59"/>
        <v>2014</v>
      </c>
      <c r="D1879" t="s">
        <v>629</v>
      </c>
      <c r="E1879" t="s">
        <v>94</v>
      </c>
      <c r="F1879" t="s">
        <v>10</v>
      </c>
      <c r="G1879" t="s">
        <v>11</v>
      </c>
      <c r="H1879" t="s">
        <v>1663</v>
      </c>
      <c r="I1879">
        <v>221.92</v>
      </c>
      <c r="J1879">
        <v>5</v>
      </c>
      <c r="K1879">
        <v>77.67</v>
      </c>
    </row>
    <row r="1880" spans="1:11" x14ac:dyDescent="0.3">
      <c r="A1880" s="1">
        <v>41993</v>
      </c>
      <c r="B1880" s="3">
        <f t="shared" si="58"/>
        <v>12</v>
      </c>
      <c r="C1880" s="3">
        <f t="shared" si="59"/>
        <v>2014</v>
      </c>
      <c r="D1880" t="s">
        <v>629</v>
      </c>
      <c r="E1880" t="s">
        <v>94</v>
      </c>
      <c r="F1880" t="s">
        <v>10</v>
      </c>
      <c r="G1880" t="s">
        <v>11</v>
      </c>
      <c r="H1880" t="s">
        <v>1375</v>
      </c>
      <c r="I1880">
        <v>8.4499999999999993</v>
      </c>
      <c r="J1880">
        <v>2</v>
      </c>
      <c r="K1880">
        <v>2.64</v>
      </c>
    </row>
    <row r="1881" spans="1:11" x14ac:dyDescent="0.3">
      <c r="A1881" s="1">
        <v>41993</v>
      </c>
      <c r="B1881" s="3">
        <f t="shared" si="58"/>
        <v>12</v>
      </c>
      <c r="C1881" s="3">
        <f t="shared" si="59"/>
        <v>2014</v>
      </c>
      <c r="D1881" t="s">
        <v>1562</v>
      </c>
      <c r="E1881" t="s">
        <v>9</v>
      </c>
      <c r="F1881" t="s">
        <v>10</v>
      </c>
      <c r="G1881" t="s">
        <v>91</v>
      </c>
      <c r="H1881" t="s">
        <v>1819</v>
      </c>
      <c r="I1881">
        <v>19.43</v>
      </c>
      <c r="J1881">
        <v>2</v>
      </c>
      <c r="K1881">
        <v>-49.55</v>
      </c>
    </row>
    <row r="1882" spans="1:11" x14ac:dyDescent="0.3">
      <c r="A1882" s="1">
        <v>41993</v>
      </c>
      <c r="B1882" s="3">
        <f t="shared" si="58"/>
        <v>12</v>
      </c>
      <c r="C1882" s="3">
        <f t="shared" si="59"/>
        <v>2014</v>
      </c>
      <c r="D1882" t="s">
        <v>1562</v>
      </c>
      <c r="E1882" t="s">
        <v>9</v>
      </c>
      <c r="F1882" t="s">
        <v>38</v>
      </c>
      <c r="G1882" t="s">
        <v>51</v>
      </c>
      <c r="H1882" t="s">
        <v>1067</v>
      </c>
      <c r="I1882">
        <v>65.44</v>
      </c>
      <c r="J1882">
        <v>5</v>
      </c>
      <c r="K1882">
        <v>-8.18</v>
      </c>
    </row>
    <row r="1883" spans="1:11" x14ac:dyDescent="0.3">
      <c r="A1883" s="1">
        <v>41993</v>
      </c>
      <c r="B1883" s="3">
        <f t="shared" si="58"/>
        <v>12</v>
      </c>
      <c r="C1883" s="3">
        <f t="shared" si="59"/>
        <v>2014</v>
      </c>
      <c r="D1883" t="s">
        <v>1400</v>
      </c>
      <c r="E1883" t="s">
        <v>148</v>
      </c>
      <c r="F1883" t="s">
        <v>33</v>
      </c>
      <c r="G1883" t="s">
        <v>34</v>
      </c>
      <c r="H1883" t="s">
        <v>1820</v>
      </c>
      <c r="I1883">
        <v>192.19</v>
      </c>
      <c r="J1883">
        <v>3</v>
      </c>
      <c r="K1883">
        <v>36.299999999999997</v>
      </c>
    </row>
    <row r="1884" spans="1:11" x14ac:dyDescent="0.3">
      <c r="A1884" s="1">
        <v>41994</v>
      </c>
      <c r="B1884" s="3">
        <f t="shared" si="58"/>
        <v>12</v>
      </c>
      <c r="C1884" s="3">
        <f t="shared" si="59"/>
        <v>2014</v>
      </c>
      <c r="D1884" t="s">
        <v>362</v>
      </c>
      <c r="E1884" t="s">
        <v>26</v>
      </c>
      <c r="F1884" t="s">
        <v>33</v>
      </c>
      <c r="G1884" t="s">
        <v>34</v>
      </c>
      <c r="H1884" t="s">
        <v>1236</v>
      </c>
      <c r="I1884">
        <v>1325.76</v>
      </c>
      <c r="J1884">
        <v>6</v>
      </c>
      <c r="K1884">
        <v>149.15</v>
      </c>
    </row>
    <row r="1885" spans="1:11" x14ac:dyDescent="0.3">
      <c r="A1885" s="1">
        <v>41994</v>
      </c>
      <c r="B1885" s="3">
        <f t="shared" si="58"/>
        <v>12</v>
      </c>
      <c r="C1885" s="3">
        <f t="shared" si="59"/>
        <v>2014</v>
      </c>
      <c r="D1885" t="s">
        <v>362</v>
      </c>
      <c r="E1885" t="s">
        <v>26</v>
      </c>
      <c r="F1885" t="s">
        <v>33</v>
      </c>
      <c r="G1885" t="s">
        <v>34</v>
      </c>
      <c r="H1885" t="s">
        <v>1678</v>
      </c>
      <c r="I1885">
        <v>572.16</v>
      </c>
      <c r="J1885">
        <v>3</v>
      </c>
      <c r="K1885">
        <v>35.76</v>
      </c>
    </row>
    <row r="1886" spans="1:11" x14ac:dyDescent="0.3">
      <c r="A1886" s="1">
        <v>41994</v>
      </c>
      <c r="B1886" s="3">
        <f t="shared" si="58"/>
        <v>12</v>
      </c>
      <c r="C1886" s="3">
        <f t="shared" si="59"/>
        <v>2014</v>
      </c>
      <c r="D1886" t="s">
        <v>909</v>
      </c>
      <c r="E1886" t="s">
        <v>119</v>
      </c>
      <c r="F1886" t="s">
        <v>10</v>
      </c>
      <c r="G1886" t="s">
        <v>19</v>
      </c>
      <c r="H1886" t="s">
        <v>700</v>
      </c>
      <c r="I1886">
        <v>18.239999999999998</v>
      </c>
      <c r="J1886">
        <v>2</v>
      </c>
      <c r="K1886">
        <v>-14.59</v>
      </c>
    </row>
    <row r="1887" spans="1:11" x14ac:dyDescent="0.3">
      <c r="A1887" s="1">
        <v>41994</v>
      </c>
      <c r="B1887" s="3">
        <f t="shared" si="58"/>
        <v>12</v>
      </c>
      <c r="C1887" s="3">
        <f t="shared" si="59"/>
        <v>2014</v>
      </c>
      <c r="D1887" t="s">
        <v>1300</v>
      </c>
      <c r="E1887" t="s">
        <v>58</v>
      </c>
      <c r="F1887" t="s">
        <v>10</v>
      </c>
      <c r="G1887" t="s">
        <v>15</v>
      </c>
      <c r="H1887" t="s">
        <v>358</v>
      </c>
      <c r="I1887">
        <v>17.28</v>
      </c>
      <c r="J1887">
        <v>6</v>
      </c>
      <c r="K1887">
        <v>7.95</v>
      </c>
    </row>
    <row r="1888" spans="1:11" x14ac:dyDescent="0.3">
      <c r="A1888" s="1">
        <v>41995</v>
      </c>
      <c r="B1888" s="3">
        <f t="shared" si="58"/>
        <v>12</v>
      </c>
      <c r="C1888" s="3">
        <f t="shared" si="59"/>
        <v>2014</v>
      </c>
      <c r="D1888" t="s">
        <v>1821</v>
      </c>
      <c r="E1888" t="s">
        <v>26</v>
      </c>
      <c r="F1888" t="s">
        <v>10</v>
      </c>
      <c r="G1888" t="s">
        <v>23</v>
      </c>
      <c r="H1888" t="s">
        <v>1822</v>
      </c>
      <c r="I1888">
        <v>11.76</v>
      </c>
      <c r="J1888">
        <v>4</v>
      </c>
      <c r="K1888">
        <v>3.18</v>
      </c>
    </row>
    <row r="1889" spans="1:11" x14ac:dyDescent="0.3">
      <c r="A1889" s="1">
        <v>41995</v>
      </c>
      <c r="B1889" s="3">
        <f t="shared" si="58"/>
        <v>12</v>
      </c>
      <c r="C1889" s="3">
        <f t="shared" si="59"/>
        <v>2014</v>
      </c>
      <c r="D1889" t="s">
        <v>694</v>
      </c>
      <c r="E1889" t="s">
        <v>148</v>
      </c>
      <c r="F1889" t="s">
        <v>10</v>
      </c>
      <c r="G1889" t="s">
        <v>17</v>
      </c>
      <c r="H1889" t="s">
        <v>1823</v>
      </c>
      <c r="I1889">
        <v>216.4</v>
      </c>
      <c r="J1889">
        <v>4</v>
      </c>
      <c r="K1889">
        <v>56.26</v>
      </c>
    </row>
    <row r="1890" spans="1:11" x14ac:dyDescent="0.3">
      <c r="A1890" s="1">
        <v>41995</v>
      </c>
      <c r="B1890" s="3">
        <f t="shared" si="58"/>
        <v>12</v>
      </c>
      <c r="C1890" s="3">
        <f t="shared" si="59"/>
        <v>2014</v>
      </c>
      <c r="D1890" t="s">
        <v>1210</v>
      </c>
      <c r="E1890" t="s">
        <v>14</v>
      </c>
      <c r="F1890" t="s">
        <v>10</v>
      </c>
      <c r="G1890" t="s">
        <v>17</v>
      </c>
      <c r="H1890" t="s">
        <v>373</v>
      </c>
      <c r="I1890">
        <v>132.16</v>
      </c>
      <c r="J1890">
        <v>1</v>
      </c>
      <c r="K1890">
        <v>9.91</v>
      </c>
    </row>
    <row r="1891" spans="1:11" x14ac:dyDescent="0.3">
      <c r="A1891" s="1">
        <v>41995</v>
      </c>
      <c r="B1891" s="3">
        <f t="shared" si="58"/>
        <v>12</v>
      </c>
      <c r="C1891" s="3">
        <f t="shared" si="59"/>
        <v>2014</v>
      </c>
      <c r="D1891" t="s">
        <v>1210</v>
      </c>
      <c r="E1891" t="s">
        <v>14</v>
      </c>
      <c r="F1891" t="s">
        <v>10</v>
      </c>
      <c r="G1891" t="s">
        <v>19</v>
      </c>
      <c r="H1891" t="s">
        <v>1824</v>
      </c>
      <c r="I1891">
        <v>17.899999999999999</v>
      </c>
      <c r="J1891">
        <v>6</v>
      </c>
      <c r="K1891">
        <v>-31.33</v>
      </c>
    </row>
    <row r="1892" spans="1:11" x14ac:dyDescent="0.3">
      <c r="A1892" s="1">
        <v>41995</v>
      </c>
      <c r="B1892" s="3">
        <f t="shared" si="58"/>
        <v>12</v>
      </c>
      <c r="C1892" s="3">
        <f t="shared" si="59"/>
        <v>2014</v>
      </c>
      <c r="D1892" t="s">
        <v>1210</v>
      </c>
      <c r="E1892" t="s">
        <v>14</v>
      </c>
      <c r="F1892" t="s">
        <v>10</v>
      </c>
      <c r="G1892" t="s">
        <v>11</v>
      </c>
      <c r="H1892" t="s">
        <v>1053</v>
      </c>
      <c r="I1892">
        <v>124.03</v>
      </c>
      <c r="J1892">
        <v>4</v>
      </c>
      <c r="K1892">
        <v>44.96</v>
      </c>
    </row>
    <row r="1893" spans="1:11" x14ac:dyDescent="0.3">
      <c r="A1893" s="1">
        <v>41995</v>
      </c>
      <c r="B1893" s="3">
        <f t="shared" si="58"/>
        <v>12</v>
      </c>
      <c r="C1893" s="3">
        <f t="shared" si="59"/>
        <v>2014</v>
      </c>
      <c r="D1893" t="s">
        <v>1825</v>
      </c>
      <c r="E1893" t="s">
        <v>148</v>
      </c>
      <c r="F1893" t="s">
        <v>10</v>
      </c>
      <c r="G1893" t="s">
        <v>19</v>
      </c>
      <c r="H1893" t="s">
        <v>1826</v>
      </c>
      <c r="I1893">
        <v>296.70999999999998</v>
      </c>
      <c r="J1893">
        <v>13</v>
      </c>
      <c r="K1893">
        <v>100.14</v>
      </c>
    </row>
    <row r="1894" spans="1:11" x14ac:dyDescent="0.3">
      <c r="A1894" s="1">
        <v>41996</v>
      </c>
      <c r="B1894" s="3">
        <f t="shared" si="58"/>
        <v>12</v>
      </c>
      <c r="C1894" s="3">
        <f t="shared" si="59"/>
        <v>2014</v>
      </c>
      <c r="D1894" t="s">
        <v>1827</v>
      </c>
      <c r="E1894" t="s">
        <v>128</v>
      </c>
      <c r="F1894" t="s">
        <v>10</v>
      </c>
      <c r="G1894" t="s">
        <v>91</v>
      </c>
      <c r="H1894" t="s">
        <v>1828</v>
      </c>
      <c r="I1894">
        <v>207.24</v>
      </c>
      <c r="J1894">
        <v>11</v>
      </c>
      <c r="K1894">
        <v>58.03</v>
      </c>
    </row>
    <row r="1895" spans="1:11" x14ac:dyDescent="0.3">
      <c r="A1895" s="1">
        <v>41996</v>
      </c>
      <c r="B1895" s="3">
        <f t="shared" si="58"/>
        <v>12</v>
      </c>
      <c r="C1895" s="3">
        <f t="shared" si="59"/>
        <v>2014</v>
      </c>
      <c r="D1895" t="s">
        <v>1567</v>
      </c>
      <c r="E1895" t="s">
        <v>148</v>
      </c>
      <c r="F1895" t="s">
        <v>33</v>
      </c>
      <c r="G1895" t="s">
        <v>144</v>
      </c>
      <c r="H1895" t="s">
        <v>1829</v>
      </c>
      <c r="I1895">
        <v>53.32</v>
      </c>
      <c r="J1895">
        <v>2</v>
      </c>
      <c r="K1895">
        <v>-19.55</v>
      </c>
    </row>
    <row r="1896" spans="1:11" x14ac:dyDescent="0.3">
      <c r="A1896" s="1">
        <v>41996</v>
      </c>
      <c r="B1896" s="3">
        <f t="shared" si="58"/>
        <v>12</v>
      </c>
      <c r="C1896" s="3">
        <f t="shared" si="59"/>
        <v>2014</v>
      </c>
      <c r="D1896" t="s">
        <v>1567</v>
      </c>
      <c r="E1896" t="s">
        <v>148</v>
      </c>
      <c r="F1896" t="s">
        <v>10</v>
      </c>
      <c r="G1896" t="s">
        <v>91</v>
      </c>
      <c r="H1896" t="s">
        <v>1828</v>
      </c>
      <c r="I1896">
        <v>56.52</v>
      </c>
      <c r="J1896">
        <v>3</v>
      </c>
      <c r="K1896">
        <v>15.83</v>
      </c>
    </row>
    <row r="1897" spans="1:11" x14ac:dyDescent="0.3">
      <c r="A1897" s="1">
        <v>41996</v>
      </c>
      <c r="B1897" s="3">
        <f t="shared" si="58"/>
        <v>12</v>
      </c>
      <c r="C1897" s="3">
        <f t="shared" si="59"/>
        <v>2014</v>
      </c>
      <c r="D1897" t="s">
        <v>988</v>
      </c>
      <c r="E1897" t="s">
        <v>9</v>
      </c>
      <c r="F1897" t="s">
        <v>10</v>
      </c>
      <c r="G1897" t="s">
        <v>11</v>
      </c>
      <c r="H1897" t="s">
        <v>1218</v>
      </c>
      <c r="I1897">
        <v>5.18</v>
      </c>
      <c r="J1897">
        <v>1</v>
      </c>
      <c r="K1897">
        <v>1.81</v>
      </c>
    </row>
    <row r="1898" spans="1:11" x14ac:dyDescent="0.3">
      <c r="A1898" s="1">
        <v>41996</v>
      </c>
      <c r="B1898" s="3">
        <f t="shared" si="58"/>
        <v>12</v>
      </c>
      <c r="C1898" s="3">
        <f t="shared" si="59"/>
        <v>2014</v>
      </c>
      <c r="D1898" t="s">
        <v>1830</v>
      </c>
      <c r="E1898" t="s">
        <v>122</v>
      </c>
      <c r="F1898" t="s">
        <v>10</v>
      </c>
      <c r="G1898" t="s">
        <v>11</v>
      </c>
      <c r="H1898" t="s">
        <v>1831</v>
      </c>
      <c r="I1898">
        <v>45.53</v>
      </c>
      <c r="J1898">
        <v>3</v>
      </c>
      <c r="K1898">
        <v>15.93</v>
      </c>
    </row>
    <row r="1899" spans="1:11" x14ac:dyDescent="0.3">
      <c r="A1899" s="1">
        <v>41996</v>
      </c>
      <c r="B1899" s="3">
        <f t="shared" si="58"/>
        <v>12</v>
      </c>
      <c r="C1899" s="3">
        <f t="shared" si="59"/>
        <v>2014</v>
      </c>
      <c r="D1899" t="s">
        <v>1830</v>
      </c>
      <c r="E1899" t="s">
        <v>122</v>
      </c>
      <c r="F1899" t="s">
        <v>33</v>
      </c>
      <c r="G1899" t="s">
        <v>34</v>
      </c>
      <c r="H1899" t="s">
        <v>861</v>
      </c>
      <c r="I1899">
        <v>64.78</v>
      </c>
      <c r="J1899">
        <v>1</v>
      </c>
      <c r="K1899">
        <v>6.48</v>
      </c>
    </row>
    <row r="1900" spans="1:11" x14ac:dyDescent="0.3">
      <c r="A1900" s="1">
        <v>41996</v>
      </c>
      <c r="B1900" s="3">
        <f t="shared" si="58"/>
        <v>12</v>
      </c>
      <c r="C1900" s="3">
        <f t="shared" si="59"/>
        <v>2014</v>
      </c>
      <c r="D1900" t="s">
        <v>1830</v>
      </c>
      <c r="E1900" t="s">
        <v>122</v>
      </c>
      <c r="F1900" t="s">
        <v>10</v>
      </c>
      <c r="G1900" t="s">
        <v>17</v>
      </c>
      <c r="H1900" t="s">
        <v>72</v>
      </c>
      <c r="I1900">
        <v>424.27</v>
      </c>
      <c r="J1900">
        <v>2</v>
      </c>
      <c r="K1900">
        <v>-10.61</v>
      </c>
    </row>
    <row r="1901" spans="1:11" x14ac:dyDescent="0.3">
      <c r="A1901" s="1">
        <v>41996</v>
      </c>
      <c r="B1901" s="3">
        <f t="shared" si="58"/>
        <v>12</v>
      </c>
      <c r="C1901" s="3">
        <f t="shared" si="59"/>
        <v>2014</v>
      </c>
      <c r="D1901" t="s">
        <v>1830</v>
      </c>
      <c r="E1901" t="s">
        <v>122</v>
      </c>
      <c r="F1901" t="s">
        <v>10</v>
      </c>
      <c r="G1901" t="s">
        <v>23</v>
      </c>
      <c r="H1901" t="s">
        <v>540</v>
      </c>
      <c r="I1901">
        <v>1.34</v>
      </c>
      <c r="J1901">
        <v>1</v>
      </c>
      <c r="K1901">
        <v>0.5</v>
      </c>
    </row>
    <row r="1902" spans="1:11" x14ac:dyDescent="0.3">
      <c r="A1902" s="1">
        <v>41996</v>
      </c>
      <c r="B1902" s="3">
        <f t="shared" si="58"/>
        <v>12</v>
      </c>
      <c r="C1902" s="3">
        <f t="shared" si="59"/>
        <v>2014</v>
      </c>
      <c r="D1902" t="s">
        <v>1830</v>
      </c>
      <c r="E1902" t="s">
        <v>122</v>
      </c>
      <c r="F1902" t="s">
        <v>10</v>
      </c>
      <c r="G1902" t="s">
        <v>17</v>
      </c>
      <c r="H1902" t="s">
        <v>1591</v>
      </c>
      <c r="I1902">
        <v>83.92</v>
      </c>
      <c r="J1902">
        <v>5</v>
      </c>
      <c r="K1902">
        <v>-1.05</v>
      </c>
    </row>
    <row r="1903" spans="1:11" x14ac:dyDescent="0.3">
      <c r="A1903" s="1">
        <v>41997</v>
      </c>
      <c r="B1903" s="3">
        <f t="shared" si="58"/>
        <v>12</v>
      </c>
      <c r="C1903" s="3">
        <f t="shared" si="59"/>
        <v>2014</v>
      </c>
      <c r="D1903" t="s">
        <v>1026</v>
      </c>
      <c r="E1903" t="s">
        <v>122</v>
      </c>
      <c r="F1903" t="s">
        <v>10</v>
      </c>
      <c r="G1903" t="s">
        <v>11</v>
      </c>
      <c r="H1903" t="s">
        <v>1611</v>
      </c>
      <c r="I1903">
        <v>9.57</v>
      </c>
      <c r="J1903">
        <v>2</v>
      </c>
      <c r="K1903">
        <v>3.47</v>
      </c>
    </row>
    <row r="1904" spans="1:11" x14ac:dyDescent="0.3">
      <c r="A1904" s="1">
        <v>41997</v>
      </c>
      <c r="B1904" s="3">
        <f t="shared" si="58"/>
        <v>12</v>
      </c>
      <c r="C1904" s="3">
        <f t="shared" si="59"/>
        <v>2014</v>
      </c>
      <c r="D1904" t="s">
        <v>711</v>
      </c>
      <c r="E1904" t="s">
        <v>77</v>
      </c>
      <c r="F1904" t="s">
        <v>33</v>
      </c>
      <c r="G1904" t="s">
        <v>46</v>
      </c>
      <c r="H1904" t="s">
        <v>1832</v>
      </c>
      <c r="I1904">
        <v>30.36</v>
      </c>
      <c r="J1904">
        <v>5</v>
      </c>
      <c r="K1904">
        <v>8.73</v>
      </c>
    </row>
    <row r="1905" spans="1:11" x14ac:dyDescent="0.3">
      <c r="A1905" s="1">
        <v>41997</v>
      </c>
      <c r="B1905" s="3">
        <f t="shared" si="58"/>
        <v>12</v>
      </c>
      <c r="C1905" s="3">
        <f t="shared" si="59"/>
        <v>2014</v>
      </c>
      <c r="D1905" t="s">
        <v>1654</v>
      </c>
      <c r="E1905" t="s">
        <v>26</v>
      </c>
      <c r="F1905" t="s">
        <v>10</v>
      </c>
      <c r="G1905" t="s">
        <v>17</v>
      </c>
      <c r="H1905" t="s">
        <v>973</v>
      </c>
      <c r="I1905">
        <v>142.86000000000001</v>
      </c>
      <c r="J1905">
        <v>1</v>
      </c>
      <c r="K1905">
        <v>41.43</v>
      </c>
    </row>
    <row r="1906" spans="1:11" x14ac:dyDescent="0.3">
      <c r="A1906" s="1">
        <v>41997</v>
      </c>
      <c r="B1906" s="3">
        <f t="shared" si="58"/>
        <v>12</v>
      </c>
      <c r="C1906" s="3">
        <f t="shared" si="59"/>
        <v>2014</v>
      </c>
      <c r="D1906" t="s">
        <v>1654</v>
      </c>
      <c r="E1906" t="s">
        <v>26</v>
      </c>
      <c r="F1906" t="s">
        <v>33</v>
      </c>
      <c r="G1906" t="s">
        <v>34</v>
      </c>
      <c r="H1906" t="s">
        <v>186</v>
      </c>
      <c r="I1906">
        <v>292.27</v>
      </c>
      <c r="J1906">
        <v>6</v>
      </c>
      <c r="K1906">
        <v>18.27</v>
      </c>
    </row>
    <row r="1907" spans="1:11" x14ac:dyDescent="0.3">
      <c r="A1907" s="1">
        <v>41997</v>
      </c>
      <c r="B1907" s="3">
        <f t="shared" si="58"/>
        <v>12</v>
      </c>
      <c r="C1907" s="3">
        <f t="shared" si="59"/>
        <v>2014</v>
      </c>
      <c r="D1907" t="s">
        <v>529</v>
      </c>
      <c r="E1907" t="s">
        <v>26</v>
      </c>
      <c r="F1907" t="s">
        <v>38</v>
      </c>
      <c r="G1907" t="s">
        <v>39</v>
      </c>
      <c r="H1907" t="s">
        <v>1833</v>
      </c>
      <c r="I1907">
        <v>173.66</v>
      </c>
      <c r="J1907">
        <v>7</v>
      </c>
      <c r="K1907">
        <v>17.37</v>
      </c>
    </row>
    <row r="1908" spans="1:11" x14ac:dyDescent="0.3">
      <c r="A1908" s="1">
        <v>41997</v>
      </c>
      <c r="B1908" s="3">
        <f t="shared" si="58"/>
        <v>12</v>
      </c>
      <c r="C1908" s="3">
        <f t="shared" si="59"/>
        <v>2014</v>
      </c>
      <c r="D1908" t="s">
        <v>529</v>
      </c>
      <c r="E1908" t="s">
        <v>26</v>
      </c>
      <c r="F1908" t="s">
        <v>10</v>
      </c>
      <c r="G1908" t="s">
        <v>91</v>
      </c>
      <c r="H1908" t="s">
        <v>1834</v>
      </c>
      <c r="I1908">
        <v>361.96</v>
      </c>
      <c r="J1908">
        <v>2</v>
      </c>
      <c r="K1908">
        <v>101.35</v>
      </c>
    </row>
    <row r="1909" spans="1:11" x14ac:dyDescent="0.3">
      <c r="A1909" s="1">
        <v>41997</v>
      </c>
      <c r="B1909" s="3">
        <f t="shared" si="58"/>
        <v>12</v>
      </c>
      <c r="C1909" s="3">
        <f t="shared" si="59"/>
        <v>2014</v>
      </c>
      <c r="D1909" t="s">
        <v>529</v>
      </c>
      <c r="E1909" t="s">
        <v>26</v>
      </c>
      <c r="F1909" t="s">
        <v>38</v>
      </c>
      <c r="G1909" t="s">
        <v>51</v>
      </c>
      <c r="H1909" t="s">
        <v>1835</v>
      </c>
      <c r="I1909">
        <v>62.85</v>
      </c>
      <c r="J1909">
        <v>3</v>
      </c>
      <c r="K1909">
        <v>13.2</v>
      </c>
    </row>
    <row r="1910" spans="1:11" x14ac:dyDescent="0.3">
      <c r="A1910" s="1">
        <v>41997</v>
      </c>
      <c r="B1910" s="3">
        <f t="shared" si="58"/>
        <v>12</v>
      </c>
      <c r="C1910" s="3">
        <f t="shared" si="59"/>
        <v>2014</v>
      </c>
      <c r="D1910" t="s">
        <v>529</v>
      </c>
      <c r="E1910" t="s">
        <v>26</v>
      </c>
      <c r="F1910" t="s">
        <v>38</v>
      </c>
      <c r="G1910" t="s">
        <v>39</v>
      </c>
      <c r="H1910" t="s">
        <v>1099</v>
      </c>
      <c r="I1910">
        <v>818.38</v>
      </c>
      <c r="J1910">
        <v>3</v>
      </c>
      <c r="K1910">
        <v>51.15</v>
      </c>
    </row>
    <row r="1911" spans="1:11" x14ac:dyDescent="0.3">
      <c r="A1911" s="1">
        <v>41997</v>
      </c>
      <c r="B1911" s="3">
        <f t="shared" si="58"/>
        <v>12</v>
      </c>
      <c r="C1911" s="3">
        <f t="shared" si="59"/>
        <v>2014</v>
      </c>
      <c r="D1911" t="s">
        <v>529</v>
      </c>
      <c r="E1911" t="s">
        <v>26</v>
      </c>
      <c r="F1911" t="s">
        <v>10</v>
      </c>
      <c r="G1911" t="s">
        <v>17</v>
      </c>
      <c r="H1911" t="s">
        <v>355</v>
      </c>
      <c r="I1911">
        <v>20.34</v>
      </c>
      <c r="J1911">
        <v>1</v>
      </c>
      <c r="K1911">
        <v>0.2</v>
      </c>
    </row>
    <row r="1912" spans="1:11" x14ac:dyDescent="0.3">
      <c r="A1912" s="1">
        <v>41997</v>
      </c>
      <c r="B1912" s="3">
        <f t="shared" si="58"/>
        <v>12</v>
      </c>
      <c r="C1912" s="3">
        <f t="shared" si="59"/>
        <v>2014</v>
      </c>
      <c r="D1912" t="s">
        <v>529</v>
      </c>
      <c r="E1912" t="s">
        <v>26</v>
      </c>
      <c r="F1912" t="s">
        <v>33</v>
      </c>
      <c r="G1912" t="s">
        <v>46</v>
      </c>
      <c r="H1912" t="s">
        <v>1836</v>
      </c>
      <c r="I1912">
        <v>23.99</v>
      </c>
      <c r="J1912">
        <v>1</v>
      </c>
      <c r="K1912">
        <v>5.52</v>
      </c>
    </row>
    <row r="1913" spans="1:11" x14ac:dyDescent="0.3">
      <c r="A1913" s="1">
        <v>41997</v>
      </c>
      <c r="B1913" s="3">
        <f t="shared" si="58"/>
        <v>12</v>
      </c>
      <c r="C1913" s="3">
        <f t="shared" si="59"/>
        <v>2014</v>
      </c>
      <c r="D1913" t="s">
        <v>1360</v>
      </c>
      <c r="E1913" t="s">
        <v>26</v>
      </c>
      <c r="F1913" t="s">
        <v>10</v>
      </c>
      <c r="G1913" t="s">
        <v>91</v>
      </c>
      <c r="H1913" t="s">
        <v>1837</v>
      </c>
      <c r="I1913">
        <v>13.97</v>
      </c>
      <c r="J1913">
        <v>1</v>
      </c>
      <c r="K1913">
        <v>3.63</v>
      </c>
    </row>
    <row r="1914" spans="1:11" x14ac:dyDescent="0.3">
      <c r="A1914" s="1">
        <v>41999</v>
      </c>
      <c r="B1914" s="3">
        <f t="shared" si="58"/>
        <v>12</v>
      </c>
      <c r="C1914" s="3">
        <f t="shared" si="59"/>
        <v>2014</v>
      </c>
      <c r="D1914" t="s">
        <v>1664</v>
      </c>
      <c r="E1914" t="s">
        <v>9</v>
      </c>
      <c r="F1914" t="s">
        <v>33</v>
      </c>
      <c r="G1914" t="s">
        <v>34</v>
      </c>
      <c r="H1914" t="s">
        <v>35</v>
      </c>
      <c r="I1914">
        <v>600.55999999999995</v>
      </c>
      <c r="J1914">
        <v>3</v>
      </c>
      <c r="K1914">
        <v>-8.58</v>
      </c>
    </row>
    <row r="1915" spans="1:11" x14ac:dyDescent="0.3">
      <c r="A1915" s="1">
        <v>41999</v>
      </c>
      <c r="B1915" s="3">
        <f t="shared" si="58"/>
        <v>12</v>
      </c>
      <c r="C1915" s="3">
        <f t="shared" si="59"/>
        <v>2014</v>
      </c>
      <c r="D1915" t="s">
        <v>816</v>
      </c>
      <c r="E1915" t="s">
        <v>277</v>
      </c>
      <c r="F1915" t="s">
        <v>33</v>
      </c>
      <c r="G1915" t="s">
        <v>46</v>
      </c>
      <c r="H1915" t="s">
        <v>534</v>
      </c>
      <c r="I1915">
        <v>300.42</v>
      </c>
      <c r="J1915">
        <v>8</v>
      </c>
      <c r="K1915">
        <v>78.86</v>
      </c>
    </row>
    <row r="1916" spans="1:11" x14ac:dyDescent="0.3">
      <c r="A1916" s="1">
        <v>41999</v>
      </c>
      <c r="B1916" s="3">
        <f t="shared" si="58"/>
        <v>12</v>
      </c>
      <c r="C1916" s="3">
        <f t="shared" si="59"/>
        <v>2014</v>
      </c>
      <c r="D1916" t="s">
        <v>816</v>
      </c>
      <c r="E1916" t="s">
        <v>277</v>
      </c>
      <c r="F1916" t="s">
        <v>33</v>
      </c>
      <c r="G1916" t="s">
        <v>34</v>
      </c>
      <c r="H1916" t="s">
        <v>1838</v>
      </c>
      <c r="I1916">
        <v>230.35</v>
      </c>
      <c r="J1916">
        <v>3</v>
      </c>
      <c r="K1916">
        <v>20.16</v>
      </c>
    </row>
    <row r="1917" spans="1:11" x14ac:dyDescent="0.3">
      <c r="A1917" s="1">
        <v>41999</v>
      </c>
      <c r="B1917" s="3">
        <f t="shared" si="58"/>
        <v>12</v>
      </c>
      <c r="C1917" s="3">
        <f t="shared" si="59"/>
        <v>2014</v>
      </c>
      <c r="D1917" t="s">
        <v>816</v>
      </c>
      <c r="E1917" t="s">
        <v>277</v>
      </c>
      <c r="F1917" t="s">
        <v>33</v>
      </c>
      <c r="G1917" t="s">
        <v>46</v>
      </c>
      <c r="H1917" t="s">
        <v>111</v>
      </c>
      <c r="I1917">
        <v>218.35</v>
      </c>
      <c r="J1917">
        <v>3</v>
      </c>
      <c r="K1917">
        <v>-24.56</v>
      </c>
    </row>
    <row r="1918" spans="1:11" x14ac:dyDescent="0.3">
      <c r="A1918" s="1">
        <v>41999</v>
      </c>
      <c r="B1918" s="3">
        <f t="shared" si="58"/>
        <v>12</v>
      </c>
      <c r="C1918" s="3">
        <f t="shared" si="59"/>
        <v>2014</v>
      </c>
      <c r="D1918" t="s">
        <v>816</v>
      </c>
      <c r="E1918" t="s">
        <v>277</v>
      </c>
      <c r="F1918" t="s">
        <v>10</v>
      </c>
      <c r="G1918" t="s">
        <v>19</v>
      </c>
      <c r="H1918" t="s">
        <v>164</v>
      </c>
      <c r="I1918">
        <v>78.599999999999994</v>
      </c>
      <c r="J1918">
        <v>5</v>
      </c>
      <c r="K1918">
        <v>-62.88</v>
      </c>
    </row>
    <row r="1919" spans="1:11" x14ac:dyDescent="0.3">
      <c r="A1919" s="1">
        <v>41999</v>
      </c>
      <c r="B1919" s="3">
        <f t="shared" si="58"/>
        <v>12</v>
      </c>
      <c r="C1919" s="3">
        <f t="shared" si="59"/>
        <v>2014</v>
      </c>
      <c r="D1919" t="s">
        <v>816</v>
      </c>
      <c r="E1919" t="s">
        <v>277</v>
      </c>
      <c r="F1919" t="s">
        <v>10</v>
      </c>
      <c r="G1919" t="s">
        <v>42</v>
      </c>
      <c r="H1919" t="s">
        <v>1108</v>
      </c>
      <c r="I1919">
        <v>27.55</v>
      </c>
      <c r="J1919">
        <v>3</v>
      </c>
      <c r="K1919">
        <v>9.3000000000000007</v>
      </c>
    </row>
    <row r="1920" spans="1:11" x14ac:dyDescent="0.3">
      <c r="A1920" s="1">
        <v>41999</v>
      </c>
      <c r="B1920" s="3">
        <f t="shared" si="58"/>
        <v>12</v>
      </c>
      <c r="C1920" s="3">
        <f t="shared" si="59"/>
        <v>2014</v>
      </c>
      <c r="D1920" t="s">
        <v>382</v>
      </c>
      <c r="E1920" t="s">
        <v>14</v>
      </c>
      <c r="F1920" t="s">
        <v>10</v>
      </c>
      <c r="G1920" t="s">
        <v>19</v>
      </c>
      <c r="H1920" t="s">
        <v>965</v>
      </c>
      <c r="I1920">
        <v>8.69</v>
      </c>
      <c r="J1920">
        <v>5</v>
      </c>
      <c r="K1920">
        <v>-14.77</v>
      </c>
    </row>
    <row r="1921" spans="1:11" x14ac:dyDescent="0.3">
      <c r="A1921" s="1">
        <v>41999</v>
      </c>
      <c r="B1921" s="3">
        <f t="shared" si="58"/>
        <v>12</v>
      </c>
      <c r="C1921" s="3">
        <f t="shared" si="59"/>
        <v>2014</v>
      </c>
      <c r="D1921" t="s">
        <v>1839</v>
      </c>
      <c r="E1921" t="s">
        <v>26</v>
      </c>
      <c r="F1921" t="s">
        <v>10</v>
      </c>
      <c r="G1921" t="s">
        <v>199</v>
      </c>
      <c r="H1921" t="s">
        <v>1840</v>
      </c>
      <c r="I1921">
        <v>11.91</v>
      </c>
      <c r="J1921">
        <v>3</v>
      </c>
      <c r="K1921">
        <v>0.12</v>
      </c>
    </row>
    <row r="1922" spans="1:11" x14ac:dyDescent="0.3">
      <c r="A1922" s="1">
        <v>41999</v>
      </c>
      <c r="B1922" s="3">
        <f t="shared" ref="B1922:B1985" si="60">MONTH(A:A)</f>
        <v>12</v>
      </c>
      <c r="C1922" s="3">
        <f t="shared" ref="C1922:C1985" si="61">YEAR(A:A)</f>
        <v>2014</v>
      </c>
      <c r="D1922" t="s">
        <v>1839</v>
      </c>
      <c r="E1922" t="s">
        <v>26</v>
      </c>
      <c r="F1922" t="s">
        <v>33</v>
      </c>
      <c r="G1922" t="s">
        <v>46</v>
      </c>
      <c r="H1922" t="s">
        <v>615</v>
      </c>
      <c r="I1922">
        <v>3.48</v>
      </c>
      <c r="J1922">
        <v>2</v>
      </c>
      <c r="K1922">
        <v>1.1100000000000001</v>
      </c>
    </row>
    <row r="1923" spans="1:11" x14ac:dyDescent="0.3">
      <c r="A1923" s="1">
        <v>41999</v>
      </c>
      <c r="B1923" s="3">
        <f t="shared" si="60"/>
        <v>12</v>
      </c>
      <c r="C1923" s="3">
        <f t="shared" si="61"/>
        <v>2014</v>
      </c>
      <c r="D1923" t="s">
        <v>1841</v>
      </c>
      <c r="E1923" t="s">
        <v>22</v>
      </c>
      <c r="F1923" t="s">
        <v>10</v>
      </c>
      <c r="G1923" t="s">
        <v>11</v>
      </c>
      <c r="H1923" t="s">
        <v>984</v>
      </c>
      <c r="I1923">
        <v>18.260000000000002</v>
      </c>
      <c r="J1923">
        <v>3</v>
      </c>
      <c r="K1923">
        <v>6.16</v>
      </c>
    </row>
    <row r="1924" spans="1:11" x14ac:dyDescent="0.3">
      <c r="A1924" s="1">
        <v>41999</v>
      </c>
      <c r="B1924" s="3">
        <f t="shared" si="60"/>
        <v>12</v>
      </c>
      <c r="C1924" s="3">
        <f t="shared" si="61"/>
        <v>2014</v>
      </c>
      <c r="D1924" t="s">
        <v>1841</v>
      </c>
      <c r="E1924" t="s">
        <v>22</v>
      </c>
      <c r="F1924" t="s">
        <v>10</v>
      </c>
      <c r="G1924" t="s">
        <v>91</v>
      </c>
      <c r="H1924" t="s">
        <v>1842</v>
      </c>
      <c r="I1924">
        <v>34.659999999999997</v>
      </c>
      <c r="J1924">
        <v>2</v>
      </c>
      <c r="K1924">
        <v>5.63</v>
      </c>
    </row>
    <row r="1925" spans="1:11" x14ac:dyDescent="0.3">
      <c r="A1925" s="1">
        <v>41999</v>
      </c>
      <c r="B1925" s="3">
        <f t="shared" si="60"/>
        <v>12</v>
      </c>
      <c r="C1925" s="3">
        <f t="shared" si="61"/>
        <v>2014</v>
      </c>
      <c r="D1925" t="s">
        <v>1841</v>
      </c>
      <c r="E1925" t="s">
        <v>22</v>
      </c>
      <c r="F1925" t="s">
        <v>10</v>
      </c>
      <c r="G1925" t="s">
        <v>91</v>
      </c>
      <c r="H1925" t="s">
        <v>1124</v>
      </c>
      <c r="I1925">
        <v>81.55</v>
      </c>
      <c r="J1925">
        <v>2</v>
      </c>
      <c r="K1925">
        <v>8.16</v>
      </c>
    </row>
    <row r="1926" spans="1:11" x14ac:dyDescent="0.3">
      <c r="A1926" s="1">
        <v>41999</v>
      </c>
      <c r="B1926" s="3">
        <f t="shared" si="60"/>
        <v>12</v>
      </c>
      <c r="C1926" s="3">
        <f t="shared" si="61"/>
        <v>2014</v>
      </c>
      <c r="D1926" t="s">
        <v>1841</v>
      </c>
      <c r="E1926" t="s">
        <v>22</v>
      </c>
      <c r="F1926" t="s">
        <v>10</v>
      </c>
      <c r="G1926" t="s">
        <v>17</v>
      </c>
      <c r="H1926" t="s">
        <v>256</v>
      </c>
      <c r="I1926">
        <v>227.14</v>
      </c>
      <c r="J1926">
        <v>4</v>
      </c>
      <c r="K1926">
        <v>-42.59</v>
      </c>
    </row>
    <row r="1927" spans="1:11" x14ac:dyDescent="0.3">
      <c r="A1927" s="1">
        <v>41999</v>
      </c>
      <c r="B1927" s="3">
        <f t="shared" si="60"/>
        <v>12</v>
      </c>
      <c r="C1927" s="3">
        <f t="shared" si="61"/>
        <v>2014</v>
      </c>
      <c r="D1927" t="s">
        <v>1476</v>
      </c>
      <c r="E1927" t="s">
        <v>148</v>
      </c>
      <c r="F1927" t="s">
        <v>10</v>
      </c>
      <c r="G1927" t="s">
        <v>17</v>
      </c>
      <c r="H1927" t="s">
        <v>908</v>
      </c>
      <c r="I1927">
        <v>191.88</v>
      </c>
      <c r="J1927">
        <v>6</v>
      </c>
      <c r="K1927">
        <v>19.190000000000001</v>
      </c>
    </row>
    <row r="1928" spans="1:11" x14ac:dyDescent="0.3">
      <c r="A1928" s="1">
        <v>41999</v>
      </c>
      <c r="B1928" s="3">
        <f t="shared" si="60"/>
        <v>12</v>
      </c>
      <c r="C1928" s="3">
        <f t="shared" si="61"/>
        <v>2014</v>
      </c>
      <c r="D1928" t="s">
        <v>477</v>
      </c>
      <c r="E1928" t="s">
        <v>22</v>
      </c>
      <c r="F1928" t="s">
        <v>10</v>
      </c>
      <c r="G1928" t="s">
        <v>23</v>
      </c>
      <c r="H1928" t="s">
        <v>1843</v>
      </c>
      <c r="I1928">
        <v>8.02</v>
      </c>
      <c r="J1928">
        <v>3</v>
      </c>
      <c r="K1928">
        <v>1.1000000000000001</v>
      </c>
    </row>
    <row r="1929" spans="1:11" x14ac:dyDescent="0.3">
      <c r="A1929" s="1">
        <v>42000</v>
      </c>
      <c r="B1929" s="3">
        <f t="shared" si="60"/>
        <v>12</v>
      </c>
      <c r="C1929" s="3">
        <f t="shared" si="61"/>
        <v>2014</v>
      </c>
      <c r="D1929" t="s">
        <v>1698</v>
      </c>
      <c r="E1929" t="s">
        <v>26</v>
      </c>
      <c r="F1929" t="s">
        <v>10</v>
      </c>
      <c r="G1929" t="s">
        <v>15</v>
      </c>
      <c r="H1929" t="s">
        <v>220</v>
      </c>
      <c r="I1929">
        <v>11.56</v>
      </c>
      <c r="J1929">
        <v>4</v>
      </c>
      <c r="K1929">
        <v>5.43</v>
      </c>
    </row>
    <row r="1930" spans="1:11" x14ac:dyDescent="0.3">
      <c r="A1930" s="1">
        <v>42000</v>
      </c>
      <c r="B1930" s="3">
        <f t="shared" si="60"/>
        <v>12</v>
      </c>
      <c r="C1930" s="3">
        <f t="shared" si="61"/>
        <v>2014</v>
      </c>
      <c r="D1930" t="s">
        <v>838</v>
      </c>
      <c r="E1930" t="s">
        <v>14</v>
      </c>
      <c r="F1930" t="s">
        <v>33</v>
      </c>
      <c r="G1930" t="s">
        <v>46</v>
      </c>
      <c r="H1930" t="s">
        <v>364</v>
      </c>
      <c r="I1930">
        <v>32.950000000000003</v>
      </c>
      <c r="J1930">
        <v>6</v>
      </c>
      <c r="K1930">
        <v>-19.77</v>
      </c>
    </row>
    <row r="1931" spans="1:11" x14ac:dyDescent="0.3">
      <c r="A1931" s="1">
        <v>42000</v>
      </c>
      <c r="B1931" s="3">
        <f t="shared" si="60"/>
        <v>12</v>
      </c>
      <c r="C1931" s="3">
        <f t="shared" si="61"/>
        <v>2014</v>
      </c>
      <c r="D1931" t="s">
        <v>838</v>
      </c>
      <c r="E1931" t="s">
        <v>14</v>
      </c>
      <c r="F1931" t="s">
        <v>10</v>
      </c>
      <c r="G1931" t="s">
        <v>17</v>
      </c>
      <c r="H1931" t="s">
        <v>298</v>
      </c>
      <c r="I1931">
        <v>30.02</v>
      </c>
      <c r="J1931">
        <v>4</v>
      </c>
      <c r="K1931">
        <v>3</v>
      </c>
    </row>
    <row r="1932" spans="1:11" x14ac:dyDescent="0.3">
      <c r="A1932" s="1">
        <v>42000</v>
      </c>
      <c r="B1932" s="3">
        <f t="shared" si="60"/>
        <v>12</v>
      </c>
      <c r="C1932" s="3">
        <f t="shared" si="61"/>
        <v>2014</v>
      </c>
      <c r="D1932" t="s">
        <v>1486</v>
      </c>
      <c r="E1932" t="s">
        <v>26</v>
      </c>
      <c r="F1932" t="s">
        <v>33</v>
      </c>
      <c r="G1932" t="s">
        <v>34</v>
      </c>
      <c r="H1932" t="s">
        <v>573</v>
      </c>
      <c r="I1932">
        <v>230.28</v>
      </c>
      <c r="J1932">
        <v>3</v>
      </c>
      <c r="K1932">
        <v>23.03</v>
      </c>
    </row>
    <row r="1933" spans="1:11" x14ac:dyDescent="0.3">
      <c r="A1933" s="1">
        <v>42000</v>
      </c>
      <c r="B1933" s="3">
        <f t="shared" si="60"/>
        <v>12</v>
      </c>
      <c r="C1933" s="3">
        <f t="shared" si="61"/>
        <v>2014</v>
      </c>
      <c r="D1933" t="s">
        <v>1486</v>
      </c>
      <c r="E1933" t="s">
        <v>26</v>
      </c>
      <c r="F1933" t="s">
        <v>10</v>
      </c>
      <c r="G1933" t="s">
        <v>11</v>
      </c>
      <c r="H1933" t="s">
        <v>1844</v>
      </c>
      <c r="I1933">
        <v>12.84</v>
      </c>
      <c r="J1933">
        <v>3</v>
      </c>
      <c r="K1933">
        <v>5.78</v>
      </c>
    </row>
    <row r="1934" spans="1:11" x14ac:dyDescent="0.3">
      <c r="A1934" s="1">
        <v>42000</v>
      </c>
      <c r="B1934" s="3">
        <f t="shared" si="60"/>
        <v>12</v>
      </c>
      <c r="C1934" s="3">
        <f t="shared" si="61"/>
        <v>2014</v>
      </c>
      <c r="D1934" t="s">
        <v>1845</v>
      </c>
      <c r="E1934" t="s">
        <v>148</v>
      </c>
      <c r="F1934" t="s">
        <v>33</v>
      </c>
      <c r="G1934" t="s">
        <v>34</v>
      </c>
      <c r="H1934" t="s">
        <v>264</v>
      </c>
      <c r="I1934">
        <v>767.21</v>
      </c>
      <c r="J1934">
        <v>14</v>
      </c>
      <c r="K1934">
        <v>161.97</v>
      </c>
    </row>
    <row r="1935" spans="1:11" x14ac:dyDescent="0.3">
      <c r="A1935" s="1">
        <v>42000</v>
      </c>
      <c r="B1935" s="3">
        <f t="shared" si="60"/>
        <v>12</v>
      </c>
      <c r="C1935" s="3">
        <f t="shared" si="61"/>
        <v>2014</v>
      </c>
      <c r="D1935" t="s">
        <v>158</v>
      </c>
      <c r="E1935" t="s">
        <v>26</v>
      </c>
      <c r="F1935" t="s">
        <v>10</v>
      </c>
      <c r="G1935" t="s">
        <v>91</v>
      </c>
      <c r="H1935" t="s">
        <v>657</v>
      </c>
      <c r="I1935">
        <v>10.98</v>
      </c>
      <c r="J1935">
        <v>1</v>
      </c>
      <c r="K1935">
        <v>2.96</v>
      </c>
    </row>
    <row r="1936" spans="1:11" x14ac:dyDescent="0.3">
      <c r="A1936" s="1">
        <v>42000</v>
      </c>
      <c r="B1936" s="3">
        <f t="shared" si="60"/>
        <v>12</v>
      </c>
      <c r="C1936" s="3">
        <f t="shared" si="61"/>
        <v>2014</v>
      </c>
      <c r="D1936" t="s">
        <v>158</v>
      </c>
      <c r="E1936" t="s">
        <v>26</v>
      </c>
      <c r="F1936" t="s">
        <v>10</v>
      </c>
      <c r="G1936" t="s">
        <v>42</v>
      </c>
      <c r="H1936" t="s">
        <v>159</v>
      </c>
      <c r="I1936">
        <v>7.86</v>
      </c>
      <c r="J1936">
        <v>3</v>
      </c>
      <c r="K1936">
        <v>3.62</v>
      </c>
    </row>
    <row r="1937" spans="1:11" x14ac:dyDescent="0.3">
      <c r="A1937" s="1">
        <v>42000</v>
      </c>
      <c r="B1937" s="3">
        <f t="shared" si="60"/>
        <v>12</v>
      </c>
      <c r="C1937" s="3">
        <f t="shared" si="61"/>
        <v>2014</v>
      </c>
      <c r="D1937" t="s">
        <v>158</v>
      </c>
      <c r="E1937" t="s">
        <v>26</v>
      </c>
      <c r="F1937" t="s">
        <v>10</v>
      </c>
      <c r="G1937" t="s">
        <v>17</v>
      </c>
      <c r="H1937" t="s">
        <v>1846</v>
      </c>
      <c r="I1937">
        <v>51.45</v>
      </c>
      <c r="J1937">
        <v>3</v>
      </c>
      <c r="K1937">
        <v>13.89</v>
      </c>
    </row>
    <row r="1938" spans="1:11" x14ac:dyDescent="0.3">
      <c r="A1938" s="1">
        <v>42000</v>
      </c>
      <c r="B1938" s="3">
        <f t="shared" si="60"/>
        <v>12</v>
      </c>
      <c r="C1938" s="3">
        <f t="shared" si="61"/>
        <v>2014</v>
      </c>
      <c r="D1938" t="s">
        <v>158</v>
      </c>
      <c r="E1938" t="s">
        <v>26</v>
      </c>
      <c r="F1938" t="s">
        <v>10</v>
      </c>
      <c r="G1938" t="s">
        <v>19</v>
      </c>
      <c r="H1938" t="s">
        <v>1508</v>
      </c>
      <c r="I1938">
        <v>37.06</v>
      </c>
      <c r="J1938">
        <v>3</v>
      </c>
      <c r="K1938">
        <v>13.9</v>
      </c>
    </row>
    <row r="1939" spans="1:11" x14ac:dyDescent="0.3">
      <c r="A1939" s="1">
        <v>42000</v>
      </c>
      <c r="B1939" s="3">
        <f t="shared" si="60"/>
        <v>12</v>
      </c>
      <c r="C1939" s="3">
        <f t="shared" si="61"/>
        <v>2014</v>
      </c>
      <c r="D1939" t="s">
        <v>1575</v>
      </c>
      <c r="E1939" t="s">
        <v>487</v>
      </c>
      <c r="F1939" t="s">
        <v>10</v>
      </c>
      <c r="G1939" t="s">
        <v>11</v>
      </c>
      <c r="H1939" t="s">
        <v>1847</v>
      </c>
      <c r="I1939">
        <v>23.92</v>
      </c>
      <c r="J1939">
        <v>4</v>
      </c>
      <c r="K1939">
        <v>11.72</v>
      </c>
    </row>
    <row r="1940" spans="1:11" x14ac:dyDescent="0.3">
      <c r="A1940" s="1">
        <v>42000</v>
      </c>
      <c r="B1940" s="3">
        <f t="shared" si="60"/>
        <v>12</v>
      </c>
      <c r="C1940" s="3">
        <f t="shared" si="61"/>
        <v>2014</v>
      </c>
      <c r="D1940" t="s">
        <v>1575</v>
      </c>
      <c r="E1940" t="s">
        <v>487</v>
      </c>
      <c r="F1940" t="s">
        <v>38</v>
      </c>
      <c r="G1940" t="s">
        <v>51</v>
      </c>
      <c r="H1940" t="s">
        <v>1848</v>
      </c>
      <c r="I1940">
        <v>498</v>
      </c>
      <c r="J1940">
        <v>5</v>
      </c>
      <c r="K1940">
        <v>184.26</v>
      </c>
    </row>
    <row r="1941" spans="1:11" x14ac:dyDescent="0.3">
      <c r="A1941" s="1">
        <v>42000</v>
      </c>
      <c r="B1941" s="3">
        <f t="shared" si="60"/>
        <v>12</v>
      </c>
      <c r="C1941" s="3">
        <f t="shared" si="61"/>
        <v>2014</v>
      </c>
      <c r="D1941" t="s">
        <v>606</v>
      </c>
      <c r="E1941" t="s">
        <v>9</v>
      </c>
      <c r="F1941" t="s">
        <v>10</v>
      </c>
      <c r="G1941" t="s">
        <v>19</v>
      </c>
      <c r="H1941" t="s">
        <v>764</v>
      </c>
      <c r="I1941">
        <v>4.9800000000000004</v>
      </c>
      <c r="J1941">
        <v>1</v>
      </c>
      <c r="K1941">
        <v>-8.4700000000000006</v>
      </c>
    </row>
    <row r="1942" spans="1:11" x14ac:dyDescent="0.3">
      <c r="A1942" s="1">
        <v>42000</v>
      </c>
      <c r="B1942" s="3">
        <f t="shared" si="60"/>
        <v>12</v>
      </c>
      <c r="C1942" s="3">
        <f t="shared" si="61"/>
        <v>2014</v>
      </c>
      <c r="D1942" t="s">
        <v>1177</v>
      </c>
      <c r="E1942" t="s">
        <v>77</v>
      </c>
      <c r="F1942" t="s">
        <v>33</v>
      </c>
      <c r="G1942" t="s">
        <v>46</v>
      </c>
      <c r="H1942" t="s">
        <v>1849</v>
      </c>
      <c r="I1942">
        <v>182.35</v>
      </c>
      <c r="J1942">
        <v>3</v>
      </c>
      <c r="K1942">
        <v>-18.239999999999998</v>
      </c>
    </row>
    <row r="1943" spans="1:11" x14ac:dyDescent="0.3">
      <c r="A1943" s="1">
        <v>42000</v>
      </c>
      <c r="B1943" s="3">
        <f t="shared" si="60"/>
        <v>12</v>
      </c>
      <c r="C1943" s="3">
        <f t="shared" si="61"/>
        <v>2014</v>
      </c>
      <c r="D1943" t="s">
        <v>1177</v>
      </c>
      <c r="E1943" t="s">
        <v>77</v>
      </c>
      <c r="F1943" t="s">
        <v>10</v>
      </c>
      <c r="G1943" t="s">
        <v>17</v>
      </c>
      <c r="H1943" t="s">
        <v>1850</v>
      </c>
      <c r="I1943">
        <v>118.16</v>
      </c>
      <c r="J1943">
        <v>2</v>
      </c>
      <c r="K1943">
        <v>-25.11</v>
      </c>
    </row>
    <row r="1944" spans="1:11" x14ac:dyDescent="0.3">
      <c r="A1944" s="1">
        <v>42000</v>
      </c>
      <c r="B1944" s="3">
        <f t="shared" si="60"/>
        <v>12</v>
      </c>
      <c r="C1944" s="3">
        <f t="shared" si="61"/>
        <v>2014</v>
      </c>
      <c r="D1944" t="s">
        <v>711</v>
      </c>
      <c r="E1944" t="s">
        <v>94</v>
      </c>
      <c r="F1944" t="s">
        <v>10</v>
      </c>
      <c r="G1944" t="s">
        <v>19</v>
      </c>
      <c r="H1944" t="s">
        <v>1776</v>
      </c>
      <c r="I1944">
        <v>946.76</v>
      </c>
      <c r="J1944">
        <v>6</v>
      </c>
      <c r="K1944">
        <v>-694.29</v>
      </c>
    </row>
    <row r="1945" spans="1:11" x14ac:dyDescent="0.3">
      <c r="A1945" s="1">
        <v>42001</v>
      </c>
      <c r="B1945" s="3">
        <f t="shared" si="60"/>
        <v>12</v>
      </c>
      <c r="C1945" s="3">
        <f t="shared" si="61"/>
        <v>2014</v>
      </c>
      <c r="D1945" t="s">
        <v>1790</v>
      </c>
      <c r="E1945" t="s">
        <v>22</v>
      </c>
      <c r="F1945" t="s">
        <v>10</v>
      </c>
      <c r="G1945" t="s">
        <v>23</v>
      </c>
      <c r="H1945" t="s">
        <v>1851</v>
      </c>
      <c r="I1945">
        <v>99.14</v>
      </c>
      <c r="J1945">
        <v>4</v>
      </c>
      <c r="K1945">
        <v>8.67</v>
      </c>
    </row>
    <row r="1946" spans="1:11" x14ac:dyDescent="0.3">
      <c r="A1946" s="1">
        <v>42001</v>
      </c>
      <c r="B1946" s="3">
        <f t="shared" si="60"/>
        <v>12</v>
      </c>
      <c r="C1946" s="3">
        <f t="shared" si="61"/>
        <v>2014</v>
      </c>
      <c r="D1946" t="s">
        <v>53</v>
      </c>
      <c r="E1946" t="s">
        <v>433</v>
      </c>
      <c r="F1946" t="s">
        <v>10</v>
      </c>
      <c r="G1946" t="s">
        <v>91</v>
      </c>
      <c r="H1946" t="s">
        <v>1852</v>
      </c>
      <c r="I1946">
        <v>1737.18</v>
      </c>
      <c r="J1946">
        <v>6</v>
      </c>
      <c r="K1946">
        <v>503.78</v>
      </c>
    </row>
    <row r="1947" spans="1:11" x14ac:dyDescent="0.3">
      <c r="A1947" s="1">
        <v>42001</v>
      </c>
      <c r="B1947" s="3">
        <f t="shared" si="60"/>
        <v>12</v>
      </c>
      <c r="C1947" s="3">
        <f t="shared" si="61"/>
        <v>2014</v>
      </c>
      <c r="D1947" t="s">
        <v>53</v>
      </c>
      <c r="E1947" t="s">
        <v>433</v>
      </c>
      <c r="F1947" t="s">
        <v>10</v>
      </c>
      <c r="G1947" t="s">
        <v>17</v>
      </c>
      <c r="H1947" t="s">
        <v>1853</v>
      </c>
      <c r="I1947">
        <v>704.25</v>
      </c>
      <c r="J1947">
        <v>5</v>
      </c>
      <c r="K1947">
        <v>84.51</v>
      </c>
    </row>
    <row r="1948" spans="1:11" x14ac:dyDescent="0.3">
      <c r="A1948" s="1">
        <v>42001</v>
      </c>
      <c r="B1948" s="3">
        <f t="shared" si="60"/>
        <v>12</v>
      </c>
      <c r="C1948" s="3">
        <f t="shared" si="61"/>
        <v>2014</v>
      </c>
      <c r="D1948" t="s">
        <v>53</v>
      </c>
      <c r="E1948" t="s">
        <v>433</v>
      </c>
      <c r="F1948" t="s">
        <v>10</v>
      </c>
      <c r="G1948" t="s">
        <v>11</v>
      </c>
      <c r="H1948" t="s">
        <v>1854</v>
      </c>
      <c r="I1948">
        <v>141.76</v>
      </c>
      <c r="J1948">
        <v>4</v>
      </c>
      <c r="K1948">
        <v>66.63</v>
      </c>
    </row>
    <row r="1949" spans="1:11" x14ac:dyDescent="0.3">
      <c r="A1949" s="1">
        <v>42001</v>
      </c>
      <c r="B1949" s="3">
        <f t="shared" si="60"/>
        <v>12</v>
      </c>
      <c r="C1949" s="3">
        <f t="shared" si="61"/>
        <v>2014</v>
      </c>
      <c r="D1949" t="s">
        <v>1570</v>
      </c>
      <c r="E1949" t="s">
        <v>26</v>
      </c>
      <c r="F1949" t="s">
        <v>10</v>
      </c>
      <c r="G1949" t="s">
        <v>17</v>
      </c>
      <c r="H1949" t="s">
        <v>585</v>
      </c>
      <c r="I1949">
        <v>998.82</v>
      </c>
      <c r="J1949">
        <v>9</v>
      </c>
      <c r="K1949">
        <v>29.96</v>
      </c>
    </row>
    <row r="1950" spans="1:11" x14ac:dyDescent="0.3">
      <c r="A1950" s="1">
        <v>42001</v>
      </c>
      <c r="B1950" s="3">
        <f t="shared" si="60"/>
        <v>12</v>
      </c>
      <c r="C1950" s="3">
        <f t="shared" si="61"/>
        <v>2014</v>
      </c>
      <c r="D1950" t="s">
        <v>1570</v>
      </c>
      <c r="E1950" t="s">
        <v>26</v>
      </c>
      <c r="F1950" t="s">
        <v>10</v>
      </c>
      <c r="G1950" t="s">
        <v>199</v>
      </c>
      <c r="H1950" t="s">
        <v>1052</v>
      </c>
      <c r="I1950">
        <v>51.15</v>
      </c>
      <c r="J1950">
        <v>5</v>
      </c>
      <c r="K1950">
        <v>13.3</v>
      </c>
    </row>
    <row r="1951" spans="1:11" x14ac:dyDescent="0.3">
      <c r="A1951" s="1">
        <v>42002</v>
      </c>
      <c r="B1951" s="3">
        <f t="shared" si="60"/>
        <v>12</v>
      </c>
      <c r="C1951" s="3">
        <f t="shared" si="61"/>
        <v>2014</v>
      </c>
      <c r="D1951" t="s">
        <v>1855</v>
      </c>
      <c r="E1951" t="s">
        <v>314</v>
      </c>
      <c r="F1951" t="s">
        <v>10</v>
      </c>
      <c r="G1951" t="s">
        <v>17</v>
      </c>
      <c r="H1951" t="s">
        <v>842</v>
      </c>
      <c r="I1951">
        <v>24.56</v>
      </c>
      <c r="J1951">
        <v>2</v>
      </c>
      <c r="K1951">
        <v>6.88</v>
      </c>
    </row>
    <row r="1952" spans="1:11" x14ac:dyDescent="0.3">
      <c r="A1952" s="1">
        <v>42002</v>
      </c>
      <c r="B1952" s="3">
        <f t="shared" si="60"/>
        <v>12</v>
      </c>
      <c r="C1952" s="3">
        <f t="shared" si="61"/>
        <v>2014</v>
      </c>
      <c r="D1952" t="s">
        <v>1855</v>
      </c>
      <c r="E1952" t="s">
        <v>314</v>
      </c>
      <c r="F1952" t="s">
        <v>38</v>
      </c>
      <c r="G1952" t="s">
        <v>51</v>
      </c>
      <c r="H1952" t="s">
        <v>1736</v>
      </c>
      <c r="I1952">
        <v>119.8</v>
      </c>
      <c r="J1952">
        <v>4</v>
      </c>
      <c r="K1952">
        <v>47.92</v>
      </c>
    </row>
    <row r="1953" spans="1:11" x14ac:dyDescent="0.3">
      <c r="A1953" s="1">
        <v>42002</v>
      </c>
      <c r="B1953" s="3">
        <f t="shared" si="60"/>
        <v>12</v>
      </c>
      <c r="C1953" s="3">
        <f t="shared" si="61"/>
        <v>2014</v>
      </c>
      <c r="D1953" t="s">
        <v>668</v>
      </c>
      <c r="E1953" t="s">
        <v>26</v>
      </c>
      <c r="F1953" t="s">
        <v>33</v>
      </c>
      <c r="G1953" t="s">
        <v>46</v>
      </c>
      <c r="H1953" t="s">
        <v>848</v>
      </c>
      <c r="I1953">
        <v>24.9</v>
      </c>
      <c r="J1953">
        <v>5</v>
      </c>
      <c r="K1953">
        <v>8.2200000000000006</v>
      </c>
    </row>
    <row r="1954" spans="1:11" x14ac:dyDescent="0.3">
      <c r="A1954" s="1">
        <v>42002</v>
      </c>
      <c r="B1954" s="3">
        <f t="shared" si="60"/>
        <v>12</v>
      </c>
      <c r="C1954" s="3">
        <f t="shared" si="61"/>
        <v>2014</v>
      </c>
      <c r="D1954" t="s">
        <v>668</v>
      </c>
      <c r="E1954" t="s">
        <v>26</v>
      </c>
      <c r="F1954" t="s">
        <v>10</v>
      </c>
      <c r="G1954" t="s">
        <v>11</v>
      </c>
      <c r="H1954" t="s">
        <v>1856</v>
      </c>
      <c r="I1954">
        <v>21.12</v>
      </c>
      <c r="J1954">
        <v>4</v>
      </c>
      <c r="K1954">
        <v>9.5</v>
      </c>
    </row>
    <row r="1955" spans="1:11" x14ac:dyDescent="0.3">
      <c r="A1955" s="1">
        <v>42002</v>
      </c>
      <c r="B1955" s="3">
        <f t="shared" si="60"/>
        <v>12</v>
      </c>
      <c r="C1955" s="3">
        <f t="shared" si="61"/>
        <v>2014</v>
      </c>
      <c r="D1955" t="s">
        <v>668</v>
      </c>
      <c r="E1955" t="s">
        <v>26</v>
      </c>
      <c r="F1955" t="s">
        <v>38</v>
      </c>
      <c r="G1955" t="s">
        <v>301</v>
      </c>
      <c r="H1955" t="s">
        <v>1857</v>
      </c>
      <c r="I1955">
        <v>767.95</v>
      </c>
      <c r="J1955">
        <v>6</v>
      </c>
      <c r="K1955">
        <v>287.98</v>
      </c>
    </row>
    <row r="1956" spans="1:11" x14ac:dyDescent="0.3">
      <c r="A1956" s="1">
        <v>42002</v>
      </c>
      <c r="B1956" s="3">
        <f t="shared" si="60"/>
        <v>12</v>
      </c>
      <c r="C1956" s="3">
        <f t="shared" si="61"/>
        <v>2014</v>
      </c>
      <c r="D1956" t="s">
        <v>668</v>
      </c>
      <c r="E1956" t="s">
        <v>26</v>
      </c>
      <c r="F1956" t="s">
        <v>10</v>
      </c>
      <c r="G1956" t="s">
        <v>19</v>
      </c>
      <c r="H1956" t="s">
        <v>1858</v>
      </c>
      <c r="I1956">
        <v>14.35</v>
      </c>
      <c r="J1956">
        <v>3</v>
      </c>
      <c r="K1956">
        <v>4.66</v>
      </c>
    </row>
    <row r="1957" spans="1:11" x14ac:dyDescent="0.3">
      <c r="A1957" s="1">
        <v>42002</v>
      </c>
      <c r="B1957" s="3">
        <f t="shared" si="60"/>
        <v>12</v>
      </c>
      <c r="C1957" s="3">
        <f t="shared" si="61"/>
        <v>2014</v>
      </c>
      <c r="D1957" t="s">
        <v>668</v>
      </c>
      <c r="E1957" t="s">
        <v>26</v>
      </c>
      <c r="F1957" t="s">
        <v>38</v>
      </c>
      <c r="G1957" t="s">
        <v>39</v>
      </c>
      <c r="H1957" t="s">
        <v>766</v>
      </c>
      <c r="I1957">
        <v>191.98</v>
      </c>
      <c r="J1957">
        <v>3</v>
      </c>
      <c r="K1957">
        <v>19.2</v>
      </c>
    </row>
    <row r="1958" spans="1:11" x14ac:dyDescent="0.3">
      <c r="A1958" s="1">
        <v>42002</v>
      </c>
      <c r="B1958" s="3">
        <f t="shared" si="60"/>
        <v>12</v>
      </c>
      <c r="C1958" s="3">
        <f t="shared" si="61"/>
        <v>2014</v>
      </c>
      <c r="D1958" t="s">
        <v>668</v>
      </c>
      <c r="E1958" t="s">
        <v>26</v>
      </c>
      <c r="F1958" t="s">
        <v>10</v>
      </c>
      <c r="G1958" t="s">
        <v>15</v>
      </c>
      <c r="H1958" t="s">
        <v>1859</v>
      </c>
      <c r="I1958">
        <v>274.77</v>
      </c>
      <c r="J1958">
        <v>9</v>
      </c>
      <c r="K1958">
        <v>126.39</v>
      </c>
    </row>
    <row r="1959" spans="1:11" x14ac:dyDescent="0.3">
      <c r="A1959" s="1">
        <v>42002</v>
      </c>
      <c r="B1959" s="3">
        <f t="shared" si="60"/>
        <v>12</v>
      </c>
      <c r="C1959" s="3">
        <f t="shared" si="61"/>
        <v>2014</v>
      </c>
      <c r="D1959" t="s">
        <v>668</v>
      </c>
      <c r="E1959" t="s">
        <v>26</v>
      </c>
      <c r="F1959" t="s">
        <v>33</v>
      </c>
      <c r="G1959" t="s">
        <v>46</v>
      </c>
      <c r="H1959" t="s">
        <v>1860</v>
      </c>
      <c r="I1959">
        <v>70.56</v>
      </c>
      <c r="J1959">
        <v>6</v>
      </c>
      <c r="K1959">
        <v>23.99</v>
      </c>
    </row>
    <row r="1960" spans="1:11" x14ac:dyDescent="0.3">
      <c r="A1960" s="1">
        <v>42002</v>
      </c>
      <c r="B1960" s="3">
        <f t="shared" si="60"/>
        <v>12</v>
      </c>
      <c r="C1960" s="3">
        <f t="shared" si="61"/>
        <v>2014</v>
      </c>
      <c r="D1960" t="s">
        <v>194</v>
      </c>
      <c r="E1960" t="s">
        <v>398</v>
      </c>
      <c r="F1960" t="s">
        <v>38</v>
      </c>
      <c r="G1960" t="s">
        <v>39</v>
      </c>
      <c r="H1960" t="s">
        <v>1861</v>
      </c>
      <c r="I1960">
        <v>23.98</v>
      </c>
      <c r="J1960">
        <v>3</v>
      </c>
      <c r="K1960">
        <v>-5.69</v>
      </c>
    </row>
    <row r="1961" spans="1:11" x14ac:dyDescent="0.3">
      <c r="A1961" s="1">
        <v>42002</v>
      </c>
      <c r="B1961" s="3">
        <f t="shared" si="60"/>
        <v>12</v>
      </c>
      <c r="C1961" s="3">
        <f t="shared" si="61"/>
        <v>2014</v>
      </c>
      <c r="D1961" t="s">
        <v>194</v>
      </c>
      <c r="E1961" t="s">
        <v>398</v>
      </c>
      <c r="F1961" t="s">
        <v>10</v>
      </c>
      <c r="G1961" t="s">
        <v>17</v>
      </c>
      <c r="H1961" t="s">
        <v>114</v>
      </c>
      <c r="I1961">
        <v>33.29</v>
      </c>
      <c r="J1961">
        <v>1</v>
      </c>
      <c r="K1961">
        <v>7.99</v>
      </c>
    </row>
    <row r="1962" spans="1:11" x14ac:dyDescent="0.3">
      <c r="A1962" s="1">
        <v>42002</v>
      </c>
      <c r="B1962" s="3">
        <f t="shared" si="60"/>
        <v>12</v>
      </c>
      <c r="C1962" s="3">
        <f t="shared" si="61"/>
        <v>2014</v>
      </c>
      <c r="D1962" t="s">
        <v>1458</v>
      </c>
      <c r="E1962" t="s">
        <v>14</v>
      </c>
      <c r="F1962" t="s">
        <v>33</v>
      </c>
      <c r="G1962" t="s">
        <v>46</v>
      </c>
      <c r="H1962" t="s">
        <v>1505</v>
      </c>
      <c r="I1962">
        <v>38.979999999999997</v>
      </c>
      <c r="J1962">
        <v>3</v>
      </c>
      <c r="K1962">
        <v>-50.67</v>
      </c>
    </row>
    <row r="1963" spans="1:11" x14ac:dyDescent="0.3">
      <c r="A1963" s="1">
        <v>42002</v>
      </c>
      <c r="B1963" s="3">
        <f t="shared" si="60"/>
        <v>12</v>
      </c>
      <c r="C1963" s="3">
        <f t="shared" si="61"/>
        <v>2014</v>
      </c>
      <c r="D1963" t="s">
        <v>1862</v>
      </c>
      <c r="E1963" t="s">
        <v>14</v>
      </c>
      <c r="F1963" t="s">
        <v>33</v>
      </c>
      <c r="G1963" t="s">
        <v>46</v>
      </c>
      <c r="H1963" t="s">
        <v>180</v>
      </c>
      <c r="I1963">
        <v>8.74</v>
      </c>
      <c r="J1963">
        <v>3</v>
      </c>
      <c r="K1963">
        <v>-4.8</v>
      </c>
    </row>
    <row r="1964" spans="1:11" x14ac:dyDescent="0.3">
      <c r="A1964" s="1">
        <v>42002</v>
      </c>
      <c r="B1964" s="3">
        <f t="shared" si="60"/>
        <v>12</v>
      </c>
      <c r="C1964" s="3">
        <f t="shared" si="61"/>
        <v>2014</v>
      </c>
      <c r="D1964" t="s">
        <v>586</v>
      </c>
      <c r="E1964" t="s">
        <v>26</v>
      </c>
      <c r="F1964" t="s">
        <v>10</v>
      </c>
      <c r="G1964" t="s">
        <v>15</v>
      </c>
      <c r="H1964" t="s">
        <v>1258</v>
      </c>
      <c r="I1964">
        <v>88.8</v>
      </c>
      <c r="J1964">
        <v>6</v>
      </c>
      <c r="K1964">
        <v>44.4</v>
      </c>
    </row>
    <row r="1965" spans="1:11" x14ac:dyDescent="0.3">
      <c r="A1965" s="1">
        <v>42002</v>
      </c>
      <c r="B1965" s="3">
        <f t="shared" si="60"/>
        <v>12</v>
      </c>
      <c r="C1965" s="3">
        <f t="shared" si="61"/>
        <v>2014</v>
      </c>
      <c r="D1965" t="s">
        <v>586</v>
      </c>
      <c r="E1965" t="s">
        <v>26</v>
      </c>
      <c r="F1965" t="s">
        <v>38</v>
      </c>
      <c r="G1965" t="s">
        <v>39</v>
      </c>
      <c r="H1965" t="s">
        <v>1863</v>
      </c>
      <c r="I1965">
        <v>319.97000000000003</v>
      </c>
      <c r="J1965">
        <v>4</v>
      </c>
      <c r="K1965">
        <v>36</v>
      </c>
    </row>
    <row r="1966" spans="1:11" x14ac:dyDescent="0.3">
      <c r="A1966" s="1">
        <v>42002</v>
      </c>
      <c r="B1966" s="3">
        <f t="shared" si="60"/>
        <v>12</v>
      </c>
      <c r="C1966" s="3">
        <f t="shared" si="61"/>
        <v>2014</v>
      </c>
      <c r="D1966" t="s">
        <v>1864</v>
      </c>
      <c r="E1966" t="s">
        <v>77</v>
      </c>
      <c r="F1966" t="s">
        <v>10</v>
      </c>
      <c r="G1966" t="s">
        <v>91</v>
      </c>
      <c r="H1966" t="s">
        <v>1030</v>
      </c>
      <c r="I1966">
        <v>48.36</v>
      </c>
      <c r="J1966">
        <v>5</v>
      </c>
      <c r="K1966">
        <v>6.05</v>
      </c>
    </row>
    <row r="1967" spans="1:11" x14ac:dyDescent="0.3">
      <c r="A1967" s="1">
        <v>42003</v>
      </c>
      <c r="B1967" s="3">
        <f t="shared" si="60"/>
        <v>12</v>
      </c>
      <c r="C1967" s="3">
        <f t="shared" si="61"/>
        <v>2014</v>
      </c>
      <c r="D1967" t="s">
        <v>1865</v>
      </c>
      <c r="E1967" t="s">
        <v>109</v>
      </c>
      <c r="F1967" t="s">
        <v>10</v>
      </c>
      <c r="G1967" t="s">
        <v>23</v>
      </c>
      <c r="H1967" t="s">
        <v>619</v>
      </c>
      <c r="I1967">
        <v>9.84</v>
      </c>
      <c r="J1967">
        <v>3</v>
      </c>
      <c r="K1967">
        <v>2.85</v>
      </c>
    </row>
    <row r="1968" spans="1:11" x14ac:dyDescent="0.3">
      <c r="A1968" s="1">
        <v>42003</v>
      </c>
      <c r="B1968" s="3">
        <f t="shared" si="60"/>
        <v>12</v>
      </c>
      <c r="C1968" s="3">
        <f t="shared" si="61"/>
        <v>2014</v>
      </c>
      <c r="D1968" t="s">
        <v>1248</v>
      </c>
      <c r="E1968" t="s">
        <v>9</v>
      </c>
      <c r="F1968" t="s">
        <v>10</v>
      </c>
      <c r="G1968" t="s">
        <v>62</v>
      </c>
      <c r="H1968" t="s">
        <v>1673</v>
      </c>
      <c r="I1968">
        <v>12.98</v>
      </c>
      <c r="J1968">
        <v>3</v>
      </c>
      <c r="K1968">
        <v>4.71</v>
      </c>
    </row>
    <row r="1969" spans="1:11" x14ac:dyDescent="0.3">
      <c r="A1969" s="1">
        <v>42003</v>
      </c>
      <c r="B1969" s="3">
        <f t="shared" si="60"/>
        <v>12</v>
      </c>
      <c r="C1969" s="3">
        <f t="shared" si="61"/>
        <v>2014</v>
      </c>
      <c r="D1969" t="s">
        <v>1248</v>
      </c>
      <c r="E1969" t="s">
        <v>9</v>
      </c>
      <c r="F1969" t="s">
        <v>38</v>
      </c>
      <c r="G1969" t="s">
        <v>39</v>
      </c>
      <c r="H1969" t="s">
        <v>1072</v>
      </c>
      <c r="I1969">
        <v>217.58</v>
      </c>
      <c r="J1969">
        <v>2</v>
      </c>
      <c r="K1969">
        <v>19.04</v>
      </c>
    </row>
    <row r="1970" spans="1:11" x14ac:dyDescent="0.3">
      <c r="A1970" s="1">
        <v>42003</v>
      </c>
      <c r="B1970" s="3">
        <f t="shared" si="60"/>
        <v>12</v>
      </c>
      <c r="C1970" s="3">
        <f t="shared" si="61"/>
        <v>2014</v>
      </c>
      <c r="D1970" t="s">
        <v>1248</v>
      </c>
      <c r="E1970" t="s">
        <v>9</v>
      </c>
      <c r="F1970" t="s">
        <v>38</v>
      </c>
      <c r="G1970" t="s">
        <v>39</v>
      </c>
      <c r="H1970" t="s">
        <v>520</v>
      </c>
      <c r="I1970">
        <v>328.78</v>
      </c>
      <c r="J1970">
        <v>3</v>
      </c>
      <c r="K1970">
        <v>28.77</v>
      </c>
    </row>
    <row r="1971" spans="1:11" x14ac:dyDescent="0.3">
      <c r="A1971" s="1">
        <v>42003</v>
      </c>
      <c r="B1971" s="3">
        <f t="shared" si="60"/>
        <v>12</v>
      </c>
      <c r="C1971" s="3">
        <f t="shared" si="61"/>
        <v>2014</v>
      </c>
      <c r="D1971" t="s">
        <v>1248</v>
      </c>
      <c r="E1971" t="s">
        <v>9</v>
      </c>
      <c r="F1971" t="s">
        <v>10</v>
      </c>
      <c r="G1971" t="s">
        <v>19</v>
      </c>
      <c r="H1971" t="s">
        <v>969</v>
      </c>
      <c r="I1971">
        <v>2.29</v>
      </c>
      <c r="J1971">
        <v>3</v>
      </c>
      <c r="K1971">
        <v>-3.66</v>
      </c>
    </row>
    <row r="1972" spans="1:11" x14ac:dyDescent="0.3">
      <c r="A1972" s="1">
        <v>42003</v>
      </c>
      <c r="B1972" s="3">
        <f t="shared" si="60"/>
        <v>12</v>
      </c>
      <c r="C1972" s="3">
        <f t="shared" si="61"/>
        <v>2014</v>
      </c>
      <c r="D1972" t="s">
        <v>1248</v>
      </c>
      <c r="E1972" t="s">
        <v>9</v>
      </c>
      <c r="F1972" t="s">
        <v>38</v>
      </c>
      <c r="G1972" t="s">
        <v>51</v>
      </c>
      <c r="H1972" t="s">
        <v>83</v>
      </c>
      <c r="I1972">
        <v>47.98</v>
      </c>
      <c r="J1972">
        <v>2</v>
      </c>
      <c r="K1972">
        <v>14.4</v>
      </c>
    </row>
    <row r="1973" spans="1:11" x14ac:dyDescent="0.3">
      <c r="A1973" s="1">
        <v>42003</v>
      </c>
      <c r="B1973" s="3">
        <f t="shared" si="60"/>
        <v>12</v>
      </c>
      <c r="C1973" s="3">
        <f t="shared" si="61"/>
        <v>2014</v>
      </c>
      <c r="D1973" t="s">
        <v>1866</v>
      </c>
      <c r="E1973" t="s">
        <v>94</v>
      </c>
      <c r="F1973" t="s">
        <v>10</v>
      </c>
      <c r="G1973" t="s">
        <v>19</v>
      </c>
      <c r="H1973" t="s">
        <v>1102</v>
      </c>
      <c r="I1973">
        <v>551.99</v>
      </c>
      <c r="J1973">
        <v>5</v>
      </c>
      <c r="K1973">
        <v>-459.99</v>
      </c>
    </row>
    <row r="1974" spans="1:11" x14ac:dyDescent="0.3">
      <c r="A1974" s="1">
        <v>42003</v>
      </c>
      <c r="B1974" s="3">
        <f t="shared" si="60"/>
        <v>12</v>
      </c>
      <c r="C1974" s="3">
        <f t="shared" si="61"/>
        <v>2014</v>
      </c>
      <c r="D1974" t="s">
        <v>184</v>
      </c>
      <c r="E1974" t="s">
        <v>22</v>
      </c>
      <c r="F1974" t="s">
        <v>38</v>
      </c>
      <c r="G1974" t="s">
        <v>51</v>
      </c>
      <c r="H1974" t="s">
        <v>1389</v>
      </c>
      <c r="I1974">
        <v>27.97</v>
      </c>
      <c r="J1974">
        <v>2</v>
      </c>
      <c r="K1974">
        <v>6.99</v>
      </c>
    </row>
    <row r="1975" spans="1:11" x14ac:dyDescent="0.3">
      <c r="A1975" s="1">
        <v>42003</v>
      </c>
      <c r="B1975" s="3">
        <f t="shared" si="60"/>
        <v>12</v>
      </c>
      <c r="C1975" s="3">
        <f t="shared" si="61"/>
        <v>2014</v>
      </c>
      <c r="D1975" t="s">
        <v>1867</v>
      </c>
      <c r="E1975" t="s">
        <v>22</v>
      </c>
      <c r="F1975" t="s">
        <v>38</v>
      </c>
      <c r="G1975" t="s">
        <v>39</v>
      </c>
      <c r="H1975" t="s">
        <v>1707</v>
      </c>
      <c r="I1975">
        <v>251.96</v>
      </c>
      <c r="J1975">
        <v>6</v>
      </c>
      <c r="K1975">
        <v>-50.39</v>
      </c>
    </row>
    <row r="1976" spans="1:11" x14ac:dyDescent="0.3">
      <c r="A1976" s="1">
        <v>42003</v>
      </c>
      <c r="B1976" s="3">
        <f t="shared" si="60"/>
        <v>12</v>
      </c>
      <c r="C1976" s="3">
        <f t="shared" si="61"/>
        <v>2014</v>
      </c>
      <c r="D1976" t="s">
        <v>1867</v>
      </c>
      <c r="E1976" t="s">
        <v>22</v>
      </c>
      <c r="F1976" t="s">
        <v>33</v>
      </c>
      <c r="G1976" t="s">
        <v>144</v>
      </c>
      <c r="H1976" t="s">
        <v>941</v>
      </c>
      <c r="I1976">
        <v>523.76</v>
      </c>
      <c r="J1976">
        <v>3</v>
      </c>
      <c r="K1976">
        <v>-192.05</v>
      </c>
    </row>
    <row r="1977" spans="1:11" x14ac:dyDescent="0.3">
      <c r="A1977" s="1">
        <v>42003</v>
      </c>
      <c r="B1977" s="3">
        <f t="shared" si="60"/>
        <v>12</v>
      </c>
      <c r="C1977" s="3">
        <f t="shared" si="61"/>
        <v>2014</v>
      </c>
      <c r="D1977" t="s">
        <v>1297</v>
      </c>
      <c r="E1977" t="s">
        <v>148</v>
      </c>
      <c r="F1977" t="s">
        <v>10</v>
      </c>
      <c r="G1977" t="s">
        <v>91</v>
      </c>
      <c r="H1977" t="s">
        <v>1868</v>
      </c>
      <c r="I1977">
        <v>122.94</v>
      </c>
      <c r="J1977">
        <v>3</v>
      </c>
      <c r="K1977">
        <v>30.74</v>
      </c>
    </row>
    <row r="1978" spans="1:11" x14ac:dyDescent="0.3">
      <c r="A1978" s="1">
        <v>42003</v>
      </c>
      <c r="B1978" s="3">
        <f t="shared" si="60"/>
        <v>12</v>
      </c>
      <c r="C1978" s="3">
        <f t="shared" si="61"/>
        <v>2014</v>
      </c>
      <c r="D1978" t="s">
        <v>1297</v>
      </c>
      <c r="E1978" t="s">
        <v>148</v>
      </c>
      <c r="F1978" t="s">
        <v>10</v>
      </c>
      <c r="G1978" t="s">
        <v>19</v>
      </c>
      <c r="H1978" t="s">
        <v>247</v>
      </c>
      <c r="I1978">
        <v>35.450000000000003</v>
      </c>
      <c r="J1978">
        <v>7</v>
      </c>
      <c r="K1978">
        <v>12.85</v>
      </c>
    </row>
    <row r="1979" spans="1:11" x14ac:dyDescent="0.3">
      <c r="A1979" s="1">
        <v>42003</v>
      </c>
      <c r="B1979" s="3">
        <f t="shared" si="60"/>
        <v>12</v>
      </c>
      <c r="C1979" s="3">
        <f t="shared" si="61"/>
        <v>2014</v>
      </c>
      <c r="D1979" t="s">
        <v>423</v>
      </c>
      <c r="E1979" t="s">
        <v>119</v>
      </c>
      <c r="F1979" t="s">
        <v>10</v>
      </c>
      <c r="G1979" t="s">
        <v>17</v>
      </c>
      <c r="H1979" t="s">
        <v>1869</v>
      </c>
      <c r="I1979">
        <v>39.130000000000003</v>
      </c>
      <c r="J1979">
        <v>1</v>
      </c>
      <c r="K1979">
        <v>-8.8000000000000007</v>
      </c>
    </row>
    <row r="1980" spans="1:11" x14ac:dyDescent="0.3">
      <c r="A1980" s="1">
        <v>42004</v>
      </c>
      <c r="B1980" s="3">
        <f t="shared" si="60"/>
        <v>12</v>
      </c>
      <c r="C1980" s="3">
        <f t="shared" si="61"/>
        <v>2014</v>
      </c>
      <c r="D1980" t="s">
        <v>1870</v>
      </c>
      <c r="E1980" t="s">
        <v>148</v>
      </c>
      <c r="F1980" t="s">
        <v>33</v>
      </c>
      <c r="G1980" t="s">
        <v>73</v>
      </c>
      <c r="H1980" t="s">
        <v>1871</v>
      </c>
      <c r="I1980">
        <v>1573.49</v>
      </c>
      <c r="J1980">
        <v>7</v>
      </c>
      <c r="K1980">
        <v>196.69</v>
      </c>
    </row>
    <row r="1981" spans="1:11" x14ac:dyDescent="0.3">
      <c r="A1981" s="1">
        <v>42004</v>
      </c>
      <c r="B1981" s="3">
        <f t="shared" si="60"/>
        <v>12</v>
      </c>
      <c r="C1981" s="3">
        <f t="shared" si="61"/>
        <v>2014</v>
      </c>
      <c r="D1981" t="s">
        <v>882</v>
      </c>
      <c r="E1981" t="s">
        <v>185</v>
      </c>
      <c r="F1981" t="s">
        <v>10</v>
      </c>
      <c r="G1981" t="s">
        <v>23</v>
      </c>
      <c r="H1981" t="s">
        <v>385</v>
      </c>
      <c r="I1981">
        <v>29.68</v>
      </c>
      <c r="J1981">
        <v>7</v>
      </c>
      <c r="K1981">
        <v>11.58</v>
      </c>
    </row>
    <row r="1982" spans="1:11" x14ac:dyDescent="0.3">
      <c r="A1982" s="1">
        <v>42004</v>
      </c>
      <c r="B1982" s="3">
        <f t="shared" si="60"/>
        <v>12</v>
      </c>
      <c r="C1982" s="3">
        <f t="shared" si="61"/>
        <v>2014</v>
      </c>
      <c r="D1982" t="s">
        <v>882</v>
      </c>
      <c r="E1982" t="s">
        <v>185</v>
      </c>
      <c r="F1982" t="s">
        <v>38</v>
      </c>
      <c r="G1982" t="s">
        <v>51</v>
      </c>
      <c r="H1982" t="s">
        <v>1872</v>
      </c>
      <c r="I1982">
        <v>47.53</v>
      </c>
      <c r="J1982">
        <v>7</v>
      </c>
      <c r="K1982">
        <v>16.16</v>
      </c>
    </row>
    <row r="1983" spans="1:11" x14ac:dyDescent="0.3">
      <c r="A1983" s="1">
        <v>42004</v>
      </c>
      <c r="B1983" s="3">
        <f t="shared" si="60"/>
        <v>12</v>
      </c>
      <c r="C1983" s="3">
        <f t="shared" si="61"/>
        <v>2014</v>
      </c>
      <c r="D1983" t="s">
        <v>511</v>
      </c>
      <c r="E1983" t="s">
        <v>433</v>
      </c>
      <c r="F1983" t="s">
        <v>33</v>
      </c>
      <c r="G1983" t="s">
        <v>46</v>
      </c>
      <c r="H1983" t="s">
        <v>1268</v>
      </c>
      <c r="I1983">
        <v>63.2</v>
      </c>
      <c r="J1983">
        <v>5</v>
      </c>
      <c r="K1983">
        <v>23.38</v>
      </c>
    </row>
    <row r="1984" spans="1:11" x14ac:dyDescent="0.3">
      <c r="A1984" s="1">
        <v>42004</v>
      </c>
      <c r="B1984" s="3">
        <f t="shared" si="60"/>
        <v>12</v>
      </c>
      <c r="C1984" s="3">
        <f t="shared" si="61"/>
        <v>2014</v>
      </c>
      <c r="D1984" t="s">
        <v>511</v>
      </c>
      <c r="E1984" t="s">
        <v>433</v>
      </c>
      <c r="F1984" t="s">
        <v>38</v>
      </c>
      <c r="G1984" t="s">
        <v>51</v>
      </c>
      <c r="H1984" t="s">
        <v>1873</v>
      </c>
      <c r="I1984">
        <v>113.97</v>
      </c>
      <c r="J1984">
        <v>3</v>
      </c>
      <c r="K1984">
        <v>27.35</v>
      </c>
    </row>
    <row r="1985" spans="1:11" x14ac:dyDescent="0.3">
      <c r="A1985" s="1">
        <v>42004</v>
      </c>
      <c r="B1985" s="3">
        <f t="shared" si="60"/>
        <v>12</v>
      </c>
      <c r="C1985" s="3">
        <f t="shared" si="61"/>
        <v>2014</v>
      </c>
      <c r="D1985" t="s">
        <v>1617</v>
      </c>
      <c r="E1985" t="s">
        <v>9</v>
      </c>
      <c r="F1985" t="s">
        <v>10</v>
      </c>
      <c r="G1985" t="s">
        <v>62</v>
      </c>
      <c r="H1985" t="s">
        <v>63</v>
      </c>
      <c r="I1985">
        <v>49.57</v>
      </c>
      <c r="J1985">
        <v>2</v>
      </c>
      <c r="K1985">
        <v>17.97</v>
      </c>
    </row>
    <row r="1986" spans="1:11" x14ac:dyDescent="0.3">
      <c r="A1986" s="1">
        <v>42004</v>
      </c>
      <c r="B1986" s="3">
        <f t="shared" ref="B1986:B2049" si="62">MONTH(A:A)</f>
        <v>12</v>
      </c>
      <c r="C1986" s="3">
        <f t="shared" ref="C1986:C2049" si="63">YEAR(A:A)</f>
        <v>2014</v>
      </c>
      <c r="D1986" t="s">
        <v>972</v>
      </c>
      <c r="E1986" t="s">
        <v>1528</v>
      </c>
      <c r="F1986" t="s">
        <v>10</v>
      </c>
      <c r="G1986" t="s">
        <v>11</v>
      </c>
      <c r="H1986" t="s">
        <v>1491</v>
      </c>
      <c r="I1986">
        <v>195.64</v>
      </c>
      <c r="J1986">
        <v>4</v>
      </c>
      <c r="K1986">
        <v>91.95</v>
      </c>
    </row>
    <row r="1987" spans="1:11" x14ac:dyDescent="0.3">
      <c r="A1987" s="1">
        <v>42004</v>
      </c>
      <c r="B1987" s="3">
        <f t="shared" si="62"/>
        <v>12</v>
      </c>
      <c r="C1987" s="3">
        <f t="shared" si="63"/>
        <v>2014</v>
      </c>
      <c r="D1987" t="s">
        <v>972</v>
      </c>
      <c r="E1987" t="s">
        <v>1528</v>
      </c>
      <c r="F1987" t="s">
        <v>10</v>
      </c>
      <c r="G1987" t="s">
        <v>11</v>
      </c>
      <c r="H1987" t="s">
        <v>1709</v>
      </c>
      <c r="I1987">
        <v>14.94</v>
      </c>
      <c r="J1987">
        <v>3</v>
      </c>
      <c r="K1987">
        <v>7.02</v>
      </c>
    </row>
    <row r="1988" spans="1:11" x14ac:dyDescent="0.3">
      <c r="A1988" s="1">
        <v>42004</v>
      </c>
      <c r="B1988" s="3">
        <f t="shared" si="62"/>
        <v>12</v>
      </c>
      <c r="C1988" s="3">
        <f t="shared" si="63"/>
        <v>2014</v>
      </c>
      <c r="D1988" t="s">
        <v>972</v>
      </c>
      <c r="E1988" t="s">
        <v>1528</v>
      </c>
      <c r="F1988" t="s">
        <v>38</v>
      </c>
      <c r="G1988" t="s">
        <v>51</v>
      </c>
      <c r="H1988" t="s">
        <v>1874</v>
      </c>
      <c r="I1988">
        <v>1687.8</v>
      </c>
      <c r="J1988">
        <v>4</v>
      </c>
      <c r="K1988">
        <v>742.63</v>
      </c>
    </row>
    <row r="1989" spans="1:11" x14ac:dyDescent="0.3">
      <c r="A1989" s="1">
        <v>42004</v>
      </c>
      <c r="B1989" s="3">
        <f t="shared" si="62"/>
        <v>12</v>
      </c>
      <c r="C1989" s="3">
        <f t="shared" si="63"/>
        <v>2014</v>
      </c>
      <c r="D1989" t="s">
        <v>972</v>
      </c>
      <c r="E1989" t="s">
        <v>1528</v>
      </c>
      <c r="F1989" t="s">
        <v>33</v>
      </c>
      <c r="G1989" t="s">
        <v>73</v>
      </c>
      <c r="H1989" t="s">
        <v>718</v>
      </c>
      <c r="I1989">
        <v>341.96</v>
      </c>
      <c r="J1989">
        <v>2</v>
      </c>
      <c r="K1989">
        <v>78.650000000000006</v>
      </c>
    </row>
    <row r="1990" spans="1:11" x14ac:dyDescent="0.3">
      <c r="A1990" s="1">
        <v>42004</v>
      </c>
      <c r="B1990" s="3">
        <f t="shared" si="62"/>
        <v>12</v>
      </c>
      <c r="C1990" s="3">
        <f t="shared" si="63"/>
        <v>2014</v>
      </c>
      <c r="D1990" t="s">
        <v>972</v>
      </c>
      <c r="E1990" t="s">
        <v>1528</v>
      </c>
      <c r="F1990" t="s">
        <v>33</v>
      </c>
      <c r="G1990" t="s">
        <v>34</v>
      </c>
      <c r="H1990" t="s">
        <v>1875</v>
      </c>
      <c r="I1990">
        <v>605.88</v>
      </c>
      <c r="J1990">
        <v>6</v>
      </c>
      <c r="K1990">
        <v>151.47</v>
      </c>
    </row>
    <row r="1991" spans="1:11" x14ac:dyDescent="0.3">
      <c r="A1991" s="1">
        <v>42004</v>
      </c>
      <c r="B1991" s="3">
        <f t="shared" si="62"/>
        <v>12</v>
      </c>
      <c r="C1991" s="3">
        <f t="shared" si="63"/>
        <v>2014</v>
      </c>
      <c r="D1991" t="s">
        <v>1876</v>
      </c>
      <c r="E1991" t="s">
        <v>125</v>
      </c>
      <c r="F1991" t="s">
        <v>38</v>
      </c>
      <c r="G1991" t="s">
        <v>39</v>
      </c>
      <c r="H1991" t="s">
        <v>1877</v>
      </c>
      <c r="I1991">
        <v>475.94</v>
      </c>
      <c r="J1991">
        <v>7</v>
      </c>
      <c r="K1991">
        <v>59.49</v>
      </c>
    </row>
    <row r="1992" spans="1:11" x14ac:dyDescent="0.3">
      <c r="A1992" s="1">
        <v>42004</v>
      </c>
      <c r="B1992" s="3">
        <f t="shared" si="62"/>
        <v>12</v>
      </c>
      <c r="C1992" s="3">
        <f t="shared" si="63"/>
        <v>2014</v>
      </c>
      <c r="D1992" t="s">
        <v>557</v>
      </c>
      <c r="E1992" t="s">
        <v>148</v>
      </c>
      <c r="F1992" t="s">
        <v>38</v>
      </c>
      <c r="G1992" t="s">
        <v>51</v>
      </c>
      <c r="H1992" t="s">
        <v>1878</v>
      </c>
      <c r="I1992">
        <v>34.770000000000003</v>
      </c>
      <c r="J1992">
        <v>3</v>
      </c>
      <c r="K1992">
        <v>11.47</v>
      </c>
    </row>
    <row r="1993" spans="1:11" x14ac:dyDescent="0.3">
      <c r="A1993" s="1">
        <v>42004</v>
      </c>
      <c r="B1993" s="3">
        <f t="shared" si="62"/>
        <v>12</v>
      </c>
      <c r="C1993" s="3">
        <f t="shared" si="63"/>
        <v>2014</v>
      </c>
      <c r="D1993" t="s">
        <v>557</v>
      </c>
      <c r="E1993" t="s">
        <v>148</v>
      </c>
      <c r="F1993" t="s">
        <v>10</v>
      </c>
      <c r="G1993" t="s">
        <v>15</v>
      </c>
      <c r="H1993" t="s">
        <v>1296</v>
      </c>
      <c r="I1993">
        <v>18.899999999999999</v>
      </c>
      <c r="J1993">
        <v>3</v>
      </c>
      <c r="K1993">
        <v>8.69</v>
      </c>
    </row>
    <row r="1994" spans="1:11" x14ac:dyDescent="0.3">
      <c r="A1994" s="1">
        <v>42006</v>
      </c>
      <c r="B1994" s="3">
        <f t="shared" si="62"/>
        <v>1</v>
      </c>
      <c r="C1994" s="3">
        <f t="shared" si="63"/>
        <v>2015</v>
      </c>
      <c r="D1994" t="s">
        <v>658</v>
      </c>
      <c r="E1994" t="s">
        <v>77</v>
      </c>
      <c r="F1994" t="s">
        <v>10</v>
      </c>
      <c r="G1994" t="s">
        <v>15</v>
      </c>
      <c r="H1994" t="s">
        <v>363</v>
      </c>
      <c r="I1994">
        <v>23.68</v>
      </c>
      <c r="J1994">
        <v>2</v>
      </c>
      <c r="K1994">
        <v>8.8800000000000008</v>
      </c>
    </row>
    <row r="1995" spans="1:11" x14ac:dyDescent="0.3">
      <c r="A1995" s="1">
        <v>42006</v>
      </c>
      <c r="B1995" s="3">
        <f t="shared" si="62"/>
        <v>1</v>
      </c>
      <c r="C1995" s="3">
        <f t="shared" si="63"/>
        <v>2015</v>
      </c>
      <c r="D1995" t="s">
        <v>658</v>
      </c>
      <c r="E1995" t="s">
        <v>77</v>
      </c>
      <c r="F1995" t="s">
        <v>33</v>
      </c>
      <c r="G1995" t="s">
        <v>73</v>
      </c>
      <c r="H1995" t="s">
        <v>1879</v>
      </c>
      <c r="I1995">
        <v>452.45</v>
      </c>
      <c r="J1995">
        <v>5</v>
      </c>
      <c r="K1995">
        <v>-244.32</v>
      </c>
    </row>
    <row r="1996" spans="1:11" x14ac:dyDescent="0.3">
      <c r="A1996" s="1">
        <v>42006</v>
      </c>
      <c r="B1996" s="3">
        <f t="shared" si="62"/>
        <v>1</v>
      </c>
      <c r="C1996" s="3">
        <f t="shared" si="63"/>
        <v>2015</v>
      </c>
      <c r="D1996" t="s">
        <v>658</v>
      </c>
      <c r="E1996" t="s">
        <v>77</v>
      </c>
      <c r="F1996" t="s">
        <v>38</v>
      </c>
      <c r="G1996" t="s">
        <v>39</v>
      </c>
      <c r="H1996" t="s">
        <v>1880</v>
      </c>
      <c r="I1996">
        <v>62.98</v>
      </c>
      <c r="J1996">
        <v>3</v>
      </c>
      <c r="K1996">
        <v>-14.7</v>
      </c>
    </row>
    <row r="1997" spans="1:11" x14ac:dyDescent="0.3">
      <c r="A1997" s="1">
        <v>42006</v>
      </c>
      <c r="B1997" s="3">
        <f t="shared" si="62"/>
        <v>1</v>
      </c>
      <c r="C1997" s="3">
        <f t="shared" si="63"/>
        <v>2015</v>
      </c>
      <c r="D1997" t="s">
        <v>658</v>
      </c>
      <c r="E1997" t="s">
        <v>77</v>
      </c>
      <c r="F1997" t="s">
        <v>38</v>
      </c>
      <c r="G1997" t="s">
        <v>301</v>
      </c>
      <c r="H1997" t="s">
        <v>1881</v>
      </c>
      <c r="I1997">
        <v>1188</v>
      </c>
      <c r="J1997">
        <v>9</v>
      </c>
      <c r="K1997">
        <v>-950.4</v>
      </c>
    </row>
    <row r="1998" spans="1:11" x14ac:dyDescent="0.3">
      <c r="A1998" s="1">
        <v>42006</v>
      </c>
      <c r="B1998" s="3">
        <f t="shared" si="62"/>
        <v>1</v>
      </c>
      <c r="C1998" s="3">
        <f t="shared" si="63"/>
        <v>2015</v>
      </c>
      <c r="D1998" t="s">
        <v>658</v>
      </c>
      <c r="E1998" t="s">
        <v>77</v>
      </c>
      <c r="F1998" t="s">
        <v>38</v>
      </c>
      <c r="G1998" t="s">
        <v>51</v>
      </c>
      <c r="H1998" t="s">
        <v>635</v>
      </c>
      <c r="I1998">
        <v>89.58</v>
      </c>
      <c r="J1998">
        <v>2</v>
      </c>
      <c r="K1998">
        <v>4.4800000000000004</v>
      </c>
    </row>
    <row r="1999" spans="1:11" x14ac:dyDescent="0.3">
      <c r="A1999" s="1">
        <v>42006</v>
      </c>
      <c r="B1999" s="3">
        <f t="shared" si="62"/>
        <v>1</v>
      </c>
      <c r="C1999" s="3">
        <f t="shared" si="63"/>
        <v>2015</v>
      </c>
      <c r="D1999" t="s">
        <v>1882</v>
      </c>
      <c r="E1999" t="s">
        <v>58</v>
      </c>
      <c r="F1999" t="s">
        <v>10</v>
      </c>
      <c r="G1999" t="s">
        <v>17</v>
      </c>
      <c r="H1999" t="s">
        <v>724</v>
      </c>
      <c r="I1999">
        <v>85.52</v>
      </c>
      <c r="J1999">
        <v>2</v>
      </c>
      <c r="K1999">
        <v>22.24</v>
      </c>
    </row>
    <row r="2000" spans="1:11" x14ac:dyDescent="0.3">
      <c r="A2000" s="1">
        <v>42006</v>
      </c>
      <c r="B2000" s="3">
        <f t="shared" si="62"/>
        <v>1</v>
      </c>
      <c r="C2000" s="3">
        <f t="shared" si="63"/>
        <v>2015</v>
      </c>
      <c r="D2000" t="s">
        <v>1882</v>
      </c>
      <c r="E2000" t="s">
        <v>58</v>
      </c>
      <c r="F2000" t="s">
        <v>10</v>
      </c>
      <c r="G2000" t="s">
        <v>23</v>
      </c>
      <c r="H2000" t="s">
        <v>1320</v>
      </c>
      <c r="I2000">
        <v>9.84</v>
      </c>
      <c r="J2000">
        <v>3</v>
      </c>
      <c r="K2000">
        <v>2.66</v>
      </c>
    </row>
    <row r="2001" spans="1:11" x14ac:dyDescent="0.3">
      <c r="A2001" s="1">
        <v>42006</v>
      </c>
      <c r="B2001" s="3">
        <f t="shared" si="62"/>
        <v>1</v>
      </c>
      <c r="C2001" s="3">
        <f t="shared" si="63"/>
        <v>2015</v>
      </c>
      <c r="D2001" t="s">
        <v>1882</v>
      </c>
      <c r="E2001" t="s">
        <v>58</v>
      </c>
      <c r="F2001" t="s">
        <v>10</v>
      </c>
      <c r="G2001" t="s">
        <v>11</v>
      </c>
      <c r="H2001" t="s">
        <v>1883</v>
      </c>
      <c r="I2001">
        <v>20.04</v>
      </c>
      <c r="J2001">
        <v>3</v>
      </c>
      <c r="K2001">
        <v>9.6199999999999992</v>
      </c>
    </row>
    <row r="2002" spans="1:11" x14ac:dyDescent="0.3">
      <c r="A2002" s="1">
        <v>42007</v>
      </c>
      <c r="B2002" s="3">
        <f t="shared" si="62"/>
        <v>1</v>
      </c>
      <c r="C2002" s="3">
        <f t="shared" si="63"/>
        <v>2015</v>
      </c>
      <c r="D2002" t="s">
        <v>1501</v>
      </c>
      <c r="E2002" t="s">
        <v>9</v>
      </c>
      <c r="F2002" t="s">
        <v>10</v>
      </c>
      <c r="G2002" t="s">
        <v>11</v>
      </c>
      <c r="H2002" t="s">
        <v>1095</v>
      </c>
      <c r="I2002">
        <v>10.37</v>
      </c>
      <c r="J2002">
        <v>2</v>
      </c>
      <c r="K2002">
        <v>3.63</v>
      </c>
    </row>
    <row r="2003" spans="1:11" x14ac:dyDescent="0.3">
      <c r="A2003" s="1">
        <v>42007</v>
      </c>
      <c r="B2003" s="3">
        <f t="shared" si="62"/>
        <v>1</v>
      </c>
      <c r="C2003" s="3">
        <f t="shared" si="63"/>
        <v>2015</v>
      </c>
      <c r="D2003" t="s">
        <v>1884</v>
      </c>
      <c r="E2003" t="s">
        <v>9</v>
      </c>
      <c r="F2003" t="s">
        <v>38</v>
      </c>
      <c r="G2003" t="s">
        <v>51</v>
      </c>
      <c r="H2003" t="s">
        <v>1848</v>
      </c>
      <c r="I2003">
        <v>398.4</v>
      </c>
      <c r="J2003">
        <v>5</v>
      </c>
      <c r="K2003">
        <v>84.66</v>
      </c>
    </row>
    <row r="2004" spans="1:11" x14ac:dyDescent="0.3">
      <c r="A2004" s="1">
        <v>42007</v>
      </c>
      <c r="B2004" s="3">
        <f t="shared" si="62"/>
        <v>1</v>
      </c>
      <c r="C2004" s="3">
        <f t="shared" si="63"/>
        <v>2015</v>
      </c>
      <c r="D2004" t="s">
        <v>1884</v>
      </c>
      <c r="E2004" t="s">
        <v>9</v>
      </c>
      <c r="F2004" t="s">
        <v>10</v>
      </c>
      <c r="G2004" t="s">
        <v>23</v>
      </c>
      <c r="H2004" t="s">
        <v>705</v>
      </c>
      <c r="I2004">
        <v>7.06</v>
      </c>
      <c r="J2004">
        <v>3</v>
      </c>
      <c r="K2004">
        <v>0.79</v>
      </c>
    </row>
    <row r="2005" spans="1:11" x14ac:dyDescent="0.3">
      <c r="A2005" s="1">
        <v>42007</v>
      </c>
      <c r="B2005" s="3">
        <f t="shared" si="62"/>
        <v>1</v>
      </c>
      <c r="C2005" s="3">
        <f t="shared" si="63"/>
        <v>2015</v>
      </c>
      <c r="D2005" t="s">
        <v>1884</v>
      </c>
      <c r="E2005" t="s">
        <v>9</v>
      </c>
      <c r="F2005" t="s">
        <v>33</v>
      </c>
      <c r="G2005" t="s">
        <v>73</v>
      </c>
      <c r="H2005" t="s">
        <v>776</v>
      </c>
      <c r="I2005">
        <v>1352.4</v>
      </c>
      <c r="J2005">
        <v>9</v>
      </c>
      <c r="K2005">
        <v>-437.54</v>
      </c>
    </row>
    <row r="2006" spans="1:11" x14ac:dyDescent="0.3">
      <c r="A2006" s="1">
        <v>42008</v>
      </c>
      <c r="B2006" s="3">
        <f t="shared" si="62"/>
        <v>1</v>
      </c>
      <c r="C2006" s="3">
        <f t="shared" si="63"/>
        <v>2015</v>
      </c>
      <c r="D2006" t="s">
        <v>60</v>
      </c>
      <c r="E2006" t="s">
        <v>314</v>
      </c>
      <c r="F2006" t="s">
        <v>10</v>
      </c>
      <c r="G2006" t="s">
        <v>19</v>
      </c>
      <c r="H2006" t="s">
        <v>95</v>
      </c>
      <c r="I2006">
        <v>32.340000000000003</v>
      </c>
      <c r="J2006">
        <v>3</v>
      </c>
      <c r="K2006">
        <v>15.52</v>
      </c>
    </row>
    <row r="2007" spans="1:11" x14ac:dyDescent="0.3">
      <c r="A2007" s="1">
        <v>42008</v>
      </c>
      <c r="B2007" s="3">
        <f t="shared" si="62"/>
        <v>1</v>
      </c>
      <c r="C2007" s="3">
        <f t="shared" si="63"/>
        <v>2015</v>
      </c>
      <c r="D2007" t="s">
        <v>60</v>
      </c>
      <c r="E2007" t="s">
        <v>314</v>
      </c>
      <c r="F2007" t="s">
        <v>10</v>
      </c>
      <c r="G2007" t="s">
        <v>11</v>
      </c>
      <c r="H2007" t="s">
        <v>753</v>
      </c>
      <c r="I2007">
        <v>39.9</v>
      </c>
      <c r="J2007">
        <v>5</v>
      </c>
      <c r="K2007">
        <v>19.95</v>
      </c>
    </row>
    <row r="2008" spans="1:11" x14ac:dyDescent="0.3">
      <c r="A2008" s="1">
        <v>42008</v>
      </c>
      <c r="B2008" s="3">
        <f t="shared" si="62"/>
        <v>1</v>
      </c>
      <c r="C2008" s="3">
        <f t="shared" si="63"/>
        <v>2015</v>
      </c>
      <c r="D2008" t="s">
        <v>1885</v>
      </c>
      <c r="E2008" t="s">
        <v>54</v>
      </c>
      <c r="F2008" t="s">
        <v>33</v>
      </c>
      <c r="G2008" t="s">
        <v>46</v>
      </c>
      <c r="H2008" t="s">
        <v>364</v>
      </c>
      <c r="I2008">
        <v>192.22</v>
      </c>
      <c r="J2008">
        <v>14</v>
      </c>
      <c r="K2008">
        <v>69.2</v>
      </c>
    </row>
    <row r="2009" spans="1:11" x14ac:dyDescent="0.3">
      <c r="A2009" s="1">
        <v>42009</v>
      </c>
      <c r="B2009" s="3">
        <f t="shared" si="62"/>
        <v>1</v>
      </c>
      <c r="C2009" s="3">
        <f t="shared" si="63"/>
        <v>2015</v>
      </c>
      <c r="D2009" t="s">
        <v>214</v>
      </c>
      <c r="E2009" t="s">
        <v>163</v>
      </c>
      <c r="F2009" t="s">
        <v>33</v>
      </c>
      <c r="G2009" t="s">
        <v>34</v>
      </c>
      <c r="H2009" t="s">
        <v>698</v>
      </c>
      <c r="I2009">
        <v>61.58</v>
      </c>
      <c r="J2009">
        <v>1</v>
      </c>
      <c r="K2009">
        <v>-6.93</v>
      </c>
    </row>
    <row r="2010" spans="1:11" x14ac:dyDescent="0.3">
      <c r="A2010" s="1">
        <v>42009</v>
      </c>
      <c r="B2010" s="3">
        <f t="shared" si="62"/>
        <v>1</v>
      </c>
      <c r="C2010" s="3">
        <f t="shared" si="63"/>
        <v>2015</v>
      </c>
      <c r="D2010" t="s">
        <v>656</v>
      </c>
      <c r="E2010" t="s">
        <v>148</v>
      </c>
      <c r="F2010" t="s">
        <v>10</v>
      </c>
      <c r="G2010" t="s">
        <v>23</v>
      </c>
      <c r="H2010" t="s">
        <v>1350</v>
      </c>
      <c r="I2010">
        <v>59.52</v>
      </c>
      <c r="J2010">
        <v>3</v>
      </c>
      <c r="K2010">
        <v>15.48</v>
      </c>
    </row>
    <row r="2011" spans="1:11" x14ac:dyDescent="0.3">
      <c r="A2011" s="1">
        <v>42009</v>
      </c>
      <c r="B2011" s="3">
        <f t="shared" si="62"/>
        <v>1</v>
      </c>
      <c r="C2011" s="3">
        <f t="shared" si="63"/>
        <v>2015</v>
      </c>
      <c r="D2011" t="s">
        <v>656</v>
      </c>
      <c r="E2011" t="s">
        <v>148</v>
      </c>
      <c r="F2011" t="s">
        <v>10</v>
      </c>
      <c r="G2011" t="s">
        <v>62</v>
      </c>
      <c r="H2011" t="s">
        <v>784</v>
      </c>
      <c r="I2011">
        <v>17.48</v>
      </c>
      <c r="J2011">
        <v>2</v>
      </c>
      <c r="K2011">
        <v>8.2200000000000006</v>
      </c>
    </row>
    <row r="2012" spans="1:11" x14ac:dyDescent="0.3">
      <c r="A2012" s="1">
        <v>42009</v>
      </c>
      <c r="B2012" s="3">
        <f t="shared" si="62"/>
        <v>1</v>
      </c>
      <c r="C2012" s="3">
        <f t="shared" si="63"/>
        <v>2015</v>
      </c>
      <c r="D2012" t="s">
        <v>656</v>
      </c>
      <c r="E2012" t="s">
        <v>148</v>
      </c>
      <c r="F2012" t="s">
        <v>10</v>
      </c>
      <c r="G2012" t="s">
        <v>19</v>
      </c>
      <c r="H2012" t="s">
        <v>1042</v>
      </c>
      <c r="I2012">
        <v>13.17</v>
      </c>
      <c r="J2012">
        <v>2</v>
      </c>
      <c r="K2012">
        <v>4.6100000000000003</v>
      </c>
    </row>
    <row r="2013" spans="1:11" x14ac:dyDescent="0.3">
      <c r="A2013" s="1">
        <v>42009</v>
      </c>
      <c r="B2013" s="3">
        <f t="shared" si="62"/>
        <v>1</v>
      </c>
      <c r="C2013" s="3">
        <f t="shared" si="63"/>
        <v>2015</v>
      </c>
      <c r="D2013" t="s">
        <v>1876</v>
      </c>
      <c r="E2013" t="s">
        <v>26</v>
      </c>
      <c r="F2013" t="s">
        <v>10</v>
      </c>
      <c r="G2013" t="s">
        <v>91</v>
      </c>
      <c r="H2013" t="s">
        <v>763</v>
      </c>
      <c r="I2013">
        <v>87.36</v>
      </c>
      <c r="J2013">
        <v>6</v>
      </c>
      <c r="K2013">
        <v>23.59</v>
      </c>
    </row>
    <row r="2014" spans="1:11" x14ac:dyDescent="0.3">
      <c r="A2014" s="1">
        <v>42009</v>
      </c>
      <c r="B2014" s="3">
        <f t="shared" si="62"/>
        <v>1</v>
      </c>
      <c r="C2014" s="3">
        <f t="shared" si="63"/>
        <v>2015</v>
      </c>
      <c r="D2014" t="s">
        <v>1876</v>
      </c>
      <c r="E2014" t="s">
        <v>26</v>
      </c>
      <c r="F2014" t="s">
        <v>10</v>
      </c>
      <c r="G2014" t="s">
        <v>19</v>
      </c>
      <c r="H2014" t="s">
        <v>610</v>
      </c>
      <c r="I2014">
        <v>56.16</v>
      </c>
      <c r="J2014">
        <v>6</v>
      </c>
      <c r="K2014">
        <v>17.55</v>
      </c>
    </row>
    <row r="2015" spans="1:11" x14ac:dyDescent="0.3">
      <c r="A2015" s="1">
        <v>42010</v>
      </c>
      <c r="B2015" s="3">
        <f t="shared" si="62"/>
        <v>1</v>
      </c>
      <c r="C2015" s="3">
        <f t="shared" si="63"/>
        <v>2015</v>
      </c>
      <c r="D2015" t="s">
        <v>1248</v>
      </c>
      <c r="E2015" t="s">
        <v>277</v>
      </c>
      <c r="F2015" t="s">
        <v>10</v>
      </c>
      <c r="G2015" t="s">
        <v>11</v>
      </c>
      <c r="H2015" t="s">
        <v>1886</v>
      </c>
      <c r="I2015">
        <v>29.6</v>
      </c>
      <c r="J2015">
        <v>5</v>
      </c>
      <c r="K2015">
        <v>9.25</v>
      </c>
    </row>
    <row r="2016" spans="1:11" x14ac:dyDescent="0.3">
      <c r="A2016" s="1">
        <v>42010</v>
      </c>
      <c r="B2016" s="3">
        <f t="shared" si="62"/>
        <v>1</v>
      </c>
      <c r="C2016" s="3">
        <f t="shared" si="63"/>
        <v>2015</v>
      </c>
      <c r="D2016" t="s">
        <v>1248</v>
      </c>
      <c r="E2016" t="s">
        <v>277</v>
      </c>
      <c r="F2016" t="s">
        <v>10</v>
      </c>
      <c r="G2016" t="s">
        <v>19</v>
      </c>
      <c r="H2016" t="s">
        <v>521</v>
      </c>
      <c r="I2016">
        <v>1.94</v>
      </c>
      <c r="J2016">
        <v>2</v>
      </c>
      <c r="K2016">
        <v>-1.36</v>
      </c>
    </row>
    <row r="2017" spans="1:11" x14ac:dyDescent="0.3">
      <c r="A2017" s="1">
        <v>42013</v>
      </c>
      <c r="B2017" s="3">
        <f t="shared" si="62"/>
        <v>1</v>
      </c>
      <c r="C2017" s="3">
        <f t="shared" si="63"/>
        <v>2015</v>
      </c>
      <c r="D2017" t="s">
        <v>365</v>
      </c>
      <c r="E2017" t="s">
        <v>32</v>
      </c>
      <c r="F2017" t="s">
        <v>10</v>
      </c>
      <c r="G2017" t="s">
        <v>11</v>
      </c>
      <c r="H2017" t="s">
        <v>624</v>
      </c>
      <c r="I2017">
        <v>106.32</v>
      </c>
      <c r="J2017">
        <v>3</v>
      </c>
      <c r="K2017">
        <v>49.97</v>
      </c>
    </row>
    <row r="2018" spans="1:11" x14ac:dyDescent="0.3">
      <c r="A2018" s="1">
        <v>42013</v>
      </c>
      <c r="B2018" s="3">
        <f t="shared" si="62"/>
        <v>1</v>
      </c>
      <c r="C2018" s="3">
        <f t="shared" si="63"/>
        <v>2015</v>
      </c>
      <c r="D2018" t="s">
        <v>365</v>
      </c>
      <c r="E2018" t="s">
        <v>32</v>
      </c>
      <c r="F2018" t="s">
        <v>10</v>
      </c>
      <c r="G2018" t="s">
        <v>91</v>
      </c>
      <c r="H2018" t="s">
        <v>1887</v>
      </c>
      <c r="I2018">
        <v>163.44</v>
      </c>
      <c r="J2018">
        <v>3</v>
      </c>
      <c r="K2018">
        <v>45.76</v>
      </c>
    </row>
    <row r="2019" spans="1:11" x14ac:dyDescent="0.3">
      <c r="A2019" s="1">
        <v>42013</v>
      </c>
      <c r="B2019" s="3">
        <f t="shared" si="62"/>
        <v>1</v>
      </c>
      <c r="C2019" s="3">
        <f t="shared" si="63"/>
        <v>2015</v>
      </c>
      <c r="D2019" t="s">
        <v>365</v>
      </c>
      <c r="E2019" t="s">
        <v>32</v>
      </c>
      <c r="F2019" t="s">
        <v>10</v>
      </c>
      <c r="G2019" t="s">
        <v>23</v>
      </c>
      <c r="H2019" t="s">
        <v>1888</v>
      </c>
      <c r="I2019">
        <v>42.76</v>
      </c>
      <c r="J2019">
        <v>2</v>
      </c>
      <c r="K2019">
        <v>11.12</v>
      </c>
    </row>
    <row r="2020" spans="1:11" x14ac:dyDescent="0.3">
      <c r="A2020" s="1">
        <v>42013</v>
      </c>
      <c r="B2020" s="3">
        <f t="shared" si="62"/>
        <v>1</v>
      </c>
      <c r="C2020" s="3">
        <f t="shared" si="63"/>
        <v>2015</v>
      </c>
      <c r="D2020" t="s">
        <v>365</v>
      </c>
      <c r="E2020" t="s">
        <v>32</v>
      </c>
      <c r="F2020" t="s">
        <v>10</v>
      </c>
      <c r="G2020" t="s">
        <v>11</v>
      </c>
      <c r="H2020" t="s">
        <v>1889</v>
      </c>
      <c r="I2020">
        <v>51.55</v>
      </c>
      <c r="J2020">
        <v>5</v>
      </c>
      <c r="K2020">
        <v>24.23</v>
      </c>
    </row>
    <row r="2021" spans="1:11" x14ac:dyDescent="0.3">
      <c r="A2021" s="1">
        <v>42014</v>
      </c>
      <c r="B2021" s="3">
        <f t="shared" si="62"/>
        <v>1</v>
      </c>
      <c r="C2021" s="3">
        <f t="shared" si="63"/>
        <v>2015</v>
      </c>
      <c r="D2021" t="s">
        <v>76</v>
      </c>
      <c r="E2021" t="s">
        <v>148</v>
      </c>
      <c r="F2021" t="s">
        <v>33</v>
      </c>
      <c r="G2021" t="s">
        <v>144</v>
      </c>
      <c r="H2021" t="s">
        <v>403</v>
      </c>
      <c r="I2021">
        <v>1018.1</v>
      </c>
      <c r="J2021">
        <v>4</v>
      </c>
      <c r="K2021">
        <v>-373.3</v>
      </c>
    </row>
    <row r="2022" spans="1:11" x14ac:dyDescent="0.3">
      <c r="A2022" s="1">
        <v>42016</v>
      </c>
      <c r="B2022" s="3">
        <f t="shared" si="62"/>
        <v>1</v>
      </c>
      <c r="C2022" s="3">
        <f t="shared" si="63"/>
        <v>2015</v>
      </c>
      <c r="D2022" t="s">
        <v>1890</v>
      </c>
      <c r="E2022" t="s">
        <v>58</v>
      </c>
      <c r="F2022" t="s">
        <v>10</v>
      </c>
      <c r="G2022" t="s">
        <v>17</v>
      </c>
      <c r="H2022" t="s">
        <v>1383</v>
      </c>
      <c r="I2022">
        <v>465.18</v>
      </c>
      <c r="J2022">
        <v>3</v>
      </c>
      <c r="K2022">
        <v>120.95</v>
      </c>
    </row>
    <row r="2023" spans="1:11" x14ac:dyDescent="0.3">
      <c r="A2023" s="1">
        <v>42016</v>
      </c>
      <c r="B2023" s="3">
        <f t="shared" si="62"/>
        <v>1</v>
      </c>
      <c r="C2023" s="3">
        <f t="shared" si="63"/>
        <v>2015</v>
      </c>
      <c r="D2023" t="s">
        <v>1891</v>
      </c>
      <c r="E2023" t="s">
        <v>77</v>
      </c>
      <c r="F2023" t="s">
        <v>10</v>
      </c>
      <c r="G2023" t="s">
        <v>23</v>
      </c>
      <c r="H2023" t="s">
        <v>257</v>
      </c>
      <c r="I2023">
        <v>10.37</v>
      </c>
      <c r="J2023">
        <v>2</v>
      </c>
      <c r="K2023">
        <v>1.56</v>
      </c>
    </row>
    <row r="2024" spans="1:11" x14ac:dyDescent="0.3">
      <c r="A2024" s="1">
        <v>42016</v>
      </c>
      <c r="B2024" s="3">
        <f t="shared" si="62"/>
        <v>1</v>
      </c>
      <c r="C2024" s="3">
        <f t="shared" si="63"/>
        <v>2015</v>
      </c>
      <c r="D2024" t="s">
        <v>1891</v>
      </c>
      <c r="E2024" t="s">
        <v>77</v>
      </c>
      <c r="F2024" t="s">
        <v>38</v>
      </c>
      <c r="G2024" t="s">
        <v>39</v>
      </c>
      <c r="H2024" t="s">
        <v>40</v>
      </c>
      <c r="I2024">
        <v>235.19</v>
      </c>
      <c r="J2024">
        <v>2</v>
      </c>
      <c r="K2024">
        <v>-43.12</v>
      </c>
    </row>
    <row r="2025" spans="1:11" x14ac:dyDescent="0.3">
      <c r="A2025" s="1">
        <v>42016</v>
      </c>
      <c r="B2025" s="3">
        <f t="shared" si="62"/>
        <v>1</v>
      </c>
      <c r="C2025" s="3">
        <f t="shared" si="63"/>
        <v>2015</v>
      </c>
      <c r="D2025" t="s">
        <v>1891</v>
      </c>
      <c r="E2025" t="s">
        <v>77</v>
      </c>
      <c r="F2025" t="s">
        <v>38</v>
      </c>
      <c r="G2025" t="s">
        <v>39</v>
      </c>
      <c r="H2025" t="s">
        <v>1892</v>
      </c>
      <c r="I2025">
        <v>26.38</v>
      </c>
      <c r="J2025">
        <v>4</v>
      </c>
      <c r="K2025">
        <v>2.64</v>
      </c>
    </row>
    <row r="2026" spans="1:11" x14ac:dyDescent="0.3">
      <c r="A2026" s="1">
        <v>42016</v>
      </c>
      <c r="B2026" s="3">
        <f t="shared" si="62"/>
        <v>1</v>
      </c>
      <c r="C2026" s="3">
        <f t="shared" si="63"/>
        <v>2015</v>
      </c>
      <c r="D2026" t="s">
        <v>1891</v>
      </c>
      <c r="E2026" t="s">
        <v>77</v>
      </c>
      <c r="F2026" t="s">
        <v>38</v>
      </c>
      <c r="G2026" t="s">
        <v>51</v>
      </c>
      <c r="H2026" t="s">
        <v>1893</v>
      </c>
      <c r="I2026">
        <v>10.38</v>
      </c>
      <c r="J2026">
        <v>2</v>
      </c>
      <c r="K2026">
        <v>2.21</v>
      </c>
    </row>
    <row r="2027" spans="1:11" x14ac:dyDescent="0.3">
      <c r="A2027" s="1">
        <v>42016</v>
      </c>
      <c r="B2027" s="3">
        <f t="shared" si="62"/>
        <v>1</v>
      </c>
      <c r="C2027" s="3">
        <f t="shared" si="63"/>
        <v>2015</v>
      </c>
      <c r="D2027" t="s">
        <v>1891</v>
      </c>
      <c r="E2027" t="s">
        <v>77</v>
      </c>
      <c r="F2027" t="s">
        <v>38</v>
      </c>
      <c r="G2027" t="s">
        <v>39</v>
      </c>
      <c r="H2027" t="s">
        <v>1894</v>
      </c>
      <c r="I2027">
        <v>107.12</v>
      </c>
      <c r="J2027">
        <v>3</v>
      </c>
      <c r="K2027">
        <v>-21.42</v>
      </c>
    </row>
    <row r="2028" spans="1:11" x14ac:dyDescent="0.3">
      <c r="A2028" s="1">
        <v>42017</v>
      </c>
      <c r="B2028" s="3">
        <f t="shared" si="62"/>
        <v>1</v>
      </c>
      <c r="C2028" s="3">
        <f t="shared" si="63"/>
        <v>2015</v>
      </c>
      <c r="D2028" t="s">
        <v>952</v>
      </c>
      <c r="E2028" t="s">
        <v>26</v>
      </c>
      <c r="F2028" t="s">
        <v>10</v>
      </c>
      <c r="G2028" t="s">
        <v>19</v>
      </c>
      <c r="H2028" t="s">
        <v>1895</v>
      </c>
      <c r="I2028">
        <v>70.010000000000005</v>
      </c>
      <c r="J2028">
        <v>3</v>
      </c>
      <c r="K2028">
        <v>24.5</v>
      </c>
    </row>
    <row r="2029" spans="1:11" x14ac:dyDescent="0.3">
      <c r="A2029" s="1">
        <v>42017</v>
      </c>
      <c r="B2029" s="3">
        <f t="shared" si="62"/>
        <v>1</v>
      </c>
      <c r="C2029" s="3">
        <f t="shared" si="63"/>
        <v>2015</v>
      </c>
      <c r="D2029" t="s">
        <v>952</v>
      </c>
      <c r="E2029" t="s">
        <v>26</v>
      </c>
      <c r="F2029" t="s">
        <v>33</v>
      </c>
      <c r="G2029" t="s">
        <v>46</v>
      </c>
      <c r="H2029" t="s">
        <v>1727</v>
      </c>
      <c r="I2029">
        <v>77.599999999999994</v>
      </c>
      <c r="J2029">
        <v>4</v>
      </c>
      <c r="K2029">
        <v>38.020000000000003</v>
      </c>
    </row>
    <row r="2030" spans="1:11" x14ac:dyDescent="0.3">
      <c r="A2030" s="1">
        <v>42017</v>
      </c>
      <c r="B2030" s="3">
        <f t="shared" si="62"/>
        <v>1</v>
      </c>
      <c r="C2030" s="3">
        <f t="shared" si="63"/>
        <v>2015</v>
      </c>
      <c r="D2030" t="s">
        <v>952</v>
      </c>
      <c r="E2030" t="s">
        <v>26</v>
      </c>
      <c r="F2030" t="s">
        <v>33</v>
      </c>
      <c r="G2030" t="s">
        <v>46</v>
      </c>
      <c r="H2030" t="s">
        <v>1896</v>
      </c>
      <c r="I2030">
        <v>464.85</v>
      </c>
      <c r="J2030">
        <v>9</v>
      </c>
      <c r="K2030">
        <v>92.97</v>
      </c>
    </row>
    <row r="2031" spans="1:11" x14ac:dyDescent="0.3">
      <c r="A2031" s="1">
        <v>42017</v>
      </c>
      <c r="B2031" s="3">
        <f t="shared" si="62"/>
        <v>1</v>
      </c>
      <c r="C2031" s="3">
        <f t="shared" si="63"/>
        <v>2015</v>
      </c>
      <c r="D2031" t="s">
        <v>1897</v>
      </c>
      <c r="E2031" t="s">
        <v>29</v>
      </c>
      <c r="F2031" t="s">
        <v>10</v>
      </c>
      <c r="G2031" t="s">
        <v>15</v>
      </c>
      <c r="H2031" t="s">
        <v>16</v>
      </c>
      <c r="I2031">
        <v>9.82</v>
      </c>
      <c r="J2031">
        <v>2</v>
      </c>
      <c r="K2031">
        <v>4.8099999999999996</v>
      </c>
    </row>
    <row r="2032" spans="1:11" x14ac:dyDescent="0.3">
      <c r="A2032" s="1">
        <v>42021</v>
      </c>
      <c r="B2032" s="3">
        <f t="shared" si="62"/>
        <v>1</v>
      </c>
      <c r="C2032" s="3">
        <f t="shared" si="63"/>
        <v>2015</v>
      </c>
      <c r="D2032" t="s">
        <v>604</v>
      </c>
      <c r="E2032" t="s">
        <v>14</v>
      </c>
      <c r="F2032" t="s">
        <v>33</v>
      </c>
      <c r="G2032" t="s">
        <v>46</v>
      </c>
      <c r="H2032" t="s">
        <v>111</v>
      </c>
      <c r="I2032">
        <v>254.74</v>
      </c>
      <c r="J2032">
        <v>7</v>
      </c>
      <c r="K2032">
        <v>-312.06</v>
      </c>
    </row>
    <row r="2033" spans="1:11" x14ac:dyDescent="0.3">
      <c r="A2033" s="1">
        <v>42021</v>
      </c>
      <c r="B2033" s="3">
        <f t="shared" si="62"/>
        <v>1</v>
      </c>
      <c r="C2033" s="3">
        <f t="shared" si="63"/>
        <v>2015</v>
      </c>
      <c r="D2033" t="s">
        <v>474</v>
      </c>
      <c r="E2033" t="s">
        <v>433</v>
      </c>
      <c r="F2033" t="s">
        <v>10</v>
      </c>
      <c r="G2033" t="s">
        <v>23</v>
      </c>
      <c r="H2033" t="s">
        <v>337</v>
      </c>
      <c r="I2033">
        <v>6.68</v>
      </c>
      <c r="J2033">
        <v>2</v>
      </c>
      <c r="K2033">
        <v>2</v>
      </c>
    </row>
    <row r="2034" spans="1:11" x14ac:dyDescent="0.3">
      <c r="A2034" s="1">
        <v>42021</v>
      </c>
      <c r="B2034" s="3">
        <f t="shared" si="62"/>
        <v>1</v>
      </c>
      <c r="C2034" s="3">
        <f t="shared" si="63"/>
        <v>2015</v>
      </c>
      <c r="D2034" t="s">
        <v>1884</v>
      </c>
      <c r="E2034" t="s">
        <v>119</v>
      </c>
      <c r="F2034" t="s">
        <v>10</v>
      </c>
      <c r="G2034" t="s">
        <v>199</v>
      </c>
      <c r="H2034" t="s">
        <v>1457</v>
      </c>
      <c r="I2034">
        <v>88.96</v>
      </c>
      <c r="J2034">
        <v>8</v>
      </c>
      <c r="K2034">
        <v>10.01</v>
      </c>
    </row>
    <row r="2035" spans="1:11" x14ac:dyDescent="0.3">
      <c r="A2035" s="1">
        <v>42023</v>
      </c>
      <c r="B2035" s="3">
        <f t="shared" si="62"/>
        <v>1</v>
      </c>
      <c r="C2035" s="3">
        <f t="shared" si="63"/>
        <v>2015</v>
      </c>
      <c r="D2035" t="s">
        <v>609</v>
      </c>
      <c r="E2035" t="s">
        <v>9</v>
      </c>
      <c r="F2035" t="s">
        <v>33</v>
      </c>
      <c r="G2035" t="s">
        <v>144</v>
      </c>
      <c r="H2035" t="s">
        <v>949</v>
      </c>
      <c r="I2035">
        <v>102.44</v>
      </c>
      <c r="J2035">
        <v>1</v>
      </c>
      <c r="K2035">
        <v>-13.17</v>
      </c>
    </row>
    <row r="2036" spans="1:11" x14ac:dyDescent="0.3">
      <c r="A2036" s="1">
        <v>42023</v>
      </c>
      <c r="B2036" s="3">
        <f t="shared" si="62"/>
        <v>1</v>
      </c>
      <c r="C2036" s="3">
        <f t="shared" si="63"/>
        <v>2015</v>
      </c>
      <c r="D2036" t="s">
        <v>609</v>
      </c>
      <c r="E2036" t="s">
        <v>9</v>
      </c>
      <c r="F2036" t="s">
        <v>33</v>
      </c>
      <c r="G2036" t="s">
        <v>34</v>
      </c>
      <c r="H2036" t="s">
        <v>1820</v>
      </c>
      <c r="I2036">
        <v>199.3</v>
      </c>
      <c r="J2036">
        <v>4</v>
      </c>
      <c r="K2036">
        <v>-8.5399999999999991</v>
      </c>
    </row>
    <row r="2037" spans="1:11" x14ac:dyDescent="0.3">
      <c r="A2037" s="1">
        <v>42027</v>
      </c>
      <c r="B2037" s="3">
        <f t="shared" si="62"/>
        <v>1</v>
      </c>
      <c r="C2037" s="3">
        <f t="shared" si="63"/>
        <v>2015</v>
      </c>
      <c r="D2037" t="s">
        <v>802</v>
      </c>
      <c r="E2037" t="s">
        <v>514</v>
      </c>
      <c r="F2037" t="s">
        <v>10</v>
      </c>
      <c r="G2037" t="s">
        <v>11</v>
      </c>
      <c r="H2037" t="s">
        <v>107</v>
      </c>
      <c r="I2037">
        <v>29.04</v>
      </c>
      <c r="J2037">
        <v>3</v>
      </c>
      <c r="K2037">
        <v>13.94</v>
      </c>
    </row>
    <row r="2038" spans="1:11" x14ac:dyDescent="0.3">
      <c r="A2038" s="1">
        <v>42027</v>
      </c>
      <c r="B2038" s="3">
        <f t="shared" si="62"/>
        <v>1</v>
      </c>
      <c r="C2038" s="3">
        <f t="shared" si="63"/>
        <v>2015</v>
      </c>
      <c r="D2038" t="s">
        <v>802</v>
      </c>
      <c r="E2038" t="s">
        <v>514</v>
      </c>
      <c r="F2038" t="s">
        <v>10</v>
      </c>
      <c r="G2038" t="s">
        <v>15</v>
      </c>
      <c r="H2038" t="s">
        <v>1898</v>
      </c>
      <c r="I2038">
        <v>14.62</v>
      </c>
      <c r="J2038">
        <v>2</v>
      </c>
      <c r="K2038">
        <v>6.87</v>
      </c>
    </row>
    <row r="2039" spans="1:11" x14ac:dyDescent="0.3">
      <c r="A2039" s="1">
        <v>42028</v>
      </c>
      <c r="B2039" s="3">
        <f t="shared" si="62"/>
        <v>1</v>
      </c>
      <c r="C2039" s="3">
        <f t="shared" si="63"/>
        <v>2015</v>
      </c>
      <c r="D2039" t="s">
        <v>1899</v>
      </c>
      <c r="E2039" t="s">
        <v>122</v>
      </c>
      <c r="F2039" t="s">
        <v>10</v>
      </c>
      <c r="G2039" t="s">
        <v>23</v>
      </c>
      <c r="H2039" t="s">
        <v>458</v>
      </c>
      <c r="I2039">
        <v>13.12</v>
      </c>
      <c r="J2039">
        <v>5</v>
      </c>
      <c r="K2039">
        <v>2.13</v>
      </c>
    </row>
    <row r="2040" spans="1:11" x14ac:dyDescent="0.3">
      <c r="A2040" s="1">
        <v>42030</v>
      </c>
      <c r="B2040" s="3">
        <f t="shared" si="62"/>
        <v>1</v>
      </c>
      <c r="C2040" s="3">
        <f t="shared" si="63"/>
        <v>2015</v>
      </c>
      <c r="D2040" t="s">
        <v>1740</v>
      </c>
      <c r="E2040" t="s">
        <v>26</v>
      </c>
      <c r="F2040" t="s">
        <v>10</v>
      </c>
      <c r="G2040" t="s">
        <v>11</v>
      </c>
      <c r="H2040" t="s">
        <v>1900</v>
      </c>
      <c r="I2040">
        <v>182.72</v>
      </c>
      <c r="J2040">
        <v>8</v>
      </c>
      <c r="K2040">
        <v>84.05</v>
      </c>
    </row>
    <row r="2041" spans="1:11" x14ac:dyDescent="0.3">
      <c r="A2041" s="1">
        <v>42031</v>
      </c>
      <c r="B2041" s="3">
        <f t="shared" si="62"/>
        <v>1</v>
      </c>
      <c r="C2041" s="3">
        <f t="shared" si="63"/>
        <v>2015</v>
      </c>
      <c r="D2041" t="s">
        <v>57</v>
      </c>
      <c r="E2041" t="s">
        <v>77</v>
      </c>
      <c r="F2041" t="s">
        <v>33</v>
      </c>
      <c r="G2041" t="s">
        <v>34</v>
      </c>
      <c r="H2041" t="s">
        <v>1804</v>
      </c>
      <c r="I2041">
        <v>181.99</v>
      </c>
      <c r="J2041">
        <v>2</v>
      </c>
      <c r="K2041">
        <v>-54.6</v>
      </c>
    </row>
    <row r="2042" spans="1:11" x14ac:dyDescent="0.3">
      <c r="A2042" s="1">
        <v>42031</v>
      </c>
      <c r="B2042" s="3">
        <f t="shared" si="62"/>
        <v>1</v>
      </c>
      <c r="C2042" s="3">
        <f t="shared" si="63"/>
        <v>2015</v>
      </c>
      <c r="D2042" t="s">
        <v>57</v>
      </c>
      <c r="E2042" t="s">
        <v>77</v>
      </c>
      <c r="F2042" t="s">
        <v>38</v>
      </c>
      <c r="G2042" t="s">
        <v>39</v>
      </c>
      <c r="H2042" t="s">
        <v>932</v>
      </c>
      <c r="I2042">
        <v>431.98</v>
      </c>
      <c r="J2042">
        <v>4</v>
      </c>
      <c r="K2042">
        <v>-100.79</v>
      </c>
    </row>
    <row r="2043" spans="1:11" x14ac:dyDescent="0.3">
      <c r="A2043" s="1">
        <v>42031</v>
      </c>
      <c r="B2043" s="3">
        <f t="shared" si="62"/>
        <v>1</v>
      </c>
      <c r="C2043" s="3">
        <f t="shared" si="63"/>
        <v>2015</v>
      </c>
      <c r="D2043" t="s">
        <v>57</v>
      </c>
      <c r="E2043" t="s">
        <v>77</v>
      </c>
      <c r="F2043" t="s">
        <v>38</v>
      </c>
      <c r="G2043" t="s">
        <v>39</v>
      </c>
      <c r="H2043" t="s">
        <v>1901</v>
      </c>
      <c r="I2043">
        <v>155.37</v>
      </c>
      <c r="J2043">
        <v>1</v>
      </c>
      <c r="K2043">
        <v>-36.25</v>
      </c>
    </row>
    <row r="2044" spans="1:11" x14ac:dyDescent="0.3">
      <c r="A2044" s="1">
        <v>42031</v>
      </c>
      <c r="B2044" s="3">
        <f t="shared" si="62"/>
        <v>1</v>
      </c>
      <c r="C2044" s="3">
        <f t="shared" si="63"/>
        <v>2015</v>
      </c>
      <c r="D2044" t="s">
        <v>1798</v>
      </c>
      <c r="E2044" t="s">
        <v>26</v>
      </c>
      <c r="F2044" t="s">
        <v>33</v>
      </c>
      <c r="G2044" t="s">
        <v>34</v>
      </c>
      <c r="H2044" t="s">
        <v>975</v>
      </c>
      <c r="I2044">
        <v>2803.92</v>
      </c>
      <c r="J2044">
        <v>5</v>
      </c>
      <c r="K2044">
        <v>0</v>
      </c>
    </row>
    <row r="2045" spans="1:11" x14ac:dyDescent="0.3">
      <c r="A2045" s="1">
        <v>42032</v>
      </c>
      <c r="B2045" s="3">
        <f t="shared" si="62"/>
        <v>1</v>
      </c>
      <c r="C2045" s="3">
        <f t="shared" si="63"/>
        <v>2015</v>
      </c>
      <c r="D2045" t="s">
        <v>1101</v>
      </c>
      <c r="E2045" t="s">
        <v>244</v>
      </c>
      <c r="F2045" t="s">
        <v>33</v>
      </c>
      <c r="G2045" t="s">
        <v>144</v>
      </c>
      <c r="H2045" t="s">
        <v>401</v>
      </c>
      <c r="I2045">
        <v>4297.6400000000003</v>
      </c>
      <c r="J2045">
        <v>13</v>
      </c>
      <c r="K2045">
        <v>-1862.31</v>
      </c>
    </row>
    <row r="2046" spans="1:11" x14ac:dyDescent="0.3">
      <c r="A2046" s="1">
        <v>42034</v>
      </c>
      <c r="B2046" s="3">
        <f t="shared" si="62"/>
        <v>1</v>
      </c>
      <c r="C2046" s="3">
        <f t="shared" si="63"/>
        <v>2015</v>
      </c>
      <c r="D2046" t="s">
        <v>1144</v>
      </c>
      <c r="E2046" t="s">
        <v>9</v>
      </c>
      <c r="F2046" t="s">
        <v>10</v>
      </c>
      <c r="G2046" t="s">
        <v>11</v>
      </c>
      <c r="H2046" t="s">
        <v>1902</v>
      </c>
      <c r="I2046">
        <v>14.3</v>
      </c>
      <c r="J2046">
        <v>6</v>
      </c>
      <c r="K2046">
        <v>5.01</v>
      </c>
    </row>
    <row r="2047" spans="1:11" x14ac:dyDescent="0.3">
      <c r="A2047" s="1">
        <v>42034</v>
      </c>
      <c r="B2047" s="3">
        <f t="shared" si="62"/>
        <v>1</v>
      </c>
      <c r="C2047" s="3">
        <f t="shared" si="63"/>
        <v>2015</v>
      </c>
      <c r="D2047" t="s">
        <v>977</v>
      </c>
      <c r="E2047" t="s">
        <v>26</v>
      </c>
      <c r="F2047" t="s">
        <v>33</v>
      </c>
      <c r="G2047" t="s">
        <v>46</v>
      </c>
      <c r="H2047" t="s">
        <v>1361</v>
      </c>
      <c r="I2047">
        <v>227.36</v>
      </c>
      <c r="J2047">
        <v>7</v>
      </c>
      <c r="K2047">
        <v>81.849999999999994</v>
      </c>
    </row>
    <row r="2048" spans="1:11" x14ac:dyDescent="0.3">
      <c r="A2048" s="1">
        <v>42034</v>
      </c>
      <c r="B2048" s="3">
        <f t="shared" si="62"/>
        <v>1</v>
      </c>
      <c r="C2048" s="3">
        <f t="shared" si="63"/>
        <v>2015</v>
      </c>
      <c r="D2048" t="s">
        <v>977</v>
      </c>
      <c r="E2048" t="s">
        <v>26</v>
      </c>
      <c r="F2048" t="s">
        <v>38</v>
      </c>
      <c r="G2048" t="s">
        <v>301</v>
      </c>
      <c r="H2048" t="s">
        <v>1903</v>
      </c>
      <c r="I2048">
        <v>1919.98</v>
      </c>
      <c r="J2048">
        <v>3</v>
      </c>
      <c r="K2048">
        <v>216</v>
      </c>
    </row>
    <row r="2049" spans="1:11" x14ac:dyDescent="0.3">
      <c r="A2049" s="1">
        <v>42035</v>
      </c>
      <c r="B2049" s="3">
        <f t="shared" si="62"/>
        <v>1</v>
      </c>
      <c r="C2049" s="3">
        <f t="shared" si="63"/>
        <v>2015</v>
      </c>
      <c r="D2049" t="s">
        <v>1177</v>
      </c>
      <c r="E2049" t="s">
        <v>314</v>
      </c>
      <c r="F2049" t="s">
        <v>10</v>
      </c>
      <c r="G2049" t="s">
        <v>11</v>
      </c>
      <c r="H2049" t="s">
        <v>707</v>
      </c>
      <c r="I2049">
        <v>12.96</v>
      </c>
      <c r="J2049">
        <v>2</v>
      </c>
      <c r="K2049">
        <v>6.22</v>
      </c>
    </row>
    <row r="2050" spans="1:11" x14ac:dyDescent="0.3">
      <c r="A2050" s="1">
        <v>42035</v>
      </c>
      <c r="B2050" s="3">
        <f t="shared" ref="B2050:B2113" si="64">MONTH(A:A)</f>
        <v>1</v>
      </c>
      <c r="C2050" s="3">
        <f t="shared" ref="C2050:C2113" si="65">YEAR(A:A)</f>
        <v>2015</v>
      </c>
      <c r="D2050" t="s">
        <v>1177</v>
      </c>
      <c r="E2050" t="s">
        <v>314</v>
      </c>
      <c r="F2050" t="s">
        <v>33</v>
      </c>
      <c r="G2050" t="s">
        <v>46</v>
      </c>
      <c r="H2050" t="s">
        <v>1904</v>
      </c>
      <c r="I2050">
        <v>53.34</v>
      </c>
      <c r="J2050">
        <v>3</v>
      </c>
      <c r="K2050">
        <v>16.54</v>
      </c>
    </row>
    <row r="2051" spans="1:11" x14ac:dyDescent="0.3">
      <c r="A2051" s="1">
        <v>42035</v>
      </c>
      <c r="B2051" s="3">
        <f t="shared" si="64"/>
        <v>1</v>
      </c>
      <c r="C2051" s="3">
        <f t="shared" si="65"/>
        <v>2015</v>
      </c>
      <c r="D2051" t="s">
        <v>1177</v>
      </c>
      <c r="E2051" t="s">
        <v>314</v>
      </c>
      <c r="F2051" t="s">
        <v>10</v>
      </c>
      <c r="G2051" t="s">
        <v>19</v>
      </c>
      <c r="H2051" t="s">
        <v>468</v>
      </c>
      <c r="I2051">
        <v>32.96</v>
      </c>
      <c r="J2051">
        <v>2</v>
      </c>
      <c r="K2051">
        <v>16.149999999999999</v>
      </c>
    </row>
    <row r="2052" spans="1:11" x14ac:dyDescent="0.3">
      <c r="A2052" s="1">
        <v>42038</v>
      </c>
      <c r="B2052" s="3">
        <f t="shared" si="64"/>
        <v>2</v>
      </c>
      <c r="C2052" s="3">
        <f t="shared" si="65"/>
        <v>2015</v>
      </c>
      <c r="D2052" t="s">
        <v>553</v>
      </c>
      <c r="E2052" t="s">
        <v>995</v>
      </c>
      <c r="F2052" t="s">
        <v>33</v>
      </c>
      <c r="G2052" t="s">
        <v>46</v>
      </c>
      <c r="H2052" t="s">
        <v>1905</v>
      </c>
      <c r="I2052">
        <v>28.4</v>
      </c>
      <c r="J2052">
        <v>2</v>
      </c>
      <c r="K2052">
        <v>11.08</v>
      </c>
    </row>
    <row r="2053" spans="1:11" x14ac:dyDescent="0.3">
      <c r="A2053" s="1">
        <v>42038</v>
      </c>
      <c r="B2053" s="3">
        <f t="shared" si="64"/>
        <v>2</v>
      </c>
      <c r="C2053" s="3">
        <f t="shared" si="65"/>
        <v>2015</v>
      </c>
      <c r="D2053" t="s">
        <v>553</v>
      </c>
      <c r="E2053" t="s">
        <v>995</v>
      </c>
      <c r="F2053" t="s">
        <v>38</v>
      </c>
      <c r="G2053" t="s">
        <v>51</v>
      </c>
      <c r="H2053" t="s">
        <v>425</v>
      </c>
      <c r="I2053">
        <v>149.97</v>
      </c>
      <c r="J2053">
        <v>3</v>
      </c>
      <c r="K2053">
        <v>50.99</v>
      </c>
    </row>
    <row r="2054" spans="1:11" x14ac:dyDescent="0.3">
      <c r="A2054" s="1">
        <v>42038</v>
      </c>
      <c r="B2054" s="3">
        <f t="shared" si="64"/>
        <v>2</v>
      </c>
      <c r="C2054" s="3">
        <f t="shared" si="65"/>
        <v>2015</v>
      </c>
      <c r="D2054" t="s">
        <v>1906</v>
      </c>
      <c r="E2054" t="s">
        <v>26</v>
      </c>
      <c r="F2054" t="s">
        <v>33</v>
      </c>
      <c r="G2054" t="s">
        <v>46</v>
      </c>
      <c r="H2054" t="s">
        <v>1907</v>
      </c>
      <c r="I2054">
        <v>136.91999999999999</v>
      </c>
      <c r="J2054">
        <v>4</v>
      </c>
      <c r="K2054">
        <v>41.08</v>
      </c>
    </row>
    <row r="2055" spans="1:11" x14ac:dyDescent="0.3">
      <c r="A2055" s="1">
        <v>42038</v>
      </c>
      <c r="B2055" s="3">
        <f t="shared" si="64"/>
        <v>2</v>
      </c>
      <c r="C2055" s="3">
        <f t="shared" si="65"/>
        <v>2015</v>
      </c>
      <c r="D2055" t="s">
        <v>1537</v>
      </c>
      <c r="E2055" t="s">
        <v>295</v>
      </c>
      <c r="F2055" t="s">
        <v>10</v>
      </c>
      <c r="G2055" t="s">
        <v>19</v>
      </c>
      <c r="H2055" t="s">
        <v>1196</v>
      </c>
      <c r="I2055">
        <v>12.14</v>
      </c>
      <c r="J2055">
        <v>3</v>
      </c>
      <c r="K2055">
        <v>4.0999999999999996</v>
      </c>
    </row>
    <row r="2056" spans="1:11" x14ac:dyDescent="0.3">
      <c r="A2056" s="1">
        <v>42038</v>
      </c>
      <c r="B2056" s="3">
        <f t="shared" si="64"/>
        <v>2</v>
      </c>
      <c r="C2056" s="3">
        <f t="shared" si="65"/>
        <v>2015</v>
      </c>
      <c r="D2056" t="s">
        <v>808</v>
      </c>
      <c r="E2056" t="s">
        <v>29</v>
      </c>
      <c r="F2056" t="s">
        <v>10</v>
      </c>
      <c r="G2056" t="s">
        <v>62</v>
      </c>
      <c r="H2056" t="s">
        <v>63</v>
      </c>
      <c r="I2056">
        <v>74.52</v>
      </c>
      <c r="J2056">
        <v>9</v>
      </c>
      <c r="K2056">
        <v>35.020000000000003</v>
      </c>
    </row>
    <row r="2057" spans="1:11" x14ac:dyDescent="0.3">
      <c r="A2057" s="1">
        <v>42038</v>
      </c>
      <c r="B2057" s="3">
        <f t="shared" si="64"/>
        <v>2</v>
      </c>
      <c r="C2057" s="3">
        <f t="shared" si="65"/>
        <v>2015</v>
      </c>
      <c r="D2057" t="s">
        <v>670</v>
      </c>
      <c r="E2057" t="s">
        <v>148</v>
      </c>
      <c r="F2057" t="s">
        <v>33</v>
      </c>
      <c r="G2057" t="s">
        <v>34</v>
      </c>
      <c r="H2057" t="s">
        <v>1875</v>
      </c>
      <c r="I2057">
        <v>90.88</v>
      </c>
      <c r="J2057">
        <v>1</v>
      </c>
      <c r="K2057">
        <v>15.15</v>
      </c>
    </row>
    <row r="2058" spans="1:11" x14ac:dyDescent="0.3">
      <c r="A2058" s="1">
        <v>42041</v>
      </c>
      <c r="B2058" s="3">
        <f t="shared" si="64"/>
        <v>2</v>
      </c>
      <c r="C2058" s="3">
        <f t="shared" si="65"/>
        <v>2015</v>
      </c>
      <c r="D2058" t="s">
        <v>658</v>
      </c>
      <c r="E2058" t="s">
        <v>163</v>
      </c>
      <c r="F2058" t="s">
        <v>10</v>
      </c>
      <c r="G2058" t="s">
        <v>23</v>
      </c>
      <c r="H2058" t="s">
        <v>1623</v>
      </c>
      <c r="I2058">
        <v>5.28</v>
      </c>
      <c r="J2058">
        <v>3</v>
      </c>
      <c r="K2058">
        <v>1.53</v>
      </c>
    </row>
    <row r="2059" spans="1:11" x14ac:dyDescent="0.3">
      <c r="A2059" s="1">
        <v>42041</v>
      </c>
      <c r="B2059" s="3">
        <f t="shared" si="64"/>
        <v>2</v>
      </c>
      <c r="C2059" s="3">
        <f t="shared" si="65"/>
        <v>2015</v>
      </c>
      <c r="D2059" t="s">
        <v>1041</v>
      </c>
      <c r="E2059" t="s">
        <v>58</v>
      </c>
      <c r="F2059" t="s">
        <v>33</v>
      </c>
      <c r="G2059" t="s">
        <v>34</v>
      </c>
      <c r="H2059" t="s">
        <v>1771</v>
      </c>
      <c r="I2059">
        <v>1268.82</v>
      </c>
      <c r="J2059">
        <v>9</v>
      </c>
      <c r="K2059">
        <v>266.45</v>
      </c>
    </row>
    <row r="2060" spans="1:11" x14ac:dyDescent="0.3">
      <c r="A2060" s="1">
        <v>42041</v>
      </c>
      <c r="B2060" s="3">
        <f t="shared" si="64"/>
        <v>2</v>
      </c>
      <c r="C2060" s="3">
        <f t="shared" si="65"/>
        <v>2015</v>
      </c>
      <c r="D2060" t="s">
        <v>1041</v>
      </c>
      <c r="E2060" t="s">
        <v>58</v>
      </c>
      <c r="F2060" t="s">
        <v>33</v>
      </c>
      <c r="G2060" t="s">
        <v>73</v>
      </c>
      <c r="H2060" t="s">
        <v>1908</v>
      </c>
      <c r="I2060">
        <v>283.92</v>
      </c>
      <c r="J2060">
        <v>4</v>
      </c>
      <c r="K2060">
        <v>82.34</v>
      </c>
    </row>
    <row r="2061" spans="1:11" x14ac:dyDescent="0.3">
      <c r="A2061" s="1">
        <v>42041</v>
      </c>
      <c r="B2061" s="3">
        <f t="shared" si="64"/>
        <v>2</v>
      </c>
      <c r="C2061" s="3">
        <f t="shared" si="65"/>
        <v>2015</v>
      </c>
      <c r="D2061" t="s">
        <v>1041</v>
      </c>
      <c r="E2061" t="s">
        <v>58</v>
      </c>
      <c r="F2061" t="s">
        <v>10</v>
      </c>
      <c r="G2061" t="s">
        <v>23</v>
      </c>
      <c r="H2061" t="s">
        <v>1503</v>
      </c>
      <c r="I2061">
        <v>5.68</v>
      </c>
      <c r="J2061">
        <v>2</v>
      </c>
      <c r="K2061">
        <v>1.76</v>
      </c>
    </row>
    <row r="2062" spans="1:11" x14ac:dyDescent="0.3">
      <c r="A2062" s="1">
        <v>42041</v>
      </c>
      <c r="B2062" s="3">
        <f t="shared" si="64"/>
        <v>2</v>
      </c>
      <c r="C2062" s="3">
        <f t="shared" si="65"/>
        <v>2015</v>
      </c>
      <c r="D2062" t="s">
        <v>1909</v>
      </c>
      <c r="E2062" t="s">
        <v>9</v>
      </c>
      <c r="F2062" t="s">
        <v>10</v>
      </c>
      <c r="G2062" t="s">
        <v>19</v>
      </c>
      <c r="H2062" t="s">
        <v>1685</v>
      </c>
      <c r="I2062">
        <v>2.93</v>
      </c>
      <c r="J2062">
        <v>3</v>
      </c>
      <c r="K2062">
        <v>-4.99</v>
      </c>
    </row>
    <row r="2063" spans="1:11" x14ac:dyDescent="0.3">
      <c r="A2063" s="1">
        <v>42041</v>
      </c>
      <c r="B2063" s="3">
        <f t="shared" si="64"/>
        <v>2</v>
      </c>
      <c r="C2063" s="3">
        <f t="shared" si="65"/>
        <v>2015</v>
      </c>
      <c r="D2063" t="s">
        <v>1909</v>
      </c>
      <c r="E2063" t="s">
        <v>9</v>
      </c>
      <c r="F2063" t="s">
        <v>38</v>
      </c>
      <c r="G2063" t="s">
        <v>51</v>
      </c>
      <c r="H2063" t="s">
        <v>1910</v>
      </c>
      <c r="I2063">
        <v>18.53</v>
      </c>
      <c r="J2063">
        <v>2</v>
      </c>
      <c r="K2063">
        <v>4.4000000000000004</v>
      </c>
    </row>
    <row r="2064" spans="1:11" x14ac:dyDescent="0.3">
      <c r="A2064" s="1">
        <v>42041</v>
      </c>
      <c r="B2064" s="3">
        <f t="shared" si="64"/>
        <v>2</v>
      </c>
      <c r="C2064" s="3">
        <f t="shared" si="65"/>
        <v>2015</v>
      </c>
      <c r="D2064" t="s">
        <v>1909</v>
      </c>
      <c r="E2064" t="s">
        <v>9</v>
      </c>
      <c r="F2064" t="s">
        <v>10</v>
      </c>
      <c r="G2064" t="s">
        <v>17</v>
      </c>
      <c r="H2064" t="s">
        <v>794</v>
      </c>
      <c r="I2064">
        <v>670.75</v>
      </c>
      <c r="J2064">
        <v>3</v>
      </c>
      <c r="K2064">
        <v>-125.77</v>
      </c>
    </row>
    <row r="2065" spans="1:11" x14ac:dyDescent="0.3">
      <c r="A2065" s="1">
        <v>42041</v>
      </c>
      <c r="B2065" s="3">
        <f t="shared" si="64"/>
        <v>2</v>
      </c>
      <c r="C2065" s="3">
        <f t="shared" si="65"/>
        <v>2015</v>
      </c>
      <c r="D2065" t="s">
        <v>1911</v>
      </c>
      <c r="E2065" t="s">
        <v>54</v>
      </c>
      <c r="F2065" t="s">
        <v>10</v>
      </c>
      <c r="G2065" t="s">
        <v>17</v>
      </c>
      <c r="H2065" t="s">
        <v>1869</v>
      </c>
      <c r="I2065">
        <v>146.72999999999999</v>
      </c>
      <c r="J2065">
        <v>3</v>
      </c>
      <c r="K2065">
        <v>2.93</v>
      </c>
    </row>
    <row r="2066" spans="1:11" x14ac:dyDescent="0.3">
      <c r="A2066" s="1">
        <v>42041</v>
      </c>
      <c r="B2066" s="3">
        <f t="shared" si="64"/>
        <v>2</v>
      </c>
      <c r="C2066" s="3">
        <f t="shared" si="65"/>
        <v>2015</v>
      </c>
      <c r="D2066" t="s">
        <v>1911</v>
      </c>
      <c r="E2066" t="s">
        <v>54</v>
      </c>
      <c r="F2066" t="s">
        <v>10</v>
      </c>
      <c r="G2066" t="s">
        <v>11</v>
      </c>
      <c r="H2066" t="s">
        <v>1912</v>
      </c>
      <c r="I2066">
        <v>29.9</v>
      </c>
      <c r="J2066">
        <v>5</v>
      </c>
      <c r="K2066">
        <v>13.46</v>
      </c>
    </row>
    <row r="2067" spans="1:11" x14ac:dyDescent="0.3">
      <c r="A2067" s="1">
        <v>42042</v>
      </c>
      <c r="B2067" s="3">
        <f t="shared" si="64"/>
        <v>2</v>
      </c>
      <c r="C2067" s="3">
        <f t="shared" si="65"/>
        <v>2015</v>
      </c>
      <c r="D2067" t="s">
        <v>388</v>
      </c>
      <c r="E2067" t="s">
        <v>54</v>
      </c>
      <c r="F2067" t="s">
        <v>10</v>
      </c>
      <c r="G2067" t="s">
        <v>62</v>
      </c>
      <c r="H2067" t="s">
        <v>542</v>
      </c>
      <c r="I2067">
        <v>311.14999999999998</v>
      </c>
      <c r="J2067">
        <v>5</v>
      </c>
      <c r="K2067">
        <v>146.24</v>
      </c>
    </row>
    <row r="2068" spans="1:11" x14ac:dyDescent="0.3">
      <c r="A2068" s="1">
        <v>42042</v>
      </c>
      <c r="B2068" s="3">
        <f t="shared" si="64"/>
        <v>2</v>
      </c>
      <c r="C2068" s="3">
        <f t="shared" si="65"/>
        <v>2015</v>
      </c>
      <c r="D2068" t="s">
        <v>388</v>
      </c>
      <c r="E2068" t="s">
        <v>54</v>
      </c>
      <c r="F2068" t="s">
        <v>10</v>
      </c>
      <c r="G2068" t="s">
        <v>11</v>
      </c>
      <c r="H2068" t="s">
        <v>330</v>
      </c>
      <c r="I2068">
        <v>12.96</v>
      </c>
      <c r="J2068">
        <v>2</v>
      </c>
      <c r="K2068">
        <v>6.35</v>
      </c>
    </row>
    <row r="2069" spans="1:11" x14ac:dyDescent="0.3">
      <c r="A2069" s="1">
        <v>42043</v>
      </c>
      <c r="B2069" s="3">
        <f t="shared" si="64"/>
        <v>2</v>
      </c>
      <c r="C2069" s="3">
        <f t="shared" si="65"/>
        <v>2015</v>
      </c>
      <c r="D2069" t="s">
        <v>1240</v>
      </c>
      <c r="E2069" t="s">
        <v>77</v>
      </c>
      <c r="F2069" t="s">
        <v>38</v>
      </c>
      <c r="G2069" t="s">
        <v>39</v>
      </c>
      <c r="H2069" t="s">
        <v>1238</v>
      </c>
      <c r="I2069">
        <v>107.98</v>
      </c>
      <c r="J2069">
        <v>3</v>
      </c>
      <c r="K2069">
        <v>-27</v>
      </c>
    </row>
    <row r="2070" spans="1:11" x14ac:dyDescent="0.3">
      <c r="A2070" s="1">
        <v>42043</v>
      </c>
      <c r="B2070" s="3">
        <f t="shared" si="64"/>
        <v>2</v>
      </c>
      <c r="C2070" s="3">
        <f t="shared" si="65"/>
        <v>2015</v>
      </c>
      <c r="D2070" t="s">
        <v>795</v>
      </c>
      <c r="E2070" t="s">
        <v>1282</v>
      </c>
      <c r="F2070" t="s">
        <v>10</v>
      </c>
      <c r="G2070" t="s">
        <v>11</v>
      </c>
      <c r="H2070" t="s">
        <v>1913</v>
      </c>
      <c r="I2070">
        <v>9.5399999999999991</v>
      </c>
      <c r="J2070">
        <v>2</v>
      </c>
      <c r="K2070">
        <v>4.29</v>
      </c>
    </row>
    <row r="2071" spans="1:11" x14ac:dyDescent="0.3">
      <c r="A2071" s="1">
        <v>42043</v>
      </c>
      <c r="B2071" s="3">
        <f t="shared" si="64"/>
        <v>2</v>
      </c>
      <c r="C2071" s="3">
        <f t="shared" si="65"/>
        <v>2015</v>
      </c>
      <c r="D2071" t="s">
        <v>795</v>
      </c>
      <c r="E2071" t="s">
        <v>1282</v>
      </c>
      <c r="F2071" t="s">
        <v>10</v>
      </c>
      <c r="G2071" t="s">
        <v>42</v>
      </c>
      <c r="H2071" t="s">
        <v>539</v>
      </c>
      <c r="I2071">
        <v>5.81</v>
      </c>
      <c r="J2071">
        <v>1</v>
      </c>
      <c r="K2071">
        <v>1.8</v>
      </c>
    </row>
    <row r="2072" spans="1:11" x14ac:dyDescent="0.3">
      <c r="A2072" s="1">
        <v>42043</v>
      </c>
      <c r="B2072" s="3">
        <f t="shared" si="64"/>
        <v>2</v>
      </c>
      <c r="C2072" s="3">
        <f t="shared" si="65"/>
        <v>2015</v>
      </c>
      <c r="D2072" t="s">
        <v>795</v>
      </c>
      <c r="E2072" t="s">
        <v>1282</v>
      </c>
      <c r="F2072" t="s">
        <v>10</v>
      </c>
      <c r="G2072" t="s">
        <v>23</v>
      </c>
      <c r="H2072" t="s">
        <v>1914</v>
      </c>
      <c r="I2072">
        <v>5.76</v>
      </c>
      <c r="J2072">
        <v>2</v>
      </c>
      <c r="K2072">
        <v>1.73</v>
      </c>
    </row>
    <row r="2073" spans="1:11" x14ac:dyDescent="0.3">
      <c r="A2073" s="1">
        <v>42044</v>
      </c>
      <c r="B2073" s="3">
        <f t="shared" si="64"/>
        <v>2</v>
      </c>
      <c r="C2073" s="3">
        <f t="shared" si="65"/>
        <v>2015</v>
      </c>
      <c r="D2073" t="s">
        <v>891</v>
      </c>
      <c r="E2073" t="s">
        <v>9</v>
      </c>
      <c r="F2073" t="s">
        <v>38</v>
      </c>
      <c r="G2073" t="s">
        <v>51</v>
      </c>
      <c r="H2073" t="s">
        <v>52</v>
      </c>
      <c r="I2073">
        <v>20.8</v>
      </c>
      <c r="J2073">
        <v>2</v>
      </c>
      <c r="K2073">
        <v>6.5</v>
      </c>
    </row>
    <row r="2074" spans="1:11" x14ac:dyDescent="0.3">
      <c r="A2074" s="1">
        <v>42044</v>
      </c>
      <c r="B2074" s="3">
        <f t="shared" si="64"/>
        <v>2</v>
      </c>
      <c r="C2074" s="3">
        <f t="shared" si="65"/>
        <v>2015</v>
      </c>
      <c r="D2074" t="s">
        <v>1326</v>
      </c>
      <c r="E2074" t="s">
        <v>9</v>
      </c>
      <c r="F2074" t="s">
        <v>10</v>
      </c>
      <c r="G2074" t="s">
        <v>15</v>
      </c>
      <c r="H2074" t="s">
        <v>88</v>
      </c>
      <c r="I2074">
        <v>40.1</v>
      </c>
      <c r="J2074">
        <v>4</v>
      </c>
      <c r="K2074">
        <v>13.53</v>
      </c>
    </row>
    <row r="2075" spans="1:11" x14ac:dyDescent="0.3">
      <c r="A2075" s="1">
        <v>42044</v>
      </c>
      <c r="B2075" s="3">
        <f t="shared" si="64"/>
        <v>2</v>
      </c>
      <c r="C2075" s="3">
        <f t="shared" si="65"/>
        <v>2015</v>
      </c>
      <c r="D2075" t="s">
        <v>1326</v>
      </c>
      <c r="E2075" t="s">
        <v>9</v>
      </c>
      <c r="F2075" t="s">
        <v>33</v>
      </c>
      <c r="G2075" t="s">
        <v>46</v>
      </c>
      <c r="H2075" t="s">
        <v>339</v>
      </c>
      <c r="I2075">
        <v>40.78</v>
      </c>
      <c r="J2075">
        <v>2</v>
      </c>
      <c r="K2075">
        <v>-30.59</v>
      </c>
    </row>
    <row r="2076" spans="1:11" x14ac:dyDescent="0.3">
      <c r="A2076" s="1">
        <v>42044</v>
      </c>
      <c r="B2076" s="3">
        <f t="shared" si="64"/>
        <v>2</v>
      </c>
      <c r="C2076" s="3">
        <f t="shared" si="65"/>
        <v>2015</v>
      </c>
      <c r="D2076" t="s">
        <v>1915</v>
      </c>
      <c r="E2076" t="s">
        <v>26</v>
      </c>
      <c r="F2076" t="s">
        <v>33</v>
      </c>
      <c r="G2076" t="s">
        <v>34</v>
      </c>
      <c r="H2076" t="s">
        <v>1424</v>
      </c>
      <c r="I2076">
        <v>203.92</v>
      </c>
      <c r="J2076">
        <v>5</v>
      </c>
      <c r="K2076">
        <v>22.94</v>
      </c>
    </row>
    <row r="2077" spans="1:11" x14ac:dyDescent="0.3">
      <c r="A2077" s="1">
        <v>42044</v>
      </c>
      <c r="B2077" s="3">
        <f t="shared" si="64"/>
        <v>2</v>
      </c>
      <c r="C2077" s="3">
        <f t="shared" si="65"/>
        <v>2015</v>
      </c>
      <c r="D2077" t="s">
        <v>1447</v>
      </c>
      <c r="E2077" t="s">
        <v>14</v>
      </c>
      <c r="F2077" t="s">
        <v>38</v>
      </c>
      <c r="G2077" t="s">
        <v>51</v>
      </c>
      <c r="H2077" t="s">
        <v>501</v>
      </c>
      <c r="I2077">
        <v>479.95</v>
      </c>
      <c r="J2077">
        <v>6</v>
      </c>
      <c r="K2077">
        <v>89.99</v>
      </c>
    </row>
    <row r="2078" spans="1:11" x14ac:dyDescent="0.3">
      <c r="A2078" s="1">
        <v>42045</v>
      </c>
      <c r="B2078" s="3">
        <f t="shared" si="64"/>
        <v>2</v>
      </c>
      <c r="C2078" s="3">
        <f t="shared" si="65"/>
        <v>2015</v>
      </c>
      <c r="D2078" t="s">
        <v>1747</v>
      </c>
      <c r="E2078" t="s">
        <v>22</v>
      </c>
      <c r="F2078" t="s">
        <v>10</v>
      </c>
      <c r="G2078" t="s">
        <v>17</v>
      </c>
      <c r="H2078" t="s">
        <v>1316</v>
      </c>
      <c r="I2078">
        <v>77.239999999999995</v>
      </c>
      <c r="J2078">
        <v>5</v>
      </c>
      <c r="K2078">
        <v>7.72</v>
      </c>
    </row>
    <row r="2079" spans="1:11" x14ac:dyDescent="0.3">
      <c r="A2079" s="1">
        <v>42049</v>
      </c>
      <c r="B2079" s="3">
        <f t="shared" si="64"/>
        <v>2</v>
      </c>
      <c r="C2079" s="3">
        <f t="shared" si="65"/>
        <v>2015</v>
      </c>
      <c r="D2079" t="s">
        <v>1177</v>
      </c>
      <c r="E2079" t="s">
        <v>77</v>
      </c>
      <c r="F2079" t="s">
        <v>10</v>
      </c>
      <c r="G2079" t="s">
        <v>19</v>
      </c>
      <c r="H2079" t="s">
        <v>764</v>
      </c>
      <c r="I2079">
        <v>14.95</v>
      </c>
      <c r="J2079">
        <v>2</v>
      </c>
      <c r="K2079">
        <v>-11.96</v>
      </c>
    </row>
    <row r="2080" spans="1:11" x14ac:dyDescent="0.3">
      <c r="A2080" s="1">
        <v>42049</v>
      </c>
      <c r="B2080" s="3">
        <f t="shared" si="64"/>
        <v>2</v>
      </c>
      <c r="C2080" s="3">
        <f t="shared" si="65"/>
        <v>2015</v>
      </c>
      <c r="D2080" t="s">
        <v>1177</v>
      </c>
      <c r="E2080" t="s">
        <v>77</v>
      </c>
      <c r="F2080" t="s">
        <v>38</v>
      </c>
      <c r="G2080" t="s">
        <v>39</v>
      </c>
      <c r="H2080" t="s">
        <v>1916</v>
      </c>
      <c r="I2080">
        <v>323.98</v>
      </c>
      <c r="J2080">
        <v>3</v>
      </c>
      <c r="K2080">
        <v>-81</v>
      </c>
    </row>
    <row r="2081" spans="1:11" x14ac:dyDescent="0.3">
      <c r="A2081" s="1">
        <v>42049</v>
      </c>
      <c r="B2081" s="3">
        <f t="shared" si="64"/>
        <v>2</v>
      </c>
      <c r="C2081" s="3">
        <f t="shared" si="65"/>
        <v>2015</v>
      </c>
      <c r="D2081" t="s">
        <v>1177</v>
      </c>
      <c r="E2081" t="s">
        <v>77</v>
      </c>
      <c r="F2081" t="s">
        <v>10</v>
      </c>
      <c r="G2081" t="s">
        <v>19</v>
      </c>
      <c r="H2081" t="s">
        <v>969</v>
      </c>
      <c r="I2081">
        <v>2.29</v>
      </c>
      <c r="J2081">
        <v>2</v>
      </c>
      <c r="K2081">
        <v>-1.68</v>
      </c>
    </row>
    <row r="2082" spans="1:11" x14ac:dyDescent="0.3">
      <c r="A2082" s="1">
        <v>42049</v>
      </c>
      <c r="B2082" s="3">
        <f t="shared" si="64"/>
        <v>2</v>
      </c>
      <c r="C2082" s="3">
        <f t="shared" si="65"/>
        <v>2015</v>
      </c>
      <c r="D2082" t="s">
        <v>1177</v>
      </c>
      <c r="E2082" t="s">
        <v>77</v>
      </c>
      <c r="F2082" t="s">
        <v>10</v>
      </c>
      <c r="G2082" t="s">
        <v>23</v>
      </c>
      <c r="H2082" t="s">
        <v>959</v>
      </c>
      <c r="I2082">
        <v>14.35</v>
      </c>
      <c r="J2082">
        <v>3</v>
      </c>
      <c r="K2082">
        <v>0.9</v>
      </c>
    </row>
    <row r="2083" spans="1:11" x14ac:dyDescent="0.3">
      <c r="A2083" s="1">
        <v>42049</v>
      </c>
      <c r="B2083" s="3">
        <f t="shared" si="64"/>
        <v>2</v>
      </c>
      <c r="C2083" s="3">
        <f t="shared" si="65"/>
        <v>2015</v>
      </c>
      <c r="D2083" t="s">
        <v>1177</v>
      </c>
      <c r="E2083" t="s">
        <v>77</v>
      </c>
      <c r="F2083" t="s">
        <v>38</v>
      </c>
      <c r="G2083" t="s">
        <v>51</v>
      </c>
      <c r="H2083" t="s">
        <v>1555</v>
      </c>
      <c r="I2083">
        <v>71.98</v>
      </c>
      <c r="J2083">
        <v>3</v>
      </c>
      <c r="K2083">
        <v>0.9</v>
      </c>
    </row>
    <row r="2084" spans="1:11" x14ac:dyDescent="0.3">
      <c r="A2084" s="1">
        <v>42049</v>
      </c>
      <c r="B2084" s="3">
        <f t="shared" si="64"/>
        <v>2</v>
      </c>
      <c r="C2084" s="3">
        <f t="shared" si="65"/>
        <v>2015</v>
      </c>
      <c r="D2084" t="s">
        <v>676</v>
      </c>
      <c r="E2084" t="s">
        <v>148</v>
      </c>
      <c r="F2084" t="s">
        <v>10</v>
      </c>
      <c r="G2084" t="s">
        <v>19</v>
      </c>
      <c r="H2084" t="s">
        <v>1917</v>
      </c>
      <c r="I2084">
        <v>26.42</v>
      </c>
      <c r="J2084">
        <v>9</v>
      </c>
      <c r="K2084">
        <v>9.58</v>
      </c>
    </row>
    <row r="2085" spans="1:11" x14ac:dyDescent="0.3">
      <c r="A2085" s="1">
        <v>42049</v>
      </c>
      <c r="B2085" s="3">
        <f t="shared" si="64"/>
        <v>2</v>
      </c>
      <c r="C2085" s="3">
        <f t="shared" si="65"/>
        <v>2015</v>
      </c>
      <c r="D2085" t="s">
        <v>676</v>
      </c>
      <c r="E2085" t="s">
        <v>148</v>
      </c>
      <c r="F2085" t="s">
        <v>38</v>
      </c>
      <c r="G2085" t="s">
        <v>39</v>
      </c>
      <c r="H2085" t="s">
        <v>1694</v>
      </c>
      <c r="I2085">
        <v>625.99</v>
      </c>
      <c r="J2085">
        <v>1</v>
      </c>
      <c r="K2085">
        <v>187.8</v>
      </c>
    </row>
    <row r="2086" spans="1:11" x14ac:dyDescent="0.3">
      <c r="A2086" s="1">
        <v>42050</v>
      </c>
      <c r="B2086" s="3">
        <f t="shared" si="64"/>
        <v>2</v>
      </c>
      <c r="C2086" s="3">
        <f t="shared" si="65"/>
        <v>2015</v>
      </c>
      <c r="D2086" t="s">
        <v>467</v>
      </c>
      <c r="E2086" t="s">
        <v>156</v>
      </c>
      <c r="F2086" t="s">
        <v>38</v>
      </c>
      <c r="G2086" t="s">
        <v>39</v>
      </c>
      <c r="H2086" t="s">
        <v>414</v>
      </c>
      <c r="I2086">
        <v>134.97</v>
      </c>
      <c r="J2086">
        <v>3</v>
      </c>
      <c r="K2086">
        <v>64.790000000000006</v>
      </c>
    </row>
    <row r="2087" spans="1:11" x14ac:dyDescent="0.3">
      <c r="A2087" s="1">
        <v>42050</v>
      </c>
      <c r="B2087" s="3">
        <f t="shared" si="64"/>
        <v>2</v>
      </c>
      <c r="C2087" s="3">
        <f t="shared" si="65"/>
        <v>2015</v>
      </c>
      <c r="D2087" t="s">
        <v>467</v>
      </c>
      <c r="E2087" t="s">
        <v>156</v>
      </c>
      <c r="F2087" t="s">
        <v>38</v>
      </c>
      <c r="G2087" t="s">
        <v>39</v>
      </c>
      <c r="H2087" t="s">
        <v>1595</v>
      </c>
      <c r="I2087">
        <v>699.98</v>
      </c>
      <c r="J2087">
        <v>2</v>
      </c>
      <c r="K2087">
        <v>195.99</v>
      </c>
    </row>
    <row r="2088" spans="1:11" x14ac:dyDescent="0.3">
      <c r="A2088" s="1">
        <v>42050</v>
      </c>
      <c r="B2088" s="3">
        <f t="shared" si="64"/>
        <v>2</v>
      </c>
      <c r="C2088" s="3">
        <f t="shared" si="65"/>
        <v>2015</v>
      </c>
      <c r="D2088" t="s">
        <v>467</v>
      </c>
      <c r="E2088" t="s">
        <v>156</v>
      </c>
      <c r="F2088" t="s">
        <v>38</v>
      </c>
      <c r="G2088" t="s">
        <v>51</v>
      </c>
      <c r="H2088" t="s">
        <v>1525</v>
      </c>
      <c r="I2088">
        <v>139.94999999999999</v>
      </c>
      <c r="J2088">
        <v>5</v>
      </c>
      <c r="K2088">
        <v>26.59</v>
      </c>
    </row>
    <row r="2089" spans="1:11" x14ac:dyDescent="0.3">
      <c r="A2089" s="1">
        <v>42050</v>
      </c>
      <c r="B2089" s="3">
        <f t="shared" si="64"/>
        <v>2</v>
      </c>
      <c r="C2089" s="3">
        <f t="shared" si="65"/>
        <v>2015</v>
      </c>
      <c r="D2089" t="s">
        <v>598</v>
      </c>
      <c r="E2089" t="s">
        <v>26</v>
      </c>
      <c r="F2089" t="s">
        <v>10</v>
      </c>
      <c r="G2089" t="s">
        <v>11</v>
      </c>
      <c r="H2089" t="s">
        <v>1883</v>
      </c>
      <c r="I2089">
        <v>13.36</v>
      </c>
      <c r="J2089">
        <v>2</v>
      </c>
      <c r="K2089">
        <v>6.41</v>
      </c>
    </row>
    <row r="2090" spans="1:11" x14ac:dyDescent="0.3">
      <c r="A2090" s="1">
        <v>42050</v>
      </c>
      <c r="B2090" s="3">
        <f t="shared" si="64"/>
        <v>2</v>
      </c>
      <c r="C2090" s="3">
        <f t="shared" si="65"/>
        <v>2015</v>
      </c>
      <c r="D2090" t="s">
        <v>598</v>
      </c>
      <c r="E2090" t="s">
        <v>26</v>
      </c>
      <c r="F2090" t="s">
        <v>10</v>
      </c>
      <c r="G2090" t="s">
        <v>19</v>
      </c>
      <c r="H2090" t="s">
        <v>578</v>
      </c>
      <c r="I2090">
        <v>41.72</v>
      </c>
      <c r="J2090">
        <v>5</v>
      </c>
      <c r="K2090">
        <v>13.04</v>
      </c>
    </row>
    <row r="2091" spans="1:11" x14ac:dyDescent="0.3">
      <c r="A2091" s="1">
        <v>42050</v>
      </c>
      <c r="B2091" s="3">
        <f t="shared" si="64"/>
        <v>2</v>
      </c>
      <c r="C2091" s="3">
        <f t="shared" si="65"/>
        <v>2015</v>
      </c>
      <c r="D2091" t="s">
        <v>598</v>
      </c>
      <c r="E2091" t="s">
        <v>26</v>
      </c>
      <c r="F2091" t="s">
        <v>10</v>
      </c>
      <c r="G2091" t="s">
        <v>19</v>
      </c>
      <c r="H2091" t="s">
        <v>898</v>
      </c>
      <c r="I2091">
        <v>11.52</v>
      </c>
      <c r="J2091">
        <v>5</v>
      </c>
      <c r="K2091">
        <v>4.18</v>
      </c>
    </row>
    <row r="2092" spans="1:11" x14ac:dyDescent="0.3">
      <c r="A2092" s="1">
        <v>42050</v>
      </c>
      <c r="B2092" s="3">
        <f t="shared" si="64"/>
        <v>2</v>
      </c>
      <c r="C2092" s="3">
        <f t="shared" si="65"/>
        <v>2015</v>
      </c>
      <c r="D2092" t="s">
        <v>598</v>
      </c>
      <c r="E2092" t="s">
        <v>26</v>
      </c>
      <c r="F2092" t="s">
        <v>10</v>
      </c>
      <c r="G2092" t="s">
        <v>91</v>
      </c>
      <c r="H2092" t="s">
        <v>570</v>
      </c>
      <c r="I2092">
        <v>541.44000000000005</v>
      </c>
      <c r="J2092">
        <v>6</v>
      </c>
      <c r="K2092">
        <v>157.02000000000001</v>
      </c>
    </row>
    <row r="2093" spans="1:11" x14ac:dyDescent="0.3">
      <c r="A2093" s="1">
        <v>42050</v>
      </c>
      <c r="B2093" s="3">
        <f t="shared" si="64"/>
        <v>2</v>
      </c>
      <c r="C2093" s="3">
        <f t="shared" si="65"/>
        <v>2015</v>
      </c>
      <c r="D2093" t="s">
        <v>598</v>
      </c>
      <c r="E2093" t="s">
        <v>26</v>
      </c>
      <c r="F2093" t="s">
        <v>10</v>
      </c>
      <c r="G2093" t="s">
        <v>11</v>
      </c>
      <c r="H2093" t="s">
        <v>1918</v>
      </c>
      <c r="I2093">
        <v>19.440000000000001</v>
      </c>
      <c r="J2093">
        <v>3</v>
      </c>
      <c r="K2093">
        <v>9.33</v>
      </c>
    </row>
    <row r="2094" spans="1:11" x14ac:dyDescent="0.3">
      <c r="A2094" s="1">
        <v>42051</v>
      </c>
      <c r="B2094" s="3">
        <f t="shared" si="64"/>
        <v>2</v>
      </c>
      <c r="C2094" s="3">
        <f t="shared" si="65"/>
        <v>2015</v>
      </c>
      <c r="D2094" t="s">
        <v>1790</v>
      </c>
      <c r="E2094" t="s">
        <v>684</v>
      </c>
      <c r="F2094" t="s">
        <v>10</v>
      </c>
      <c r="G2094" t="s">
        <v>11</v>
      </c>
      <c r="H2094" t="s">
        <v>1912</v>
      </c>
      <c r="I2094">
        <v>35.880000000000003</v>
      </c>
      <c r="J2094">
        <v>6</v>
      </c>
      <c r="K2094">
        <v>16.149999999999999</v>
      </c>
    </row>
    <row r="2095" spans="1:11" x14ac:dyDescent="0.3">
      <c r="A2095" s="1">
        <v>42051</v>
      </c>
      <c r="B2095" s="3">
        <f t="shared" si="64"/>
        <v>2</v>
      </c>
      <c r="C2095" s="3">
        <f t="shared" si="65"/>
        <v>2015</v>
      </c>
      <c r="D2095" t="s">
        <v>436</v>
      </c>
      <c r="E2095" t="s">
        <v>26</v>
      </c>
      <c r="F2095" t="s">
        <v>10</v>
      </c>
      <c r="G2095" t="s">
        <v>11</v>
      </c>
      <c r="H2095" t="s">
        <v>935</v>
      </c>
      <c r="I2095">
        <v>36.840000000000003</v>
      </c>
      <c r="J2095">
        <v>3</v>
      </c>
      <c r="K2095">
        <v>17.309999999999999</v>
      </c>
    </row>
    <row r="2096" spans="1:11" x14ac:dyDescent="0.3">
      <c r="A2096" s="1">
        <v>42051</v>
      </c>
      <c r="B2096" s="3">
        <f t="shared" si="64"/>
        <v>2</v>
      </c>
      <c r="C2096" s="3">
        <f t="shared" si="65"/>
        <v>2015</v>
      </c>
      <c r="D2096" t="s">
        <v>436</v>
      </c>
      <c r="E2096" t="s">
        <v>26</v>
      </c>
      <c r="F2096" t="s">
        <v>10</v>
      </c>
      <c r="G2096" t="s">
        <v>15</v>
      </c>
      <c r="H2096" t="s">
        <v>1024</v>
      </c>
      <c r="I2096">
        <v>87.71</v>
      </c>
      <c r="J2096">
        <v>7</v>
      </c>
      <c r="K2096">
        <v>41.22</v>
      </c>
    </row>
    <row r="2097" spans="1:11" x14ac:dyDescent="0.3">
      <c r="A2097" s="1">
        <v>42053</v>
      </c>
      <c r="B2097" s="3">
        <f t="shared" si="64"/>
        <v>2</v>
      </c>
      <c r="C2097" s="3">
        <f t="shared" si="65"/>
        <v>2015</v>
      </c>
      <c r="D2097" t="s">
        <v>1647</v>
      </c>
      <c r="E2097" t="s">
        <v>26</v>
      </c>
      <c r="F2097" t="s">
        <v>10</v>
      </c>
      <c r="G2097" t="s">
        <v>15</v>
      </c>
      <c r="H2097" t="s">
        <v>1429</v>
      </c>
      <c r="I2097">
        <v>9.24</v>
      </c>
      <c r="J2097">
        <v>3</v>
      </c>
      <c r="K2097">
        <v>4.4400000000000004</v>
      </c>
    </row>
    <row r="2098" spans="1:11" x14ac:dyDescent="0.3">
      <c r="A2098" s="1">
        <v>42053</v>
      </c>
      <c r="B2098" s="3">
        <f t="shared" si="64"/>
        <v>2</v>
      </c>
      <c r="C2098" s="3">
        <f t="shared" si="65"/>
        <v>2015</v>
      </c>
      <c r="D2098" t="s">
        <v>1919</v>
      </c>
      <c r="E2098" t="s">
        <v>26</v>
      </c>
      <c r="F2098" t="s">
        <v>10</v>
      </c>
      <c r="G2098" t="s">
        <v>15</v>
      </c>
      <c r="H2098" t="s">
        <v>1499</v>
      </c>
      <c r="I2098">
        <v>61.06</v>
      </c>
      <c r="J2098">
        <v>2</v>
      </c>
      <c r="K2098">
        <v>28.09</v>
      </c>
    </row>
    <row r="2099" spans="1:11" x14ac:dyDescent="0.3">
      <c r="A2099" s="1">
        <v>42053</v>
      </c>
      <c r="B2099" s="3">
        <f t="shared" si="64"/>
        <v>2</v>
      </c>
      <c r="C2099" s="3">
        <f t="shared" si="65"/>
        <v>2015</v>
      </c>
      <c r="D2099" t="s">
        <v>1919</v>
      </c>
      <c r="E2099" t="s">
        <v>26</v>
      </c>
      <c r="F2099" t="s">
        <v>33</v>
      </c>
      <c r="G2099" t="s">
        <v>144</v>
      </c>
      <c r="H2099" t="s">
        <v>1829</v>
      </c>
      <c r="I2099">
        <v>35.54</v>
      </c>
      <c r="J2099">
        <v>1</v>
      </c>
      <c r="K2099">
        <v>-0.89</v>
      </c>
    </row>
    <row r="2100" spans="1:11" x14ac:dyDescent="0.3">
      <c r="A2100" s="1">
        <v>42055</v>
      </c>
      <c r="B2100" s="3">
        <f t="shared" si="64"/>
        <v>2</v>
      </c>
      <c r="C2100" s="3">
        <f t="shared" si="65"/>
        <v>2015</v>
      </c>
      <c r="D2100" t="s">
        <v>877</v>
      </c>
      <c r="E2100" t="s">
        <v>100</v>
      </c>
      <c r="F2100" t="s">
        <v>38</v>
      </c>
      <c r="G2100" t="s">
        <v>51</v>
      </c>
      <c r="H2100" t="s">
        <v>1920</v>
      </c>
      <c r="I2100">
        <v>29.99</v>
      </c>
      <c r="J2100">
        <v>1</v>
      </c>
      <c r="K2100">
        <v>3</v>
      </c>
    </row>
    <row r="2101" spans="1:11" x14ac:dyDescent="0.3">
      <c r="A2101" s="1">
        <v>42055</v>
      </c>
      <c r="B2101" s="3">
        <f t="shared" si="64"/>
        <v>2</v>
      </c>
      <c r="C2101" s="3">
        <f t="shared" si="65"/>
        <v>2015</v>
      </c>
      <c r="D2101" t="s">
        <v>282</v>
      </c>
      <c r="E2101" t="s">
        <v>176</v>
      </c>
      <c r="F2101" t="s">
        <v>10</v>
      </c>
      <c r="G2101" t="s">
        <v>23</v>
      </c>
      <c r="H2101" t="s">
        <v>1107</v>
      </c>
      <c r="I2101">
        <v>286.79000000000002</v>
      </c>
      <c r="J2101">
        <v>7</v>
      </c>
      <c r="K2101">
        <v>74.569999999999993</v>
      </c>
    </row>
    <row r="2102" spans="1:11" x14ac:dyDescent="0.3">
      <c r="A2102" s="1">
        <v>42056</v>
      </c>
      <c r="B2102" s="3">
        <f t="shared" si="64"/>
        <v>2</v>
      </c>
      <c r="C2102" s="3">
        <f t="shared" si="65"/>
        <v>2015</v>
      </c>
      <c r="D2102" t="s">
        <v>1172</v>
      </c>
      <c r="E2102" t="s">
        <v>398</v>
      </c>
      <c r="F2102" t="s">
        <v>10</v>
      </c>
      <c r="G2102" t="s">
        <v>11</v>
      </c>
      <c r="H2102" t="s">
        <v>624</v>
      </c>
      <c r="I2102">
        <v>49.12</v>
      </c>
      <c r="J2102">
        <v>4</v>
      </c>
      <c r="K2102">
        <v>23.09</v>
      </c>
    </row>
    <row r="2103" spans="1:11" x14ac:dyDescent="0.3">
      <c r="A2103" s="1">
        <v>42056</v>
      </c>
      <c r="B2103" s="3">
        <f t="shared" si="64"/>
        <v>2</v>
      </c>
      <c r="C2103" s="3">
        <f t="shared" si="65"/>
        <v>2015</v>
      </c>
      <c r="D2103" t="s">
        <v>1642</v>
      </c>
      <c r="E2103" t="s">
        <v>530</v>
      </c>
      <c r="F2103" t="s">
        <v>10</v>
      </c>
      <c r="G2103" t="s">
        <v>19</v>
      </c>
      <c r="H2103" t="s">
        <v>1605</v>
      </c>
      <c r="I2103">
        <v>2541.98</v>
      </c>
      <c r="J2103">
        <v>2</v>
      </c>
      <c r="K2103">
        <v>1270.99</v>
      </c>
    </row>
    <row r="2104" spans="1:11" x14ac:dyDescent="0.3">
      <c r="A2104" s="1">
        <v>42057</v>
      </c>
      <c r="B2104" s="3">
        <f t="shared" si="64"/>
        <v>2</v>
      </c>
      <c r="C2104" s="3">
        <f t="shared" si="65"/>
        <v>2015</v>
      </c>
      <c r="D2104" t="s">
        <v>1810</v>
      </c>
      <c r="E2104" t="s">
        <v>109</v>
      </c>
      <c r="F2104" t="s">
        <v>10</v>
      </c>
      <c r="G2104" t="s">
        <v>23</v>
      </c>
      <c r="H2104" t="s">
        <v>1350</v>
      </c>
      <c r="I2104">
        <v>79.36</v>
      </c>
      <c r="J2104">
        <v>4</v>
      </c>
      <c r="K2104">
        <v>20.63</v>
      </c>
    </row>
    <row r="2105" spans="1:11" x14ac:dyDescent="0.3">
      <c r="A2105" s="1">
        <v>42058</v>
      </c>
      <c r="B2105" s="3">
        <f t="shared" si="64"/>
        <v>2</v>
      </c>
      <c r="C2105" s="3">
        <f t="shared" si="65"/>
        <v>2015</v>
      </c>
      <c r="D2105" t="s">
        <v>1921</v>
      </c>
      <c r="E2105" t="s">
        <v>148</v>
      </c>
      <c r="F2105" t="s">
        <v>10</v>
      </c>
      <c r="G2105" t="s">
        <v>91</v>
      </c>
      <c r="H2105" t="s">
        <v>1922</v>
      </c>
      <c r="I2105">
        <v>26.88</v>
      </c>
      <c r="J2105">
        <v>6</v>
      </c>
      <c r="K2105">
        <v>6.72</v>
      </c>
    </row>
    <row r="2106" spans="1:11" x14ac:dyDescent="0.3">
      <c r="A2106" s="1">
        <v>42058</v>
      </c>
      <c r="B2106" s="3">
        <f t="shared" si="64"/>
        <v>2</v>
      </c>
      <c r="C2106" s="3">
        <f t="shared" si="65"/>
        <v>2015</v>
      </c>
      <c r="D2106" t="s">
        <v>1921</v>
      </c>
      <c r="E2106" t="s">
        <v>148</v>
      </c>
      <c r="F2106" t="s">
        <v>10</v>
      </c>
      <c r="G2106" t="s">
        <v>19</v>
      </c>
      <c r="H2106" t="s">
        <v>1376</v>
      </c>
      <c r="I2106">
        <v>10.9</v>
      </c>
      <c r="J2106">
        <v>2</v>
      </c>
      <c r="K2106">
        <v>3.81</v>
      </c>
    </row>
    <row r="2107" spans="1:11" x14ac:dyDescent="0.3">
      <c r="A2107" s="1">
        <v>42060</v>
      </c>
      <c r="B2107" s="3">
        <f t="shared" si="64"/>
        <v>2</v>
      </c>
      <c r="C2107" s="3">
        <f t="shared" si="65"/>
        <v>2015</v>
      </c>
      <c r="D2107" t="s">
        <v>1784</v>
      </c>
      <c r="E2107" t="s">
        <v>433</v>
      </c>
      <c r="F2107" t="s">
        <v>10</v>
      </c>
      <c r="G2107" t="s">
        <v>15</v>
      </c>
      <c r="H2107" t="s">
        <v>446</v>
      </c>
      <c r="I2107">
        <v>3.15</v>
      </c>
      <c r="J2107">
        <v>1</v>
      </c>
      <c r="K2107">
        <v>1.51</v>
      </c>
    </row>
    <row r="2108" spans="1:11" x14ac:dyDescent="0.3">
      <c r="A2108" s="1">
        <v>42060</v>
      </c>
      <c r="B2108" s="3">
        <f t="shared" si="64"/>
        <v>2</v>
      </c>
      <c r="C2108" s="3">
        <f t="shared" si="65"/>
        <v>2015</v>
      </c>
      <c r="D2108" t="s">
        <v>1784</v>
      </c>
      <c r="E2108" t="s">
        <v>433</v>
      </c>
      <c r="F2108" t="s">
        <v>10</v>
      </c>
      <c r="G2108" t="s">
        <v>11</v>
      </c>
      <c r="H2108" t="s">
        <v>1923</v>
      </c>
      <c r="I2108">
        <v>22.72</v>
      </c>
      <c r="J2108">
        <v>4</v>
      </c>
      <c r="K2108">
        <v>10.220000000000001</v>
      </c>
    </row>
    <row r="2109" spans="1:11" x14ac:dyDescent="0.3">
      <c r="A2109" s="1">
        <v>42062</v>
      </c>
      <c r="B2109" s="3">
        <f t="shared" si="64"/>
        <v>2</v>
      </c>
      <c r="C2109" s="3">
        <f t="shared" si="65"/>
        <v>2015</v>
      </c>
      <c r="D2109" t="s">
        <v>1516</v>
      </c>
      <c r="E2109" t="s">
        <v>22</v>
      </c>
      <c r="F2109" t="s">
        <v>10</v>
      </c>
      <c r="G2109" t="s">
        <v>19</v>
      </c>
      <c r="H2109" t="s">
        <v>149</v>
      </c>
      <c r="I2109">
        <v>4.42</v>
      </c>
      <c r="J2109">
        <v>3</v>
      </c>
      <c r="K2109">
        <v>-3.39</v>
      </c>
    </row>
    <row r="2110" spans="1:11" x14ac:dyDescent="0.3">
      <c r="A2110" s="1">
        <v>42062</v>
      </c>
      <c r="B2110" s="3">
        <f t="shared" si="64"/>
        <v>2</v>
      </c>
      <c r="C2110" s="3">
        <f t="shared" si="65"/>
        <v>2015</v>
      </c>
      <c r="D2110" t="s">
        <v>1516</v>
      </c>
      <c r="E2110" t="s">
        <v>22</v>
      </c>
      <c r="F2110" t="s">
        <v>10</v>
      </c>
      <c r="G2110" t="s">
        <v>23</v>
      </c>
      <c r="H2110" t="s">
        <v>1843</v>
      </c>
      <c r="I2110">
        <v>16.03</v>
      </c>
      <c r="J2110">
        <v>6</v>
      </c>
      <c r="K2110">
        <v>2.2000000000000002</v>
      </c>
    </row>
    <row r="2111" spans="1:11" x14ac:dyDescent="0.3">
      <c r="A2111" s="1">
        <v>42062</v>
      </c>
      <c r="B2111" s="3">
        <f t="shared" si="64"/>
        <v>2</v>
      </c>
      <c r="C2111" s="3">
        <f t="shared" si="65"/>
        <v>2015</v>
      </c>
      <c r="D2111" t="s">
        <v>1416</v>
      </c>
      <c r="E2111" t="s">
        <v>1528</v>
      </c>
      <c r="F2111" t="s">
        <v>38</v>
      </c>
      <c r="G2111" t="s">
        <v>39</v>
      </c>
      <c r="H2111" t="s">
        <v>1924</v>
      </c>
      <c r="I2111">
        <v>105.98</v>
      </c>
      <c r="J2111">
        <v>2</v>
      </c>
      <c r="K2111">
        <v>1.06</v>
      </c>
    </row>
    <row r="2112" spans="1:11" x14ac:dyDescent="0.3">
      <c r="A2112" s="1">
        <v>42062</v>
      </c>
      <c r="B2112" s="3">
        <f t="shared" si="64"/>
        <v>2</v>
      </c>
      <c r="C2112" s="3">
        <f t="shared" si="65"/>
        <v>2015</v>
      </c>
      <c r="D2112" t="s">
        <v>1416</v>
      </c>
      <c r="E2112" t="s">
        <v>1528</v>
      </c>
      <c r="F2112" t="s">
        <v>33</v>
      </c>
      <c r="G2112" t="s">
        <v>144</v>
      </c>
      <c r="H2112" t="s">
        <v>967</v>
      </c>
      <c r="I2112">
        <v>493.92</v>
      </c>
      <c r="J2112">
        <v>7</v>
      </c>
      <c r="K2112">
        <v>-28.22</v>
      </c>
    </row>
    <row r="2113" spans="1:11" x14ac:dyDescent="0.3">
      <c r="A2113" s="1">
        <v>42062</v>
      </c>
      <c r="B2113" s="3">
        <f t="shared" si="64"/>
        <v>2</v>
      </c>
      <c r="C2113" s="3">
        <f t="shared" si="65"/>
        <v>2015</v>
      </c>
      <c r="D2113" t="s">
        <v>1925</v>
      </c>
      <c r="E2113" t="s">
        <v>163</v>
      </c>
      <c r="F2113" t="s">
        <v>38</v>
      </c>
      <c r="G2113" t="s">
        <v>51</v>
      </c>
      <c r="H2113" t="s">
        <v>1006</v>
      </c>
      <c r="I2113">
        <v>538.91999999999996</v>
      </c>
      <c r="J2113">
        <v>9</v>
      </c>
      <c r="K2113">
        <v>80.84</v>
      </c>
    </row>
    <row r="2114" spans="1:11" x14ac:dyDescent="0.3">
      <c r="A2114" s="1">
        <v>42063</v>
      </c>
      <c r="B2114" s="3">
        <f t="shared" ref="B2114:B2177" si="66">MONTH(A:A)</f>
        <v>2</v>
      </c>
      <c r="C2114" s="3">
        <f t="shared" ref="C2114:C2177" si="67">YEAR(A:A)</f>
        <v>2015</v>
      </c>
      <c r="D2114" t="s">
        <v>1054</v>
      </c>
      <c r="E2114" t="s">
        <v>119</v>
      </c>
      <c r="F2114" t="s">
        <v>33</v>
      </c>
      <c r="G2114" t="s">
        <v>34</v>
      </c>
      <c r="H2114" t="s">
        <v>1818</v>
      </c>
      <c r="I2114">
        <v>161.57</v>
      </c>
      <c r="J2114">
        <v>2</v>
      </c>
      <c r="K2114">
        <v>-28.27</v>
      </c>
    </row>
    <row r="2115" spans="1:11" x14ac:dyDescent="0.3">
      <c r="A2115" s="1">
        <v>42063</v>
      </c>
      <c r="B2115" s="3">
        <f t="shared" si="66"/>
        <v>2</v>
      </c>
      <c r="C2115" s="3">
        <f t="shared" si="67"/>
        <v>2015</v>
      </c>
      <c r="D2115" t="s">
        <v>1054</v>
      </c>
      <c r="E2115" t="s">
        <v>119</v>
      </c>
      <c r="F2115" t="s">
        <v>33</v>
      </c>
      <c r="G2115" t="s">
        <v>34</v>
      </c>
      <c r="H2115" t="s">
        <v>264</v>
      </c>
      <c r="I2115">
        <v>389.7</v>
      </c>
      <c r="J2115">
        <v>8</v>
      </c>
      <c r="K2115">
        <v>43.84</v>
      </c>
    </row>
    <row r="2116" spans="1:11" x14ac:dyDescent="0.3">
      <c r="A2116" s="1">
        <v>42064</v>
      </c>
      <c r="B2116" s="3">
        <f t="shared" si="66"/>
        <v>3</v>
      </c>
      <c r="C2116" s="3">
        <f t="shared" si="67"/>
        <v>2015</v>
      </c>
      <c r="D2116" t="s">
        <v>194</v>
      </c>
      <c r="E2116" t="s">
        <v>29</v>
      </c>
      <c r="F2116" t="s">
        <v>10</v>
      </c>
      <c r="G2116" t="s">
        <v>19</v>
      </c>
      <c r="H2116" t="s">
        <v>1926</v>
      </c>
      <c r="I2116">
        <v>58.72</v>
      </c>
      <c r="J2116">
        <v>4</v>
      </c>
      <c r="K2116">
        <v>27.01</v>
      </c>
    </row>
    <row r="2117" spans="1:11" x14ac:dyDescent="0.3">
      <c r="A2117" s="1">
        <v>42064</v>
      </c>
      <c r="B2117" s="3">
        <f t="shared" si="66"/>
        <v>3</v>
      </c>
      <c r="C2117" s="3">
        <f t="shared" si="67"/>
        <v>2015</v>
      </c>
      <c r="D2117" t="s">
        <v>1668</v>
      </c>
      <c r="E2117" t="s">
        <v>26</v>
      </c>
      <c r="F2117" t="s">
        <v>38</v>
      </c>
      <c r="G2117" t="s">
        <v>39</v>
      </c>
      <c r="H2117" t="s">
        <v>596</v>
      </c>
      <c r="I2117">
        <v>15.98</v>
      </c>
      <c r="J2117">
        <v>2</v>
      </c>
      <c r="K2117">
        <v>1.2</v>
      </c>
    </row>
    <row r="2118" spans="1:11" x14ac:dyDescent="0.3">
      <c r="A2118" s="1">
        <v>42064</v>
      </c>
      <c r="B2118" s="3">
        <f t="shared" si="66"/>
        <v>3</v>
      </c>
      <c r="C2118" s="3">
        <f t="shared" si="67"/>
        <v>2015</v>
      </c>
      <c r="D2118" t="s">
        <v>1668</v>
      </c>
      <c r="E2118" t="s">
        <v>26</v>
      </c>
      <c r="F2118" t="s">
        <v>33</v>
      </c>
      <c r="G2118" t="s">
        <v>34</v>
      </c>
      <c r="H2118" t="s">
        <v>698</v>
      </c>
      <c r="I2118">
        <v>184.75</v>
      </c>
      <c r="J2118">
        <v>3</v>
      </c>
      <c r="K2118">
        <v>-20.78</v>
      </c>
    </row>
    <row r="2119" spans="1:11" x14ac:dyDescent="0.3">
      <c r="A2119" s="1">
        <v>42064</v>
      </c>
      <c r="B2119" s="3">
        <f t="shared" si="66"/>
        <v>3</v>
      </c>
      <c r="C2119" s="3">
        <f t="shared" si="67"/>
        <v>2015</v>
      </c>
      <c r="D2119" t="s">
        <v>711</v>
      </c>
      <c r="E2119" t="s">
        <v>22</v>
      </c>
      <c r="F2119" t="s">
        <v>10</v>
      </c>
      <c r="G2119" t="s">
        <v>91</v>
      </c>
      <c r="H2119" t="s">
        <v>1927</v>
      </c>
      <c r="I2119">
        <v>3.55</v>
      </c>
      <c r="J2119">
        <v>2</v>
      </c>
      <c r="K2119">
        <v>0.44</v>
      </c>
    </row>
    <row r="2120" spans="1:11" x14ac:dyDescent="0.3">
      <c r="A2120" s="1">
        <v>42064</v>
      </c>
      <c r="B2120" s="3">
        <f t="shared" si="66"/>
        <v>3</v>
      </c>
      <c r="C2120" s="3">
        <f t="shared" si="67"/>
        <v>2015</v>
      </c>
      <c r="D2120" t="s">
        <v>269</v>
      </c>
      <c r="E2120" t="s">
        <v>9</v>
      </c>
      <c r="F2120" t="s">
        <v>10</v>
      </c>
      <c r="G2120" t="s">
        <v>23</v>
      </c>
      <c r="H2120" t="s">
        <v>1928</v>
      </c>
      <c r="I2120">
        <v>55.33</v>
      </c>
      <c r="J2120">
        <v>2</v>
      </c>
      <c r="K2120">
        <v>6.22</v>
      </c>
    </row>
    <row r="2121" spans="1:11" x14ac:dyDescent="0.3">
      <c r="A2121" s="1">
        <v>42064</v>
      </c>
      <c r="B2121" s="3">
        <f t="shared" si="66"/>
        <v>3</v>
      </c>
      <c r="C2121" s="3">
        <f t="shared" si="67"/>
        <v>2015</v>
      </c>
      <c r="D2121" t="s">
        <v>269</v>
      </c>
      <c r="E2121" t="s">
        <v>9</v>
      </c>
      <c r="F2121" t="s">
        <v>33</v>
      </c>
      <c r="G2121" t="s">
        <v>73</v>
      </c>
      <c r="H2121" t="s">
        <v>1929</v>
      </c>
      <c r="I2121">
        <v>1228</v>
      </c>
      <c r="J2121">
        <v>6</v>
      </c>
      <c r="K2121">
        <v>-36.119999999999997</v>
      </c>
    </row>
    <row r="2122" spans="1:11" x14ac:dyDescent="0.3">
      <c r="A2122" s="1">
        <v>42064</v>
      </c>
      <c r="B2122" s="3">
        <f t="shared" si="66"/>
        <v>3</v>
      </c>
      <c r="C2122" s="3">
        <f t="shared" si="67"/>
        <v>2015</v>
      </c>
      <c r="D2122" t="s">
        <v>1930</v>
      </c>
      <c r="E2122" t="s">
        <v>9</v>
      </c>
      <c r="F2122" t="s">
        <v>38</v>
      </c>
      <c r="G2122" t="s">
        <v>39</v>
      </c>
      <c r="H2122" t="s">
        <v>1931</v>
      </c>
      <c r="I2122">
        <v>95.84</v>
      </c>
      <c r="J2122">
        <v>4</v>
      </c>
      <c r="K2122">
        <v>34.74</v>
      </c>
    </row>
    <row r="2123" spans="1:11" x14ac:dyDescent="0.3">
      <c r="A2123" s="1">
        <v>42065</v>
      </c>
      <c r="B2123" s="3">
        <f t="shared" si="66"/>
        <v>3</v>
      </c>
      <c r="C2123" s="3">
        <f t="shared" si="67"/>
        <v>2015</v>
      </c>
      <c r="D2123" t="s">
        <v>1932</v>
      </c>
      <c r="E2123" t="s">
        <v>163</v>
      </c>
      <c r="F2123" t="s">
        <v>33</v>
      </c>
      <c r="G2123" t="s">
        <v>144</v>
      </c>
      <c r="H2123" t="s">
        <v>1552</v>
      </c>
      <c r="I2123">
        <v>787.53</v>
      </c>
      <c r="J2123">
        <v>3</v>
      </c>
      <c r="K2123">
        <v>165.38</v>
      </c>
    </row>
    <row r="2124" spans="1:11" x14ac:dyDescent="0.3">
      <c r="A2124" s="1">
        <v>42065</v>
      </c>
      <c r="B2124" s="3">
        <f t="shared" si="66"/>
        <v>3</v>
      </c>
      <c r="C2124" s="3">
        <f t="shared" si="67"/>
        <v>2015</v>
      </c>
      <c r="D2124" t="s">
        <v>673</v>
      </c>
      <c r="E2124" t="s">
        <v>128</v>
      </c>
      <c r="F2124" t="s">
        <v>10</v>
      </c>
      <c r="G2124" t="s">
        <v>23</v>
      </c>
      <c r="H2124" t="s">
        <v>1602</v>
      </c>
      <c r="I2124">
        <v>10.16</v>
      </c>
      <c r="J2124">
        <v>1</v>
      </c>
      <c r="K2124">
        <v>2.64</v>
      </c>
    </row>
    <row r="2125" spans="1:11" x14ac:dyDescent="0.3">
      <c r="A2125" s="1">
        <v>42065</v>
      </c>
      <c r="B2125" s="3">
        <f t="shared" si="66"/>
        <v>3</v>
      </c>
      <c r="C2125" s="3">
        <f t="shared" si="67"/>
        <v>2015</v>
      </c>
      <c r="D2125" t="s">
        <v>673</v>
      </c>
      <c r="E2125" t="s">
        <v>128</v>
      </c>
      <c r="F2125" t="s">
        <v>10</v>
      </c>
      <c r="G2125" t="s">
        <v>62</v>
      </c>
      <c r="H2125" t="s">
        <v>64</v>
      </c>
      <c r="I2125">
        <v>101.88</v>
      </c>
      <c r="J2125">
        <v>6</v>
      </c>
      <c r="K2125">
        <v>50.94</v>
      </c>
    </row>
    <row r="2126" spans="1:11" x14ac:dyDescent="0.3">
      <c r="A2126" s="1">
        <v>42068</v>
      </c>
      <c r="B2126" s="3">
        <f t="shared" si="66"/>
        <v>3</v>
      </c>
      <c r="C2126" s="3">
        <f t="shared" si="67"/>
        <v>2015</v>
      </c>
      <c r="D2126" t="s">
        <v>1026</v>
      </c>
      <c r="E2126" t="s">
        <v>148</v>
      </c>
      <c r="F2126" t="s">
        <v>10</v>
      </c>
      <c r="G2126" t="s">
        <v>62</v>
      </c>
      <c r="H2126" t="s">
        <v>63</v>
      </c>
      <c r="I2126">
        <v>29.34</v>
      </c>
      <c r="J2126">
        <v>3</v>
      </c>
      <c r="K2126">
        <v>14.67</v>
      </c>
    </row>
    <row r="2127" spans="1:11" x14ac:dyDescent="0.3">
      <c r="A2127" s="1">
        <v>42068</v>
      </c>
      <c r="B2127" s="3">
        <f t="shared" si="66"/>
        <v>3</v>
      </c>
      <c r="C2127" s="3">
        <f t="shared" si="67"/>
        <v>2015</v>
      </c>
      <c r="D2127" t="s">
        <v>1026</v>
      </c>
      <c r="E2127" t="s">
        <v>148</v>
      </c>
      <c r="F2127" t="s">
        <v>33</v>
      </c>
      <c r="G2127" t="s">
        <v>34</v>
      </c>
      <c r="H2127" t="s">
        <v>186</v>
      </c>
      <c r="I2127">
        <v>383.61</v>
      </c>
      <c r="J2127">
        <v>7</v>
      </c>
      <c r="K2127">
        <v>63.93</v>
      </c>
    </row>
    <row r="2128" spans="1:11" x14ac:dyDescent="0.3">
      <c r="A2128" s="1">
        <v>42068</v>
      </c>
      <c r="B2128" s="3">
        <f t="shared" si="66"/>
        <v>3</v>
      </c>
      <c r="C2128" s="3">
        <f t="shared" si="67"/>
        <v>2015</v>
      </c>
      <c r="D2128" t="s">
        <v>1026</v>
      </c>
      <c r="E2128" t="s">
        <v>148</v>
      </c>
      <c r="F2128" t="s">
        <v>10</v>
      </c>
      <c r="G2128" t="s">
        <v>17</v>
      </c>
      <c r="H2128" t="s">
        <v>1853</v>
      </c>
      <c r="I2128">
        <v>563.4</v>
      </c>
      <c r="J2128">
        <v>4</v>
      </c>
      <c r="K2128">
        <v>67.61</v>
      </c>
    </row>
    <row r="2129" spans="1:11" x14ac:dyDescent="0.3">
      <c r="A2129" s="1">
        <v>42068</v>
      </c>
      <c r="B2129" s="3">
        <f t="shared" si="66"/>
        <v>3</v>
      </c>
      <c r="C2129" s="3">
        <f t="shared" si="67"/>
        <v>2015</v>
      </c>
      <c r="D2129" t="s">
        <v>1827</v>
      </c>
      <c r="E2129" t="s">
        <v>128</v>
      </c>
      <c r="F2129" t="s">
        <v>38</v>
      </c>
      <c r="G2129" t="s">
        <v>39</v>
      </c>
      <c r="H2129" t="s">
        <v>734</v>
      </c>
      <c r="I2129">
        <v>23.92</v>
      </c>
      <c r="J2129">
        <v>2</v>
      </c>
      <c r="K2129">
        <v>6.7</v>
      </c>
    </row>
    <row r="2130" spans="1:11" x14ac:dyDescent="0.3">
      <c r="A2130" s="1">
        <v>42068</v>
      </c>
      <c r="B2130" s="3">
        <f t="shared" si="66"/>
        <v>3</v>
      </c>
      <c r="C2130" s="3">
        <f t="shared" si="67"/>
        <v>2015</v>
      </c>
      <c r="D2130" t="s">
        <v>1827</v>
      </c>
      <c r="E2130" t="s">
        <v>128</v>
      </c>
      <c r="F2130" t="s">
        <v>10</v>
      </c>
      <c r="G2130" t="s">
        <v>91</v>
      </c>
      <c r="H2130" t="s">
        <v>657</v>
      </c>
      <c r="I2130">
        <v>60.69</v>
      </c>
      <c r="J2130">
        <v>7</v>
      </c>
      <c r="K2130">
        <v>16.39</v>
      </c>
    </row>
    <row r="2131" spans="1:11" x14ac:dyDescent="0.3">
      <c r="A2131" s="1">
        <v>42068</v>
      </c>
      <c r="B2131" s="3">
        <f t="shared" si="66"/>
        <v>3</v>
      </c>
      <c r="C2131" s="3">
        <f t="shared" si="67"/>
        <v>2015</v>
      </c>
      <c r="D2131" t="s">
        <v>1735</v>
      </c>
      <c r="E2131" t="s">
        <v>22</v>
      </c>
      <c r="F2131" t="s">
        <v>38</v>
      </c>
      <c r="G2131" t="s">
        <v>39</v>
      </c>
      <c r="H2131" t="s">
        <v>1933</v>
      </c>
      <c r="I2131">
        <v>466.16</v>
      </c>
      <c r="J2131">
        <v>7</v>
      </c>
      <c r="K2131">
        <v>-93.23</v>
      </c>
    </row>
    <row r="2132" spans="1:11" x14ac:dyDescent="0.3">
      <c r="A2132" s="1">
        <v>42068</v>
      </c>
      <c r="B2132" s="3">
        <f t="shared" si="66"/>
        <v>3</v>
      </c>
      <c r="C2132" s="3">
        <f t="shared" si="67"/>
        <v>2015</v>
      </c>
      <c r="D2132" t="s">
        <v>1735</v>
      </c>
      <c r="E2132" t="s">
        <v>22</v>
      </c>
      <c r="F2132" t="s">
        <v>38</v>
      </c>
      <c r="G2132" t="s">
        <v>51</v>
      </c>
      <c r="H2132" t="s">
        <v>1460</v>
      </c>
      <c r="I2132">
        <v>10.31</v>
      </c>
      <c r="J2132">
        <v>1</v>
      </c>
      <c r="K2132">
        <v>-1.29</v>
      </c>
    </row>
    <row r="2133" spans="1:11" x14ac:dyDescent="0.3">
      <c r="A2133" s="1">
        <v>42068</v>
      </c>
      <c r="B2133" s="3">
        <f t="shared" si="66"/>
        <v>3</v>
      </c>
      <c r="C2133" s="3">
        <f t="shared" si="67"/>
        <v>2015</v>
      </c>
      <c r="D2133" t="s">
        <v>1735</v>
      </c>
      <c r="E2133" t="s">
        <v>22</v>
      </c>
      <c r="F2133" t="s">
        <v>10</v>
      </c>
      <c r="G2133" t="s">
        <v>19</v>
      </c>
      <c r="H2133" t="s">
        <v>422</v>
      </c>
      <c r="I2133">
        <v>2.56</v>
      </c>
      <c r="J2133">
        <v>3</v>
      </c>
      <c r="K2133">
        <v>-1.79</v>
      </c>
    </row>
    <row r="2134" spans="1:11" x14ac:dyDescent="0.3">
      <c r="A2134" s="1">
        <v>42068</v>
      </c>
      <c r="B2134" s="3">
        <f t="shared" si="66"/>
        <v>3</v>
      </c>
      <c r="C2134" s="3">
        <f t="shared" si="67"/>
        <v>2015</v>
      </c>
      <c r="D2134" t="s">
        <v>1934</v>
      </c>
      <c r="E2134" t="s">
        <v>22</v>
      </c>
      <c r="F2134" t="s">
        <v>33</v>
      </c>
      <c r="G2134" t="s">
        <v>34</v>
      </c>
      <c r="H2134" t="s">
        <v>792</v>
      </c>
      <c r="I2134">
        <v>99.37</v>
      </c>
      <c r="J2134">
        <v>2</v>
      </c>
      <c r="K2134">
        <v>-7.1</v>
      </c>
    </row>
    <row r="2135" spans="1:11" x14ac:dyDescent="0.3">
      <c r="A2135" s="1">
        <v>42068</v>
      </c>
      <c r="B2135" s="3">
        <f t="shared" si="66"/>
        <v>3</v>
      </c>
      <c r="C2135" s="3">
        <f t="shared" si="67"/>
        <v>2015</v>
      </c>
      <c r="D2135" t="s">
        <v>1934</v>
      </c>
      <c r="E2135" t="s">
        <v>22</v>
      </c>
      <c r="F2135" t="s">
        <v>33</v>
      </c>
      <c r="G2135" t="s">
        <v>46</v>
      </c>
      <c r="H2135" t="s">
        <v>1935</v>
      </c>
      <c r="I2135">
        <v>33.57</v>
      </c>
      <c r="J2135">
        <v>2</v>
      </c>
      <c r="K2135">
        <v>-5.45</v>
      </c>
    </row>
    <row r="2136" spans="1:11" x14ac:dyDescent="0.3">
      <c r="A2136" s="1">
        <v>42068</v>
      </c>
      <c r="B2136" s="3">
        <f t="shared" si="66"/>
        <v>3</v>
      </c>
      <c r="C2136" s="3">
        <f t="shared" si="67"/>
        <v>2015</v>
      </c>
      <c r="D2136" t="s">
        <v>150</v>
      </c>
      <c r="E2136" t="s">
        <v>9</v>
      </c>
      <c r="F2136" t="s">
        <v>38</v>
      </c>
      <c r="G2136" t="s">
        <v>39</v>
      </c>
      <c r="H2136" t="s">
        <v>1155</v>
      </c>
      <c r="I2136">
        <v>31.92</v>
      </c>
      <c r="J2136">
        <v>2</v>
      </c>
      <c r="K2136">
        <v>2.39</v>
      </c>
    </row>
    <row r="2137" spans="1:11" x14ac:dyDescent="0.3">
      <c r="A2137" s="1">
        <v>42068</v>
      </c>
      <c r="B2137" s="3">
        <f t="shared" si="66"/>
        <v>3</v>
      </c>
      <c r="C2137" s="3">
        <f t="shared" si="67"/>
        <v>2015</v>
      </c>
      <c r="D2137" t="s">
        <v>1936</v>
      </c>
      <c r="E2137" t="s">
        <v>14</v>
      </c>
      <c r="F2137" t="s">
        <v>10</v>
      </c>
      <c r="G2137" t="s">
        <v>42</v>
      </c>
      <c r="H2137" t="s">
        <v>495</v>
      </c>
      <c r="I2137">
        <v>7.1</v>
      </c>
      <c r="J2137">
        <v>6</v>
      </c>
      <c r="K2137">
        <v>2.4900000000000002</v>
      </c>
    </row>
    <row r="2138" spans="1:11" x14ac:dyDescent="0.3">
      <c r="A2138" s="1">
        <v>42068</v>
      </c>
      <c r="B2138" s="3">
        <f t="shared" si="66"/>
        <v>3</v>
      </c>
      <c r="C2138" s="3">
        <f t="shared" si="67"/>
        <v>2015</v>
      </c>
      <c r="D2138" t="s">
        <v>1257</v>
      </c>
      <c r="E2138" t="s">
        <v>14</v>
      </c>
      <c r="F2138" t="s">
        <v>10</v>
      </c>
      <c r="G2138" t="s">
        <v>19</v>
      </c>
      <c r="H2138" t="s">
        <v>1111</v>
      </c>
      <c r="I2138">
        <v>11.21</v>
      </c>
      <c r="J2138">
        <v>2</v>
      </c>
      <c r="K2138">
        <v>-16.82</v>
      </c>
    </row>
    <row r="2139" spans="1:11" x14ac:dyDescent="0.3">
      <c r="A2139" s="1">
        <v>42068</v>
      </c>
      <c r="B2139" s="3">
        <f t="shared" si="66"/>
        <v>3</v>
      </c>
      <c r="C2139" s="3">
        <f t="shared" si="67"/>
        <v>2015</v>
      </c>
      <c r="D2139" t="s">
        <v>1257</v>
      </c>
      <c r="E2139" t="s">
        <v>14</v>
      </c>
      <c r="F2139" t="s">
        <v>33</v>
      </c>
      <c r="G2139" t="s">
        <v>46</v>
      </c>
      <c r="H2139" t="s">
        <v>280</v>
      </c>
      <c r="I2139">
        <v>4.71</v>
      </c>
      <c r="J2139">
        <v>2</v>
      </c>
      <c r="K2139">
        <v>-1.88</v>
      </c>
    </row>
    <row r="2140" spans="1:11" x14ac:dyDescent="0.3">
      <c r="A2140" s="1">
        <v>42068</v>
      </c>
      <c r="B2140" s="3">
        <f t="shared" si="66"/>
        <v>3</v>
      </c>
      <c r="C2140" s="3">
        <f t="shared" si="67"/>
        <v>2015</v>
      </c>
      <c r="D2140" t="s">
        <v>1257</v>
      </c>
      <c r="E2140" t="s">
        <v>14</v>
      </c>
      <c r="F2140" t="s">
        <v>10</v>
      </c>
      <c r="G2140" t="s">
        <v>91</v>
      </c>
      <c r="H2140" t="s">
        <v>1834</v>
      </c>
      <c r="I2140">
        <v>180.98</v>
      </c>
      <c r="J2140">
        <v>5</v>
      </c>
      <c r="K2140">
        <v>-470.55</v>
      </c>
    </row>
    <row r="2141" spans="1:11" x14ac:dyDescent="0.3">
      <c r="A2141" s="1">
        <v>42068</v>
      </c>
      <c r="B2141" s="3">
        <f t="shared" si="66"/>
        <v>3</v>
      </c>
      <c r="C2141" s="3">
        <f t="shared" si="67"/>
        <v>2015</v>
      </c>
      <c r="D2141" t="s">
        <v>1257</v>
      </c>
      <c r="E2141" t="s">
        <v>14</v>
      </c>
      <c r="F2141" t="s">
        <v>10</v>
      </c>
      <c r="G2141" t="s">
        <v>17</v>
      </c>
      <c r="H2141" t="s">
        <v>1760</v>
      </c>
      <c r="I2141">
        <v>60.42</v>
      </c>
      <c r="J2141">
        <v>2</v>
      </c>
      <c r="K2141">
        <v>6.04</v>
      </c>
    </row>
    <row r="2142" spans="1:11" x14ac:dyDescent="0.3">
      <c r="A2142" s="1">
        <v>42069</v>
      </c>
      <c r="B2142" s="3">
        <f t="shared" si="66"/>
        <v>3</v>
      </c>
      <c r="C2142" s="3">
        <f t="shared" si="67"/>
        <v>2015</v>
      </c>
      <c r="D2142" t="s">
        <v>1003</v>
      </c>
      <c r="E2142" t="s">
        <v>26</v>
      </c>
      <c r="F2142" t="s">
        <v>33</v>
      </c>
      <c r="G2142" t="s">
        <v>46</v>
      </c>
      <c r="H2142" t="s">
        <v>677</v>
      </c>
      <c r="I2142">
        <v>435.26</v>
      </c>
      <c r="J2142">
        <v>7</v>
      </c>
      <c r="K2142">
        <v>95.76</v>
      </c>
    </row>
    <row r="2143" spans="1:11" x14ac:dyDescent="0.3">
      <c r="A2143" s="1">
        <v>42069</v>
      </c>
      <c r="B2143" s="3">
        <f t="shared" si="66"/>
        <v>3</v>
      </c>
      <c r="C2143" s="3">
        <f t="shared" si="67"/>
        <v>2015</v>
      </c>
      <c r="D2143" t="s">
        <v>1003</v>
      </c>
      <c r="E2143" t="s">
        <v>26</v>
      </c>
      <c r="F2143" t="s">
        <v>38</v>
      </c>
      <c r="G2143" t="s">
        <v>602</v>
      </c>
      <c r="H2143" t="s">
        <v>1937</v>
      </c>
      <c r="I2143">
        <v>1119.98</v>
      </c>
      <c r="J2143">
        <v>2</v>
      </c>
      <c r="K2143">
        <v>377.99</v>
      </c>
    </row>
    <row r="2144" spans="1:11" x14ac:dyDescent="0.3">
      <c r="A2144" s="1">
        <v>42070</v>
      </c>
      <c r="B2144" s="3">
        <f t="shared" si="66"/>
        <v>3</v>
      </c>
      <c r="C2144" s="3">
        <f t="shared" si="67"/>
        <v>2015</v>
      </c>
      <c r="D2144" t="s">
        <v>970</v>
      </c>
      <c r="E2144" t="s">
        <v>58</v>
      </c>
      <c r="F2144" t="s">
        <v>38</v>
      </c>
      <c r="G2144" t="s">
        <v>51</v>
      </c>
      <c r="H2144" t="s">
        <v>1938</v>
      </c>
      <c r="I2144">
        <v>119.85</v>
      </c>
      <c r="J2144">
        <v>3</v>
      </c>
      <c r="K2144">
        <v>52.73</v>
      </c>
    </row>
    <row r="2145" spans="1:11" x14ac:dyDescent="0.3">
      <c r="A2145" s="1">
        <v>42070</v>
      </c>
      <c r="B2145" s="3">
        <f t="shared" si="66"/>
        <v>3</v>
      </c>
      <c r="C2145" s="3">
        <f t="shared" si="67"/>
        <v>2015</v>
      </c>
      <c r="D2145" t="s">
        <v>970</v>
      </c>
      <c r="E2145" t="s">
        <v>58</v>
      </c>
      <c r="F2145" t="s">
        <v>10</v>
      </c>
      <c r="G2145" t="s">
        <v>19</v>
      </c>
      <c r="H2145" t="s">
        <v>329</v>
      </c>
      <c r="I2145">
        <v>30.44</v>
      </c>
      <c r="J2145">
        <v>2</v>
      </c>
      <c r="K2145">
        <v>14.92</v>
      </c>
    </row>
    <row r="2146" spans="1:11" x14ac:dyDescent="0.3">
      <c r="A2146" s="1">
        <v>42070</v>
      </c>
      <c r="B2146" s="3">
        <f t="shared" si="66"/>
        <v>3</v>
      </c>
      <c r="C2146" s="3">
        <f t="shared" si="67"/>
        <v>2015</v>
      </c>
      <c r="D2146" t="s">
        <v>970</v>
      </c>
      <c r="E2146" t="s">
        <v>58</v>
      </c>
      <c r="F2146" t="s">
        <v>10</v>
      </c>
      <c r="G2146" t="s">
        <v>19</v>
      </c>
      <c r="H2146" t="s">
        <v>762</v>
      </c>
      <c r="I2146">
        <v>69.28</v>
      </c>
      <c r="J2146">
        <v>2</v>
      </c>
      <c r="K2146">
        <v>33.25</v>
      </c>
    </row>
    <row r="2147" spans="1:11" x14ac:dyDescent="0.3">
      <c r="A2147" s="1">
        <v>42070</v>
      </c>
      <c r="B2147" s="3">
        <f t="shared" si="66"/>
        <v>3</v>
      </c>
      <c r="C2147" s="3">
        <f t="shared" si="67"/>
        <v>2015</v>
      </c>
      <c r="D2147" t="s">
        <v>970</v>
      </c>
      <c r="E2147" t="s">
        <v>58</v>
      </c>
      <c r="F2147" t="s">
        <v>38</v>
      </c>
      <c r="G2147" t="s">
        <v>39</v>
      </c>
      <c r="H2147" t="s">
        <v>1939</v>
      </c>
      <c r="I2147">
        <v>587.97</v>
      </c>
      <c r="J2147">
        <v>3</v>
      </c>
      <c r="K2147">
        <v>170.51</v>
      </c>
    </row>
    <row r="2148" spans="1:11" x14ac:dyDescent="0.3">
      <c r="A2148" s="1">
        <v>42071</v>
      </c>
      <c r="B2148" s="3">
        <f t="shared" si="66"/>
        <v>3</v>
      </c>
      <c r="C2148" s="3">
        <f t="shared" si="67"/>
        <v>2015</v>
      </c>
      <c r="D2148" t="s">
        <v>1940</v>
      </c>
      <c r="E2148" t="s">
        <v>156</v>
      </c>
      <c r="F2148" t="s">
        <v>33</v>
      </c>
      <c r="G2148" t="s">
        <v>73</v>
      </c>
      <c r="H2148" t="s">
        <v>1038</v>
      </c>
      <c r="I2148">
        <v>512.94000000000005</v>
      </c>
      <c r="J2148">
        <v>3</v>
      </c>
      <c r="K2148">
        <v>97.46</v>
      </c>
    </row>
    <row r="2149" spans="1:11" x14ac:dyDescent="0.3">
      <c r="A2149" s="1">
        <v>42071</v>
      </c>
      <c r="B2149" s="3">
        <f t="shared" si="66"/>
        <v>3</v>
      </c>
      <c r="C2149" s="3">
        <f t="shared" si="67"/>
        <v>2015</v>
      </c>
      <c r="D2149" t="s">
        <v>1940</v>
      </c>
      <c r="E2149" t="s">
        <v>156</v>
      </c>
      <c r="F2149" t="s">
        <v>33</v>
      </c>
      <c r="G2149" t="s">
        <v>34</v>
      </c>
      <c r="H2149" t="s">
        <v>1941</v>
      </c>
      <c r="I2149">
        <v>860.93</v>
      </c>
      <c r="J2149">
        <v>7</v>
      </c>
      <c r="K2149">
        <v>189.4</v>
      </c>
    </row>
    <row r="2150" spans="1:11" x14ac:dyDescent="0.3">
      <c r="A2150" s="1">
        <v>42071</v>
      </c>
      <c r="B2150" s="3">
        <f t="shared" si="66"/>
        <v>3</v>
      </c>
      <c r="C2150" s="3">
        <f t="shared" si="67"/>
        <v>2015</v>
      </c>
      <c r="D2150" t="s">
        <v>1940</v>
      </c>
      <c r="E2150" t="s">
        <v>156</v>
      </c>
      <c r="F2150" t="s">
        <v>38</v>
      </c>
      <c r="G2150" t="s">
        <v>39</v>
      </c>
      <c r="H2150" t="s">
        <v>1346</v>
      </c>
      <c r="I2150">
        <v>769.95</v>
      </c>
      <c r="J2150">
        <v>5</v>
      </c>
      <c r="K2150">
        <v>223.29</v>
      </c>
    </row>
    <row r="2151" spans="1:11" x14ac:dyDescent="0.3">
      <c r="A2151" s="1">
        <v>42071</v>
      </c>
      <c r="B2151" s="3">
        <f t="shared" si="66"/>
        <v>3</v>
      </c>
      <c r="C2151" s="3">
        <f t="shared" si="67"/>
        <v>2015</v>
      </c>
      <c r="D2151" t="s">
        <v>1940</v>
      </c>
      <c r="E2151" t="s">
        <v>156</v>
      </c>
      <c r="F2151" t="s">
        <v>10</v>
      </c>
      <c r="G2151" t="s">
        <v>23</v>
      </c>
      <c r="H2151" t="s">
        <v>1942</v>
      </c>
      <c r="I2151">
        <v>14.98</v>
      </c>
      <c r="J2151">
        <v>1</v>
      </c>
      <c r="K2151">
        <v>4.49</v>
      </c>
    </row>
    <row r="2152" spans="1:11" x14ac:dyDescent="0.3">
      <c r="A2152" s="1">
        <v>42071</v>
      </c>
      <c r="B2152" s="3">
        <f t="shared" si="66"/>
        <v>3</v>
      </c>
      <c r="C2152" s="3">
        <f t="shared" si="67"/>
        <v>2015</v>
      </c>
      <c r="D2152" t="s">
        <v>1940</v>
      </c>
      <c r="E2152" t="s">
        <v>156</v>
      </c>
      <c r="F2152" t="s">
        <v>33</v>
      </c>
      <c r="G2152" t="s">
        <v>46</v>
      </c>
      <c r="H2152" t="s">
        <v>677</v>
      </c>
      <c r="I2152">
        <v>373.08</v>
      </c>
      <c r="J2152">
        <v>6</v>
      </c>
      <c r="K2152">
        <v>82.08</v>
      </c>
    </row>
    <row r="2153" spans="1:11" x14ac:dyDescent="0.3">
      <c r="A2153" s="1">
        <v>42071</v>
      </c>
      <c r="B2153" s="3">
        <f t="shared" si="66"/>
        <v>3</v>
      </c>
      <c r="C2153" s="3">
        <f t="shared" si="67"/>
        <v>2015</v>
      </c>
      <c r="D2153" t="s">
        <v>890</v>
      </c>
      <c r="E2153" t="s">
        <v>148</v>
      </c>
      <c r="F2153" t="s">
        <v>10</v>
      </c>
      <c r="G2153" t="s">
        <v>11</v>
      </c>
      <c r="H2153" t="s">
        <v>1943</v>
      </c>
      <c r="I2153">
        <v>19.440000000000001</v>
      </c>
      <c r="J2153">
        <v>3</v>
      </c>
      <c r="K2153">
        <v>9.33</v>
      </c>
    </row>
    <row r="2154" spans="1:11" x14ac:dyDescent="0.3">
      <c r="A2154" s="1">
        <v>42071</v>
      </c>
      <c r="B2154" s="3">
        <f t="shared" si="66"/>
        <v>3</v>
      </c>
      <c r="C2154" s="3">
        <f t="shared" si="67"/>
        <v>2015</v>
      </c>
      <c r="D2154" t="s">
        <v>1445</v>
      </c>
      <c r="E2154" t="s">
        <v>277</v>
      </c>
      <c r="F2154" t="s">
        <v>10</v>
      </c>
      <c r="G2154" t="s">
        <v>23</v>
      </c>
      <c r="H2154" t="s">
        <v>30</v>
      </c>
      <c r="I2154">
        <v>3.41</v>
      </c>
      <c r="J2154">
        <v>1</v>
      </c>
      <c r="K2154">
        <v>0.89</v>
      </c>
    </row>
    <row r="2155" spans="1:11" x14ac:dyDescent="0.3">
      <c r="A2155" s="1">
        <v>42071</v>
      </c>
      <c r="B2155" s="3">
        <f t="shared" si="66"/>
        <v>3</v>
      </c>
      <c r="C2155" s="3">
        <f t="shared" si="67"/>
        <v>2015</v>
      </c>
      <c r="D2155" t="s">
        <v>808</v>
      </c>
      <c r="E2155" t="s">
        <v>14</v>
      </c>
      <c r="F2155" t="s">
        <v>10</v>
      </c>
      <c r="G2155" t="s">
        <v>19</v>
      </c>
      <c r="H2155" t="s">
        <v>818</v>
      </c>
      <c r="I2155">
        <v>8.57</v>
      </c>
      <c r="J2155">
        <v>3</v>
      </c>
      <c r="K2155">
        <v>-14.57</v>
      </c>
    </row>
    <row r="2156" spans="1:11" x14ac:dyDescent="0.3">
      <c r="A2156" s="1">
        <v>42072</v>
      </c>
      <c r="B2156" s="3">
        <f t="shared" si="66"/>
        <v>3</v>
      </c>
      <c r="C2156" s="3">
        <f t="shared" si="67"/>
        <v>2015</v>
      </c>
      <c r="D2156" t="s">
        <v>872</v>
      </c>
      <c r="E2156" t="s">
        <v>9</v>
      </c>
      <c r="F2156" t="s">
        <v>38</v>
      </c>
      <c r="G2156" t="s">
        <v>51</v>
      </c>
      <c r="H2156" t="s">
        <v>1062</v>
      </c>
      <c r="I2156">
        <v>113.52</v>
      </c>
      <c r="J2156">
        <v>5</v>
      </c>
      <c r="K2156">
        <v>29.8</v>
      </c>
    </row>
    <row r="2157" spans="1:11" x14ac:dyDescent="0.3">
      <c r="A2157" s="1">
        <v>42072</v>
      </c>
      <c r="B2157" s="3">
        <f t="shared" si="66"/>
        <v>3</v>
      </c>
      <c r="C2157" s="3">
        <f t="shared" si="67"/>
        <v>2015</v>
      </c>
      <c r="D2157" t="s">
        <v>872</v>
      </c>
      <c r="E2157" t="s">
        <v>9</v>
      </c>
      <c r="F2157" t="s">
        <v>38</v>
      </c>
      <c r="G2157" t="s">
        <v>39</v>
      </c>
      <c r="H2157" t="s">
        <v>1749</v>
      </c>
      <c r="I2157">
        <v>359.88</v>
      </c>
      <c r="J2157">
        <v>3</v>
      </c>
      <c r="K2157">
        <v>22.49</v>
      </c>
    </row>
    <row r="2158" spans="1:11" x14ac:dyDescent="0.3">
      <c r="A2158" s="1">
        <v>42072</v>
      </c>
      <c r="B2158" s="3">
        <f t="shared" si="66"/>
        <v>3</v>
      </c>
      <c r="C2158" s="3">
        <f t="shared" si="67"/>
        <v>2015</v>
      </c>
      <c r="D2158" t="s">
        <v>1944</v>
      </c>
      <c r="E2158" t="s">
        <v>244</v>
      </c>
      <c r="F2158" t="s">
        <v>10</v>
      </c>
      <c r="G2158" t="s">
        <v>15</v>
      </c>
      <c r="H2158" t="s">
        <v>931</v>
      </c>
      <c r="I2158">
        <v>4.6100000000000003</v>
      </c>
      <c r="J2158">
        <v>2</v>
      </c>
      <c r="K2158">
        <v>1.67</v>
      </c>
    </row>
    <row r="2159" spans="1:11" x14ac:dyDescent="0.3">
      <c r="A2159" s="1">
        <v>42073</v>
      </c>
      <c r="B2159" s="3">
        <f t="shared" si="66"/>
        <v>3</v>
      </c>
      <c r="C2159" s="3">
        <f t="shared" si="67"/>
        <v>2015</v>
      </c>
      <c r="D2159" t="s">
        <v>93</v>
      </c>
      <c r="E2159" t="s">
        <v>9</v>
      </c>
      <c r="F2159" t="s">
        <v>10</v>
      </c>
      <c r="G2159" t="s">
        <v>19</v>
      </c>
      <c r="H2159" t="s">
        <v>1290</v>
      </c>
      <c r="I2159">
        <v>1.1100000000000001</v>
      </c>
      <c r="J2159">
        <v>2</v>
      </c>
      <c r="K2159">
        <v>-1.89</v>
      </c>
    </row>
    <row r="2160" spans="1:11" x14ac:dyDescent="0.3">
      <c r="A2160" s="1">
        <v>42073</v>
      </c>
      <c r="B2160" s="3">
        <f t="shared" si="66"/>
        <v>3</v>
      </c>
      <c r="C2160" s="3">
        <f t="shared" si="67"/>
        <v>2015</v>
      </c>
      <c r="D2160" t="s">
        <v>451</v>
      </c>
      <c r="E2160" t="s">
        <v>530</v>
      </c>
      <c r="F2160" t="s">
        <v>10</v>
      </c>
      <c r="G2160" t="s">
        <v>17</v>
      </c>
      <c r="H2160" t="s">
        <v>1244</v>
      </c>
      <c r="I2160">
        <v>89.82</v>
      </c>
      <c r="J2160">
        <v>6</v>
      </c>
      <c r="K2160">
        <v>25.15</v>
      </c>
    </row>
    <row r="2161" spans="1:11" x14ac:dyDescent="0.3">
      <c r="A2161" s="1">
        <v>42075</v>
      </c>
      <c r="B2161" s="3">
        <f t="shared" si="66"/>
        <v>3</v>
      </c>
      <c r="C2161" s="3">
        <f t="shared" si="67"/>
        <v>2015</v>
      </c>
      <c r="D2161" t="s">
        <v>1945</v>
      </c>
      <c r="E2161" t="s">
        <v>122</v>
      </c>
      <c r="F2161" t="s">
        <v>10</v>
      </c>
      <c r="G2161" t="s">
        <v>62</v>
      </c>
      <c r="H2161" t="s">
        <v>1426</v>
      </c>
      <c r="I2161">
        <v>8.69</v>
      </c>
      <c r="J2161">
        <v>3</v>
      </c>
      <c r="K2161">
        <v>2.93</v>
      </c>
    </row>
    <row r="2162" spans="1:11" x14ac:dyDescent="0.3">
      <c r="A2162" s="1">
        <v>42075</v>
      </c>
      <c r="B2162" s="3">
        <f t="shared" si="66"/>
        <v>3</v>
      </c>
      <c r="C2162" s="3">
        <f t="shared" si="67"/>
        <v>2015</v>
      </c>
      <c r="D2162" t="s">
        <v>1945</v>
      </c>
      <c r="E2162" t="s">
        <v>122</v>
      </c>
      <c r="F2162" t="s">
        <v>33</v>
      </c>
      <c r="G2162" t="s">
        <v>46</v>
      </c>
      <c r="H2162" t="s">
        <v>103</v>
      </c>
      <c r="I2162">
        <v>30.88</v>
      </c>
      <c r="J2162">
        <v>4</v>
      </c>
      <c r="K2162">
        <v>3.86</v>
      </c>
    </row>
    <row r="2163" spans="1:11" x14ac:dyDescent="0.3">
      <c r="A2163" s="1">
        <v>42075</v>
      </c>
      <c r="B2163" s="3">
        <f t="shared" si="66"/>
        <v>3</v>
      </c>
      <c r="C2163" s="3">
        <f t="shared" si="67"/>
        <v>2015</v>
      </c>
      <c r="D2163" t="s">
        <v>1945</v>
      </c>
      <c r="E2163" t="s">
        <v>122</v>
      </c>
      <c r="F2163" t="s">
        <v>33</v>
      </c>
      <c r="G2163" t="s">
        <v>46</v>
      </c>
      <c r="H2163" t="s">
        <v>871</v>
      </c>
      <c r="I2163">
        <v>6.41</v>
      </c>
      <c r="J2163">
        <v>3</v>
      </c>
      <c r="K2163">
        <v>1.44</v>
      </c>
    </row>
    <row r="2164" spans="1:11" x14ac:dyDescent="0.3">
      <c r="A2164" s="1">
        <v>42075</v>
      </c>
      <c r="B2164" s="3">
        <f t="shared" si="66"/>
        <v>3</v>
      </c>
      <c r="C2164" s="3">
        <f t="shared" si="67"/>
        <v>2015</v>
      </c>
      <c r="D2164" t="s">
        <v>1407</v>
      </c>
      <c r="E2164" t="s">
        <v>244</v>
      </c>
      <c r="F2164" t="s">
        <v>10</v>
      </c>
      <c r="G2164" t="s">
        <v>15</v>
      </c>
      <c r="H2164" t="s">
        <v>446</v>
      </c>
      <c r="I2164">
        <v>5.04</v>
      </c>
      <c r="J2164">
        <v>2</v>
      </c>
      <c r="K2164">
        <v>1.76</v>
      </c>
    </row>
    <row r="2165" spans="1:11" x14ac:dyDescent="0.3">
      <c r="A2165" s="1">
        <v>42076</v>
      </c>
      <c r="B2165" s="3">
        <f t="shared" si="66"/>
        <v>3</v>
      </c>
      <c r="C2165" s="3">
        <f t="shared" si="67"/>
        <v>2015</v>
      </c>
      <c r="D2165" t="s">
        <v>1250</v>
      </c>
      <c r="E2165" t="s">
        <v>163</v>
      </c>
      <c r="F2165" t="s">
        <v>33</v>
      </c>
      <c r="G2165" t="s">
        <v>73</v>
      </c>
      <c r="H2165" t="s">
        <v>141</v>
      </c>
      <c r="I2165">
        <v>141.96</v>
      </c>
      <c r="J2165">
        <v>2</v>
      </c>
      <c r="K2165">
        <v>39.75</v>
      </c>
    </row>
    <row r="2166" spans="1:11" x14ac:dyDescent="0.3">
      <c r="A2166" s="1">
        <v>42076</v>
      </c>
      <c r="B2166" s="3">
        <f t="shared" si="66"/>
        <v>3</v>
      </c>
      <c r="C2166" s="3">
        <f t="shared" si="67"/>
        <v>2015</v>
      </c>
      <c r="D2166" t="s">
        <v>544</v>
      </c>
      <c r="E2166" t="s">
        <v>26</v>
      </c>
      <c r="F2166" t="s">
        <v>33</v>
      </c>
      <c r="G2166" t="s">
        <v>34</v>
      </c>
      <c r="H2166" t="s">
        <v>35</v>
      </c>
      <c r="I2166">
        <v>915.14</v>
      </c>
      <c r="J2166">
        <v>4</v>
      </c>
      <c r="K2166">
        <v>102.95</v>
      </c>
    </row>
    <row r="2167" spans="1:11" x14ac:dyDescent="0.3">
      <c r="A2167" s="1">
        <v>42076</v>
      </c>
      <c r="B2167" s="3">
        <f t="shared" si="66"/>
        <v>3</v>
      </c>
      <c r="C2167" s="3">
        <f t="shared" si="67"/>
        <v>2015</v>
      </c>
      <c r="D2167" t="s">
        <v>544</v>
      </c>
      <c r="E2167" t="s">
        <v>26</v>
      </c>
      <c r="F2167" t="s">
        <v>33</v>
      </c>
      <c r="G2167" t="s">
        <v>46</v>
      </c>
      <c r="H2167" t="s">
        <v>1082</v>
      </c>
      <c r="I2167">
        <v>327.76</v>
      </c>
      <c r="J2167">
        <v>8</v>
      </c>
      <c r="K2167">
        <v>91.77</v>
      </c>
    </row>
    <row r="2168" spans="1:11" x14ac:dyDescent="0.3">
      <c r="A2168" s="1">
        <v>42077</v>
      </c>
      <c r="B2168" s="3">
        <f t="shared" si="66"/>
        <v>3</v>
      </c>
      <c r="C2168" s="3">
        <f t="shared" si="67"/>
        <v>2015</v>
      </c>
      <c r="D2168" t="s">
        <v>914</v>
      </c>
      <c r="E2168" t="s">
        <v>684</v>
      </c>
      <c r="F2168" t="s">
        <v>10</v>
      </c>
      <c r="G2168" t="s">
        <v>15</v>
      </c>
      <c r="H2168" t="s">
        <v>376</v>
      </c>
      <c r="I2168">
        <v>16.52</v>
      </c>
      <c r="J2168">
        <v>4</v>
      </c>
      <c r="K2168">
        <v>7.6</v>
      </c>
    </row>
    <row r="2169" spans="1:11" x14ac:dyDescent="0.3">
      <c r="A2169" s="1">
        <v>42077</v>
      </c>
      <c r="B2169" s="3">
        <f t="shared" si="66"/>
        <v>3</v>
      </c>
      <c r="C2169" s="3">
        <f t="shared" si="67"/>
        <v>2015</v>
      </c>
      <c r="D2169" t="s">
        <v>914</v>
      </c>
      <c r="E2169" t="s">
        <v>684</v>
      </c>
      <c r="F2169" t="s">
        <v>10</v>
      </c>
      <c r="G2169" t="s">
        <v>19</v>
      </c>
      <c r="H2169" t="s">
        <v>120</v>
      </c>
      <c r="I2169">
        <v>671.94</v>
      </c>
      <c r="J2169">
        <v>3</v>
      </c>
      <c r="K2169">
        <v>315.81</v>
      </c>
    </row>
    <row r="2170" spans="1:11" x14ac:dyDescent="0.3">
      <c r="A2170" s="1">
        <v>42077</v>
      </c>
      <c r="B2170" s="3">
        <f t="shared" si="66"/>
        <v>3</v>
      </c>
      <c r="C2170" s="3">
        <f t="shared" si="67"/>
        <v>2015</v>
      </c>
      <c r="D2170" t="s">
        <v>586</v>
      </c>
      <c r="E2170" t="s">
        <v>26</v>
      </c>
      <c r="F2170" t="s">
        <v>10</v>
      </c>
      <c r="G2170" t="s">
        <v>11</v>
      </c>
      <c r="H2170" t="s">
        <v>1397</v>
      </c>
      <c r="I2170">
        <v>19.440000000000001</v>
      </c>
      <c r="J2170">
        <v>3</v>
      </c>
      <c r="K2170">
        <v>9.33</v>
      </c>
    </row>
    <row r="2171" spans="1:11" x14ac:dyDescent="0.3">
      <c r="A2171" s="1">
        <v>42078</v>
      </c>
      <c r="B2171" s="3">
        <f t="shared" si="66"/>
        <v>3</v>
      </c>
      <c r="C2171" s="3">
        <f t="shared" si="67"/>
        <v>2015</v>
      </c>
      <c r="D2171" t="s">
        <v>1897</v>
      </c>
      <c r="E2171" t="s">
        <v>295</v>
      </c>
      <c r="F2171" t="s">
        <v>38</v>
      </c>
      <c r="G2171" t="s">
        <v>39</v>
      </c>
      <c r="H2171" t="s">
        <v>1946</v>
      </c>
      <c r="I2171">
        <v>16.78</v>
      </c>
      <c r="J2171">
        <v>3</v>
      </c>
      <c r="K2171">
        <v>1.68</v>
      </c>
    </row>
    <row r="2172" spans="1:11" x14ac:dyDescent="0.3">
      <c r="A2172" s="1">
        <v>42079</v>
      </c>
      <c r="B2172" s="3">
        <f t="shared" si="66"/>
        <v>3</v>
      </c>
      <c r="C2172" s="3">
        <f t="shared" si="67"/>
        <v>2015</v>
      </c>
      <c r="D2172" t="s">
        <v>1947</v>
      </c>
      <c r="E2172" t="s">
        <v>29</v>
      </c>
      <c r="F2172" t="s">
        <v>10</v>
      </c>
      <c r="G2172" t="s">
        <v>23</v>
      </c>
      <c r="H2172" t="s">
        <v>37</v>
      </c>
      <c r="I2172">
        <v>2.74</v>
      </c>
      <c r="J2172">
        <v>1</v>
      </c>
      <c r="K2172">
        <v>0.74</v>
      </c>
    </row>
    <row r="2173" spans="1:11" x14ac:dyDescent="0.3">
      <c r="A2173" s="1">
        <v>42079</v>
      </c>
      <c r="B2173" s="3">
        <f t="shared" si="66"/>
        <v>3</v>
      </c>
      <c r="C2173" s="3">
        <f t="shared" si="67"/>
        <v>2015</v>
      </c>
      <c r="D2173" t="s">
        <v>1947</v>
      </c>
      <c r="E2173" t="s">
        <v>29</v>
      </c>
      <c r="F2173" t="s">
        <v>10</v>
      </c>
      <c r="G2173" t="s">
        <v>23</v>
      </c>
      <c r="H2173" t="s">
        <v>1948</v>
      </c>
      <c r="I2173">
        <v>8.34</v>
      </c>
      <c r="J2173">
        <v>3</v>
      </c>
      <c r="K2173">
        <v>2.17</v>
      </c>
    </row>
    <row r="2174" spans="1:11" x14ac:dyDescent="0.3">
      <c r="A2174" s="1">
        <v>42079</v>
      </c>
      <c r="B2174" s="3">
        <f t="shared" si="66"/>
        <v>3</v>
      </c>
      <c r="C2174" s="3">
        <f t="shared" si="67"/>
        <v>2015</v>
      </c>
      <c r="D2174" t="s">
        <v>1947</v>
      </c>
      <c r="E2174" t="s">
        <v>29</v>
      </c>
      <c r="F2174" t="s">
        <v>10</v>
      </c>
      <c r="G2174" t="s">
        <v>17</v>
      </c>
      <c r="H2174" t="s">
        <v>1949</v>
      </c>
      <c r="I2174">
        <v>46.74</v>
      </c>
      <c r="J2174">
        <v>3</v>
      </c>
      <c r="K2174">
        <v>11.69</v>
      </c>
    </row>
    <row r="2175" spans="1:11" x14ac:dyDescent="0.3">
      <c r="A2175" s="1">
        <v>42079</v>
      </c>
      <c r="B2175" s="3">
        <f t="shared" si="66"/>
        <v>3</v>
      </c>
      <c r="C2175" s="3">
        <f t="shared" si="67"/>
        <v>2015</v>
      </c>
      <c r="D2175" t="s">
        <v>1947</v>
      </c>
      <c r="E2175" t="s">
        <v>29</v>
      </c>
      <c r="F2175" t="s">
        <v>10</v>
      </c>
      <c r="G2175" t="s">
        <v>19</v>
      </c>
      <c r="H2175" t="s">
        <v>1605</v>
      </c>
      <c r="I2175">
        <v>6354.95</v>
      </c>
      <c r="J2175">
        <v>5</v>
      </c>
      <c r="K2175">
        <v>3177.48</v>
      </c>
    </row>
    <row r="2176" spans="1:11" x14ac:dyDescent="0.3">
      <c r="A2176" s="1">
        <v>42079</v>
      </c>
      <c r="B2176" s="3">
        <f t="shared" si="66"/>
        <v>3</v>
      </c>
      <c r="C2176" s="3">
        <f t="shared" si="67"/>
        <v>2015</v>
      </c>
      <c r="D2176" t="s">
        <v>1950</v>
      </c>
      <c r="E2176" t="s">
        <v>163</v>
      </c>
      <c r="F2176" t="s">
        <v>33</v>
      </c>
      <c r="G2176" t="s">
        <v>144</v>
      </c>
      <c r="H2176" t="s">
        <v>472</v>
      </c>
      <c r="I2176">
        <v>171.96</v>
      </c>
      <c r="J2176">
        <v>2</v>
      </c>
      <c r="K2176">
        <v>44.71</v>
      </c>
    </row>
    <row r="2177" spans="1:11" x14ac:dyDescent="0.3">
      <c r="A2177" s="1">
        <v>42079</v>
      </c>
      <c r="B2177" s="3">
        <f t="shared" si="66"/>
        <v>3</v>
      </c>
      <c r="C2177" s="3">
        <f t="shared" si="67"/>
        <v>2015</v>
      </c>
      <c r="D2177" t="s">
        <v>1309</v>
      </c>
      <c r="E2177" t="s">
        <v>26</v>
      </c>
      <c r="F2177" t="s">
        <v>33</v>
      </c>
      <c r="G2177" t="s">
        <v>46</v>
      </c>
      <c r="H2177" t="s">
        <v>1951</v>
      </c>
      <c r="I2177">
        <v>43.13</v>
      </c>
      <c r="J2177">
        <v>1</v>
      </c>
      <c r="K2177">
        <v>18.11</v>
      </c>
    </row>
    <row r="2178" spans="1:11" x14ac:dyDescent="0.3">
      <c r="A2178" s="1">
        <v>42079</v>
      </c>
      <c r="B2178" s="3">
        <f t="shared" ref="B2178:B2241" si="68">MONTH(A:A)</f>
        <v>3</v>
      </c>
      <c r="C2178" s="3">
        <f t="shared" ref="C2178:C2241" si="69">YEAR(A:A)</f>
        <v>2015</v>
      </c>
      <c r="D2178" t="s">
        <v>891</v>
      </c>
      <c r="E2178" t="s">
        <v>148</v>
      </c>
      <c r="F2178" t="s">
        <v>38</v>
      </c>
      <c r="G2178" t="s">
        <v>39</v>
      </c>
      <c r="H2178" t="s">
        <v>1952</v>
      </c>
      <c r="I2178">
        <v>85.9</v>
      </c>
      <c r="J2178">
        <v>2</v>
      </c>
      <c r="K2178">
        <v>2.58</v>
      </c>
    </row>
    <row r="2179" spans="1:11" x14ac:dyDescent="0.3">
      <c r="A2179" s="1">
        <v>42079</v>
      </c>
      <c r="B2179" s="3">
        <f t="shared" si="68"/>
        <v>3</v>
      </c>
      <c r="C2179" s="3">
        <f t="shared" si="69"/>
        <v>2015</v>
      </c>
      <c r="D2179" t="s">
        <v>379</v>
      </c>
      <c r="E2179" t="s">
        <v>487</v>
      </c>
      <c r="F2179" t="s">
        <v>10</v>
      </c>
      <c r="G2179" t="s">
        <v>15</v>
      </c>
      <c r="H2179" t="s">
        <v>813</v>
      </c>
      <c r="I2179">
        <v>491.55</v>
      </c>
      <c r="J2179">
        <v>5</v>
      </c>
      <c r="K2179">
        <v>240.86</v>
      </c>
    </row>
    <row r="2180" spans="1:11" x14ac:dyDescent="0.3">
      <c r="A2180" s="1">
        <v>42079</v>
      </c>
      <c r="B2180" s="3">
        <f t="shared" si="68"/>
        <v>3</v>
      </c>
      <c r="C2180" s="3">
        <f t="shared" si="69"/>
        <v>2015</v>
      </c>
      <c r="D2180" t="s">
        <v>379</v>
      </c>
      <c r="E2180" t="s">
        <v>487</v>
      </c>
      <c r="F2180" t="s">
        <v>10</v>
      </c>
      <c r="G2180" t="s">
        <v>62</v>
      </c>
      <c r="H2180" t="s">
        <v>1298</v>
      </c>
      <c r="I2180">
        <v>7.38</v>
      </c>
      <c r="J2180">
        <v>2</v>
      </c>
      <c r="K2180">
        <v>3.39</v>
      </c>
    </row>
    <row r="2181" spans="1:11" x14ac:dyDescent="0.3">
      <c r="A2181" s="1">
        <v>42079</v>
      </c>
      <c r="B2181" s="3">
        <f t="shared" si="68"/>
        <v>3</v>
      </c>
      <c r="C2181" s="3">
        <f t="shared" si="69"/>
        <v>2015</v>
      </c>
      <c r="D2181" t="s">
        <v>1331</v>
      </c>
      <c r="E2181" t="s">
        <v>148</v>
      </c>
      <c r="F2181" t="s">
        <v>10</v>
      </c>
      <c r="G2181" t="s">
        <v>23</v>
      </c>
      <c r="H2181" t="s">
        <v>1953</v>
      </c>
      <c r="I2181">
        <v>17.52</v>
      </c>
      <c r="J2181">
        <v>3</v>
      </c>
      <c r="K2181">
        <v>6.31</v>
      </c>
    </row>
    <row r="2182" spans="1:11" x14ac:dyDescent="0.3">
      <c r="A2182" s="1">
        <v>42080</v>
      </c>
      <c r="B2182" s="3">
        <f t="shared" si="68"/>
        <v>3</v>
      </c>
      <c r="C2182" s="3">
        <f t="shared" si="69"/>
        <v>2015</v>
      </c>
      <c r="D2182" t="s">
        <v>1687</v>
      </c>
      <c r="E2182" t="s">
        <v>148</v>
      </c>
      <c r="F2182" t="s">
        <v>38</v>
      </c>
      <c r="G2182" t="s">
        <v>51</v>
      </c>
      <c r="H2182" t="s">
        <v>1954</v>
      </c>
      <c r="I2182">
        <v>15.02</v>
      </c>
      <c r="J2182">
        <v>1</v>
      </c>
      <c r="K2182">
        <v>2.7</v>
      </c>
    </row>
    <row r="2183" spans="1:11" x14ac:dyDescent="0.3">
      <c r="A2183" s="1">
        <v>42080</v>
      </c>
      <c r="B2183" s="3">
        <f t="shared" si="68"/>
        <v>3</v>
      </c>
      <c r="C2183" s="3">
        <f t="shared" si="69"/>
        <v>2015</v>
      </c>
      <c r="D2183" t="s">
        <v>1687</v>
      </c>
      <c r="E2183" t="s">
        <v>148</v>
      </c>
      <c r="F2183" t="s">
        <v>10</v>
      </c>
      <c r="G2183" t="s">
        <v>17</v>
      </c>
      <c r="H2183" t="s">
        <v>1955</v>
      </c>
      <c r="I2183">
        <v>33.82</v>
      </c>
      <c r="J2183">
        <v>2</v>
      </c>
      <c r="K2183">
        <v>9.1300000000000008</v>
      </c>
    </row>
    <row r="2184" spans="1:11" x14ac:dyDescent="0.3">
      <c r="A2184" s="1">
        <v>42082</v>
      </c>
      <c r="B2184" s="3">
        <f t="shared" si="68"/>
        <v>3</v>
      </c>
      <c r="C2184" s="3">
        <f t="shared" si="69"/>
        <v>2015</v>
      </c>
      <c r="D2184" t="s">
        <v>1956</v>
      </c>
      <c r="E2184" t="s">
        <v>163</v>
      </c>
      <c r="F2184" t="s">
        <v>38</v>
      </c>
      <c r="G2184" t="s">
        <v>39</v>
      </c>
      <c r="H2184" t="s">
        <v>41</v>
      </c>
      <c r="I2184">
        <v>453.58</v>
      </c>
      <c r="J2184">
        <v>3</v>
      </c>
      <c r="K2184">
        <v>39.69</v>
      </c>
    </row>
    <row r="2185" spans="1:11" x14ac:dyDescent="0.3">
      <c r="A2185" s="1">
        <v>42082</v>
      </c>
      <c r="B2185" s="3">
        <f t="shared" si="68"/>
        <v>3</v>
      </c>
      <c r="C2185" s="3">
        <f t="shared" si="69"/>
        <v>2015</v>
      </c>
      <c r="D2185" t="s">
        <v>1494</v>
      </c>
      <c r="E2185" t="s">
        <v>163</v>
      </c>
      <c r="F2185" t="s">
        <v>10</v>
      </c>
      <c r="G2185" t="s">
        <v>17</v>
      </c>
      <c r="H2185" t="s">
        <v>1957</v>
      </c>
      <c r="I2185">
        <v>1247.6400000000001</v>
      </c>
      <c r="J2185">
        <v>3</v>
      </c>
      <c r="K2185">
        <v>349.34</v>
      </c>
    </row>
    <row r="2186" spans="1:11" x14ac:dyDescent="0.3">
      <c r="A2186" s="1">
        <v>42082</v>
      </c>
      <c r="B2186" s="3">
        <f t="shared" si="68"/>
        <v>3</v>
      </c>
      <c r="C2186" s="3">
        <f t="shared" si="69"/>
        <v>2015</v>
      </c>
      <c r="D2186" t="s">
        <v>1494</v>
      </c>
      <c r="E2186" t="s">
        <v>163</v>
      </c>
      <c r="F2186" t="s">
        <v>38</v>
      </c>
      <c r="G2186" t="s">
        <v>602</v>
      </c>
      <c r="H2186" t="s">
        <v>1768</v>
      </c>
      <c r="I2186">
        <v>3149.93</v>
      </c>
      <c r="J2186">
        <v>7</v>
      </c>
      <c r="K2186">
        <v>1480.47</v>
      </c>
    </row>
    <row r="2187" spans="1:11" x14ac:dyDescent="0.3">
      <c r="A2187" s="1">
        <v>42082</v>
      </c>
      <c r="B2187" s="3">
        <f t="shared" si="68"/>
        <v>3</v>
      </c>
      <c r="C2187" s="3">
        <f t="shared" si="69"/>
        <v>2015</v>
      </c>
      <c r="D2187" t="s">
        <v>1494</v>
      </c>
      <c r="E2187" t="s">
        <v>163</v>
      </c>
      <c r="F2187" t="s">
        <v>10</v>
      </c>
      <c r="G2187" t="s">
        <v>11</v>
      </c>
      <c r="H2187" t="s">
        <v>1669</v>
      </c>
      <c r="I2187">
        <v>209.7</v>
      </c>
      <c r="J2187">
        <v>2</v>
      </c>
      <c r="K2187">
        <v>100.66</v>
      </c>
    </row>
    <row r="2188" spans="1:11" x14ac:dyDescent="0.3">
      <c r="A2188" s="1">
        <v>42082</v>
      </c>
      <c r="B2188" s="3">
        <f t="shared" si="68"/>
        <v>3</v>
      </c>
      <c r="C2188" s="3">
        <f t="shared" si="69"/>
        <v>2015</v>
      </c>
      <c r="D2188" t="s">
        <v>1050</v>
      </c>
      <c r="E2188" t="s">
        <v>26</v>
      </c>
      <c r="F2188" t="s">
        <v>10</v>
      </c>
      <c r="G2188" t="s">
        <v>19</v>
      </c>
      <c r="H2188" t="s">
        <v>1958</v>
      </c>
      <c r="I2188">
        <v>17.57</v>
      </c>
      <c r="J2188">
        <v>2</v>
      </c>
      <c r="K2188">
        <v>6.37</v>
      </c>
    </row>
    <row r="2189" spans="1:11" x14ac:dyDescent="0.3">
      <c r="A2189" s="1">
        <v>42082</v>
      </c>
      <c r="B2189" s="3">
        <f t="shared" si="68"/>
        <v>3</v>
      </c>
      <c r="C2189" s="3">
        <f t="shared" si="69"/>
        <v>2015</v>
      </c>
      <c r="D2189" t="s">
        <v>1050</v>
      </c>
      <c r="E2189" t="s">
        <v>26</v>
      </c>
      <c r="F2189" t="s">
        <v>10</v>
      </c>
      <c r="G2189" t="s">
        <v>15</v>
      </c>
      <c r="H2189" t="s">
        <v>1039</v>
      </c>
      <c r="I2189">
        <v>14.62</v>
      </c>
      <c r="J2189">
        <v>2</v>
      </c>
      <c r="K2189">
        <v>6.87</v>
      </c>
    </row>
    <row r="2190" spans="1:11" x14ac:dyDescent="0.3">
      <c r="A2190" s="1">
        <v>42082</v>
      </c>
      <c r="B2190" s="3">
        <f t="shared" si="68"/>
        <v>3</v>
      </c>
      <c r="C2190" s="3">
        <f t="shared" si="69"/>
        <v>2015</v>
      </c>
      <c r="D2190" t="s">
        <v>1050</v>
      </c>
      <c r="E2190" t="s">
        <v>26</v>
      </c>
      <c r="F2190" t="s">
        <v>10</v>
      </c>
      <c r="G2190" t="s">
        <v>199</v>
      </c>
      <c r="H2190" t="s">
        <v>1959</v>
      </c>
      <c r="I2190">
        <v>33.36</v>
      </c>
      <c r="J2190">
        <v>4</v>
      </c>
      <c r="K2190">
        <v>8.67</v>
      </c>
    </row>
    <row r="2191" spans="1:11" x14ac:dyDescent="0.3">
      <c r="A2191" s="1">
        <v>42082</v>
      </c>
      <c r="B2191" s="3">
        <f t="shared" si="68"/>
        <v>3</v>
      </c>
      <c r="C2191" s="3">
        <f t="shared" si="69"/>
        <v>2015</v>
      </c>
      <c r="D2191" t="s">
        <v>1050</v>
      </c>
      <c r="E2191" t="s">
        <v>26</v>
      </c>
      <c r="F2191" t="s">
        <v>10</v>
      </c>
      <c r="G2191" t="s">
        <v>11</v>
      </c>
      <c r="H2191" t="s">
        <v>1960</v>
      </c>
      <c r="I2191">
        <v>40.14</v>
      </c>
      <c r="J2191">
        <v>6</v>
      </c>
      <c r="K2191">
        <v>19.670000000000002</v>
      </c>
    </row>
    <row r="2192" spans="1:11" x14ac:dyDescent="0.3">
      <c r="A2192" s="1">
        <v>42082</v>
      </c>
      <c r="B2192" s="3">
        <f t="shared" si="68"/>
        <v>3</v>
      </c>
      <c r="C2192" s="3">
        <f t="shared" si="69"/>
        <v>2015</v>
      </c>
      <c r="D2192" t="s">
        <v>906</v>
      </c>
      <c r="E2192" t="s">
        <v>122</v>
      </c>
      <c r="F2192" t="s">
        <v>10</v>
      </c>
      <c r="G2192" t="s">
        <v>11</v>
      </c>
      <c r="H2192" t="s">
        <v>699</v>
      </c>
      <c r="I2192">
        <v>14.5</v>
      </c>
      <c r="J2192">
        <v>3</v>
      </c>
      <c r="K2192">
        <v>4.8899999999999997</v>
      </c>
    </row>
    <row r="2193" spans="1:11" x14ac:dyDescent="0.3">
      <c r="A2193" s="1">
        <v>42082</v>
      </c>
      <c r="B2193" s="3">
        <f t="shared" si="68"/>
        <v>3</v>
      </c>
      <c r="C2193" s="3">
        <f t="shared" si="69"/>
        <v>2015</v>
      </c>
      <c r="D2193" t="s">
        <v>1329</v>
      </c>
      <c r="E2193" t="s">
        <v>26</v>
      </c>
      <c r="F2193" t="s">
        <v>10</v>
      </c>
      <c r="G2193" t="s">
        <v>11</v>
      </c>
      <c r="H2193" t="s">
        <v>1611</v>
      </c>
      <c r="I2193">
        <v>11.96</v>
      </c>
      <c r="J2193">
        <v>2</v>
      </c>
      <c r="K2193">
        <v>5.86</v>
      </c>
    </row>
    <row r="2194" spans="1:11" x14ac:dyDescent="0.3">
      <c r="A2194" s="1">
        <v>42082</v>
      </c>
      <c r="B2194" s="3">
        <f t="shared" si="68"/>
        <v>3</v>
      </c>
      <c r="C2194" s="3">
        <f t="shared" si="69"/>
        <v>2015</v>
      </c>
      <c r="D2194" t="s">
        <v>184</v>
      </c>
      <c r="E2194" t="s">
        <v>26</v>
      </c>
      <c r="F2194" t="s">
        <v>10</v>
      </c>
      <c r="G2194" t="s">
        <v>42</v>
      </c>
      <c r="H2194" t="s">
        <v>281</v>
      </c>
      <c r="I2194">
        <v>10.9</v>
      </c>
      <c r="J2194">
        <v>5</v>
      </c>
      <c r="K2194">
        <v>3.6</v>
      </c>
    </row>
    <row r="2195" spans="1:11" x14ac:dyDescent="0.3">
      <c r="A2195" s="1">
        <v>42082</v>
      </c>
      <c r="B2195" s="3">
        <f t="shared" si="68"/>
        <v>3</v>
      </c>
      <c r="C2195" s="3">
        <f t="shared" si="69"/>
        <v>2015</v>
      </c>
      <c r="D2195" t="s">
        <v>1961</v>
      </c>
      <c r="E2195" t="s">
        <v>9</v>
      </c>
      <c r="F2195" t="s">
        <v>10</v>
      </c>
      <c r="G2195" t="s">
        <v>11</v>
      </c>
      <c r="H2195" t="s">
        <v>359</v>
      </c>
      <c r="I2195">
        <v>65.58</v>
      </c>
      <c r="J2195">
        <v>2</v>
      </c>
      <c r="K2195">
        <v>23.77</v>
      </c>
    </row>
    <row r="2196" spans="1:11" x14ac:dyDescent="0.3">
      <c r="A2196" s="1">
        <v>42082</v>
      </c>
      <c r="B2196" s="3">
        <f t="shared" si="68"/>
        <v>3</v>
      </c>
      <c r="C2196" s="3">
        <f t="shared" si="69"/>
        <v>2015</v>
      </c>
      <c r="D2196" t="s">
        <v>1961</v>
      </c>
      <c r="E2196" t="s">
        <v>9</v>
      </c>
      <c r="F2196" t="s">
        <v>33</v>
      </c>
      <c r="G2196" t="s">
        <v>73</v>
      </c>
      <c r="H2196" t="s">
        <v>341</v>
      </c>
      <c r="I2196">
        <v>383.47</v>
      </c>
      <c r="J2196">
        <v>4</v>
      </c>
      <c r="K2196">
        <v>-67.67</v>
      </c>
    </row>
    <row r="2197" spans="1:11" x14ac:dyDescent="0.3">
      <c r="A2197" s="1">
        <v>42083</v>
      </c>
      <c r="B2197" s="3">
        <f t="shared" si="68"/>
        <v>3</v>
      </c>
      <c r="C2197" s="3">
        <f t="shared" si="69"/>
        <v>2015</v>
      </c>
      <c r="D2197" t="s">
        <v>1962</v>
      </c>
      <c r="E2197" t="s">
        <v>156</v>
      </c>
      <c r="F2197" t="s">
        <v>10</v>
      </c>
      <c r="G2197" t="s">
        <v>11</v>
      </c>
      <c r="H2197" t="s">
        <v>755</v>
      </c>
      <c r="I2197">
        <v>51.84</v>
      </c>
      <c r="J2197">
        <v>8</v>
      </c>
      <c r="K2197">
        <v>24.88</v>
      </c>
    </row>
    <row r="2198" spans="1:11" x14ac:dyDescent="0.3">
      <c r="A2198" s="1">
        <v>42083</v>
      </c>
      <c r="B2198" s="3">
        <f t="shared" si="68"/>
        <v>3</v>
      </c>
      <c r="C2198" s="3">
        <f t="shared" si="69"/>
        <v>2015</v>
      </c>
      <c r="D2198" t="s">
        <v>1651</v>
      </c>
      <c r="E2198" t="s">
        <v>9</v>
      </c>
      <c r="F2198" t="s">
        <v>10</v>
      </c>
      <c r="G2198" t="s">
        <v>19</v>
      </c>
      <c r="H2198" t="s">
        <v>1408</v>
      </c>
      <c r="I2198">
        <v>2.5099999999999998</v>
      </c>
      <c r="J2198">
        <v>2</v>
      </c>
      <c r="K2198">
        <v>-4.4000000000000004</v>
      </c>
    </row>
    <row r="2199" spans="1:11" x14ac:dyDescent="0.3">
      <c r="A2199" s="1">
        <v>42083</v>
      </c>
      <c r="B2199" s="3">
        <f t="shared" si="68"/>
        <v>3</v>
      </c>
      <c r="C2199" s="3">
        <f t="shared" si="69"/>
        <v>2015</v>
      </c>
      <c r="D2199" t="s">
        <v>1651</v>
      </c>
      <c r="E2199" t="s">
        <v>9</v>
      </c>
      <c r="F2199" t="s">
        <v>10</v>
      </c>
      <c r="G2199" t="s">
        <v>42</v>
      </c>
      <c r="H2199" t="s">
        <v>159</v>
      </c>
      <c r="I2199">
        <v>18.86</v>
      </c>
      <c r="J2199">
        <v>9</v>
      </c>
      <c r="K2199">
        <v>6.13</v>
      </c>
    </row>
    <row r="2200" spans="1:11" x14ac:dyDescent="0.3">
      <c r="A2200" s="1">
        <v>42083</v>
      </c>
      <c r="B2200" s="3">
        <f t="shared" si="68"/>
        <v>3</v>
      </c>
      <c r="C2200" s="3">
        <f t="shared" si="69"/>
        <v>2015</v>
      </c>
      <c r="D2200" t="s">
        <v>777</v>
      </c>
      <c r="E2200" t="s">
        <v>90</v>
      </c>
      <c r="F2200" t="s">
        <v>10</v>
      </c>
      <c r="G2200" t="s">
        <v>17</v>
      </c>
      <c r="H2200" t="s">
        <v>1170</v>
      </c>
      <c r="I2200">
        <v>29.3</v>
      </c>
      <c r="J2200">
        <v>3</v>
      </c>
      <c r="K2200">
        <v>2.56</v>
      </c>
    </row>
    <row r="2201" spans="1:11" x14ac:dyDescent="0.3">
      <c r="A2201" s="1">
        <v>42083</v>
      </c>
      <c r="B2201" s="3">
        <f t="shared" si="68"/>
        <v>3</v>
      </c>
      <c r="C2201" s="3">
        <f t="shared" si="69"/>
        <v>2015</v>
      </c>
      <c r="D2201" t="s">
        <v>1668</v>
      </c>
      <c r="E2201" t="s">
        <v>148</v>
      </c>
      <c r="F2201" t="s">
        <v>10</v>
      </c>
      <c r="G2201" t="s">
        <v>19</v>
      </c>
      <c r="H2201" t="s">
        <v>780</v>
      </c>
      <c r="I2201">
        <v>49.85</v>
      </c>
      <c r="J2201">
        <v>3</v>
      </c>
      <c r="K2201">
        <v>16.82</v>
      </c>
    </row>
    <row r="2202" spans="1:11" x14ac:dyDescent="0.3">
      <c r="A2202" s="1">
        <v>42083</v>
      </c>
      <c r="B2202" s="3">
        <f t="shared" si="68"/>
        <v>3</v>
      </c>
      <c r="C2202" s="3">
        <f t="shared" si="69"/>
        <v>2015</v>
      </c>
      <c r="D2202" t="s">
        <v>1668</v>
      </c>
      <c r="E2202" t="s">
        <v>148</v>
      </c>
      <c r="F2202" t="s">
        <v>10</v>
      </c>
      <c r="G2202" t="s">
        <v>62</v>
      </c>
      <c r="H2202" t="s">
        <v>1963</v>
      </c>
      <c r="I2202">
        <v>23.99</v>
      </c>
      <c r="J2202">
        <v>1</v>
      </c>
      <c r="K2202">
        <v>12</v>
      </c>
    </row>
    <row r="2203" spans="1:11" x14ac:dyDescent="0.3">
      <c r="A2203" s="1">
        <v>42083</v>
      </c>
      <c r="B2203" s="3">
        <f t="shared" si="68"/>
        <v>3</v>
      </c>
      <c r="C2203" s="3">
        <f t="shared" si="69"/>
        <v>2015</v>
      </c>
      <c r="D2203" t="s">
        <v>1668</v>
      </c>
      <c r="E2203" t="s">
        <v>148</v>
      </c>
      <c r="F2203" t="s">
        <v>10</v>
      </c>
      <c r="G2203" t="s">
        <v>19</v>
      </c>
      <c r="H2203" t="s">
        <v>527</v>
      </c>
      <c r="I2203">
        <v>1087.94</v>
      </c>
      <c r="J2203">
        <v>8</v>
      </c>
      <c r="K2203">
        <v>353.58</v>
      </c>
    </row>
    <row r="2204" spans="1:11" x14ac:dyDescent="0.3">
      <c r="A2204" s="1">
        <v>42083</v>
      </c>
      <c r="B2204" s="3">
        <f t="shared" si="68"/>
        <v>3</v>
      </c>
      <c r="C2204" s="3">
        <f t="shared" si="69"/>
        <v>2015</v>
      </c>
      <c r="D2204" t="s">
        <v>1668</v>
      </c>
      <c r="E2204" t="s">
        <v>148</v>
      </c>
      <c r="F2204" t="s">
        <v>38</v>
      </c>
      <c r="G2204" t="s">
        <v>39</v>
      </c>
      <c r="H2204" t="s">
        <v>1058</v>
      </c>
      <c r="I2204">
        <v>199.98</v>
      </c>
      <c r="J2204">
        <v>2</v>
      </c>
      <c r="K2204">
        <v>53.99</v>
      </c>
    </row>
    <row r="2205" spans="1:11" x14ac:dyDescent="0.3">
      <c r="A2205" s="1">
        <v>42083</v>
      </c>
      <c r="B2205" s="3">
        <f t="shared" si="68"/>
        <v>3</v>
      </c>
      <c r="C2205" s="3">
        <f t="shared" si="69"/>
        <v>2015</v>
      </c>
      <c r="D2205" t="s">
        <v>1668</v>
      </c>
      <c r="E2205" t="s">
        <v>148</v>
      </c>
      <c r="F2205" t="s">
        <v>10</v>
      </c>
      <c r="G2205" t="s">
        <v>17</v>
      </c>
      <c r="H2205" t="s">
        <v>1964</v>
      </c>
      <c r="I2205">
        <v>83.92</v>
      </c>
      <c r="J2205">
        <v>4</v>
      </c>
      <c r="K2205">
        <v>20.14</v>
      </c>
    </row>
    <row r="2206" spans="1:11" x14ac:dyDescent="0.3">
      <c r="A2206" s="1">
        <v>42084</v>
      </c>
      <c r="B2206" s="3">
        <f t="shared" si="68"/>
        <v>3</v>
      </c>
      <c r="C2206" s="3">
        <f t="shared" si="69"/>
        <v>2015</v>
      </c>
      <c r="D2206" t="s">
        <v>1965</v>
      </c>
      <c r="E2206" t="s">
        <v>244</v>
      </c>
      <c r="F2206" t="s">
        <v>10</v>
      </c>
      <c r="G2206" t="s">
        <v>91</v>
      </c>
      <c r="H2206" t="s">
        <v>754</v>
      </c>
      <c r="I2206">
        <v>962.08</v>
      </c>
      <c r="J2206">
        <v>4</v>
      </c>
      <c r="K2206">
        <v>156.34</v>
      </c>
    </row>
    <row r="2207" spans="1:11" x14ac:dyDescent="0.3">
      <c r="A2207" s="1">
        <v>42084</v>
      </c>
      <c r="B2207" s="3">
        <f t="shared" si="68"/>
        <v>3</v>
      </c>
      <c r="C2207" s="3">
        <f t="shared" si="69"/>
        <v>2015</v>
      </c>
      <c r="D2207" t="s">
        <v>1965</v>
      </c>
      <c r="E2207" t="s">
        <v>244</v>
      </c>
      <c r="F2207" t="s">
        <v>10</v>
      </c>
      <c r="G2207" t="s">
        <v>19</v>
      </c>
      <c r="H2207" t="s">
        <v>1217</v>
      </c>
      <c r="I2207">
        <v>12.84</v>
      </c>
      <c r="J2207">
        <v>3</v>
      </c>
      <c r="K2207">
        <v>-9.85</v>
      </c>
    </row>
    <row r="2208" spans="1:11" x14ac:dyDescent="0.3">
      <c r="A2208" s="1">
        <v>42084</v>
      </c>
      <c r="B2208" s="3">
        <f t="shared" si="68"/>
        <v>3</v>
      </c>
      <c r="C2208" s="3">
        <f t="shared" si="69"/>
        <v>2015</v>
      </c>
      <c r="D2208" t="s">
        <v>1965</v>
      </c>
      <c r="E2208" t="s">
        <v>244</v>
      </c>
      <c r="F2208" t="s">
        <v>10</v>
      </c>
      <c r="G2208" t="s">
        <v>11</v>
      </c>
      <c r="H2208" t="s">
        <v>1966</v>
      </c>
      <c r="I2208">
        <v>295.45999999999998</v>
      </c>
      <c r="J2208">
        <v>14</v>
      </c>
      <c r="K2208">
        <v>96.02</v>
      </c>
    </row>
    <row r="2209" spans="1:11" x14ac:dyDescent="0.3">
      <c r="A2209" s="1">
        <v>42085</v>
      </c>
      <c r="B2209" s="3">
        <f t="shared" si="68"/>
        <v>3</v>
      </c>
      <c r="C2209" s="3">
        <f t="shared" si="69"/>
        <v>2015</v>
      </c>
      <c r="D2209" t="s">
        <v>1967</v>
      </c>
      <c r="E2209" t="s">
        <v>9</v>
      </c>
      <c r="F2209" t="s">
        <v>38</v>
      </c>
      <c r="G2209" t="s">
        <v>51</v>
      </c>
      <c r="H2209" t="s">
        <v>1968</v>
      </c>
      <c r="I2209">
        <v>18.39</v>
      </c>
      <c r="J2209">
        <v>1</v>
      </c>
      <c r="K2209">
        <v>5.29</v>
      </c>
    </row>
    <row r="2210" spans="1:11" x14ac:dyDescent="0.3">
      <c r="A2210" s="1">
        <v>42085</v>
      </c>
      <c r="B2210" s="3">
        <f t="shared" si="68"/>
        <v>3</v>
      </c>
      <c r="C2210" s="3">
        <f t="shared" si="69"/>
        <v>2015</v>
      </c>
      <c r="D2210" t="s">
        <v>1967</v>
      </c>
      <c r="E2210" t="s">
        <v>9</v>
      </c>
      <c r="F2210" t="s">
        <v>10</v>
      </c>
      <c r="G2210" t="s">
        <v>17</v>
      </c>
      <c r="H2210" t="s">
        <v>296</v>
      </c>
      <c r="I2210">
        <v>129.57</v>
      </c>
      <c r="J2210">
        <v>2</v>
      </c>
      <c r="K2210">
        <v>-25.91</v>
      </c>
    </row>
    <row r="2211" spans="1:11" x14ac:dyDescent="0.3">
      <c r="A2211" s="1">
        <v>42085</v>
      </c>
      <c r="B2211" s="3">
        <f t="shared" si="68"/>
        <v>3</v>
      </c>
      <c r="C2211" s="3">
        <f t="shared" si="69"/>
        <v>2015</v>
      </c>
      <c r="D2211" t="s">
        <v>1967</v>
      </c>
      <c r="E2211" t="s">
        <v>9</v>
      </c>
      <c r="F2211" t="s">
        <v>10</v>
      </c>
      <c r="G2211" t="s">
        <v>19</v>
      </c>
      <c r="H2211" t="s">
        <v>1969</v>
      </c>
      <c r="I2211">
        <v>14.11</v>
      </c>
      <c r="J2211">
        <v>9</v>
      </c>
      <c r="K2211">
        <v>-21.17</v>
      </c>
    </row>
    <row r="2212" spans="1:11" x14ac:dyDescent="0.3">
      <c r="A2212" s="1">
        <v>42085</v>
      </c>
      <c r="B2212" s="3">
        <f t="shared" si="68"/>
        <v>3</v>
      </c>
      <c r="C2212" s="3">
        <f t="shared" si="69"/>
        <v>2015</v>
      </c>
      <c r="D2212" t="s">
        <v>464</v>
      </c>
      <c r="E2212" t="s">
        <v>26</v>
      </c>
      <c r="F2212" t="s">
        <v>38</v>
      </c>
      <c r="G2212" t="s">
        <v>39</v>
      </c>
      <c r="H2212" t="s">
        <v>596</v>
      </c>
      <c r="I2212">
        <v>15.98</v>
      </c>
      <c r="J2212">
        <v>2</v>
      </c>
      <c r="K2212">
        <v>1.2</v>
      </c>
    </row>
    <row r="2213" spans="1:11" x14ac:dyDescent="0.3">
      <c r="A2213" s="1">
        <v>42085</v>
      </c>
      <c r="B2213" s="3">
        <f t="shared" si="68"/>
        <v>3</v>
      </c>
      <c r="C2213" s="3">
        <f t="shared" si="69"/>
        <v>2015</v>
      </c>
      <c r="D2213" t="s">
        <v>1634</v>
      </c>
      <c r="E2213" t="s">
        <v>26</v>
      </c>
      <c r="F2213" t="s">
        <v>10</v>
      </c>
      <c r="G2213" t="s">
        <v>11</v>
      </c>
      <c r="H2213" t="s">
        <v>624</v>
      </c>
      <c r="I2213">
        <v>105.52</v>
      </c>
      <c r="J2213">
        <v>4</v>
      </c>
      <c r="K2213">
        <v>48.54</v>
      </c>
    </row>
    <row r="2214" spans="1:11" x14ac:dyDescent="0.3">
      <c r="A2214" s="1">
        <v>42085</v>
      </c>
      <c r="B2214" s="3">
        <f t="shared" si="68"/>
        <v>3</v>
      </c>
      <c r="C2214" s="3">
        <f t="shared" si="69"/>
        <v>2015</v>
      </c>
      <c r="D2214" t="s">
        <v>1634</v>
      </c>
      <c r="E2214" t="s">
        <v>26</v>
      </c>
      <c r="F2214" t="s">
        <v>33</v>
      </c>
      <c r="G2214" t="s">
        <v>46</v>
      </c>
      <c r="H2214" t="s">
        <v>478</v>
      </c>
      <c r="I2214">
        <v>91.96</v>
      </c>
      <c r="J2214">
        <v>2</v>
      </c>
      <c r="K2214">
        <v>15.63</v>
      </c>
    </row>
    <row r="2215" spans="1:11" x14ac:dyDescent="0.3">
      <c r="A2215" s="1">
        <v>42085</v>
      </c>
      <c r="B2215" s="3">
        <f t="shared" si="68"/>
        <v>3</v>
      </c>
      <c r="C2215" s="3">
        <f t="shared" si="69"/>
        <v>2015</v>
      </c>
      <c r="D2215" t="s">
        <v>1634</v>
      </c>
      <c r="E2215" t="s">
        <v>26</v>
      </c>
      <c r="F2215" t="s">
        <v>38</v>
      </c>
      <c r="G2215" t="s">
        <v>39</v>
      </c>
      <c r="H2215" t="s">
        <v>1535</v>
      </c>
      <c r="I2215">
        <v>1487.98</v>
      </c>
      <c r="J2215">
        <v>3</v>
      </c>
      <c r="K2215">
        <v>186</v>
      </c>
    </row>
    <row r="2216" spans="1:11" x14ac:dyDescent="0.3">
      <c r="A2216" s="1">
        <v>42085</v>
      </c>
      <c r="B2216" s="3">
        <f t="shared" si="68"/>
        <v>3</v>
      </c>
      <c r="C2216" s="3">
        <f t="shared" si="69"/>
        <v>2015</v>
      </c>
      <c r="D2216" t="s">
        <v>1970</v>
      </c>
      <c r="E2216" t="s">
        <v>487</v>
      </c>
      <c r="F2216" t="s">
        <v>10</v>
      </c>
      <c r="G2216" t="s">
        <v>23</v>
      </c>
      <c r="H2216" t="s">
        <v>1971</v>
      </c>
      <c r="I2216">
        <v>19.559999999999999</v>
      </c>
      <c r="J2216">
        <v>4</v>
      </c>
      <c r="K2216">
        <v>5.48</v>
      </c>
    </row>
    <row r="2217" spans="1:11" x14ac:dyDescent="0.3">
      <c r="A2217" s="1">
        <v>42085</v>
      </c>
      <c r="B2217" s="3">
        <f t="shared" si="68"/>
        <v>3</v>
      </c>
      <c r="C2217" s="3">
        <f t="shared" si="69"/>
        <v>2015</v>
      </c>
      <c r="D2217" t="s">
        <v>1855</v>
      </c>
      <c r="E2217" t="s">
        <v>122</v>
      </c>
      <c r="F2217" t="s">
        <v>38</v>
      </c>
      <c r="G2217" t="s">
        <v>51</v>
      </c>
      <c r="H2217" t="s">
        <v>998</v>
      </c>
      <c r="I2217">
        <v>447.94</v>
      </c>
      <c r="J2217">
        <v>7</v>
      </c>
      <c r="K2217">
        <v>89.59</v>
      </c>
    </row>
    <row r="2218" spans="1:11" x14ac:dyDescent="0.3">
      <c r="A2218" s="1">
        <v>42085</v>
      </c>
      <c r="B2218" s="3">
        <f t="shared" si="68"/>
        <v>3</v>
      </c>
      <c r="C2218" s="3">
        <f t="shared" si="69"/>
        <v>2015</v>
      </c>
      <c r="D2218" t="s">
        <v>1855</v>
      </c>
      <c r="E2218" t="s">
        <v>122</v>
      </c>
      <c r="F2218" t="s">
        <v>10</v>
      </c>
      <c r="G2218" t="s">
        <v>17</v>
      </c>
      <c r="H2218" t="s">
        <v>1972</v>
      </c>
      <c r="I2218">
        <v>150.41</v>
      </c>
      <c r="J2218">
        <v>9</v>
      </c>
      <c r="K2218">
        <v>-33.840000000000003</v>
      </c>
    </row>
    <row r="2219" spans="1:11" x14ac:dyDescent="0.3">
      <c r="A2219" s="1">
        <v>42086</v>
      </c>
      <c r="B2219" s="3">
        <f t="shared" si="68"/>
        <v>3</v>
      </c>
      <c r="C2219" s="3">
        <f t="shared" si="69"/>
        <v>2015</v>
      </c>
      <c r="D2219" t="s">
        <v>1372</v>
      </c>
      <c r="E2219" t="s">
        <v>9</v>
      </c>
      <c r="F2219" t="s">
        <v>33</v>
      </c>
      <c r="G2219" t="s">
        <v>34</v>
      </c>
      <c r="H2219" t="s">
        <v>698</v>
      </c>
      <c r="I2219">
        <v>107.77</v>
      </c>
      <c r="J2219">
        <v>2</v>
      </c>
      <c r="K2219">
        <v>-29.25</v>
      </c>
    </row>
    <row r="2220" spans="1:11" x14ac:dyDescent="0.3">
      <c r="A2220" s="1">
        <v>42086</v>
      </c>
      <c r="B2220" s="3">
        <f t="shared" si="68"/>
        <v>3</v>
      </c>
      <c r="C2220" s="3">
        <f t="shared" si="69"/>
        <v>2015</v>
      </c>
      <c r="D2220" t="s">
        <v>1022</v>
      </c>
      <c r="E2220" t="s">
        <v>69</v>
      </c>
      <c r="F2220" t="s">
        <v>10</v>
      </c>
      <c r="G2220" t="s">
        <v>42</v>
      </c>
      <c r="H2220" t="s">
        <v>159</v>
      </c>
      <c r="I2220">
        <v>31.56</v>
      </c>
      <c r="J2220">
        <v>4</v>
      </c>
      <c r="K2220">
        <v>14.2</v>
      </c>
    </row>
    <row r="2221" spans="1:11" x14ac:dyDescent="0.3">
      <c r="A2221" s="1">
        <v>42086</v>
      </c>
      <c r="B2221" s="3">
        <f t="shared" si="68"/>
        <v>3</v>
      </c>
      <c r="C2221" s="3">
        <f t="shared" si="69"/>
        <v>2015</v>
      </c>
      <c r="D2221" t="s">
        <v>1022</v>
      </c>
      <c r="E2221" t="s">
        <v>69</v>
      </c>
      <c r="F2221" t="s">
        <v>10</v>
      </c>
      <c r="G2221" t="s">
        <v>17</v>
      </c>
      <c r="H2221" t="s">
        <v>250</v>
      </c>
      <c r="I2221">
        <v>27.92</v>
      </c>
      <c r="J2221">
        <v>4</v>
      </c>
      <c r="K2221">
        <v>0.56000000000000005</v>
      </c>
    </row>
    <row r="2222" spans="1:11" x14ac:dyDescent="0.3">
      <c r="A2222" s="1">
        <v>42086</v>
      </c>
      <c r="B2222" s="3">
        <f t="shared" si="68"/>
        <v>3</v>
      </c>
      <c r="C2222" s="3">
        <f t="shared" si="69"/>
        <v>2015</v>
      </c>
      <c r="D2222" t="s">
        <v>787</v>
      </c>
      <c r="E2222" t="s">
        <v>26</v>
      </c>
      <c r="F2222" t="s">
        <v>10</v>
      </c>
      <c r="G2222" t="s">
        <v>11</v>
      </c>
      <c r="H2222" t="s">
        <v>134</v>
      </c>
      <c r="I2222">
        <v>33.36</v>
      </c>
      <c r="J2222">
        <v>4</v>
      </c>
      <c r="K2222">
        <v>16.68</v>
      </c>
    </row>
    <row r="2223" spans="1:11" x14ac:dyDescent="0.3">
      <c r="A2223" s="1">
        <v>42086</v>
      </c>
      <c r="B2223" s="3">
        <f t="shared" si="68"/>
        <v>3</v>
      </c>
      <c r="C2223" s="3">
        <f t="shared" si="69"/>
        <v>2015</v>
      </c>
      <c r="D2223" t="s">
        <v>1437</v>
      </c>
      <c r="E2223" t="s">
        <v>26</v>
      </c>
      <c r="F2223" t="s">
        <v>10</v>
      </c>
      <c r="G2223" t="s">
        <v>11</v>
      </c>
      <c r="H2223" t="s">
        <v>96</v>
      </c>
      <c r="I2223">
        <v>192.72</v>
      </c>
      <c r="J2223">
        <v>11</v>
      </c>
      <c r="K2223">
        <v>92.51</v>
      </c>
    </row>
    <row r="2224" spans="1:11" x14ac:dyDescent="0.3">
      <c r="A2224" s="1">
        <v>42086</v>
      </c>
      <c r="B2224" s="3">
        <f t="shared" si="68"/>
        <v>3</v>
      </c>
      <c r="C2224" s="3">
        <f t="shared" si="69"/>
        <v>2015</v>
      </c>
      <c r="D2224" t="s">
        <v>1437</v>
      </c>
      <c r="E2224" t="s">
        <v>26</v>
      </c>
      <c r="F2224" t="s">
        <v>38</v>
      </c>
      <c r="G2224" t="s">
        <v>51</v>
      </c>
      <c r="H2224" t="s">
        <v>197</v>
      </c>
      <c r="I2224">
        <v>239.97</v>
      </c>
      <c r="J2224">
        <v>3</v>
      </c>
      <c r="K2224">
        <v>86.39</v>
      </c>
    </row>
    <row r="2225" spans="1:11" x14ac:dyDescent="0.3">
      <c r="A2225" s="1">
        <v>42087</v>
      </c>
      <c r="B2225" s="3">
        <f t="shared" si="68"/>
        <v>3</v>
      </c>
      <c r="C2225" s="3">
        <f t="shared" si="69"/>
        <v>2015</v>
      </c>
      <c r="D2225" t="s">
        <v>909</v>
      </c>
      <c r="E2225" t="s">
        <v>14</v>
      </c>
      <c r="F2225" t="s">
        <v>33</v>
      </c>
      <c r="G2225" t="s">
        <v>73</v>
      </c>
      <c r="H2225" t="s">
        <v>718</v>
      </c>
      <c r="I2225">
        <v>359.06</v>
      </c>
      <c r="J2225">
        <v>3</v>
      </c>
      <c r="K2225">
        <v>-35.909999999999997</v>
      </c>
    </row>
    <row r="2226" spans="1:11" x14ac:dyDescent="0.3">
      <c r="A2226" s="1">
        <v>42087</v>
      </c>
      <c r="B2226" s="3">
        <f t="shared" si="68"/>
        <v>3</v>
      </c>
      <c r="C2226" s="3">
        <f t="shared" si="69"/>
        <v>2015</v>
      </c>
      <c r="D2226" t="s">
        <v>1973</v>
      </c>
      <c r="E2226" t="s">
        <v>122</v>
      </c>
      <c r="F2226" t="s">
        <v>10</v>
      </c>
      <c r="G2226" t="s">
        <v>91</v>
      </c>
      <c r="H2226" t="s">
        <v>1974</v>
      </c>
      <c r="I2226">
        <v>6.99</v>
      </c>
      <c r="J2226">
        <v>2</v>
      </c>
      <c r="K2226">
        <v>0.52</v>
      </c>
    </row>
    <row r="2227" spans="1:11" x14ac:dyDescent="0.3">
      <c r="A2227" s="1">
        <v>42087</v>
      </c>
      <c r="B2227" s="3">
        <f t="shared" si="68"/>
        <v>3</v>
      </c>
      <c r="C2227" s="3">
        <f t="shared" si="69"/>
        <v>2015</v>
      </c>
      <c r="D2227" t="s">
        <v>1743</v>
      </c>
      <c r="E2227" t="s">
        <v>163</v>
      </c>
      <c r="F2227" t="s">
        <v>33</v>
      </c>
      <c r="G2227" t="s">
        <v>46</v>
      </c>
      <c r="H2227" t="s">
        <v>1975</v>
      </c>
      <c r="I2227">
        <v>46.9</v>
      </c>
      <c r="J2227">
        <v>5</v>
      </c>
      <c r="K2227">
        <v>13.13</v>
      </c>
    </row>
    <row r="2228" spans="1:11" x14ac:dyDescent="0.3">
      <c r="A2228" s="1">
        <v>42089</v>
      </c>
      <c r="B2228" s="3">
        <f t="shared" si="68"/>
        <v>3</v>
      </c>
      <c r="C2228" s="3">
        <f t="shared" si="69"/>
        <v>2015</v>
      </c>
      <c r="D2228" t="s">
        <v>1976</v>
      </c>
      <c r="E2228" t="s">
        <v>122</v>
      </c>
      <c r="F2228" t="s">
        <v>10</v>
      </c>
      <c r="G2228" t="s">
        <v>11</v>
      </c>
      <c r="H2228" t="s">
        <v>1157</v>
      </c>
      <c r="I2228">
        <v>74.349999999999994</v>
      </c>
      <c r="J2228">
        <v>3</v>
      </c>
      <c r="K2228">
        <v>23.24</v>
      </c>
    </row>
    <row r="2229" spans="1:11" x14ac:dyDescent="0.3">
      <c r="A2229" s="1">
        <v>42089</v>
      </c>
      <c r="B2229" s="3">
        <f t="shared" si="68"/>
        <v>3</v>
      </c>
      <c r="C2229" s="3">
        <f t="shared" si="69"/>
        <v>2015</v>
      </c>
      <c r="D2229" t="s">
        <v>1103</v>
      </c>
      <c r="E2229" t="s">
        <v>22</v>
      </c>
      <c r="F2229" t="s">
        <v>10</v>
      </c>
      <c r="G2229" t="s">
        <v>11</v>
      </c>
      <c r="H2229" t="s">
        <v>1977</v>
      </c>
      <c r="I2229">
        <v>40.03</v>
      </c>
      <c r="J2229">
        <v>6</v>
      </c>
      <c r="K2229">
        <v>12.51</v>
      </c>
    </row>
    <row r="2230" spans="1:11" x14ac:dyDescent="0.3">
      <c r="A2230" s="1">
        <v>42089</v>
      </c>
      <c r="B2230" s="3">
        <f t="shared" si="68"/>
        <v>3</v>
      </c>
      <c r="C2230" s="3">
        <f t="shared" si="69"/>
        <v>2015</v>
      </c>
      <c r="D2230" t="s">
        <v>1103</v>
      </c>
      <c r="E2230" t="s">
        <v>22</v>
      </c>
      <c r="F2230" t="s">
        <v>38</v>
      </c>
      <c r="G2230" t="s">
        <v>51</v>
      </c>
      <c r="H2230" t="s">
        <v>1324</v>
      </c>
      <c r="I2230">
        <v>16.78</v>
      </c>
      <c r="J2230">
        <v>3</v>
      </c>
      <c r="K2230">
        <v>5.03</v>
      </c>
    </row>
    <row r="2231" spans="1:11" x14ac:dyDescent="0.3">
      <c r="A2231" s="1">
        <v>42089</v>
      </c>
      <c r="B2231" s="3">
        <f t="shared" si="68"/>
        <v>3</v>
      </c>
      <c r="C2231" s="3">
        <f t="shared" si="69"/>
        <v>2015</v>
      </c>
      <c r="D2231" t="s">
        <v>737</v>
      </c>
      <c r="E2231" t="s">
        <v>163</v>
      </c>
      <c r="F2231" t="s">
        <v>33</v>
      </c>
      <c r="G2231" t="s">
        <v>144</v>
      </c>
      <c r="H2231" t="s">
        <v>403</v>
      </c>
      <c r="I2231">
        <v>3393.68</v>
      </c>
      <c r="J2231">
        <v>8</v>
      </c>
      <c r="K2231">
        <v>610.86</v>
      </c>
    </row>
    <row r="2232" spans="1:11" x14ac:dyDescent="0.3">
      <c r="A2232" s="1">
        <v>42089</v>
      </c>
      <c r="B2232" s="3">
        <f t="shared" si="68"/>
        <v>3</v>
      </c>
      <c r="C2232" s="3">
        <f t="shared" si="69"/>
        <v>2015</v>
      </c>
      <c r="D2232" t="s">
        <v>1400</v>
      </c>
      <c r="E2232" t="s">
        <v>148</v>
      </c>
      <c r="F2232" t="s">
        <v>10</v>
      </c>
      <c r="G2232" t="s">
        <v>17</v>
      </c>
      <c r="H2232" t="s">
        <v>1383</v>
      </c>
      <c r="I2232">
        <v>1085.42</v>
      </c>
      <c r="J2232">
        <v>7</v>
      </c>
      <c r="K2232">
        <v>282.20999999999998</v>
      </c>
    </row>
    <row r="2233" spans="1:11" x14ac:dyDescent="0.3">
      <c r="A2233" s="1">
        <v>42089</v>
      </c>
      <c r="B2233" s="3">
        <f t="shared" si="68"/>
        <v>3</v>
      </c>
      <c r="C2233" s="3">
        <f t="shared" si="69"/>
        <v>2015</v>
      </c>
      <c r="D2233" t="s">
        <v>1400</v>
      </c>
      <c r="E2233" t="s">
        <v>148</v>
      </c>
      <c r="F2233" t="s">
        <v>10</v>
      </c>
      <c r="G2233" t="s">
        <v>91</v>
      </c>
      <c r="H2233" t="s">
        <v>1978</v>
      </c>
      <c r="I2233">
        <v>13.11</v>
      </c>
      <c r="J2233">
        <v>3</v>
      </c>
      <c r="K2233">
        <v>3.41</v>
      </c>
    </row>
    <row r="2234" spans="1:11" x14ac:dyDescent="0.3">
      <c r="A2234" s="1">
        <v>42090</v>
      </c>
      <c r="B2234" s="3">
        <f t="shared" si="68"/>
        <v>3</v>
      </c>
      <c r="C2234" s="3">
        <f t="shared" si="69"/>
        <v>2015</v>
      </c>
      <c r="D2234" t="s">
        <v>106</v>
      </c>
      <c r="E2234" t="s">
        <v>163</v>
      </c>
      <c r="F2234" t="s">
        <v>10</v>
      </c>
      <c r="G2234" t="s">
        <v>17</v>
      </c>
      <c r="H2234" t="s">
        <v>434</v>
      </c>
      <c r="I2234">
        <v>83.7</v>
      </c>
      <c r="J2234">
        <v>5</v>
      </c>
      <c r="K2234">
        <v>3.35</v>
      </c>
    </row>
    <row r="2235" spans="1:11" x14ac:dyDescent="0.3">
      <c r="A2235" s="1">
        <v>42091</v>
      </c>
      <c r="B2235" s="3">
        <f t="shared" si="68"/>
        <v>3</v>
      </c>
      <c r="C2235" s="3">
        <f t="shared" si="69"/>
        <v>2015</v>
      </c>
      <c r="D2235" t="s">
        <v>1632</v>
      </c>
      <c r="E2235" t="s">
        <v>26</v>
      </c>
      <c r="F2235" t="s">
        <v>38</v>
      </c>
      <c r="G2235" t="s">
        <v>51</v>
      </c>
      <c r="H2235" t="s">
        <v>1979</v>
      </c>
      <c r="I2235">
        <v>166.24</v>
      </c>
      <c r="J2235">
        <v>1</v>
      </c>
      <c r="K2235">
        <v>24.94</v>
      </c>
    </row>
    <row r="2236" spans="1:11" x14ac:dyDescent="0.3">
      <c r="A2236" s="1">
        <v>42091</v>
      </c>
      <c r="B2236" s="3">
        <f t="shared" si="68"/>
        <v>3</v>
      </c>
      <c r="C2236" s="3">
        <f t="shared" si="69"/>
        <v>2015</v>
      </c>
      <c r="D2236" t="s">
        <v>1632</v>
      </c>
      <c r="E2236" t="s">
        <v>26</v>
      </c>
      <c r="F2236" t="s">
        <v>10</v>
      </c>
      <c r="G2236" t="s">
        <v>11</v>
      </c>
      <c r="H2236" t="s">
        <v>1980</v>
      </c>
      <c r="I2236">
        <v>33.4</v>
      </c>
      <c r="J2236">
        <v>5</v>
      </c>
      <c r="K2236">
        <v>16.03</v>
      </c>
    </row>
    <row r="2237" spans="1:11" x14ac:dyDescent="0.3">
      <c r="A2237" s="1">
        <v>42091</v>
      </c>
      <c r="B2237" s="3">
        <f t="shared" si="68"/>
        <v>3</v>
      </c>
      <c r="C2237" s="3">
        <f t="shared" si="69"/>
        <v>2015</v>
      </c>
      <c r="D2237" t="s">
        <v>279</v>
      </c>
      <c r="E2237" t="s">
        <v>22</v>
      </c>
      <c r="F2237" t="s">
        <v>10</v>
      </c>
      <c r="G2237" t="s">
        <v>11</v>
      </c>
      <c r="H2237" t="s">
        <v>707</v>
      </c>
      <c r="I2237">
        <v>15.55</v>
      </c>
      <c r="J2237">
        <v>3</v>
      </c>
      <c r="K2237">
        <v>5.44</v>
      </c>
    </row>
    <row r="2238" spans="1:11" x14ac:dyDescent="0.3">
      <c r="A2238" s="1">
        <v>42091</v>
      </c>
      <c r="B2238" s="3">
        <f t="shared" si="68"/>
        <v>3</v>
      </c>
      <c r="C2238" s="3">
        <f t="shared" si="69"/>
        <v>2015</v>
      </c>
      <c r="D2238" t="s">
        <v>279</v>
      </c>
      <c r="E2238" t="s">
        <v>22</v>
      </c>
      <c r="F2238" t="s">
        <v>10</v>
      </c>
      <c r="G2238" t="s">
        <v>11</v>
      </c>
      <c r="H2238" t="s">
        <v>1402</v>
      </c>
      <c r="I2238">
        <v>5.23</v>
      </c>
      <c r="J2238">
        <v>1</v>
      </c>
      <c r="K2238">
        <v>1.7</v>
      </c>
    </row>
    <row r="2239" spans="1:11" x14ac:dyDescent="0.3">
      <c r="A2239" s="1">
        <v>42091</v>
      </c>
      <c r="B2239" s="3">
        <f t="shared" si="68"/>
        <v>3</v>
      </c>
      <c r="C2239" s="3">
        <f t="shared" si="69"/>
        <v>2015</v>
      </c>
      <c r="D2239" t="s">
        <v>680</v>
      </c>
      <c r="E2239" t="s">
        <v>148</v>
      </c>
      <c r="F2239" t="s">
        <v>10</v>
      </c>
      <c r="G2239" t="s">
        <v>62</v>
      </c>
      <c r="H2239" t="s">
        <v>769</v>
      </c>
      <c r="I2239">
        <v>22.92</v>
      </c>
      <c r="J2239">
        <v>3</v>
      </c>
      <c r="K2239">
        <v>11.23</v>
      </c>
    </row>
    <row r="2240" spans="1:11" x14ac:dyDescent="0.3">
      <c r="A2240" s="1">
        <v>42092</v>
      </c>
      <c r="B2240" s="3">
        <f t="shared" si="68"/>
        <v>3</v>
      </c>
      <c r="C2240" s="3">
        <f t="shared" si="69"/>
        <v>2015</v>
      </c>
      <c r="D2240" t="s">
        <v>1356</v>
      </c>
      <c r="E2240" t="s">
        <v>122</v>
      </c>
      <c r="F2240" t="s">
        <v>33</v>
      </c>
      <c r="G2240" t="s">
        <v>34</v>
      </c>
      <c r="H2240" t="s">
        <v>1981</v>
      </c>
      <c r="I2240">
        <v>1166.92</v>
      </c>
      <c r="J2240">
        <v>5</v>
      </c>
      <c r="K2240">
        <v>131.28</v>
      </c>
    </row>
    <row r="2241" spans="1:11" x14ac:dyDescent="0.3">
      <c r="A2241" s="1">
        <v>42092</v>
      </c>
      <c r="B2241" s="3">
        <f t="shared" si="68"/>
        <v>3</v>
      </c>
      <c r="C2241" s="3">
        <f t="shared" si="69"/>
        <v>2015</v>
      </c>
      <c r="D2241" t="s">
        <v>1425</v>
      </c>
      <c r="E2241" t="s">
        <v>163</v>
      </c>
      <c r="F2241" t="s">
        <v>10</v>
      </c>
      <c r="G2241" t="s">
        <v>91</v>
      </c>
      <c r="H2241" t="s">
        <v>1982</v>
      </c>
      <c r="I2241">
        <v>73.28</v>
      </c>
      <c r="J2241">
        <v>4</v>
      </c>
      <c r="K2241">
        <v>21.25</v>
      </c>
    </row>
    <row r="2242" spans="1:11" x14ac:dyDescent="0.3">
      <c r="A2242" s="1">
        <v>42092</v>
      </c>
      <c r="B2242" s="3">
        <f t="shared" ref="B2242:B2305" si="70">MONTH(A:A)</f>
        <v>3</v>
      </c>
      <c r="C2242" s="3">
        <f t="shared" ref="C2242:C2305" si="71">YEAR(A:A)</f>
        <v>2015</v>
      </c>
      <c r="D2242" t="s">
        <v>288</v>
      </c>
      <c r="E2242" t="s">
        <v>26</v>
      </c>
      <c r="F2242" t="s">
        <v>10</v>
      </c>
      <c r="G2242" t="s">
        <v>11</v>
      </c>
      <c r="H2242" t="s">
        <v>1983</v>
      </c>
      <c r="I2242">
        <v>212.64</v>
      </c>
      <c r="J2242">
        <v>6</v>
      </c>
      <c r="K2242">
        <v>99.94</v>
      </c>
    </row>
    <row r="2243" spans="1:11" x14ac:dyDescent="0.3">
      <c r="A2243" s="1">
        <v>42092</v>
      </c>
      <c r="B2243" s="3">
        <f t="shared" si="70"/>
        <v>3</v>
      </c>
      <c r="C2243" s="3">
        <f t="shared" si="71"/>
        <v>2015</v>
      </c>
      <c r="D2243" t="s">
        <v>288</v>
      </c>
      <c r="E2243" t="s">
        <v>26</v>
      </c>
      <c r="F2243" t="s">
        <v>10</v>
      </c>
      <c r="G2243" t="s">
        <v>11</v>
      </c>
      <c r="H2243" t="s">
        <v>1672</v>
      </c>
      <c r="I2243">
        <v>9.8699999999999992</v>
      </c>
      <c r="J2243">
        <v>3</v>
      </c>
      <c r="K2243">
        <v>4.54</v>
      </c>
    </row>
    <row r="2244" spans="1:11" x14ac:dyDescent="0.3">
      <c r="A2244" s="1">
        <v>42092</v>
      </c>
      <c r="B2244" s="3">
        <f t="shared" si="70"/>
        <v>3</v>
      </c>
      <c r="C2244" s="3">
        <f t="shared" si="71"/>
        <v>2015</v>
      </c>
      <c r="D2244" t="s">
        <v>288</v>
      </c>
      <c r="E2244" t="s">
        <v>26</v>
      </c>
      <c r="F2244" t="s">
        <v>38</v>
      </c>
      <c r="G2244" t="s">
        <v>51</v>
      </c>
      <c r="H2244" t="s">
        <v>1984</v>
      </c>
      <c r="I2244">
        <v>53.25</v>
      </c>
      <c r="J2244">
        <v>3</v>
      </c>
      <c r="K2244">
        <v>20.77</v>
      </c>
    </row>
    <row r="2245" spans="1:11" x14ac:dyDescent="0.3">
      <c r="A2245" s="1">
        <v>42092</v>
      </c>
      <c r="B2245" s="3">
        <f t="shared" si="70"/>
        <v>3</v>
      </c>
      <c r="C2245" s="3">
        <f t="shared" si="71"/>
        <v>2015</v>
      </c>
      <c r="D2245" t="s">
        <v>288</v>
      </c>
      <c r="E2245" t="s">
        <v>26</v>
      </c>
      <c r="F2245" t="s">
        <v>33</v>
      </c>
      <c r="G2245" t="s">
        <v>46</v>
      </c>
      <c r="H2245" t="s">
        <v>1161</v>
      </c>
      <c r="I2245">
        <v>19.920000000000002</v>
      </c>
      <c r="J2245">
        <v>3</v>
      </c>
      <c r="K2245">
        <v>9.56</v>
      </c>
    </row>
    <row r="2246" spans="1:11" x14ac:dyDescent="0.3">
      <c r="A2246" s="1">
        <v>42092</v>
      </c>
      <c r="B2246" s="3">
        <f t="shared" si="70"/>
        <v>3</v>
      </c>
      <c r="C2246" s="3">
        <f t="shared" si="71"/>
        <v>2015</v>
      </c>
      <c r="D2246" t="s">
        <v>306</v>
      </c>
      <c r="E2246" t="s">
        <v>54</v>
      </c>
      <c r="F2246" t="s">
        <v>10</v>
      </c>
      <c r="G2246" t="s">
        <v>23</v>
      </c>
      <c r="H2246" t="s">
        <v>325</v>
      </c>
      <c r="I2246">
        <v>5.56</v>
      </c>
      <c r="J2246">
        <v>2</v>
      </c>
      <c r="K2246">
        <v>1.45</v>
      </c>
    </row>
    <row r="2247" spans="1:11" x14ac:dyDescent="0.3">
      <c r="A2247" s="1">
        <v>42092</v>
      </c>
      <c r="B2247" s="3">
        <f t="shared" si="70"/>
        <v>3</v>
      </c>
      <c r="C2247" s="3">
        <f t="shared" si="71"/>
        <v>2015</v>
      </c>
      <c r="D2247" t="s">
        <v>1985</v>
      </c>
      <c r="E2247" t="s">
        <v>148</v>
      </c>
      <c r="F2247" t="s">
        <v>10</v>
      </c>
      <c r="G2247" t="s">
        <v>11</v>
      </c>
      <c r="H2247" t="s">
        <v>1986</v>
      </c>
      <c r="I2247">
        <v>17.64</v>
      </c>
      <c r="J2247">
        <v>4</v>
      </c>
      <c r="K2247">
        <v>8.11</v>
      </c>
    </row>
    <row r="2248" spans="1:11" x14ac:dyDescent="0.3">
      <c r="A2248" s="1">
        <v>42093</v>
      </c>
      <c r="B2248" s="3">
        <f t="shared" si="70"/>
        <v>3</v>
      </c>
      <c r="C2248" s="3">
        <f t="shared" si="71"/>
        <v>2015</v>
      </c>
      <c r="D2248" t="s">
        <v>1445</v>
      </c>
      <c r="E2248" t="s">
        <v>14</v>
      </c>
      <c r="F2248" t="s">
        <v>10</v>
      </c>
      <c r="G2248" t="s">
        <v>11</v>
      </c>
      <c r="H2248" t="s">
        <v>1417</v>
      </c>
      <c r="I2248">
        <v>23.52</v>
      </c>
      <c r="J2248">
        <v>5</v>
      </c>
      <c r="K2248">
        <v>8.5299999999999994</v>
      </c>
    </row>
    <row r="2249" spans="1:11" x14ac:dyDescent="0.3">
      <c r="A2249" s="1">
        <v>42093</v>
      </c>
      <c r="B2249" s="3">
        <f t="shared" si="70"/>
        <v>3</v>
      </c>
      <c r="C2249" s="3">
        <f t="shared" si="71"/>
        <v>2015</v>
      </c>
      <c r="D2249" t="s">
        <v>1445</v>
      </c>
      <c r="E2249" t="s">
        <v>14</v>
      </c>
      <c r="F2249" t="s">
        <v>38</v>
      </c>
      <c r="G2249" t="s">
        <v>39</v>
      </c>
      <c r="H2249" t="s">
        <v>162</v>
      </c>
      <c r="I2249">
        <v>180.96</v>
      </c>
      <c r="J2249">
        <v>5</v>
      </c>
      <c r="K2249">
        <v>13.57</v>
      </c>
    </row>
    <row r="2250" spans="1:11" x14ac:dyDescent="0.3">
      <c r="A2250" s="1">
        <v>42093</v>
      </c>
      <c r="B2250" s="3">
        <f t="shared" si="70"/>
        <v>3</v>
      </c>
      <c r="C2250" s="3">
        <f t="shared" si="71"/>
        <v>2015</v>
      </c>
      <c r="D2250" t="s">
        <v>397</v>
      </c>
      <c r="E2250" t="s">
        <v>14</v>
      </c>
      <c r="F2250" t="s">
        <v>33</v>
      </c>
      <c r="G2250" t="s">
        <v>34</v>
      </c>
      <c r="H2250" t="s">
        <v>1434</v>
      </c>
      <c r="I2250">
        <v>366.74</v>
      </c>
      <c r="J2250">
        <v>4</v>
      </c>
      <c r="K2250">
        <v>-110.02</v>
      </c>
    </row>
    <row r="2251" spans="1:11" x14ac:dyDescent="0.3">
      <c r="A2251" s="1">
        <v>42094</v>
      </c>
      <c r="B2251" s="3">
        <f t="shared" si="70"/>
        <v>3</v>
      </c>
      <c r="C2251" s="3">
        <f t="shared" si="71"/>
        <v>2015</v>
      </c>
      <c r="D2251" t="s">
        <v>474</v>
      </c>
      <c r="E2251" t="s">
        <v>122</v>
      </c>
      <c r="F2251" t="s">
        <v>38</v>
      </c>
      <c r="G2251" t="s">
        <v>39</v>
      </c>
      <c r="H2251" t="s">
        <v>1987</v>
      </c>
      <c r="I2251">
        <v>79.959999999999994</v>
      </c>
      <c r="J2251">
        <v>5</v>
      </c>
      <c r="K2251">
        <v>27.99</v>
      </c>
    </row>
    <row r="2252" spans="1:11" x14ac:dyDescent="0.3">
      <c r="A2252" s="1">
        <v>42094</v>
      </c>
      <c r="B2252" s="3">
        <f t="shared" si="70"/>
        <v>3</v>
      </c>
      <c r="C2252" s="3">
        <f t="shared" si="71"/>
        <v>2015</v>
      </c>
      <c r="D2252" t="s">
        <v>921</v>
      </c>
      <c r="E2252" t="s">
        <v>9</v>
      </c>
      <c r="F2252" t="s">
        <v>10</v>
      </c>
      <c r="G2252" t="s">
        <v>11</v>
      </c>
      <c r="H2252" t="s">
        <v>1988</v>
      </c>
      <c r="I2252">
        <v>98.38</v>
      </c>
      <c r="J2252">
        <v>3</v>
      </c>
      <c r="K2252">
        <v>35.659999999999997</v>
      </c>
    </row>
    <row r="2253" spans="1:11" x14ac:dyDescent="0.3">
      <c r="A2253" s="1">
        <v>42094</v>
      </c>
      <c r="B2253" s="3">
        <f t="shared" si="70"/>
        <v>3</v>
      </c>
      <c r="C2253" s="3">
        <f t="shared" si="71"/>
        <v>2015</v>
      </c>
      <c r="D2253" t="s">
        <v>921</v>
      </c>
      <c r="E2253" t="s">
        <v>9</v>
      </c>
      <c r="F2253" t="s">
        <v>33</v>
      </c>
      <c r="G2253" t="s">
        <v>46</v>
      </c>
      <c r="H2253" t="s">
        <v>1989</v>
      </c>
      <c r="I2253">
        <v>22.38</v>
      </c>
      <c r="J2253">
        <v>3</v>
      </c>
      <c r="K2253">
        <v>-7.83</v>
      </c>
    </row>
    <row r="2254" spans="1:11" x14ac:dyDescent="0.3">
      <c r="A2254" s="1">
        <v>42096</v>
      </c>
      <c r="B2254" s="3">
        <f t="shared" si="70"/>
        <v>4</v>
      </c>
      <c r="C2254" s="3">
        <f t="shared" si="71"/>
        <v>2015</v>
      </c>
      <c r="D2254" t="s">
        <v>1990</v>
      </c>
      <c r="E2254" t="s">
        <v>9</v>
      </c>
      <c r="F2254" t="s">
        <v>10</v>
      </c>
      <c r="G2254" t="s">
        <v>91</v>
      </c>
      <c r="H2254" t="s">
        <v>1639</v>
      </c>
      <c r="I2254">
        <v>32.19</v>
      </c>
      <c r="J2254">
        <v>2</v>
      </c>
      <c r="K2254">
        <v>-80.48</v>
      </c>
    </row>
    <row r="2255" spans="1:11" x14ac:dyDescent="0.3">
      <c r="A2255" s="1">
        <v>42096</v>
      </c>
      <c r="B2255" s="3">
        <f t="shared" si="70"/>
        <v>4</v>
      </c>
      <c r="C2255" s="3">
        <f t="shared" si="71"/>
        <v>2015</v>
      </c>
      <c r="D2255" t="s">
        <v>1990</v>
      </c>
      <c r="E2255" t="s">
        <v>9</v>
      </c>
      <c r="F2255" t="s">
        <v>38</v>
      </c>
      <c r="G2255" t="s">
        <v>51</v>
      </c>
      <c r="H2255" t="s">
        <v>1421</v>
      </c>
      <c r="I2255">
        <v>50.12</v>
      </c>
      <c r="J2255">
        <v>7</v>
      </c>
      <c r="K2255">
        <v>-0.63</v>
      </c>
    </row>
    <row r="2256" spans="1:11" x14ac:dyDescent="0.3">
      <c r="A2256" s="1">
        <v>42096</v>
      </c>
      <c r="B2256" s="3">
        <f t="shared" si="70"/>
        <v>4</v>
      </c>
      <c r="C2256" s="3">
        <f t="shared" si="71"/>
        <v>2015</v>
      </c>
      <c r="D2256" t="s">
        <v>1990</v>
      </c>
      <c r="E2256" t="s">
        <v>9</v>
      </c>
      <c r="F2256" t="s">
        <v>38</v>
      </c>
      <c r="G2256" t="s">
        <v>51</v>
      </c>
      <c r="H2256" t="s">
        <v>1991</v>
      </c>
      <c r="I2256">
        <v>47.98</v>
      </c>
      <c r="J2256">
        <v>3</v>
      </c>
      <c r="K2256">
        <v>1.8</v>
      </c>
    </row>
    <row r="2257" spans="1:11" x14ac:dyDescent="0.3">
      <c r="A2257" s="1">
        <v>42096</v>
      </c>
      <c r="B2257" s="3">
        <f t="shared" si="70"/>
        <v>4</v>
      </c>
      <c r="C2257" s="3">
        <f t="shared" si="71"/>
        <v>2015</v>
      </c>
      <c r="D2257" t="s">
        <v>1787</v>
      </c>
      <c r="E2257" t="s">
        <v>9</v>
      </c>
      <c r="F2257" t="s">
        <v>10</v>
      </c>
      <c r="G2257" t="s">
        <v>19</v>
      </c>
      <c r="H2257" t="s">
        <v>1992</v>
      </c>
      <c r="I2257">
        <v>9.16</v>
      </c>
      <c r="J2257">
        <v>3</v>
      </c>
      <c r="K2257">
        <v>-13.73</v>
      </c>
    </row>
    <row r="2258" spans="1:11" x14ac:dyDescent="0.3">
      <c r="A2258" s="1">
        <v>42096</v>
      </c>
      <c r="B2258" s="3">
        <f t="shared" si="70"/>
        <v>4</v>
      </c>
      <c r="C2258" s="3">
        <f t="shared" si="71"/>
        <v>2015</v>
      </c>
      <c r="D2258" t="s">
        <v>1993</v>
      </c>
      <c r="E2258" t="s">
        <v>26</v>
      </c>
      <c r="F2258" t="s">
        <v>38</v>
      </c>
      <c r="G2258" t="s">
        <v>301</v>
      </c>
      <c r="H2258" t="s">
        <v>1994</v>
      </c>
      <c r="I2258">
        <v>71.98</v>
      </c>
      <c r="J2258">
        <v>3</v>
      </c>
      <c r="K2258">
        <v>24.29</v>
      </c>
    </row>
    <row r="2259" spans="1:11" x14ac:dyDescent="0.3">
      <c r="A2259" s="1">
        <v>42096</v>
      </c>
      <c r="B2259" s="3">
        <f t="shared" si="70"/>
        <v>4</v>
      </c>
      <c r="C2259" s="3">
        <f t="shared" si="71"/>
        <v>2015</v>
      </c>
      <c r="D2259" t="s">
        <v>1003</v>
      </c>
      <c r="E2259" t="s">
        <v>94</v>
      </c>
      <c r="F2259" t="s">
        <v>38</v>
      </c>
      <c r="G2259" t="s">
        <v>39</v>
      </c>
      <c r="H2259" t="s">
        <v>1763</v>
      </c>
      <c r="I2259">
        <v>87.8</v>
      </c>
      <c r="J2259">
        <v>5</v>
      </c>
      <c r="K2259">
        <v>32.93</v>
      </c>
    </row>
    <row r="2260" spans="1:11" x14ac:dyDescent="0.3">
      <c r="A2260" s="1">
        <v>42098</v>
      </c>
      <c r="B2260" s="3">
        <f t="shared" si="70"/>
        <v>4</v>
      </c>
      <c r="C2260" s="3">
        <f t="shared" si="71"/>
        <v>2015</v>
      </c>
      <c r="D2260" t="s">
        <v>544</v>
      </c>
      <c r="E2260" t="s">
        <v>148</v>
      </c>
      <c r="F2260" t="s">
        <v>10</v>
      </c>
      <c r="G2260" t="s">
        <v>23</v>
      </c>
      <c r="H2260" t="s">
        <v>644</v>
      </c>
      <c r="I2260">
        <v>11.16</v>
      </c>
      <c r="J2260">
        <v>2</v>
      </c>
      <c r="K2260">
        <v>4.3499999999999996</v>
      </c>
    </row>
    <row r="2261" spans="1:11" x14ac:dyDescent="0.3">
      <c r="A2261" s="1">
        <v>42098</v>
      </c>
      <c r="B2261" s="3">
        <f t="shared" si="70"/>
        <v>4</v>
      </c>
      <c r="C2261" s="3">
        <f t="shared" si="71"/>
        <v>2015</v>
      </c>
      <c r="D2261" t="s">
        <v>544</v>
      </c>
      <c r="E2261" t="s">
        <v>148</v>
      </c>
      <c r="F2261" t="s">
        <v>33</v>
      </c>
      <c r="G2261" t="s">
        <v>46</v>
      </c>
      <c r="H2261" t="s">
        <v>1995</v>
      </c>
      <c r="I2261">
        <v>108.4</v>
      </c>
      <c r="J2261">
        <v>2</v>
      </c>
      <c r="K2261">
        <v>22.76</v>
      </c>
    </row>
    <row r="2262" spans="1:11" x14ac:dyDescent="0.3">
      <c r="A2262" s="1">
        <v>42098</v>
      </c>
      <c r="B2262" s="3">
        <f t="shared" si="70"/>
        <v>4</v>
      </c>
      <c r="C2262" s="3">
        <f t="shared" si="71"/>
        <v>2015</v>
      </c>
      <c r="D2262" t="s">
        <v>544</v>
      </c>
      <c r="E2262" t="s">
        <v>148</v>
      </c>
      <c r="F2262" t="s">
        <v>10</v>
      </c>
      <c r="G2262" t="s">
        <v>19</v>
      </c>
      <c r="H2262" t="s">
        <v>367</v>
      </c>
      <c r="I2262">
        <v>82.34</v>
      </c>
      <c r="J2262">
        <v>3</v>
      </c>
      <c r="K2262">
        <v>27.79</v>
      </c>
    </row>
    <row r="2263" spans="1:11" x14ac:dyDescent="0.3">
      <c r="A2263" s="1">
        <v>42098</v>
      </c>
      <c r="B2263" s="3">
        <f t="shared" si="70"/>
        <v>4</v>
      </c>
      <c r="C2263" s="3">
        <f t="shared" si="71"/>
        <v>2015</v>
      </c>
      <c r="D2263" t="s">
        <v>544</v>
      </c>
      <c r="E2263" t="s">
        <v>148</v>
      </c>
      <c r="F2263" t="s">
        <v>10</v>
      </c>
      <c r="G2263" t="s">
        <v>19</v>
      </c>
      <c r="H2263" t="s">
        <v>422</v>
      </c>
      <c r="I2263">
        <v>9.09</v>
      </c>
      <c r="J2263">
        <v>4</v>
      </c>
      <c r="K2263">
        <v>3.29</v>
      </c>
    </row>
    <row r="2264" spans="1:11" x14ac:dyDescent="0.3">
      <c r="A2264" s="1">
        <v>42098</v>
      </c>
      <c r="B2264" s="3">
        <f t="shared" si="70"/>
        <v>4</v>
      </c>
      <c r="C2264" s="3">
        <f t="shared" si="71"/>
        <v>2015</v>
      </c>
      <c r="D2264" t="s">
        <v>416</v>
      </c>
      <c r="E2264" t="s">
        <v>109</v>
      </c>
      <c r="F2264" t="s">
        <v>10</v>
      </c>
      <c r="G2264" t="s">
        <v>91</v>
      </c>
      <c r="H2264" t="s">
        <v>1996</v>
      </c>
      <c r="I2264">
        <v>644.08000000000004</v>
      </c>
      <c r="J2264">
        <v>2</v>
      </c>
      <c r="K2264">
        <v>107.35</v>
      </c>
    </row>
    <row r="2265" spans="1:11" x14ac:dyDescent="0.3">
      <c r="A2265" s="1">
        <v>42098</v>
      </c>
      <c r="B2265" s="3">
        <f t="shared" si="70"/>
        <v>4</v>
      </c>
      <c r="C2265" s="3">
        <f t="shared" si="71"/>
        <v>2015</v>
      </c>
      <c r="D2265" t="s">
        <v>416</v>
      </c>
      <c r="E2265" t="s">
        <v>109</v>
      </c>
      <c r="F2265" t="s">
        <v>10</v>
      </c>
      <c r="G2265" t="s">
        <v>42</v>
      </c>
      <c r="H2265" t="s">
        <v>159</v>
      </c>
      <c r="I2265">
        <v>5.84</v>
      </c>
      <c r="J2265">
        <v>2</v>
      </c>
      <c r="K2265">
        <v>2.63</v>
      </c>
    </row>
    <row r="2266" spans="1:11" x14ac:dyDescent="0.3">
      <c r="A2266" s="1">
        <v>42098</v>
      </c>
      <c r="B2266" s="3">
        <f t="shared" si="70"/>
        <v>4</v>
      </c>
      <c r="C2266" s="3">
        <f t="shared" si="71"/>
        <v>2015</v>
      </c>
      <c r="D2266" t="s">
        <v>416</v>
      </c>
      <c r="E2266" t="s">
        <v>109</v>
      </c>
      <c r="F2266" t="s">
        <v>10</v>
      </c>
      <c r="G2266" t="s">
        <v>19</v>
      </c>
      <c r="H2266" t="s">
        <v>1699</v>
      </c>
      <c r="I2266">
        <v>12.76</v>
      </c>
      <c r="J2266">
        <v>2</v>
      </c>
      <c r="K2266">
        <v>5.87</v>
      </c>
    </row>
    <row r="2267" spans="1:11" x14ac:dyDescent="0.3">
      <c r="A2267" s="1">
        <v>42098</v>
      </c>
      <c r="B2267" s="3">
        <f t="shared" si="70"/>
        <v>4</v>
      </c>
      <c r="C2267" s="3">
        <f t="shared" si="71"/>
        <v>2015</v>
      </c>
      <c r="D2267" t="s">
        <v>416</v>
      </c>
      <c r="E2267" t="s">
        <v>109</v>
      </c>
      <c r="F2267" t="s">
        <v>38</v>
      </c>
      <c r="G2267" t="s">
        <v>39</v>
      </c>
      <c r="H2267" t="s">
        <v>1754</v>
      </c>
      <c r="I2267">
        <v>10.95</v>
      </c>
      <c r="J2267">
        <v>1</v>
      </c>
      <c r="K2267">
        <v>0.44</v>
      </c>
    </row>
    <row r="2268" spans="1:11" x14ac:dyDescent="0.3">
      <c r="A2268" s="1">
        <v>42098</v>
      </c>
      <c r="B2268" s="3">
        <f t="shared" si="70"/>
        <v>4</v>
      </c>
      <c r="C2268" s="3">
        <f t="shared" si="71"/>
        <v>2015</v>
      </c>
      <c r="D2268" t="s">
        <v>416</v>
      </c>
      <c r="E2268" t="s">
        <v>109</v>
      </c>
      <c r="F2268" t="s">
        <v>38</v>
      </c>
      <c r="G2268" t="s">
        <v>602</v>
      </c>
      <c r="H2268" t="s">
        <v>603</v>
      </c>
      <c r="I2268">
        <v>599.98</v>
      </c>
      <c r="J2268">
        <v>2</v>
      </c>
      <c r="K2268">
        <v>209.99</v>
      </c>
    </row>
    <row r="2269" spans="1:11" x14ac:dyDescent="0.3">
      <c r="A2269" s="1">
        <v>42099</v>
      </c>
      <c r="B2269" s="3">
        <f t="shared" si="70"/>
        <v>4</v>
      </c>
      <c r="C2269" s="3">
        <f t="shared" si="71"/>
        <v>2015</v>
      </c>
      <c r="D2269" t="s">
        <v>1520</v>
      </c>
      <c r="E2269" t="s">
        <v>119</v>
      </c>
      <c r="F2269" t="s">
        <v>10</v>
      </c>
      <c r="G2269" t="s">
        <v>19</v>
      </c>
      <c r="H2269" t="s">
        <v>1776</v>
      </c>
      <c r="I2269">
        <v>157.79</v>
      </c>
      <c r="J2269">
        <v>1</v>
      </c>
      <c r="K2269">
        <v>-115.72</v>
      </c>
    </row>
    <row r="2270" spans="1:11" x14ac:dyDescent="0.3">
      <c r="A2270" s="1">
        <v>42099</v>
      </c>
      <c r="B2270" s="3">
        <f t="shared" si="70"/>
        <v>4</v>
      </c>
      <c r="C2270" s="3">
        <f t="shared" si="71"/>
        <v>2015</v>
      </c>
      <c r="D2270" t="s">
        <v>785</v>
      </c>
      <c r="E2270" t="s">
        <v>22</v>
      </c>
      <c r="F2270" t="s">
        <v>10</v>
      </c>
      <c r="G2270" t="s">
        <v>91</v>
      </c>
      <c r="H2270" t="s">
        <v>1753</v>
      </c>
      <c r="I2270">
        <v>98.11</v>
      </c>
      <c r="J2270">
        <v>7</v>
      </c>
      <c r="K2270">
        <v>18.399999999999999</v>
      </c>
    </row>
    <row r="2271" spans="1:11" x14ac:dyDescent="0.3">
      <c r="A2271" s="1">
        <v>42099</v>
      </c>
      <c r="B2271" s="3">
        <f t="shared" si="70"/>
        <v>4</v>
      </c>
      <c r="C2271" s="3">
        <f t="shared" si="71"/>
        <v>2015</v>
      </c>
      <c r="D2271" t="s">
        <v>785</v>
      </c>
      <c r="E2271" t="s">
        <v>22</v>
      </c>
      <c r="F2271" t="s">
        <v>10</v>
      </c>
      <c r="G2271" t="s">
        <v>17</v>
      </c>
      <c r="H2271" t="s">
        <v>1448</v>
      </c>
      <c r="I2271">
        <v>563.80999999999995</v>
      </c>
      <c r="J2271">
        <v>4</v>
      </c>
      <c r="K2271">
        <v>21.14</v>
      </c>
    </row>
    <row r="2272" spans="1:11" x14ac:dyDescent="0.3">
      <c r="A2272" s="1">
        <v>42099</v>
      </c>
      <c r="B2272" s="3">
        <f t="shared" si="70"/>
        <v>4</v>
      </c>
      <c r="C2272" s="3">
        <f t="shared" si="71"/>
        <v>2015</v>
      </c>
      <c r="D2272" t="s">
        <v>785</v>
      </c>
      <c r="E2272" t="s">
        <v>22</v>
      </c>
      <c r="F2272" t="s">
        <v>10</v>
      </c>
      <c r="G2272" t="s">
        <v>19</v>
      </c>
      <c r="H2272" t="s">
        <v>1997</v>
      </c>
      <c r="I2272">
        <v>10.43</v>
      </c>
      <c r="J2272">
        <v>4</v>
      </c>
      <c r="K2272">
        <v>-6.95</v>
      </c>
    </row>
    <row r="2273" spans="1:11" x14ac:dyDescent="0.3">
      <c r="A2273" s="1">
        <v>42099</v>
      </c>
      <c r="B2273" s="3">
        <f t="shared" si="70"/>
        <v>4</v>
      </c>
      <c r="C2273" s="3">
        <f t="shared" si="71"/>
        <v>2015</v>
      </c>
      <c r="D2273" t="s">
        <v>785</v>
      </c>
      <c r="E2273" t="s">
        <v>22</v>
      </c>
      <c r="F2273" t="s">
        <v>33</v>
      </c>
      <c r="G2273" t="s">
        <v>46</v>
      </c>
      <c r="H2273" t="s">
        <v>1553</v>
      </c>
      <c r="I2273">
        <v>547.14</v>
      </c>
      <c r="J2273">
        <v>4</v>
      </c>
      <c r="K2273">
        <v>-68.39</v>
      </c>
    </row>
    <row r="2274" spans="1:11" x14ac:dyDescent="0.3">
      <c r="A2274" s="1">
        <v>42099</v>
      </c>
      <c r="B2274" s="3">
        <f t="shared" si="70"/>
        <v>4</v>
      </c>
      <c r="C2274" s="3">
        <f t="shared" si="71"/>
        <v>2015</v>
      </c>
      <c r="D2274" t="s">
        <v>785</v>
      </c>
      <c r="E2274" t="s">
        <v>22</v>
      </c>
      <c r="F2274" t="s">
        <v>38</v>
      </c>
      <c r="G2274" t="s">
        <v>39</v>
      </c>
      <c r="H2274" t="s">
        <v>1998</v>
      </c>
      <c r="I2274">
        <v>14.85</v>
      </c>
      <c r="J2274">
        <v>5</v>
      </c>
      <c r="K2274">
        <v>-3.22</v>
      </c>
    </row>
    <row r="2275" spans="1:11" x14ac:dyDescent="0.3">
      <c r="A2275" s="1">
        <v>42099</v>
      </c>
      <c r="B2275" s="3">
        <f t="shared" si="70"/>
        <v>4</v>
      </c>
      <c r="C2275" s="3">
        <f t="shared" si="71"/>
        <v>2015</v>
      </c>
      <c r="D2275" t="s">
        <v>785</v>
      </c>
      <c r="E2275" t="s">
        <v>22</v>
      </c>
      <c r="F2275" t="s">
        <v>38</v>
      </c>
      <c r="G2275" t="s">
        <v>39</v>
      </c>
      <c r="H2275" t="s">
        <v>1880</v>
      </c>
      <c r="I2275">
        <v>41.99</v>
      </c>
      <c r="J2275">
        <v>2</v>
      </c>
      <c r="K2275">
        <v>-9.8000000000000007</v>
      </c>
    </row>
    <row r="2276" spans="1:11" x14ac:dyDescent="0.3">
      <c r="A2276" s="1">
        <v>42099</v>
      </c>
      <c r="B2276" s="3">
        <f t="shared" si="70"/>
        <v>4</v>
      </c>
      <c r="C2276" s="3">
        <f t="shared" si="71"/>
        <v>2015</v>
      </c>
      <c r="D2276" t="s">
        <v>785</v>
      </c>
      <c r="E2276" t="s">
        <v>22</v>
      </c>
      <c r="F2276" t="s">
        <v>33</v>
      </c>
      <c r="G2276" t="s">
        <v>46</v>
      </c>
      <c r="H2276" t="s">
        <v>1999</v>
      </c>
      <c r="I2276">
        <v>7.58</v>
      </c>
      <c r="J2276">
        <v>1</v>
      </c>
      <c r="K2276">
        <v>2.37</v>
      </c>
    </row>
    <row r="2277" spans="1:11" x14ac:dyDescent="0.3">
      <c r="A2277" s="1">
        <v>42099</v>
      </c>
      <c r="B2277" s="3">
        <f t="shared" si="70"/>
        <v>4</v>
      </c>
      <c r="C2277" s="3">
        <f t="shared" si="71"/>
        <v>2015</v>
      </c>
      <c r="D2277" t="s">
        <v>785</v>
      </c>
      <c r="E2277" t="s">
        <v>22</v>
      </c>
      <c r="F2277" t="s">
        <v>33</v>
      </c>
      <c r="G2277" t="s">
        <v>73</v>
      </c>
      <c r="H2277" t="s">
        <v>341</v>
      </c>
      <c r="I2277">
        <v>352.45</v>
      </c>
      <c r="J2277">
        <v>5</v>
      </c>
      <c r="K2277">
        <v>-211.47</v>
      </c>
    </row>
    <row r="2278" spans="1:11" x14ac:dyDescent="0.3">
      <c r="A2278" s="1">
        <v>42099</v>
      </c>
      <c r="B2278" s="3">
        <f t="shared" si="70"/>
        <v>4</v>
      </c>
      <c r="C2278" s="3">
        <f t="shared" si="71"/>
        <v>2015</v>
      </c>
      <c r="D2278" t="s">
        <v>676</v>
      </c>
      <c r="E2278" t="s">
        <v>22</v>
      </c>
      <c r="F2278" t="s">
        <v>10</v>
      </c>
      <c r="G2278" t="s">
        <v>15</v>
      </c>
      <c r="H2278" t="s">
        <v>1335</v>
      </c>
      <c r="I2278">
        <v>23.9</v>
      </c>
      <c r="J2278">
        <v>6</v>
      </c>
      <c r="K2278">
        <v>7.77</v>
      </c>
    </row>
    <row r="2279" spans="1:11" x14ac:dyDescent="0.3">
      <c r="A2279" s="1">
        <v>42099</v>
      </c>
      <c r="B2279" s="3">
        <f t="shared" si="70"/>
        <v>4</v>
      </c>
      <c r="C2279" s="3">
        <f t="shared" si="71"/>
        <v>2015</v>
      </c>
      <c r="D2279" t="s">
        <v>138</v>
      </c>
      <c r="E2279" t="s">
        <v>26</v>
      </c>
      <c r="F2279" t="s">
        <v>33</v>
      </c>
      <c r="G2279" t="s">
        <v>34</v>
      </c>
      <c r="H2279" t="s">
        <v>571</v>
      </c>
      <c r="I2279">
        <v>892.22</v>
      </c>
      <c r="J2279">
        <v>3</v>
      </c>
      <c r="K2279">
        <v>89.22</v>
      </c>
    </row>
    <row r="2280" spans="1:11" x14ac:dyDescent="0.3">
      <c r="A2280" s="1">
        <v>42099</v>
      </c>
      <c r="B2280" s="3">
        <f t="shared" si="70"/>
        <v>4</v>
      </c>
      <c r="C2280" s="3">
        <f t="shared" si="71"/>
        <v>2015</v>
      </c>
      <c r="D2280" t="s">
        <v>828</v>
      </c>
      <c r="E2280" t="s">
        <v>163</v>
      </c>
      <c r="F2280" t="s">
        <v>38</v>
      </c>
      <c r="G2280" t="s">
        <v>51</v>
      </c>
      <c r="H2280" t="s">
        <v>1085</v>
      </c>
      <c r="I2280">
        <v>239.94</v>
      </c>
      <c r="J2280">
        <v>6</v>
      </c>
      <c r="K2280">
        <v>26.39</v>
      </c>
    </row>
    <row r="2281" spans="1:11" x14ac:dyDescent="0.3">
      <c r="A2281" s="1">
        <v>42099</v>
      </c>
      <c r="B2281" s="3">
        <f t="shared" si="70"/>
        <v>4</v>
      </c>
      <c r="C2281" s="3">
        <f t="shared" si="71"/>
        <v>2015</v>
      </c>
      <c r="D2281" t="s">
        <v>828</v>
      </c>
      <c r="E2281" t="s">
        <v>163</v>
      </c>
      <c r="F2281" t="s">
        <v>10</v>
      </c>
      <c r="G2281" t="s">
        <v>23</v>
      </c>
      <c r="H2281" t="s">
        <v>2000</v>
      </c>
      <c r="I2281">
        <v>23.84</v>
      </c>
      <c r="J2281">
        <v>8</v>
      </c>
      <c r="K2281">
        <v>6.44</v>
      </c>
    </row>
    <row r="2282" spans="1:11" x14ac:dyDescent="0.3">
      <c r="A2282" s="1">
        <v>42100</v>
      </c>
      <c r="B2282" s="3">
        <f t="shared" si="70"/>
        <v>4</v>
      </c>
      <c r="C2282" s="3">
        <f t="shared" si="71"/>
        <v>2015</v>
      </c>
      <c r="D2282" t="s">
        <v>1370</v>
      </c>
      <c r="E2282" t="s">
        <v>9</v>
      </c>
      <c r="F2282" t="s">
        <v>10</v>
      </c>
      <c r="G2282" t="s">
        <v>23</v>
      </c>
      <c r="H2282" t="s">
        <v>50</v>
      </c>
      <c r="I2282">
        <v>42.05</v>
      </c>
      <c r="J2282">
        <v>9</v>
      </c>
      <c r="K2282">
        <v>5.26</v>
      </c>
    </row>
    <row r="2283" spans="1:11" x14ac:dyDescent="0.3">
      <c r="A2283" s="1">
        <v>42100</v>
      </c>
      <c r="B2283" s="3">
        <f t="shared" si="70"/>
        <v>4</v>
      </c>
      <c r="C2283" s="3">
        <f t="shared" si="71"/>
        <v>2015</v>
      </c>
      <c r="D2283" t="s">
        <v>1370</v>
      </c>
      <c r="E2283" t="s">
        <v>9</v>
      </c>
      <c r="F2283" t="s">
        <v>38</v>
      </c>
      <c r="G2283" t="s">
        <v>51</v>
      </c>
      <c r="H2283" t="s">
        <v>597</v>
      </c>
      <c r="I2283">
        <v>25.49</v>
      </c>
      <c r="J2283">
        <v>2</v>
      </c>
      <c r="K2283">
        <v>4.46</v>
      </c>
    </row>
    <row r="2284" spans="1:11" x14ac:dyDescent="0.3">
      <c r="A2284" s="1">
        <v>42100</v>
      </c>
      <c r="B2284" s="3">
        <f t="shared" si="70"/>
        <v>4</v>
      </c>
      <c r="C2284" s="3">
        <f t="shared" si="71"/>
        <v>2015</v>
      </c>
      <c r="D2284" t="s">
        <v>1370</v>
      </c>
      <c r="E2284" t="s">
        <v>9</v>
      </c>
      <c r="F2284" t="s">
        <v>10</v>
      </c>
      <c r="G2284" t="s">
        <v>19</v>
      </c>
      <c r="H2284" t="s">
        <v>1371</v>
      </c>
      <c r="I2284">
        <v>6.9</v>
      </c>
      <c r="J2284">
        <v>3</v>
      </c>
      <c r="K2284">
        <v>-12.08</v>
      </c>
    </row>
    <row r="2285" spans="1:11" x14ac:dyDescent="0.3">
      <c r="A2285" s="1">
        <v>42100</v>
      </c>
      <c r="B2285" s="3">
        <f t="shared" si="70"/>
        <v>4</v>
      </c>
      <c r="C2285" s="3">
        <f t="shared" si="71"/>
        <v>2015</v>
      </c>
      <c r="D2285" t="s">
        <v>1370</v>
      </c>
      <c r="E2285" t="s">
        <v>9</v>
      </c>
      <c r="F2285" t="s">
        <v>10</v>
      </c>
      <c r="G2285" t="s">
        <v>19</v>
      </c>
      <c r="H2285" t="s">
        <v>466</v>
      </c>
      <c r="I2285">
        <v>9.65</v>
      </c>
      <c r="J2285">
        <v>6</v>
      </c>
      <c r="K2285">
        <v>-16.88</v>
      </c>
    </row>
    <row r="2286" spans="1:11" x14ac:dyDescent="0.3">
      <c r="A2286" s="1">
        <v>42100</v>
      </c>
      <c r="B2286" s="3">
        <f t="shared" si="70"/>
        <v>4</v>
      </c>
      <c r="C2286" s="3">
        <f t="shared" si="71"/>
        <v>2015</v>
      </c>
      <c r="D2286" t="s">
        <v>1370</v>
      </c>
      <c r="E2286" t="s">
        <v>9</v>
      </c>
      <c r="F2286" t="s">
        <v>10</v>
      </c>
      <c r="G2286" t="s">
        <v>11</v>
      </c>
      <c r="H2286" t="s">
        <v>678</v>
      </c>
      <c r="I2286">
        <v>7.97</v>
      </c>
      <c r="J2286">
        <v>2</v>
      </c>
      <c r="K2286">
        <v>2.89</v>
      </c>
    </row>
    <row r="2287" spans="1:11" x14ac:dyDescent="0.3">
      <c r="A2287" s="1">
        <v>42100</v>
      </c>
      <c r="B2287" s="3">
        <f t="shared" si="70"/>
        <v>4</v>
      </c>
      <c r="C2287" s="3">
        <f t="shared" si="71"/>
        <v>2015</v>
      </c>
      <c r="D2287" t="s">
        <v>934</v>
      </c>
      <c r="E2287" t="s">
        <v>244</v>
      </c>
      <c r="F2287" t="s">
        <v>10</v>
      </c>
      <c r="G2287" t="s">
        <v>11</v>
      </c>
      <c r="H2287" t="s">
        <v>1051</v>
      </c>
      <c r="I2287">
        <v>47.95</v>
      </c>
      <c r="J2287">
        <v>3</v>
      </c>
      <c r="K2287">
        <v>16.18</v>
      </c>
    </row>
    <row r="2288" spans="1:11" x14ac:dyDescent="0.3">
      <c r="A2288" s="1">
        <v>42101</v>
      </c>
      <c r="B2288" s="3">
        <f t="shared" si="70"/>
        <v>4</v>
      </c>
      <c r="C2288" s="3">
        <f t="shared" si="71"/>
        <v>2015</v>
      </c>
      <c r="D2288" t="s">
        <v>617</v>
      </c>
      <c r="E2288" t="s">
        <v>9</v>
      </c>
      <c r="F2288" t="s">
        <v>10</v>
      </c>
      <c r="G2288" t="s">
        <v>91</v>
      </c>
      <c r="H2288" t="s">
        <v>1852</v>
      </c>
      <c r="I2288">
        <v>463.25</v>
      </c>
      <c r="J2288">
        <v>8</v>
      </c>
      <c r="K2288">
        <v>-1181.28</v>
      </c>
    </row>
    <row r="2289" spans="1:11" x14ac:dyDescent="0.3">
      <c r="A2289" s="1">
        <v>42101</v>
      </c>
      <c r="B2289" s="3">
        <f t="shared" si="70"/>
        <v>4</v>
      </c>
      <c r="C2289" s="3">
        <f t="shared" si="71"/>
        <v>2015</v>
      </c>
      <c r="D2289" t="s">
        <v>617</v>
      </c>
      <c r="E2289" t="s">
        <v>9</v>
      </c>
      <c r="F2289" t="s">
        <v>38</v>
      </c>
      <c r="G2289" t="s">
        <v>51</v>
      </c>
      <c r="H2289" t="s">
        <v>2001</v>
      </c>
      <c r="I2289">
        <v>383.95</v>
      </c>
      <c r="J2289">
        <v>6</v>
      </c>
      <c r="K2289">
        <v>47.99</v>
      </c>
    </row>
    <row r="2290" spans="1:11" x14ac:dyDescent="0.3">
      <c r="A2290" s="1">
        <v>42101</v>
      </c>
      <c r="B2290" s="3">
        <f t="shared" si="70"/>
        <v>4</v>
      </c>
      <c r="C2290" s="3">
        <f t="shared" si="71"/>
        <v>2015</v>
      </c>
      <c r="D2290" t="s">
        <v>1176</v>
      </c>
      <c r="E2290" t="s">
        <v>22</v>
      </c>
      <c r="F2290" t="s">
        <v>10</v>
      </c>
      <c r="G2290" t="s">
        <v>23</v>
      </c>
      <c r="H2290" t="s">
        <v>1712</v>
      </c>
      <c r="I2290">
        <v>11.74</v>
      </c>
      <c r="J2290">
        <v>3</v>
      </c>
      <c r="K2290">
        <v>1.03</v>
      </c>
    </row>
    <row r="2291" spans="1:11" x14ac:dyDescent="0.3">
      <c r="A2291" s="1">
        <v>42101</v>
      </c>
      <c r="B2291" s="3">
        <f t="shared" si="70"/>
        <v>4</v>
      </c>
      <c r="C2291" s="3">
        <f t="shared" si="71"/>
        <v>2015</v>
      </c>
      <c r="D2291" t="s">
        <v>711</v>
      </c>
      <c r="E2291" t="s">
        <v>148</v>
      </c>
      <c r="F2291" t="s">
        <v>10</v>
      </c>
      <c r="G2291" t="s">
        <v>11</v>
      </c>
      <c r="H2291" t="s">
        <v>1621</v>
      </c>
      <c r="I2291">
        <v>25.92</v>
      </c>
      <c r="J2291">
        <v>4</v>
      </c>
      <c r="K2291">
        <v>12.44</v>
      </c>
    </row>
    <row r="2292" spans="1:11" x14ac:dyDescent="0.3">
      <c r="A2292" s="1">
        <v>42101</v>
      </c>
      <c r="B2292" s="3">
        <f t="shared" si="70"/>
        <v>4</v>
      </c>
      <c r="C2292" s="3">
        <f t="shared" si="71"/>
        <v>2015</v>
      </c>
      <c r="D2292" t="s">
        <v>711</v>
      </c>
      <c r="E2292" t="s">
        <v>148</v>
      </c>
      <c r="F2292" t="s">
        <v>10</v>
      </c>
      <c r="G2292" t="s">
        <v>17</v>
      </c>
      <c r="H2292" t="s">
        <v>584</v>
      </c>
      <c r="I2292">
        <v>22.58</v>
      </c>
      <c r="J2292">
        <v>2</v>
      </c>
      <c r="K2292">
        <v>5.87</v>
      </c>
    </row>
    <row r="2293" spans="1:11" x14ac:dyDescent="0.3">
      <c r="A2293" s="1">
        <v>42103</v>
      </c>
      <c r="B2293" s="3">
        <f t="shared" si="70"/>
        <v>4</v>
      </c>
      <c r="C2293" s="3">
        <f t="shared" si="71"/>
        <v>2015</v>
      </c>
      <c r="D2293" t="s">
        <v>504</v>
      </c>
      <c r="E2293" t="s">
        <v>26</v>
      </c>
      <c r="F2293" t="s">
        <v>33</v>
      </c>
      <c r="G2293" t="s">
        <v>144</v>
      </c>
      <c r="H2293" t="s">
        <v>2002</v>
      </c>
      <c r="I2293">
        <v>369.91</v>
      </c>
      <c r="J2293">
        <v>3</v>
      </c>
      <c r="K2293">
        <v>-13.87</v>
      </c>
    </row>
    <row r="2294" spans="1:11" x14ac:dyDescent="0.3">
      <c r="A2294" s="1">
        <v>42103</v>
      </c>
      <c r="B2294" s="3">
        <f t="shared" si="70"/>
        <v>4</v>
      </c>
      <c r="C2294" s="3">
        <f t="shared" si="71"/>
        <v>2015</v>
      </c>
      <c r="D2294" t="s">
        <v>830</v>
      </c>
      <c r="E2294" t="s">
        <v>148</v>
      </c>
      <c r="F2294" t="s">
        <v>10</v>
      </c>
      <c r="G2294" t="s">
        <v>17</v>
      </c>
      <c r="H2294" t="s">
        <v>926</v>
      </c>
      <c r="I2294">
        <v>17.940000000000001</v>
      </c>
      <c r="J2294">
        <v>3</v>
      </c>
      <c r="K2294">
        <v>3.05</v>
      </c>
    </row>
    <row r="2295" spans="1:11" x14ac:dyDescent="0.3">
      <c r="A2295" s="1">
        <v>42103</v>
      </c>
      <c r="B2295" s="3">
        <f t="shared" si="70"/>
        <v>4</v>
      </c>
      <c r="C2295" s="3">
        <f t="shared" si="71"/>
        <v>2015</v>
      </c>
      <c r="D2295" t="s">
        <v>1484</v>
      </c>
      <c r="E2295" t="s">
        <v>612</v>
      </c>
      <c r="F2295" t="s">
        <v>10</v>
      </c>
      <c r="G2295" t="s">
        <v>91</v>
      </c>
      <c r="H2295" t="s">
        <v>2003</v>
      </c>
      <c r="I2295">
        <v>370.14</v>
      </c>
      <c r="J2295">
        <v>3</v>
      </c>
      <c r="K2295">
        <v>144.35</v>
      </c>
    </row>
    <row r="2296" spans="1:11" x14ac:dyDescent="0.3">
      <c r="A2296" s="1">
        <v>42104</v>
      </c>
      <c r="B2296" s="3">
        <f t="shared" si="70"/>
        <v>4</v>
      </c>
      <c r="C2296" s="3">
        <f t="shared" si="71"/>
        <v>2015</v>
      </c>
      <c r="D2296" t="s">
        <v>1413</v>
      </c>
      <c r="E2296" t="s">
        <v>26</v>
      </c>
      <c r="F2296" t="s">
        <v>10</v>
      </c>
      <c r="G2296" t="s">
        <v>19</v>
      </c>
      <c r="H2296" t="s">
        <v>309</v>
      </c>
      <c r="I2296">
        <v>12.83</v>
      </c>
      <c r="J2296">
        <v>2</v>
      </c>
      <c r="K2296">
        <v>4.33</v>
      </c>
    </row>
    <row r="2297" spans="1:11" x14ac:dyDescent="0.3">
      <c r="A2297" s="1">
        <v>42104</v>
      </c>
      <c r="B2297" s="3">
        <f t="shared" si="70"/>
        <v>4</v>
      </c>
      <c r="C2297" s="3">
        <f t="shared" si="71"/>
        <v>2015</v>
      </c>
      <c r="D2297" t="s">
        <v>1493</v>
      </c>
      <c r="E2297" t="s">
        <v>148</v>
      </c>
      <c r="F2297" t="s">
        <v>10</v>
      </c>
      <c r="G2297" t="s">
        <v>17</v>
      </c>
      <c r="H2297" t="s">
        <v>2004</v>
      </c>
      <c r="I2297">
        <v>142.04</v>
      </c>
      <c r="J2297">
        <v>4</v>
      </c>
      <c r="K2297">
        <v>38.35</v>
      </c>
    </row>
    <row r="2298" spans="1:11" x14ac:dyDescent="0.3">
      <c r="A2298" s="1">
        <v>42104</v>
      </c>
      <c r="B2298" s="3">
        <f t="shared" si="70"/>
        <v>4</v>
      </c>
      <c r="C2298" s="3">
        <f t="shared" si="71"/>
        <v>2015</v>
      </c>
      <c r="D2298" t="s">
        <v>1493</v>
      </c>
      <c r="E2298" t="s">
        <v>148</v>
      </c>
      <c r="F2298" t="s">
        <v>10</v>
      </c>
      <c r="G2298" t="s">
        <v>23</v>
      </c>
      <c r="H2298" t="s">
        <v>1143</v>
      </c>
      <c r="I2298">
        <v>14.67</v>
      </c>
      <c r="J2298">
        <v>3</v>
      </c>
      <c r="K2298">
        <v>6.01</v>
      </c>
    </row>
    <row r="2299" spans="1:11" x14ac:dyDescent="0.3">
      <c r="A2299" s="1">
        <v>42105</v>
      </c>
      <c r="B2299" s="3">
        <f t="shared" si="70"/>
        <v>4</v>
      </c>
      <c r="C2299" s="3">
        <f t="shared" si="71"/>
        <v>2015</v>
      </c>
      <c r="D2299" t="s">
        <v>508</v>
      </c>
      <c r="E2299" t="s">
        <v>148</v>
      </c>
      <c r="F2299" t="s">
        <v>38</v>
      </c>
      <c r="G2299" t="s">
        <v>51</v>
      </c>
      <c r="H2299" t="s">
        <v>1062</v>
      </c>
      <c r="I2299">
        <v>85.14</v>
      </c>
      <c r="J2299">
        <v>3</v>
      </c>
      <c r="K2299">
        <v>34.909999999999997</v>
      </c>
    </row>
    <row r="2300" spans="1:11" x14ac:dyDescent="0.3">
      <c r="A2300" s="1">
        <v>42105</v>
      </c>
      <c r="B2300" s="3">
        <f t="shared" si="70"/>
        <v>4</v>
      </c>
      <c r="C2300" s="3">
        <f t="shared" si="71"/>
        <v>2015</v>
      </c>
      <c r="D2300" t="s">
        <v>508</v>
      </c>
      <c r="E2300" t="s">
        <v>148</v>
      </c>
      <c r="F2300" t="s">
        <v>38</v>
      </c>
      <c r="G2300" t="s">
        <v>39</v>
      </c>
      <c r="H2300" t="s">
        <v>2005</v>
      </c>
      <c r="I2300">
        <v>21.99</v>
      </c>
      <c r="J2300">
        <v>1</v>
      </c>
      <c r="K2300">
        <v>10.56</v>
      </c>
    </row>
    <row r="2301" spans="1:11" x14ac:dyDescent="0.3">
      <c r="A2301" s="1">
        <v>42105</v>
      </c>
      <c r="B2301" s="3">
        <f t="shared" si="70"/>
        <v>4</v>
      </c>
      <c r="C2301" s="3">
        <f t="shared" si="71"/>
        <v>2015</v>
      </c>
      <c r="D2301" t="s">
        <v>508</v>
      </c>
      <c r="E2301" t="s">
        <v>148</v>
      </c>
      <c r="F2301" t="s">
        <v>10</v>
      </c>
      <c r="G2301" t="s">
        <v>91</v>
      </c>
      <c r="H2301" t="s">
        <v>2006</v>
      </c>
      <c r="I2301">
        <v>406.6</v>
      </c>
      <c r="J2301">
        <v>5</v>
      </c>
      <c r="K2301">
        <v>113.85</v>
      </c>
    </row>
    <row r="2302" spans="1:11" x14ac:dyDescent="0.3">
      <c r="A2302" s="1">
        <v>42105</v>
      </c>
      <c r="B2302" s="3">
        <f t="shared" si="70"/>
        <v>4</v>
      </c>
      <c r="C2302" s="3">
        <f t="shared" si="71"/>
        <v>2015</v>
      </c>
      <c r="D2302" t="s">
        <v>1211</v>
      </c>
      <c r="E2302" t="s">
        <v>122</v>
      </c>
      <c r="F2302" t="s">
        <v>33</v>
      </c>
      <c r="G2302" t="s">
        <v>46</v>
      </c>
      <c r="H2302" t="s">
        <v>2007</v>
      </c>
      <c r="I2302">
        <v>67.36</v>
      </c>
      <c r="J2302">
        <v>2</v>
      </c>
      <c r="K2302">
        <v>10.1</v>
      </c>
    </row>
    <row r="2303" spans="1:11" x14ac:dyDescent="0.3">
      <c r="A2303" s="1">
        <v>42105</v>
      </c>
      <c r="B2303" s="3">
        <f t="shared" si="70"/>
        <v>4</v>
      </c>
      <c r="C2303" s="3">
        <f t="shared" si="71"/>
        <v>2015</v>
      </c>
      <c r="D2303" t="s">
        <v>1211</v>
      </c>
      <c r="E2303" t="s">
        <v>122</v>
      </c>
      <c r="F2303" t="s">
        <v>33</v>
      </c>
      <c r="G2303" t="s">
        <v>46</v>
      </c>
      <c r="H2303" t="s">
        <v>2008</v>
      </c>
      <c r="I2303">
        <v>54.53</v>
      </c>
      <c r="J2303">
        <v>3</v>
      </c>
      <c r="K2303">
        <v>14.31</v>
      </c>
    </row>
    <row r="2304" spans="1:11" x14ac:dyDescent="0.3">
      <c r="A2304" s="1">
        <v>42105</v>
      </c>
      <c r="B2304" s="3">
        <f t="shared" si="70"/>
        <v>4</v>
      </c>
      <c r="C2304" s="3">
        <f t="shared" si="71"/>
        <v>2015</v>
      </c>
      <c r="D2304" t="s">
        <v>1704</v>
      </c>
      <c r="E2304" t="s">
        <v>26</v>
      </c>
      <c r="F2304" t="s">
        <v>38</v>
      </c>
      <c r="G2304" t="s">
        <v>602</v>
      </c>
      <c r="H2304" t="s">
        <v>2009</v>
      </c>
      <c r="I2304">
        <v>639.97</v>
      </c>
      <c r="J2304">
        <v>4</v>
      </c>
      <c r="K2304">
        <v>215.99</v>
      </c>
    </row>
    <row r="2305" spans="1:11" x14ac:dyDescent="0.3">
      <c r="A2305" s="1">
        <v>42105</v>
      </c>
      <c r="B2305" s="3">
        <f t="shared" si="70"/>
        <v>4</v>
      </c>
      <c r="C2305" s="3">
        <f t="shared" si="71"/>
        <v>2015</v>
      </c>
      <c r="D2305" t="s">
        <v>1704</v>
      </c>
      <c r="E2305" t="s">
        <v>26</v>
      </c>
      <c r="F2305" t="s">
        <v>10</v>
      </c>
      <c r="G2305" t="s">
        <v>11</v>
      </c>
      <c r="H2305" t="s">
        <v>624</v>
      </c>
      <c r="I2305">
        <v>52.76</v>
      </c>
      <c r="J2305">
        <v>2</v>
      </c>
      <c r="K2305">
        <v>24.27</v>
      </c>
    </row>
    <row r="2306" spans="1:11" x14ac:dyDescent="0.3">
      <c r="A2306" s="1">
        <v>42106</v>
      </c>
      <c r="B2306" s="3">
        <f t="shared" ref="B2306:B2369" si="72">MONTH(A:A)</f>
        <v>4</v>
      </c>
      <c r="C2306" s="3">
        <f t="shared" ref="C2306:C2369" si="73">YEAR(A:A)</f>
        <v>2015</v>
      </c>
      <c r="D2306" t="s">
        <v>2010</v>
      </c>
      <c r="E2306" t="s">
        <v>163</v>
      </c>
      <c r="F2306" t="s">
        <v>10</v>
      </c>
      <c r="G2306" t="s">
        <v>17</v>
      </c>
      <c r="H2306" t="s">
        <v>1809</v>
      </c>
      <c r="I2306">
        <v>40.74</v>
      </c>
      <c r="J2306">
        <v>3</v>
      </c>
      <c r="K2306">
        <v>0.41</v>
      </c>
    </row>
    <row r="2307" spans="1:11" x14ac:dyDescent="0.3">
      <c r="A2307" s="1">
        <v>42107</v>
      </c>
      <c r="B2307" s="3">
        <f t="shared" si="72"/>
        <v>4</v>
      </c>
      <c r="C2307" s="3">
        <f t="shared" si="73"/>
        <v>2015</v>
      </c>
      <c r="D2307" t="s">
        <v>1458</v>
      </c>
      <c r="E2307" t="s">
        <v>26</v>
      </c>
      <c r="F2307" t="s">
        <v>38</v>
      </c>
      <c r="G2307" t="s">
        <v>51</v>
      </c>
      <c r="H2307" t="s">
        <v>667</v>
      </c>
      <c r="I2307">
        <v>199.96</v>
      </c>
      <c r="J2307">
        <v>4</v>
      </c>
      <c r="K2307">
        <v>69.989999999999995</v>
      </c>
    </row>
    <row r="2308" spans="1:11" x14ac:dyDescent="0.3">
      <c r="A2308" s="1">
        <v>42107</v>
      </c>
      <c r="B2308" s="3">
        <f t="shared" si="72"/>
        <v>4</v>
      </c>
      <c r="C2308" s="3">
        <f t="shared" si="73"/>
        <v>2015</v>
      </c>
      <c r="D2308" t="s">
        <v>1458</v>
      </c>
      <c r="E2308" t="s">
        <v>26</v>
      </c>
      <c r="F2308" t="s">
        <v>33</v>
      </c>
      <c r="G2308" t="s">
        <v>144</v>
      </c>
      <c r="H2308" t="s">
        <v>396</v>
      </c>
      <c r="I2308">
        <v>710.83</v>
      </c>
      <c r="J2308">
        <v>3</v>
      </c>
      <c r="K2308">
        <v>-97.74</v>
      </c>
    </row>
    <row r="2309" spans="1:11" x14ac:dyDescent="0.3">
      <c r="A2309" s="1">
        <v>42107</v>
      </c>
      <c r="B2309" s="3">
        <f t="shared" si="72"/>
        <v>4</v>
      </c>
      <c r="C2309" s="3">
        <f t="shared" si="73"/>
        <v>2015</v>
      </c>
      <c r="D2309" t="s">
        <v>2011</v>
      </c>
      <c r="E2309" t="s">
        <v>398</v>
      </c>
      <c r="F2309" t="s">
        <v>10</v>
      </c>
      <c r="G2309" t="s">
        <v>199</v>
      </c>
      <c r="H2309" t="s">
        <v>471</v>
      </c>
      <c r="I2309">
        <v>12.88</v>
      </c>
      <c r="J2309">
        <v>1</v>
      </c>
      <c r="K2309">
        <v>0.39</v>
      </c>
    </row>
    <row r="2310" spans="1:11" x14ac:dyDescent="0.3">
      <c r="A2310" s="1">
        <v>42107</v>
      </c>
      <c r="B2310" s="3">
        <f t="shared" si="72"/>
        <v>4</v>
      </c>
      <c r="C2310" s="3">
        <f t="shared" si="73"/>
        <v>2015</v>
      </c>
      <c r="D2310" t="s">
        <v>2012</v>
      </c>
      <c r="E2310" t="s">
        <v>94</v>
      </c>
      <c r="F2310" t="s">
        <v>10</v>
      </c>
      <c r="G2310" t="s">
        <v>11</v>
      </c>
      <c r="H2310" t="s">
        <v>1263</v>
      </c>
      <c r="I2310">
        <v>31.1</v>
      </c>
      <c r="J2310">
        <v>6</v>
      </c>
      <c r="K2310">
        <v>10.89</v>
      </c>
    </row>
    <row r="2311" spans="1:11" x14ac:dyDescent="0.3">
      <c r="A2311" s="1">
        <v>42107</v>
      </c>
      <c r="B2311" s="3">
        <f t="shared" si="72"/>
        <v>4</v>
      </c>
      <c r="C2311" s="3">
        <f t="shared" si="73"/>
        <v>2015</v>
      </c>
      <c r="D2311" t="s">
        <v>2012</v>
      </c>
      <c r="E2311" t="s">
        <v>94</v>
      </c>
      <c r="F2311" t="s">
        <v>10</v>
      </c>
      <c r="G2311" t="s">
        <v>11</v>
      </c>
      <c r="H2311" t="s">
        <v>2013</v>
      </c>
      <c r="I2311">
        <v>54.82</v>
      </c>
      <c r="J2311">
        <v>3</v>
      </c>
      <c r="K2311">
        <v>17.82</v>
      </c>
    </row>
    <row r="2312" spans="1:11" x14ac:dyDescent="0.3">
      <c r="A2312" s="1">
        <v>42107</v>
      </c>
      <c r="B2312" s="3">
        <f t="shared" si="72"/>
        <v>4</v>
      </c>
      <c r="C2312" s="3">
        <f t="shared" si="73"/>
        <v>2015</v>
      </c>
      <c r="D2312" t="s">
        <v>1516</v>
      </c>
      <c r="E2312" t="s">
        <v>26</v>
      </c>
      <c r="F2312" t="s">
        <v>33</v>
      </c>
      <c r="G2312" t="s">
        <v>46</v>
      </c>
      <c r="H2312" t="s">
        <v>2014</v>
      </c>
      <c r="I2312">
        <v>37.68</v>
      </c>
      <c r="J2312">
        <v>2</v>
      </c>
      <c r="K2312">
        <v>15.83</v>
      </c>
    </row>
    <row r="2313" spans="1:11" x14ac:dyDescent="0.3">
      <c r="A2313" s="1">
        <v>42107</v>
      </c>
      <c r="B2313" s="3">
        <f t="shared" si="72"/>
        <v>4</v>
      </c>
      <c r="C2313" s="3">
        <f t="shared" si="73"/>
        <v>2015</v>
      </c>
      <c r="D2313" t="s">
        <v>1516</v>
      </c>
      <c r="E2313" t="s">
        <v>26</v>
      </c>
      <c r="F2313" t="s">
        <v>38</v>
      </c>
      <c r="G2313" t="s">
        <v>39</v>
      </c>
      <c r="H2313" t="s">
        <v>172</v>
      </c>
      <c r="I2313">
        <v>258.58</v>
      </c>
      <c r="J2313">
        <v>2</v>
      </c>
      <c r="K2313">
        <v>19.39</v>
      </c>
    </row>
    <row r="2314" spans="1:11" x14ac:dyDescent="0.3">
      <c r="A2314" s="1">
        <v>42107</v>
      </c>
      <c r="B2314" s="3">
        <f t="shared" si="72"/>
        <v>4</v>
      </c>
      <c r="C2314" s="3">
        <f t="shared" si="73"/>
        <v>2015</v>
      </c>
      <c r="D2314" t="s">
        <v>1516</v>
      </c>
      <c r="E2314" t="s">
        <v>26</v>
      </c>
      <c r="F2314" t="s">
        <v>10</v>
      </c>
      <c r="G2314" t="s">
        <v>91</v>
      </c>
      <c r="H2314" t="s">
        <v>2015</v>
      </c>
      <c r="I2314">
        <v>75.84</v>
      </c>
      <c r="J2314">
        <v>2</v>
      </c>
      <c r="K2314">
        <v>29.58</v>
      </c>
    </row>
    <row r="2315" spans="1:11" x14ac:dyDescent="0.3">
      <c r="A2315" s="1">
        <v>42107</v>
      </c>
      <c r="B2315" s="3">
        <f t="shared" si="72"/>
        <v>4</v>
      </c>
      <c r="C2315" s="3">
        <f t="shared" si="73"/>
        <v>2015</v>
      </c>
      <c r="D2315" t="s">
        <v>1066</v>
      </c>
      <c r="E2315" t="s">
        <v>995</v>
      </c>
      <c r="F2315" t="s">
        <v>10</v>
      </c>
      <c r="G2315" t="s">
        <v>19</v>
      </c>
      <c r="H2315" t="s">
        <v>424</v>
      </c>
      <c r="I2315">
        <v>17.43</v>
      </c>
      <c r="J2315">
        <v>3</v>
      </c>
      <c r="K2315">
        <v>8.02</v>
      </c>
    </row>
    <row r="2316" spans="1:11" x14ac:dyDescent="0.3">
      <c r="A2316" s="1">
        <v>42107</v>
      </c>
      <c r="B2316" s="3">
        <f t="shared" si="72"/>
        <v>4</v>
      </c>
      <c r="C2316" s="3">
        <f t="shared" si="73"/>
        <v>2015</v>
      </c>
      <c r="D2316" t="s">
        <v>2016</v>
      </c>
      <c r="E2316" t="s">
        <v>26</v>
      </c>
      <c r="F2316" t="s">
        <v>33</v>
      </c>
      <c r="G2316" t="s">
        <v>144</v>
      </c>
      <c r="H2316" t="s">
        <v>2017</v>
      </c>
      <c r="I2316">
        <v>241.57</v>
      </c>
      <c r="J2316">
        <v>2</v>
      </c>
      <c r="K2316">
        <v>-15.1</v>
      </c>
    </row>
    <row r="2317" spans="1:11" x14ac:dyDescent="0.3">
      <c r="A2317" s="1">
        <v>42107</v>
      </c>
      <c r="B2317" s="3">
        <f t="shared" si="72"/>
        <v>4</v>
      </c>
      <c r="C2317" s="3">
        <f t="shared" si="73"/>
        <v>2015</v>
      </c>
      <c r="D2317" t="s">
        <v>2016</v>
      </c>
      <c r="E2317" t="s">
        <v>26</v>
      </c>
      <c r="F2317" t="s">
        <v>38</v>
      </c>
      <c r="G2317" t="s">
        <v>39</v>
      </c>
      <c r="H2317" t="s">
        <v>2018</v>
      </c>
      <c r="I2317">
        <v>479.92</v>
      </c>
      <c r="J2317">
        <v>2</v>
      </c>
      <c r="K2317">
        <v>41.99</v>
      </c>
    </row>
    <row r="2318" spans="1:11" x14ac:dyDescent="0.3">
      <c r="A2318" s="1">
        <v>42107</v>
      </c>
      <c r="B2318" s="3">
        <f t="shared" si="72"/>
        <v>4</v>
      </c>
      <c r="C2318" s="3">
        <f t="shared" si="73"/>
        <v>2015</v>
      </c>
      <c r="D2318" t="s">
        <v>1391</v>
      </c>
      <c r="E2318" t="s">
        <v>94</v>
      </c>
      <c r="F2318" t="s">
        <v>10</v>
      </c>
      <c r="G2318" t="s">
        <v>17</v>
      </c>
      <c r="H2318" t="s">
        <v>2019</v>
      </c>
      <c r="I2318">
        <v>10.74</v>
      </c>
      <c r="J2318">
        <v>1</v>
      </c>
      <c r="K2318">
        <v>0.81</v>
      </c>
    </row>
    <row r="2319" spans="1:11" x14ac:dyDescent="0.3">
      <c r="A2319" s="1">
        <v>42107</v>
      </c>
      <c r="B2319" s="3">
        <f t="shared" si="72"/>
        <v>4</v>
      </c>
      <c r="C2319" s="3">
        <f t="shared" si="73"/>
        <v>2015</v>
      </c>
      <c r="D2319" t="s">
        <v>1757</v>
      </c>
      <c r="E2319" t="s">
        <v>9</v>
      </c>
      <c r="F2319" t="s">
        <v>33</v>
      </c>
      <c r="G2319" t="s">
        <v>144</v>
      </c>
      <c r="H2319" t="s">
        <v>475</v>
      </c>
      <c r="I2319">
        <v>609.98</v>
      </c>
      <c r="J2319">
        <v>4</v>
      </c>
      <c r="K2319">
        <v>-113.28</v>
      </c>
    </row>
    <row r="2320" spans="1:11" x14ac:dyDescent="0.3">
      <c r="A2320" s="1">
        <v>42107</v>
      </c>
      <c r="B2320" s="3">
        <f t="shared" si="72"/>
        <v>4</v>
      </c>
      <c r="C2320" s="3">
        <f t="shared" si="73"/>
        <v>2015</v>
      </c>
      <c r="D2320" t="s">
        <v>1757</v>
      </c>
      <c r="E2320" t="s">
        <v>9</v>
      </c>
      <c r="F2320" t="s">
        <v>33</v>
      </c>
      <c r="G2320" t="s">
        <v>144</v>
      </c>
      <c r="H2320" t="s">
        <v>2017</v>
      </c>
      <c r="I2320">
        <v>211.37</v>
      </c>
      <c r="J2320">
        <v>2</v>
      </c>
      <c r="K2320">
        <v>-45.29</v>
      </c>
    </row>
    <row r="2321" spans="1:11" x14ac:dyDescent="0.3">
      <c r="A2321" s="1">
        <v>42107</v>
      </c>
      <c r="B2321" s="3">
        <f t="shared" si="72"/>
        <v>4</v>
      </c>
      <c r="C2321" s="3">
        <f t="shared" si="73"/>
        <v>2015</v>
      </c>
      <c r="D2321" t="s">
        <v>1757</v>
      </c>
      <c r="E2321" t="s">
        <v>9</v>
      </c>
      <c r="F2321" t="s">
        <v>38</v>
      </c>
      <c r="G2321" t="s">
        <v>39</v>
      </c>
      <c r="H2321" t="s">
        <v>101</v>
      </c>
      <c r="I2321">
        <v>239.98</v>
      </c>
      <c r="J2321">
        <v>3</v>
      </c>
      <c r="K2321">
        <v>18</v>
      </c>
    </row>
    <row r="2322" spans="1:11" x14ac:dyDescent="0.3">
      <c r="A2322" s="1">
        <v>42108</v>
      </c>
      <c r="B2322" s="3">
        <f t="shared" si="72"/>
        <v>4</v>
      </c>
      <c r="C2322" s="3">
        <f t="shared" si="73"/>
        <v>2015</v>
      </c>
      <c r="D2322" t="s">
        <v>2020</v>
      </c>
      <c r="E2322" t="s">
        <v>90</v>
      </c>
      <c r="F2322" t="s">
        <v>10</v>
      </c>
      <c r="G2322" t="s">
        <v>91</v>
      </c>
      <c r="H2322" t="s">
        <v>1117</v>
      </c>
      <c r="I2322">
        <v>35.21</v>
      </c>
      <c r="J2322">
        <v>1</v>
      </c>
      <c r="K2322">
        <v>2.64</v>
      </c>
    </row>
    <row r="2323" spans="1:11" x14ac:dyDescent="0.3">
      <c r="A2323" s="1">
        <v>42110</v>
      </c>
      <c r="B2323" s="3">
        <f t="shared" si="72"/>
        <v>4</v>
      </c>
      <c r="C2323" s="3">
        <f t="shared" si="73"/>
        <v>2015</v>
      </c>
      <c r="D2323" t="s">
        <v>559</v>
      </c>
      <c r="E2323" t="s">
        <v>77</v>
      </c>
      <c r="F2323" t="s">
        <v>10</v>
      </c>
      <c r="G2323" t="s">
        <v>91</v>
      </c>
      <c r="H2323" t="s">
        <v>1828</v>
      </c>
      <c r="I2323">
        <v>45.22</v>
      </c>
      <c r="J2323">
        <v>3</v>
      </c>
      <c r="K2323">
        <v>4.5199999999999996</v>
      </c>
    </row>
    <row r="2324" spans="1:11" x14ac:dyDescent="0.3">
      <c r="A2324" s="1">
        <v>42110</v>
      </c>
      <c r="B2324" s="3">
        <f t="shared" si="72"/>
        <v>4</v>
      </c>
      <c r="C2324" s="3">
        <f t="shared" si="73"/>
        <v>2015</v>
      </c>
      <c r="D2324" t="s">
        <v>559</v>
      </c>
      <c r="E2324" t="s">
        <v>77</v>
      </c>
      <c r="F2324" t="s">
        <v>10</v>
      </c>
      <c r="G2324" t="s">
        <v>42</v>
      </c>
      <c r="H2324" t="s">
        <v>1105</v>
      </c>
      <c r="I2324">
        <v>10.42</v>
      </c>
      <c r="J2324">
        <v>7</v>
      </c>
      <c r="K2324">
        <v>-2.21</v>
      </c>
    </row>
    <row r="2325" spans="1:11" x14ac:dyDescent="0.3">
      <c r="A2325" s="1">
        <v>42110</v>
      </c>
      <c r="B2325" s="3">
        <f t="shared" si="72"/>
        <v>4</v>
      </c>
      <c r="C2325" s="3">
        <f t="shared" si="73"/>
        <v>2015</v>
      </c>
      <c r="D2325" t="s">
        <v>559</v>
      </c>
      <c r="E2325" t="s">
        <v>77</v>
      </c>
      <c r="F2325" t="s">
        <v>10</v>
      </c>
      <c r="G2325" t="s">
        <v>23</v>
      </c>
      <c r="H2325" t="s">
        <v>458</v>
      </c>
      <c r="I2325">
        <v>7.87</v>
      </c>
      <c r="J2325">
        <v>3</v>
      </c>
      <c r="K2325">
        <v>1.28</v>
      </c>
    </row>
    <row r="2326" spans="1:11" x14ac:dyDescent="0.3">
      <c r="A2326" s="1">
        <v>42110</v>
      </c>
      <c r="B2326" s="3">
        <f t="shared" si="72"/>
        <v>4</v>
      </c>
      <c r="C2326" s="3">
        <f t="shared" si="73"/>
        <v>2015</v>
      </c>
      <c r="D2326" t="s">
        <v>559</v>
      </c>
      <c r="E2326" t="s">
        <v>77</v>
      </c>
      <c r="F2326" t="s">
        <v>38</v>
      </c>
      <c r="G2326" t="s">
        <v>39</v>
      </c>
      <c r="H2326" t="s">
        <v>875</v>
      </c>
      <c r="I2326">
        <v>118.78</v>
      </c>
      <c r="J2326">
        <v>3</v>
      </c>
      <c r="K2326">
        <v>-27.72</v>
      </c>
    </row>
    <row r="2327" spans="1:11" x14ac:dyDescent="0.3">
      <c r="A2327" s="1">
        <v>42110</v>
      </c>
      <c r="B2327" s="3">
        <f t="shared" si="72"/>
        <v>4</v>
      </c>
      <c r="C2327" s="3">
        <f t="shared" si="73"/>
        <v>2015</v>
      </c>
      <c r="D2327" t="s">
        <v>559</v>
      </c>
      <c r="E2327" t="s">
        <v>77</v>
      </c>
      <c r="F2327" t="s">
        <v>10</v>
      </c>
      <c r="G2327" t="s">
        <v>42</v>
      </c>
      <c r="H2327" t="s">
        <v>1783</v>
      </c>
      <c r="I2327">
        <v>1.45</v>
      </c>
      <c r="J2327">
        <v>1</v>
      </c>
      <c r="K2327">
        <v>0.24</v>
      </c>
    </row>
    <row r="2328" spans="1:11" x14ac:dyDescent="0.3">
      <c r="A2328" s="1">
        <v>42110</v>
      </c>
      <c r="B2328" s="3">
        <f t="shared" si="72"/>
        <v>4</v>
      </c>
      <c r="C2328" s="3">
        <f t="shared" si="73"/>
        <v>2015</v>
      </c>
      <c r="D2328" t="s">
        <v>559</v>
      </c>
      <c r="E2328" t="s">
        <v>77</v>
      </c>
      <c r="F2328" t="s">
        <v>10</v>
      </c>
      <c r="G2328" t="s">
        <v>19</v>
      </c>
      <c r="H2328" t="s">
        <v>2021</v>
      </c>
      <c r="I2328">
        <v>55.47</v>
      </c>
      <c r="J2328">
        <v>5</v>
      </c>
      <c r="K2328">
        <v>-46.23</v>
      </c>
    </row>
    <row r="2329" spans="1:11" x14ac:dyDescent="0.3">
      <c r="A2329" s="1">
        <v>42110</v>
      </c>
      <c r="B2329" s="3">
        <f t="shared" si="72"/>
        <v>4</v>
      </c>
      <c r="C2329" s="3">
        <f t="shared" si="73"/>
        <v>2015</v>
      </c>
      <c r="D2329" t="s">
        <v>1276</v>
      </c>
      <c r="E2329" t="s">
        <v>22</v>
      </c>
      <c r="F2329" t="s">
        <v>10</v>
      </c>
      <c r="G2329" t="s">
        <v>42</v>
      </c>
      <c r="H2329" t="s">
        <v>159</v>
      </c>
      <c r="I2329">
        <v>12.58</v>
      </c>
      <c r="J2329">
        <v>4</v>
      </c>
      <c r="K2329">
        <v>4.09</v>
      </c>
    </row>
    <row r="2330" spans="1:11" x14ac:dyDescent="0.3">
      <c r="A2330" s="1">
        <v>42110</v>
      </c>
      <c r="B2330" s="3">
        <f t="shared" si="72"/>
        <v>4</v>
      </c>
      <c r="C2330" s="3">
        <f t="shared" si="73"/>
        <v>2015</v>
      </c>
      <c r="D2330" t="s">
        <v>1340</v>
      </c>
      <c r="E2330" t="s">
        <v>14</v>
      </c>
      <c r="F2330" t="s">
        <v>38</v>
      </c>
      <c r="G2330" t="s">
        <v>602</v>
      </c>
      <c r="H2330" t="s">
        <v>1768</v>
      </c>
      <c r="I2330">
        <v>1439.97</v>
      </c>
      <c r="J2330">
        <v>4</v>
      </c>
      <c r="K2330">
        <v>485.99</v>
      </c>
    </row>
    <row r="2331" spans="1:11" x14ac:dyDescent="0.3">
      <c r="A2331" s="1">
        <v>42110</v>
      </c>
      <c r="B2331" s="3">
        <f t="shared" si="72"/>
        <v>4</v>
      </c>
      <c r="C2331" s="3">
        <f t="shared" si="73"/>
        <v>2015</v>
      </c>
      <c r="D2331" t="s">
        <v>1340</v>
      </c>
      <c r="E2331" t="s">
        <v>14</v>
      </c>
      <c r="F2331" t="s">
        <v>38</v>
      </c>
      <c r="G2331" t="s">
        <v>51</v>
      </c>
      <c r="H2331" t="s">
        <v>2022</v>
      </c>
      <c r="I2331">
        <v>43.56</v>
      </c>
      <c r="J2331">
        <v>3</v>
      </c>
      <c r="K2331">
        <v>-4.9000000000000004</v>
      </c>
    </row>
    <row r="2332" spans="1:11" x14ac:dyDescent="0.3">
      <c r="A2332" s="1">
        <v>42110</v>
      </c>
      <c r="B2332" s="3">
        <f t="shared" si="72"/>
        <v>4</v>
      </c>
      <c r="C2332" s="3">
        <f t="shared" si="73"/>
        <v>2015</v>
      </c>
      <c r="D2332" t="s">
        <v>589</v>
      </c>
      <c r="E2332" t="s">
        <v>54</v>
      </c>
      <c r="F2332" t="s">
        <v>38</v>
      </c>
      <c r="G2332" t="s">
        <v>39</v>
      </c>
      <c r="H2332" t="s">
        <v>801</v>
      </c>
      <c r="I2332">
        <v>569.64</v>
      </c>
      <c r="J2332">
        <v>2</v>
      </c>
      <c r="K2332">
        <v>148.11000000000001</v>
      </c>
    </row>
    <row r="2333" spans="1:11" x14ac:dyDescent="0.3">
      <c r="A2333" s="1">
        <v>42110</v>
      </c>
      <c r="B2333" s="3">
        <f t="shared" si="72"/>
        <v>4</v>
      </c>
      <c r="C2333" s="3">
        <f t="shared" si="73"/>
        <v>2015</v>
      </c>
      <c r="D2333" t="s">
        <v>589</v>
      </c>
      <c r="E2333" t="s">
        <v>54</v>
      </c>
      <c r="F2333" t="s">
        <v>10</v>
      </c>
      <c r="G2333" t="s">
        <v>19</v>
      </c>
      <c r="H2333" t="s">
        <v>1564</v>
      </c>
      <c r="I2333">
        <v>9.14</v>
      </c>
      <c r="J2333">
        <v>1</v>
      </c>
      <c r="K2333">
        <v>4.57</v>
      </c>
    </row>
    <row r="2334" spans="1:11" x14ac:dyDescent="0.3">
      <c r="A2334" s="1">
        <v>42110</v>
      </c>
      <c r="B2334" s="3">
        <f t="shared" si="72"/>
        <v>4</v>
      </c>
      <c r="C2334" s="3">
        <f t="shared" si="73"/>
        <v>2015</v>
      </c>
      <c r="D2334" t="s">
        <v>589</v>
      </c>
      <c r="E2334" t="s">
        <v>54</v>
      </c>
      <c r="F2334" t="s">
        <v>33</v>
      </c>
      <c r="G2334" t="s">
        <v>46</v>
      </c>
      <c r="H2334" t="s">
        <v>1553</v>
      </c>
      <c r="I2334">
        <v>1196.8599999999999</v>
      </c>
      <c r="J2334">
        <v>7</v>
      </c>
      <c r="K2334">
        <v>119.69</v>
      </c>
    </row>
    <row r="2335" spans="1:11" x14ac:dyDescent="0.3">
      <c r="A2335" s="1">
        <v>42110</v>
      </c>
      <c r="B2335" s="3">
        <f t="shared" si="72"/>
        <v>4</v>
      </c>
      <c r="C2335" s="3">
        <f t="shared" si="73"/>
        <v>2015</v>
      </c>
      <c r="D2335" t="s">
        <v>589</v>
      </c>
      <c r="E2335" t="s">
        <v>54</v>
      </c>
      <c r="F2335" t="s">
        <v>33</v>
      </c>
      <c r="G2335" t="s">
        <v>73</v>
      </c>
      <c r="H2335" t="s">
        <v>2023</v>
      </c>
      <c r="I2335">
        <v>523.26</v>
      </c>
      <c r="J2335">
        <v>9</v>
      </c>
      <c r="K2335">
        <v>125.58</v>
      </c>
    </row>
    <row r="2336" spans="1:11" x14ac:dyDescent="0.3">
      <c r="A2336" s="1">
        <v>42110</v>
      </c>
      <c r="B2336" s="3">
        <f t="shared" si="72"/>
        <v>4</v>
      </c>
      <c r="C2336" s="3">
        <f t="shared" si="73"/>
        <v>2015</v>
      </c>
      <c r="D2336" t="s">
        <v>1554</v>
      </c>
      <c r="E2336" t="s">
        <v>148</v>
      </c>
      <c r="F2336" t="s">
        <v>33</v>
      </c>
      <c r="G2336" t="s">
        <v>34</v>
      </c>
      <c r="H2336" t="s">
        <v>2024</v>
      </c>
      <c r="I2336">
        <v>127.76</v>
      </c>
      <c r="J2336">
        <v>2</v>
      </c>
      <c r="K2336">
        <v>2.84</v>
      </c>
    </row>
    <row r="2337" spans="1:11" x14ac:dyDescent="0.3">
      <c r="A2337" s="1">
        <v>42111</v>
      </c>
      <c r="B2337" s="3">
        <f t="shared" si="72"/>
        <v>4</v>
      </c>
      <c r="C2337" s="3">
        <f t="shared" si="73"/>
        <v>2015</v>
      </c>
      <c r="D2337" t="s">
        <v>679</v>
      </c>
      <c r="E2337" t="s">
        <v>26</v>
      </c>
      <c r="F2337" t="s">
        <v>10</v>
      </c>
      <c r="G2337" t="s">
        <v>23</v>
      </c>
      <c r="H2337" t="s">
        <v>868</v>
      </c>
      <c r="I2337">
        <v>5.56</v>
      </c>
      <c r="J2337">
        <v>2</v>
      </c>
      <c r="K2337">
        <v>2.2200000000000002</v>
      </c>
    </row>
    <row r="2338" spans="1:11" x14ac:dyDescent="0.3">
      <c r="A2338" s="1">
        <v>42111</v>
      </c>
      <c r="B2338" s="3">
        <f t="shared" si="72"/>
        <v>4</v>
      </c>
      <c r="C2338" s="3">
        <f t="shared" si="73"/>
        <v>2015</v>
      </c>
      <c r="D2338" t="s">
        <v>679</v>
      </c>
      <c r="E2338" t="s">
        <v>26</v>
      </c>
      <c r="F2338" t="s">
        <v>38</v>
      </c>
      <c r="G2338" t="s">
        <v>51</v>
      </c>
      <c r="H2338" t="s">
        <v>65</v>
      </c>
      <c r="I2338">
        <v>323.37</v>
      </c>
      <c r="J2338">
        <v>3</v>
      </c>
      <c r="K2338">
        <v>129.35</v>
      </c>
    </row>
    <row r="2339" spans="1:11" x14ac:dyDescent="0.3">
      <c r="A2339" s="1">
        <v>42111</v>
      </c>
      <c r="B2339" s="3">
        <f t="shared" si="72"/>
        <v>4</v>
      </c>
      <c r="C2339" s="3">
        <f t="shared" si="73"/>
        <v>2015</v>
      </c>
      <c r="D2339" t="s">
        <v>679</v>
      </c>
      <c r="E2339" t="s">
        <v>26</v>
      </c>
      <c r="F2339" t="s">
        <v>38</v>
      </c>
      <c r="G2339" t="s">
        <v>39</v>
      </c>
      <c r="H2339" t="s">
        <v>2025</v>
      </c>
      <c r="I2339">
        <v>783.96</v>
      </c>
      <c r="J2339">
        <v>5</v>
      </c>
      <c r="K2339">
        <v>68.599999999999994</v>
      </c>
    </row>
    <row r="2340" spans="1:11" x14ac:dyDescent="0.3">
      <c r="A2340" s="1">
        <v>42111</v>
      </c>
      <c r="B2340" s="3">
        <f t="shared" si="72"/>
        <v>4</v>
      </c>
      <c r="C2340" s="3">
        <f t="shared" si="73"/>
        <v>2015</v>
      </c>
      <c r="D2340" t="s">
        <v>679</v>
      </c>
      <c r="E2340" t="s">
        <v>26</v>
      </c>
      <c r="F2340" t="s">
        <v>10</v>
      </c>
      <c r="G2340" t="s">
        <v>91</v>
      </c>
      <c r="H2340" t="s">
        <v>1852</v>
      </c>
      <c r="I2340">
        <v>1447.65</v>
      </c>
      <c r="J2340">
        <v>5</v>
      </c>
      <c r="K2340">
        <v>419.82</v>
      </c>
    </row>
    <row r="2341" spans="1:11" x14ac:dyDescent="0.3">
      <c r="A2341" s="1">
        <v>42111</v>
      </c>
      <c r="B2341" s="3">
        <f t="shared" si="72"/>
        <v>4</v>
      </c>
      <c r="C2341" s="3">
        <f t="shared" si="73"/>
        <v>2015</v>
      </c>
      <c r="D2341" t="s">
        <v>679</v>
      </c>
      <c r="E2341" t="s">
        <v>26</v>
      </c>
      <c r="F2341" t="s">
        <v>10</v>
      </c>
      <c r="G2341" t="s">
        <v>11</v>
      </c>
      <c r="H2341" t="s">
        <v>1469</v>
      </c>
      <c r="I2341">
        <v>11.96</v>
      </c>
      <c r="J2341">
        <v>2</v>
      </c>
      <c r="K2341">
        <v>5.86</v>
      </c>
    </row>
    <row r="2342" spans="1:11" x14ac:dyDescent="0.3">
      <c r="A2342" s="1">
        <v>42111</v>
      </c>
      <c r="B2342" s="3">
        <f t="shared" si="72"/>
        <v>4</v>
      </c>
      <c r="C2342" s="3">
        <f t="shared" si="73"/>
        <v>2015</v>
      </c>
      <c r="D2342" t="s">
        <v>1287</v>
      </c>
      <c r="E2342" t="s">
        <v>148</v>
      </c>
      <c r="F2342" t="s">
        <v>38</v>
      </c>
      <c r="G2342" t="s">
        <v>51</v>
      </c>
      <c r="H2342" t="s">
        <v>1848</v>
      </c>
      <c r="I2342">
        <v>99.6</v>
      </c>
      <c r="J2342">
        <v>1</v>
      </c>
      <c r="K2342">
        <v>36.85</v>
      </c>
    </row>
    <row r="2343" spans="1:11" x14ac:dyDescent="0.3">
      <c r="A2343" s="1">
        <v>42111</v>
      </c>
      <c r="B2343" s="3">
        <f t="shared" si="72"/>
        <v>4</v>
      </c>
      <c r="C2343" s="3">
        <f t="shared" si="73"/>
        <v>2015</v>
      </c>
      <c r="D2343" t="s">
        <v>1287</v>
      </c>
      <c r="E2343" t="s">
        <v>148</v>
      </c>
      <c r="F2343" t="s">
        <v>10</v>
      </c>
      <c r="G2343" t="s">
        <v>19</v>
      </c>
      <c r="H2343" t="s">
        <v>2026</v>
      </c>
      <c r="I2343">
        <v>62.3</v>
      </c>
      <c r="J2343">
        <v>13</v>
      </c>
      <c r="K2343">
        <v>21.02</v>
      </c>
    </row>
    <row r="2344" spans="1:11" x14ac:dyDescent="0.3">
      <c r="A2344" s="1">
        <v>42111</v>
      </c>
      <c r="B2344" s="3">
        <f t="shared" si="72"/>
        <v>4</v>
      </c>
      <c r="C2344" s="3">
        <f t="shared" si="73"/>
        <v>2015</v>
      </c>
      <c r="D2344" t="s">
        <v>1287</v>
      </c>
      <c r="E2344" t="s">
        <v>148</v>
      </c>
      <c r="F2344" t="s">
        <v>10</v>
      </c>
      <c r="G2344" t="s">
        <v>23</v>
      </c>
      <c r="H2344" t="s">
        <v>2027</v>
      </c>
      <c r="I2344">
        <v>10.71</v>
      </c>
      <c r="J2344">
        <v>3</v>
      </c>
      <c r="K2344">
        <v>2.78</v>
      </c>
    </row>
    <row r="2345" spans="1:11" x14ac:dyDescent="0.3">
      <c r="A2345" s="1">
        <v>42112</v>
      </c>
      <c r="B2345" s="3">
        <f t="shared" si="72"/>
        <v>4</v>
      </c>
      <c r="C2345" s="3">
        <f t="shared" si="73"/>
        <v>2015</v>
      </c>
      <c r="D2345" t="s">
        <v>8</v>
      </c>
      <c r="E2345" t="s">
        <v>128</v>
      </c>
      <c r="F2345" t="s">
        <v>10</v>
      </c>
      <c r="G2345" t="s">
        <v>19</v>
      </c>
      <c r="H2345" t="s">
        <v>366</v>
      </c>
      <c r="I2345">
        <v>38.22</v>
      </c>
      <c r="J2345">
        <v>6</v>
      </c>
      <c r="K2345">
        <v>17.96</v>
      </c>
    </row>
    <row r="2346" spans="1:11" x14ac:dyDescent="0.3">
      <c r="A2346" s="1">
        <v>42112</v>
      </c>
      <c r="B2346" s="3">
        <f t="shared" si="72"/>
        <v>4</v>
      </c>
      <c r="C2346" s="3">
        <f t="shared" si="73"/>
        <v>2015</v>
      </c>
      <c r="D2346" t="s">
        <v>8</v>
      </c>
      <c r="E2346" t="s">
        <v>128</v>
      </c>
      <c r="F2346" t="s">
        <v>10</v>
      </c>
      <c r="G2346" t="s">
        <v>15</v>
      </c>
      <c r="H2346" t="s">
        <v>1024</v>
      </c>
      <c r="I2346">
        <v>75.180000000000007</v>
      </c>
      <c r="J2346">
        <v>6</v>
      </c>
      <c r="K2346">
        <v>35.33</v>
      </c>
    </row>
    <row r="2347" spans="1:11" x14ac:dyDescent="0.3">
      <c r="A2347" s="1">
        <v>42112</v>
      </c>
      <c r="B2347" s="3">
        <f t="shared" si="72"/>
        <v>4</v>
      </c>
      <c r="C2347" s="3">
        <f t="shared" si="73"/>
        <v>2015</v>
      </c>
      <c r="D2347" t="s">
        <v>8</v>
      </c>
      <c r="E2347" t="s">
        <v>128</v>
      </c>
      <c r="F2347" t="s">
        <v>33</v>
      </c>
      <c r="G2347" t="s">
        <v>46</v>
      </c>
      <c r="H2347" t="s">
        <v>1403</v>
      </c>
      <c r="I2347">
        <v>6.16</v>
      </c>
      <c r="J2347">
        <v>2</v>
      </c>
      <c r="K2347">
        <v>2.96</v>
      </c>
    </row>
    <row r="2348" spans="1:11" x14ac:dyDescent="0.3">
      <c r="A2348" s="1">
        <v>42112</v>
      </c>
      <c r="B2348" s="3">
        <f t="shared" si="72"/>
        <v>4</v>
      </c>
      <c r="C2348" s="3">
        <f t="shared" si="73"/>
        <v>2015</v>
      </c>
      <c r="D2348" t="s">
        <v>8</v>
      </c>
      <c r="E2348" t="s">
        <v>128</v>
      </c>
      <c r="F2348" t="s">
        <v>33</v>
      </c>
      <c r="G2348" t="s">
        <v>34</v>
      </c>
      <c r="H2348" t="s">
        <v>2028</v>
      </c>
      <c r="I2348">
        <v>89.99</v>
      </c>
      <c r="J2348">
        <v>1</v>
      </c>
      <c r="K2348">
        <v>17.100000000000001</v>
      </c>
    </row>
    <row r="2349" spans="1:11" x14ac:dyDescent="0.3">
      <c r="A2349" s="1">
        <v>42112</v>
      </c>
      <c r="B2349" s="3">
        <f t="shared" si="72"/>
        <v>4</v>
      </c>
      <c r="C2349" s="3">
        <f t="shared" si="73"/>
        <v>2015</v>
      </c>
      <c r="D2349" t="s">
        <v>1411</v>
      </c>
      <c r="E2349" t="s">
        <v>61</v>
      </c>
      <c r="F2349" t="s">
        <v>38</v>
      </c>
      <c r="G2349" t="s">
        <v>51</v>
      </c>
      <c r="H2349" t="s">
        <v>1984</v>
      </c>
      <c r="I2349">
        <v>106.5</v>
      </c>
      <c r="J2349">
        <v>6</v>
      </c>
      <c r="K2349">
        <v>41.54</v>
      </c>
    </row>
    <row r="2350" spans="1:11" x14ac:dyDescent="0.3">
      <c r="A2350" s="1">
        <v>42112</v>
      </c>
      <c r="B2350" s="3">
        <f t="shared" si="72"/>
        <v>4</v>
      </c>
      <c r="C2350" s="3">
        <f t="shared" si="73"/>
        <v>2015</v>
      </c>
      <c r="D2350" t="s">
        <v>1075</v>
      </c>
      <c r="E2350" t="s">
        <v>148</v>
      </c>
      <c r="F2350" t="s">
        <v>10</v>
      </c>
      <c r="G2350" t="s">
        <v>15</v>
      </c>
      <c r="H2350" t="s">
        <v>2029</v>
      </c>
      <c r="I2350">
        <v>21.93</v>
      </c>
      <c r="J2350">
        <v>3</v>
      </c>
      <c r="K2350">
        <v>10.31</v>
      </c>
    </row>
    <row r="2351" spans="1:11" x14ac:dyDescent="0.3">
      <c r="A2351" s="1">
        <v>42112</v>
      </c>
      <c r="B2351" s="3">
        <f t="shared" si="72"/>
        <v>4</v>
      </c>
      <c r="C2351" s="3">
        <f t="shared" si="73"/>
        <v>2015</v>
      </c>
      <c r="D2351" t="s">
        <v>1142</v>
      </c>
      <c r="E2351" t="s">
        <v>26</v>
      </c>
      <c r="F2351" t="s">
        <v>10</v>
      </c>
      <c r="G2351" t="s">
        <v>17</v>
      </c>
      <c r="H2351" t="s">
        <v>2030</v>
      </c>
      <c r="I2351">
        <v>947.17</v>
      </c>
      <c r="J2351">
        <v>7</v>
      </c>
      <c r="K2351">
        <v>9.4700000000000006</v>
      </c>
    </row>
    <row r="2352" spans="1:11" x14ac:dyDescent="0.3">
      <c r="A2352" s="1">
        <v>42112</v>
      </c>
      <c r="B2352" s="3">
        <f t="shared" si="72"/>
        <v>4</v>
      </c>
      <c r="C2352" s="3">
        <f t="shared" si="73"/>
        <v>2015</v>
      </c>
      <c r="D2352" t="s">
        <v>1142</v>
      </c>
      <c r="E2352" t="s">
        <v>26</v>
      </c>
      <c r="F2352" t="s">
        <v>10</v>
      </c>
      <c r="G2352" t="s">
        <v>11</v>
      </c>
      <c r="H2352" t="s">
        <v>2031</v>
      </c>
      <c r="I2352">
        <v>61.96</v>
      </c>
      <c r="J2352">
        <v>2</v>
      </c>
      <c r="K2352">
        <v>27.88</v>
      </c>
    </row>
    <row r="2353" spans="1:11" x14ac:dyDescent="0.3">
      <c r="A2353" s="1">
        <v>42112</v>
      </c>
      <c r="B2353" s="3">
        <f t="shared" si="72"/>
        <v>4</v>
      </c>
      <c r="C2353" s="3">
        <f t="shared" si="73"/>
        <v>2015</v>
      </c>
      <c r="D2353" t="s">
        <v>606</v>
      </c>
      <c r="E2353" t="s">
        <v>26</v>
      </c>
      <c r="F2353" t="s">
        <v>10</v>
      </c>
      <c r="G2353" t="s">
        <v>17</v>
      </c>
      <c r="H2353" t="s">
        <v>1086</v>
      </c>
      <c r="I2353">
        <v>115.44</v>
      </c>
      <c r="J2353">
        <v>3</v>
      </c>
      <c r="K2353">
        <v>30.01</v>
      </c>
    </row>
    <row r="2354" spans="1:11" x14ac:dyDescent="0.3">
      <c r="A2354" s="1">
        <v>42112</v>
      </c>
      <c r="B2354" s="3">
        <f t="shared" si="72"/>
        <v>4</v>
      </c>
      <c r="C2354" s="3">
        <f t="shared" si="73"/>
        <v>2015</v>
      </c>
      <c r="D2354" t="s">
        <v>2032</v>
      </c>
      <c r="E2354" t="s">
        <v>9</v>
      </c>
      <c r="F2354" t="s">
        <v>38</v>
      </c>
      <c r="G2354" t="s">
        <v>51</v>
      </c>
      <c r="H2354" t="s">
        <v>2033</v>
      </c>
      <c r="I2354">
        <v>41.42</v>
      </c>
      <c r="J2354">
        <v>2</v>
      </c>
      <c r="K2354">
        <v>8.2799999999999994</v>
      </c>
    </row>
    <row r="2355" spans="1:11" x14ac:dyDescent="0.3">
      <c r="A2355" s="1">
        <v>42112</v>
      </c>
      <c r="B2355" s="3">
        <f t="shared" si="72"/>
        <v>4</v>
      </c>
      <c r="C2355" s="3">
        <f t="shared" si="73"/>
        <v>2015</v>
      </c>
      <c r="D2355" t="s">
        <v>2032</v>
      </c>
      <c r="E2355" t="s">
        <v>9</v>
      </c>
      <c r="F2355" t="s">
        <v>38</v>
      </c>
      <c r="G2355" t="s">
        <v>39</v>
      </c>
      <c r="H2355" t="s">
        <v>2034</v>
      </c>
      <c r="I2355">
        <v>244.77</v>
      </c>
      <c r="J2355">
        <v>4</v>
      </c>
      <c r="K2355">
        <v>24.48</v>
      </c>
    </row>
    <row r="2356" spans="1:11" x14ac:dyDescent="0.3">
      <c r="A2356" s="1">
        <v>42112</v>
      </c>
      <c r="B2356" s="3">
        <f t="shared" si="72"/>
        <v>4</v>
      </c>
      <c r="C2356" s="3">
        <f t="shared" si="73"/>
        <v>2015</v>
      </c>
      <c r="D2356" t="s">
        <v>2032</v>
      </c>
      <c r="E2356" t="s">
        <v>9</v>
      </c>
      <c r="F2356" t="s">
        <v>10</v>
      </c>
      <c r="G2356" t="s">
        <v>23</v>
      </c>
      <c r="H2356" t="s">
        <v>1851</v>
      </c>
      <c r="I2356">
        <v>74.349999999999994</v>
      </c>
      <c r="J2356">
        <v>3</v>
      </c>
      <c r="K2356">
        <v>6.51</v>
      </c>
    </row>
    <row r="2357" spans="1:11" x14ac:dyDescent="0.3">
      <c r="A2357" s="1">
        <v>42112</v>
      </c>
      <c r="B2357" s="3">
        <f t="shared" si="72"/>
        <v>4</v>
      </c>
      <c r="C2357" s="3">
        <f t="shared" si="73"/>
        <v>2015</v>
      </c>
      <c r="D2357" t="s">
        <v>2032</v>
      </c>
      <c r="E2357" t="s">
        <v>9</v>
      </c>
      <c r="F2357" t="s">
        <v>10</v>
      </c>
      <c r="G2357" t="s">
        <v>19</v>
      </c>
      <c r="H2357" t="s">
        <v>95</v>
      </c>
      <c r="I2357">
        <v>4.3099999999999996</v>
      </c>
      <c r="J2357">
        <v>2</v>
      </c>
      <c r="K2357">
        <v>-6.9</v>
      </c>
    </row>
    <row r="2358" spans="1:11" x14ac:dyDescent="0.3">
      <c r="A2358" s="1">
        <v>42112</v>
      </c>
      <c r="B2358" s="3">
        <f t="shared" si="72"/>
        <v>4</v>
      </c>
      <c r="C2358" s="3">
        <f t="shared" si="73"/>
        <v>2015</v>
      </c>
      <c r="D2358" t="s">
        <v>2032</v>
      </c>
      <c r="E2358" t="s">
        <v>9</v>
      </c>
      <c r="F2358" t="s">
        <v>33</v>
      </c>
      <c r="G2358" t="s">
        <v>34</v>
      </c>
      <c r="H2358" t="s">
        <v>193</v>
      </c>
      <c r="I2358">
        <v>56.69</v>
      </c>
      <c r="J2358">
        <v>1</v>
      </c>
      <c r="K2358">
        <v>-20.25</v>
      </c>
    </row>
    <row r="2359" spans="1:11" x14ac:dyDescent="0.3">
      <c r="A2359" s="1">
        <v>42112</v>
      </c>
      <c r="B2359" s="3">
        <f t="shared" si="72"/>
        <v>4</v>
      </c>
      <c r="C2359" s="3">
        <f t="shared" si="73"/>
        <v>2015</v>
      </c>
      <c r="D2359" t="s">
        <v>2032</v>
      </c>
      <c r="E2359" t="s">
        <v>9</v>
      </c>
      <c r="F2359" t="s">
        <v>38</v>
      </c>
      <c r="G2359" t="s">
        <v>39</v>
      </c>
      <c r="H2359" t="s">
        <v>1748</v>
      </c>
      <c r="I2359">
        <v>97.97</v>
      </c>
      <c r="J2359">
        <v>2</v>
      </c>
      <c r="K2359">
        <v>6.12</v>
      </c>
    </row>
    <row r="2360" spans="1:11" x14ac:dyDescent="0.3">
      <c r="A2360" s="1">
        <v>42112</v>
      </c>
      <c r="B2360" s="3">
        <f t="shared" si="72"/>
        <v>4</v>
      </c>
      <c r="C2360" s="3">
        <f t="shared" si="73"/>
        <v>2015</v>
      </c>
      <c r="D2360" t="s">
        <v>2032</v>
      </c>
      <c r="E2360" t="s">
        <v>9</v>
      </c>
      <c r="F2360" t="s">
        <v>10</v>
      </c>
      <c r="G2360" t="s">
        <v>23</v>
      </c>
      <c r="H2360" t="s">
        <v>987</v>
      </c>
      <c r="I2360">
        <v>7.87</v>
      </c>
      <c r="J2360">
        <v>3</v>
      </c>
      <c r="K2360">
        <v>0.89</v>
      </c>
    </row>
    <row r="2361" spans="1:11" x14ac:dyDescent="0.3">
      <c r="A2361" s="1">
        <v>42112</v>
      </c>
      <c r="B2361" s="3">
        <f t="shared" si="72"/>
        <v>4</v>
      </c>
      <c r="C2361" s="3">
        <f t="shared" si="73"/>
        <v>2015</v>
      </c>
      <c r="D2361" t="s">
        <v>2032</v>
      </c>
      <c r="E2361" t="s">
        <v>9</v>
      </c>
      <c r="F2361" t="s">
        <v>10</v>
      </c>
      <c r="G2361" t="s">
        <v>11</v>
      </c>
      <c r="H2361" t="s">
        <v>1148</v>
      </c>
      <c r="I2361">
        <v>15.55</v>
      </c>
      <c r="J2361">
        <v>3</v>
      </c>
      <c r="K2361">
        <v>5.44</v>
      </c>
    </row>
    <row r="2362" spans="1:11" x14ac:dyDescent="0.3">
      <c r="A2362" s="1">
        <v>42112</v>
      </c>
      <c r="B2362" s="3">
        <f t="shared" si="72"/>
        <v>4</v>
      </c>
      <c r="C2362" s="3">
        <f t="shared" si="73"/>
        <v>2015</v>
      </c>
      <c r="D2362" t="s">
        <v>2032</v>
      </c>
      <c r="E2362" t="s">
        <v>9</v>
      </c>
      <c r="F2362" t="s">
        <v>10</v>
      </c>
      <c r="G2362" t="s">
        <v>19</v>
      </c>
      <c r="H2362" t="s">
        <v>221</v>
      </c>
      <c r="I2362">
        <v>1.48</v>
      </c>
      <c r="J2362">
        <v>1</v>
      </c>
      <c r="K2362">
        <v>-2.29</v>
      </c>
    </row>
    <row r="2363" spans="1:11" x14ac:dyDescent="0.3">
      <c r="A2363" s="1">
        <v>42113</v>
      </c>
      <c r="B2363" s="3">
        <f t="shared" si="72"/>
        <v>4</v>
      </c>
      <c r="C2363" s="3">
        <f t="shared" si="73"/>
        <v>2015</v>
      </c>
      <c r="D2363" t="s">
        <v>634</v>
      </c>
      <c r="E2363" t="s">
        <v>9</v>
      </c>
      <c r="F2363" t="s">
        <v>10</v>
      </c>
      <c r="G2363" t="s">
        <v>91</v>
      </c>
      <c r="H2363" t="s">
        <v>285</v>
      </c>
      <c r="I2363">
        <v>19.57</v>
      </c>
      <c r="J2363">
        <v>2</v>
      </c>
      <c r="K2363">
        <v>-52.83</v>
      </c>
    </row>
    <row r="2364" spans="1:11" x14ac:dyDescent="0.3">
      <c r="A2364" s="1">
        <v>42113</v>
      </c>
      <c r="B2364" s="3">
        <f t="shared" si="72"/>
        <v>4</v>
      </c>
      <c r="C2364" s="3">
        <f t="shared" si="73"/>
        <v>2015</v>
      </c>
      <c r="D2364" t="s">
        <v>634</v>
      </c>
      <c r="E2364" t="s">
        <v>9</v>
      </c>
      <c r="F2364" t="s">
        <v>10</v>
      </c>
      <c r="G2364" t="s">
        <v>19</v>
      </c>
      <c r="H2364" t="s">
        <v>692</v>
      </c>
      <c r="I2364">
        <v>310.39</v>
      </c>
      <c r="J2364">
        <v>4</v>
      </c>
      <c r="K2364">
        <v>-512.15</v>
      </c>
    </row>
    <row r="2365" spans="1:11" x14ac:dyDescent="0.3">
      <c r="A2365" s="1">
        <v>42114</v>
      </c>
      <c r="B2365" s="3">
        <f t="shared" si="72"/>
        <v>4</v>
      </c>
      <c r="C2365" s="3">
        <f t="shared" si="73"/>
        <v>2015</v>
      </c>
      <c r="D2365" t="s">
        <v>559</v>
      </c>
      <c r="E2365" t="s">
        <v>29</v>
      </c>
      <c r="F2365" t="s">
        <v>38</v>
      </c>
      <c r="G2365" t="s">
        <v>39</v>
      </c>
      <c r="H2365" t="s">
        <v>519</v>
      </c>
      <c r="I2365">
        <v>287.97000000000003</v>
      </c>
      <c r="J2365">
        <v>3</v>
      </c>
      <c r="K2365">
        <v>77.75</v>
      </c>
    </row>
    <row r="2366" spans="1:11" x14ac:dyDescent="0.3">
      <c r="A2366" s="1">
        <v>42114</v>
      </c>
      <c r="B2366" s="3">
        <f t="shared" si="72"/>
        <v>4</v>
      </c>
      <c r="C2366" s="3">
        <f t="shared" si="73"/>
        <v>2015</v>
      </c>
      <c r="D2366" t="s">
        <v>559</v>
      </c>
      <c r="E2366" t="s">
        <v>29</v>
      </c>
      <c r="F2366" t="s">
        <v>33</v>
      </c>
      <c r="G2366" t="s">
        <v>46</v>
      </c>
      <c r="H2366" t="s">
        <v>2035</v>
      </c>
      <c r="I2366">
        <v>595.38</v>
      </c>
      <c r="J2366">
        <v>6</v>
      </c>
      <c r="K2366">
        <v>297.69</v>
      </c>
    </row>
    <row r="2367" spans="1:11" x14ac:dyDescent="0.3">
      <c r="A2367" s="1">
        <v>42114</v>
      </c>
      <c r="B2367" s="3">
        <f t="shared" si="72"/>
        <v>4</v>
      </c>
      <c r="C2367" s="3">
        <f t="shared" si="73"/>
        <v>2015</v>
      </c>
      <c r="D2367" t="s">
        <v>559</v>
      </c>
      <c r="E2367" t="s">
        <v>29</v>
      </c>
      <c r="F2367" t="s">
        <v>10</v>
      </c>
      <c r="G2367" t="s">
        <v>11</v>
      </c>
      <c r="H2367" t="s">
        <v>835</v>
      </c>
      <c r="I2367">
        <v>12.96</v>
      </c>
      <c r="J2367">
        <v>2</v>
      </c>
      <c r="K2367">
        <v>6.22</v>
      </c>
    </row>
    <row r="2368" spans="1:11" x14ac:dyDescent="0.3">
      <c r="A2368" s="1">
        <v>42114</v>
      </c>
      <c r="B2368" s="3">
        <f t="shared" si="72"/>
        <v>4</v>
      </c>
      <c r="C2368" s="3">
        <f t="shared" si="73"/>
        <v>2015</v>
      </c>
      <c r="D2368" t="s">
        <v>1334</v>
      </c>
      <c r="E2368" t="s">
        <v>9</v>
      </c>
      <c r="F2368" t="s">
        <v>10</v>
      </c>
      <c r="G2368" t="s">
        <v>11</v>
      </c>
      <c r="H2368" t="s">
        <v>1040</v>
      </c>
      <c r="I2368">
        <v>117.46</v>
      </c>
      <c r="J2368">
        <v>3</v>
      </c>
      <c r="K2368">
        <v>44.05</v>
      </c>
    </row>
    <row r="2369" spans="1:11" x14ac:dyDescent="0.3">
      <c r="A2369" s="1">
        <v>42114</v>
      </c>
      <c r="B2369" s="3">
        <f t="shared" si="72"/>
        <v>4</v>
      </c>
      <c r="C2369" s="3">
        <f t="shared" si="73"/>
        <v>2015</v>
      </c>
      <c r="D2369" t="s">
        <v>2036</v>
      </c>
      <c r="E2369" t="s">
        <v>109</v>
      </c>
      <c r="F2369" t="s">
        <v>10</v>
      </c>
      <c r="G2369" t="s">
        <v>62</v>
      </c>
      <c r="H2369" t="s">
        <v>2037</v>
      </c>
      <c r="I2369">
        <v>180.96</v>
      </c>
      <c r="J2369">
        <v>2</v>
      </c>
      <c r="K2369">
        <v>81.430000000000007</v>
      </c>
    </row>
    <row r="2370" spans="1:11" x14ac:dyDescent="0.3">
      <c r="A2370" s="1">
        <v>42115</v>
      </c>
      <c r="B2370" s="3">
        <f t="shared" ref="B2370:B2433" si="74">MONTH(A:A)</f>
        <v>4</v>
      </c>
      <c r="C2370" s="3">
        <f t="shared" ref="C2370:C2433" si="75">YEAR(A:A)</f>
        <v>2015</v>
      </c>
      <c r="D2370" t="s">
        <v>2038</v>
      </c>
      <c r="E2370" t="s">
        <v>32</v>
      </c>
      <c r="F2370" t="s">
        <v>33</v>
      </c>
      <c r="G2370" t="s">
        <v>34</v>
      </c>
      <c r="H2370" t="s">
        <v>1838</v>
      </c>
      <c r="I2370">
        <v>191.96</v>
      </c>
      <c r="J2370">
        <v>2</v>
      </c>
      <c r="K2370">
        <v>51.83</v>
      </c>
    </row>
    <row r="2371" spans="1:11" x14ac:dyDescent="0.3">
      <c r="A2371" s="1">
        <v>42115</v>
      </c>
      <c r="B2371" s="3">
        <f t="shared" si="74"/>
        <v>4</v>
      </c>
      <c r="C2371" s="3">
        <f t="shared" si="75"/>
        <v>2015</v>
      </c>
      <c r="D2371" t="s">
        <v>2038</v>
      </c>
      <c r="E2371" t="s">
        <v>32</v>
      </c>
      <c r="F2371" t="s">
        <v>10</v>
      </c>
      <c r="G2371" t="s">
        <v>19</v>
      </c>
      <c r="H2371" t="s">
        <v>1184</v>
      </c>
      <c r="I2371">
        <v>21.3</v>
      </c>
      <c r="J2371">
        <v>3</v>
      </c>
      <c r="K2371">
        <v>9.8000000000000007</v>
      </c>
    </row>
    <row r="2372" spans="1:11" x14ac:dyDescent="0.3">
      <c r="A2372" s="1">
        <v>42115</v>
      </c>
      <c r="B2372" s="3">
        <f t="shared" si="74"/>
        <v>4</v>
      </c>
      <c r="C2372" s="3">
        <f t="shared" si="75"/>
        <v>2015</v>
      </c>
      <c r="D2372" t="s">
        <v>2038</v>
      </c>
      <c r="E2372" t="s">
        <v>32</v>
      </c>
      <c r="F2372" t="s">
        <v>38</v>
      </c>
      <c r="G2372" t="s">
        <v>39</v>
      </c>
      <c r="H2372" t="s">
        <v>137</v>
      </c>
      <c r="I2372">
        <v>469.95</v>
      </c>
      <c r="J2372">
        <v>5</v>
      </c>
      <c r="K2372">
        <v>131.59</v>
      </c>
    </row>
    <row r="2373" spans="1:11" x14ac:dyDescent="0.3">
      <c r="A2373" s="1">
        <v>42115</v>
      </c>
      <c r="B2373" s="3">
        <f t="shared" si="74"/>
        <v>4</v>
      </c>
      <c r="C2373" s="3">
        <f t="shared" si="75"/>
        <v>2015</v>
      </c>
      <c r="D2373" t="s">
        <v>2038</v>
      </c>
      <c r="E2373" t="s">
        <v>32</v>
      </c>
      <c r="F2373" t="s">
        <v>33</v>
      </c>
      <c r="G2373" t="s">
        <v>46</v>
      </c>
      <c r="H2373" t="s">
        <v>2039</v>
      </c>
      <c r="I2373">
        <v>209.88</v>
      </c>
      <c r="J2373">
        <v>3</v>
      </c>
      <c r="K2373">
        <v>35.68</v>
      </c>
    </row>
    <row r="2374" spans="1:11" x14ac:dyDescent="0.3">
      <c r="A2374" s="1">
        <v>42116</v>
      </c>
      <c r="B2374" s="3">
        <f t="shared" si="74"/>
        <v>4</v>
      </c>
      <c r="C2374" s="3">
        <f t="shared" si="75"/>
        <v>2015</v>
      </c>
      <c r="D2374" t="s">
        <v>324</v>
      </c>
      <c r="E2374" t="s">
        <v>26</v>
      </c>
      <c r="F2374" t="s">
        <v>38</v>
      </c>
      <c r="G2374" t="s">
        <v>39</v>
      </c>
      <c r="H2374" t="s">
        <v>900</v>
      </c>
      <c r="I2374">
        <v>88.78</v>
      </c>
      <c r="J2374">
        <v>3</v>
      </c>
      <c r="K2374">
        <v>7.77</v>
      </c>
    </row>
    <row r="2375" spans="1:11" x14ac:dyDescent="0.3">
      <c r="A2375" s="1">
        <v>42116</v>
      </c>
      <c r="B2375" s="3">
        <f t="shared" si="74"/>
        <v>4</v>
      </c>
      <c r="C2375" s="3">
        <f t="shared" si="75"/>
        <v>2015</v>
      </c>
      <c r="D2375" t="s">
        <v>324</v>
      </c>
      <c r="E2375" t="s">
        <v>26</v>
      </c>
      <c r="F2375" t="s">
        <v>10</v>
      </c>
      <c r="G2375" t="s">
        <v>23</v>
      </c>
      <c r="H2375" t="s">
        <v>1888</v>
      </c>
      <c r="I2375">
        <v>64.14</v>
      </c>
      <c r="J2375">
        <v>3</v>
      </c>
      <c r="K2375">
        <v>16.68</v>
      </c>
    </row>
    <row r="2376" spans="1:11" x14ac:dyDescent="0.3">
      <c r="A2376" s="1">
        <v>42118</v>
      </c>
      <c r="B2376" s="3">
        <f t="shared" si="74"/>
        <v>4</v>
      </c>
      <c r="C2376" s="3">
        <f t="shared" si="75"/>
        <v>2015</v>
      </c>
      <c r="D2376" t="s">
        <v>166</v>
      </c>
      <c r="E2376" t="s">
        <v>148</v>
      </c>
      <c r="F2376" t="s">
        <v>10</v>
      </c>
      <c r="G2376" t="s">
        <v>23</v>
      </c>
      <c r="H2376" t="s">
        <v>278</v>
      </c>
      <c r="I2376">
        <v>25.99</v>
      </c>
      <c r="J2376">
        <v>1</v>
      </c>
      <c r="K2376">
        <v>7.54</v>
      </c>
    </row>
    <row r="2377" spans="1:11" x14ac:dyDescent="0.3">
      <c r="A2377" s="1">
        <v>42119</v>
      </c>
      <c r="B2377" s="3">
        <f t="shared" si="74"/>
        <v>4</v>
      </c>
      <c r="C2377" s="3">
        <f t="shared" si="75"/>
        <v>2015</v>
      </c>
      <c r="D2377" t="s">
        <v>248</v>
      </c>
      <c r="E2377" t="s">
        <v>26</v>
      </c>
      <c r="F2377" t="s">
        <v>10</v>
      </c>
      <c r="G2377" t="s">
        <v>19</v>
      </c>
      <c r="H2377" t="s">
        <v>424</v>
      </c>
      <c r="I2377">
        <v>13.94</v>
      </c>
      <c r="J2377">
        <v>3</v>
      </c>
      <c r="K2377">
        <v>4.53</v>
      </c>
    </row>
    <row r="2378" spans="1:11" x14ac:dyDescent="0.3">
      <c r="A2378" s="1">
        <v>42119</v>
      </c>
      <c r="B2378" s="3">
        <f t="shared" si="74"/>
        <v>4</v>
      </c>
      <c r="C2378" s="3">
        <f t="shared" si="75"/>
        <v>2015</v>
      </c>
      <c r="D2378" t="s">
        <v>1003</v>
      </c>
      <c r="E2378" t="s">
        <v>148</v>
      </c>
      <c r="F2378" t="s">
        <v>10</v>
      </c>
      <c r="G2378" t="s">
        <v>91</v>
      </c>
      <c r="H2378" t="s">
        <v>113</v>
      </c>
      <c r="I2378">
        <v>206.43</v>
      </c>
      <c r="J2378">
        <v>3</v>
      </c>
      <c r="K2378">
        <v>90.83</v>
      </c>
    </row>
    <row r="2379" spans="1:11" x14ac:dyDescent="0.3">
      <c r="A2379" s="1">
        <v>42119</v>
      </c>
      <c r="B2379" s="3">
        <f t="shared" si="74"/>
        <v>4</v>
      </c>
      <c r="C2379" s="3">
        <f t="shared" si="75"/>
        <v>2015</v>
      </c>
      <c r="D2379" t="s">
        <v>1909</v>
      </c>
      <c r="E2379" t="s">
        <v>156</v>
      </c>
      <c r="F2379" t="s">
        <v>10</v>
      </c>
      <c r="G2379" t="s">
        <v>23</v>
      </c>
      <c r="H2379" t="s">
        <v>1005</v>
      </c>
      <c r="I2379">
        <v>57.75</v>
      </c>
      <c r="J2379">
        <v>5</v>
      </c>
      <c r="K2379">
        <v>16.170000000000002</v>
      </c>
    </row>
    <row r="2380" spans="1:11" x14ac:dyDescent="0.3">
      <c r="A2380" s="1">
        <v>42119</v>
      </c>
      <c r="B2380" s="3">
        <f t="shared" si="74"/>
        <v>4</v>
      </c>
      <c r="C2380" s="3">
        <f t="shared" si="75"/>
        <v>2015</v>
      </c>
      <c r="D2380" t="s">
        <v>1909</v>
      </c>
      <c r="E2380" t="s">
        <v>156</v>
      </c>
      <c r="F2380" t="s">
        <v>10</v>
      </c>
      <c r="G2380" t="s">
        <v>91</v>
      </c>
      <c r="H2380" t="s">
        <v>1887</v>
      </c>
      <c r="I2380">
        <v>272.39999999999998</v>
      </c>
      <c r="J2380">
        <v>5</v>
      </c>
      <c r="K2380">
        <v>76.27</v>
      </c>
    </row>
    <row r="2381" spans="1:11" x14ac:dyDescent="0.3">
      <c r="A2381" s="1">
        <v>42119</v>
      </c>
      <c r="B2381" s="3">
        <f t="shared" si="74"/>
        <v>4</v>
      </c>
      <c r="C2381" s="3">
        <f t="shared" si="75"/>
        <v>2015</v>
      </c>
      <c r="D2381" t="s">
        <v>1458</v>
      </c>
      <c r="E2381" t="s">
        <v>14</v>
      </c>
      <c r="F2381" t="s">
        <v>10</v>
      </c>
      <c r="G2381" t="s">
        <v>17</v>
      </c>
      <c r="H2381" t="s">
        <v>556</v>
      </c>
      <c r="I2381">
        <v>221.02</v>
      </c>
      <c r="J2381">
        <v>2</v>
      </c>
      <c r="K2381">
        <v>-55.26</v>
      </c>
    </row>
    <row r="2382" spans="1:11" x14ac:dyDescent="0.3">
      <c r="A2382" s="1">
        <v>42119</v>
      </c>
      <c r="B2382" s="3">
        <f t="shared" si="74"/>
        <v>4</v>
      </c>
      <c r="C2382" s="3">
        <f t="shared" si="75"/>
        <v>2015</v>
      </c>
      <c r="D2382" t="s">
        <v>1458</v>
      </c>
      <c r="E2382" t="s">
        <v>14</v>
      </c>
      <c r="F2382" t="s">
        <v>33</v>
      </c>
      <c r="G2382" t="s">
        <v>34</v>
      </c>
      <c r="H2382" t="s">
        <v>2040</v>
      </c>
      <c r="I2382">
        <v>128.06</v>
      </c>
      <c r="J2382">
        <v>3</v>
      </c>
      <c r="K2382">
        <v>-23.78</v>
      </c>
    </row>
    <row r="2383" spans="1:11" x14ac:dyDescent="0.3">
      <c r="A2383" s="1">
        <v>42119</v>
      </c>
      <c r="B2383" s="3">
        <f t="shared" si="74"/>
        <v>4</v>
      </c>
      <c r="C2383" s="3">
        <f t="shared" si="75"/>
        <v>2015</v>
      </c>
      <c r="D2383" t="s">
        <v>2041</v>
      </c>
      <c r="E2383" t="s">
        <v>26</v>
      </c>
      <c r="F2383" t="s">
        <v>10</v>
      </c>
      <c r="G2383" t="s">
        <v>62</v>
      </c>
      <c r="H2383" t="s">
        <v>1720</v>
      </c>
      <c r="I2383">
        <v>21.34</v>
      </c>
      <c r="J2383">
        <v>2</v>
      </c>
      <c r="K2383">
        <v>9.82</v>
      </c>
    </row>
    <row r="2384" spans="1:11" x14ac:dyDescent="0.3">
      <c r="A2384" s="1">
        <v>42120</v>
      </c>
      <c r="B2384" s="3">
        <f t="shared" si="74"/>
        <v>4</v>
      </c>
      <c r="C2384" s="3">
        <f t="shared" si="75"/>
        <v>2015</v>
      </c>
      <c r="D2384" t="s">
        <v>856</v>
      </c>
      <c r="E2384" t="s">
        <v>119</v>
      </c>
      <c r="F2384" t="s">
        <v>33</v>
      </c>
      <c r="G2384" t="s">
        <v>34</v>
      </c>
      <c r="H2384" t="s">
        <v>1804</v>
      </c>
      <c r="I2384">
        <v>831.94</v>
      </c>
      <c r="J2384">
        <v>8</v>
      </c>
      <c r="K2384">
        <v>-114.39</v>
      </c>
    </row>
    <row r="2385" spans="1:11" x14ac:dyDescent="0.3">
      <c r="A2385" s="1">
        <v>42120</v>
      </c>
      <c r="B2385" s="3">
        <f t="shared" si="74"/>
        <v>4</v>
      </c>
      <c r="C2385" s="3">
        <f t="shared" si="75"/>
        <v>2015</v>
      </c>
      <c r="D2385" t="s">
        <v>856</v>
      </c>
      <c r="E2385" t="s">
        <v>119</v>
      </c>
      <c r="F2385" t="s">
        <v>33</v>
      </c>
      <c r="G2385" t="s">
        <v>46</v>
      </c>
      <c r="H2385" t="s">
        <v>569</v>
      </c>
      <c r="I2385">
        <v>97.04</v>
      </c>
      <c r="J2385">
        <v>2</v>
      </c>
      <c r="K2385">
        <v>1.21</v>
      </c>
    </row>
    <row r="2386" spans="1:11" x14ac:dyDescent="0.3">
      <c r="A2386" s="1">
        <v>42120</v>
      </c>
      <c r="B2386" s="3">
        <f t="shared" si="74"/>
        <v>4</v>
      </c>
      <c r="C2386" s="3">
        <f t="shared" si="75"/>
        <v>2015</v>
      </c>
      <c r="D2386" t="s">
        <v>856</v>
      </c>
      <c r="E2386" t="s">
        <v>119</v>
      </c>
      <c r="F2386" t="s">
        <v>10</v>
      </c>
      <c r="G2386" t="s">
        <v>17</v>
      </c>
      <c r="H2386" t="s">
        <v>837</v>
      </c>
      <c r="I2386">
        <v>72.78</v>
      </c>
      <c r="J2386">
        <v>1</v>
      </c>
      <c r="K2386">
        <v>-18.2</v>
      </c>
    </row>
    <row r="2387" spans="1:11" x14ac:dyDescent="0.3">
      <c r="A2387" s="1">
        <v>42120</v>
      </c>
      <c r="B2387" s="3">
        <f t="shared" si="74"/>
        <v>4</v>
      </c>
      <c r="C2387" s="3">
        <f t="shared" si="75"/>
        <v>2015</v>
      </c>
      <c r="D2387" t="s">
        <v>1642</v>
      </c>
      <c r="E2387" t="s">
        <v>9</v>
      </c>
      <c r="F2387" t="s">
        <v>33</v>
      </c>
      <c r="G2387" t="s">
        <v>34</v>
      </c>
      <c r="H2387" t="s">
        <v>1981</v>
      </c>
      <c r="I2387">
        <v>408.42</v>
      </c>
      <c r="J2387">
        <v>2</v>
      </c>
      <c r="K2387">
        <v>-5.83</v>
      </c>
    </row>
    <row r="2388" spans="1:11" x14ac:dyDescent="0.3">
      <c r="A2388" s="1">
        <v>42120</v>
      </c>
      <c r="B2388" s="3">
        <f t="shared" si="74"/>
        <v>4</v>
      </c>
      <c r="C2388" s="3">
        <f t="shared" si="75"/>
        <v>2015</v>
      </c>
      <c r="D2388" t="s">
        <v>1962</v>
      </c>
      <c r="E2388" t="s">
        <v>26</v>
      </c>
      <c r="F2388" t="s">
        <v>33</v>
      </c>
      <c r="G2388" t="s">
        <v>34</v>
      </c>
      <c r="H2388" t="s">
        <v>1633</v>
      </c>
      <c r="I2388">
        <v>63.94</v>
      </c>
      <c r="J2388">
        <v>3</v>
      </c>
      <c r="K2388">
        <v>6.39</v>
      </c>
    </row>
    <row r="2389" spans="1:11" x14ac:dyDescent="0.3">
      <c r="A2389" s="1">
        <v>42120</v>
      </c>
      <c r="B2389" s="3">
        <f t="shared" si="74"/>
        <v>4</v>
      </c>
      <c r="C2389" s="3">
        <f t="shared" si="75"/>
        <v>2015</v>
      </c>
      <c r="D2389" t="s">
        <v>1962</v>
      </c>
      <c r="E2389" t="s">
        <v>26</v>
      </c>
      <c r="F2389" t="s">
        <v>10</v>
      </c>
      <c r="G2389" t="s">
        <v>23</v>
      </c>
      <c r="H2389" t="s">
        <v>259</v>
      </c>
      <c r="I2389">
        <v>59.52</v>
      </c>
      <c r="J2389">
        <v>3</v>
      </c>
      <c r="K2389">
        <v>15.48</v>
      </c>
    </row>
    <row r="2390" spans="1:11" x14ac:dyDescent="0.3">
      <c r="A2390" s="1">
        <v>42120</v>
      </c>
      <c r="B2390" s="3">
        <f t="shared" si="74"/>
        <v>4</v>
      </c>
      <c r="C2390" s="3">
        <f t="shared" si="75"/>
        <v>2015</v>
      </c>
      <c r="D2390" t="s">
        <v>1962</v>
      </c>
      <c r="E2390" t="s">
        <v>26</v>
      </c>
      <c r="F2390" t="s">
        <v>38</v>
      </c>
      <c r="G2390" t="s">
        <v>39</v>
      </c>
      <c r="H2390" t="s">
        <v>2042</v>
      </c>
      <c r="I2390">
        <v>311.98</v>
      </c>
      <c r="J2390">
        <v>3</v>
      </c>
      <c r="K2390">
        <v>39</v>
      </c>
    </row>
    <row r="2391" spans="1:11" x14ac:dyDescent="0.3">
      <c r="A2391" s="1">
        <v>42120</v>
      </c>
      <c r="B2391" s="3">
        <f t="shared" si="74"/>
        <v>4</v>
      </c>
      <c r="C2391" s="3">
        <f t="shared" si="75"/>
        <v>2015</v>
      </c>
      <c r="D2391" t="s">
        <v>1962</v>
      </c>
      <c r="E2391" t="s">
        <v>26</v>
      </c>
      <c r="F2391" t="s">
        <v>10</v>
      </c>
      <c r="G2391" t="s">
        <v>19</v>
      </c>
      <c r="H2391" t="s">
        <v>1028</v>
      </c>
      <c r="I2391">
        <v>50.35</v>
      </c>
      <c r="J2391">
        <v>3</v>
      </c>
      <c r="K2391">
        <v>17.62</v>
      </c>
    </row>
    <row r="2392" spans="1:11" x14ac:dyDescent="0.3">
      <c r="A2392" s="1">
        <v>42120</v>
      </c>
      <c r="B2392" s="3">
        <f t="shared" si="74"/>
        <v>4</v>
      </c>
      <c r="C2392" s="3">
        <f t="shared" si="75"/>
        <v>2015</v>
      </c>
      <c r="D2392" t="s">
        <v>217</v>
      </c>
      <c r="E2392" t="s">
        <v>122</v>
      </c>
      <c r="F2392" t="s">
        <v>33</v>
      </c>
      <c r="G2392" t="s">
        <v>144</v>
      </c>
      <c r="H2392" t="s">
        <v>1702</v>
      </c>
      <c r="I2392">
        <v>191.52</v>
      </c>
      <c r="J2392">
        <v>1</v>
      </c>
      <c r="K2392">
        <v>-76.61</v>
      </c>
    </row>
    <row r="2393" spans="1:11" x14ac:dyDescent="0.3">
      <c r="A2393" s="1">
        <v>42120</v>
      </c>
      <c r="B2393" s="3">
        <f t="shared" si="74"/>
        <v>4</v>
      </c>
      <c r="C2393" s="3">
        <f t="shared" si="75"/>
        <v>2015</v>
      </c>
      <c r="D2393" t="s">
        <v>217</v>
      </c>
      <c r="E2393" t="s">
        <v>122</v>
      </c>
      <c r="F2393" t="s">
        <v>10</v>
      </c>
      <c r="G2393" t="s">
        <v>23</v>
      </c>
      <c r="H2393" t="s">
        <v>458</v>
      </c>
      <c r="I2393">
        <v>2.62</v>
      </c>
      <c r="J2393">
        <v>1</v>
      </c>
      <c r="K2393">
        <v>0.43</v>
      </c>
    </row>
    <row r="2394" spans="1:11" x14ac:dyDescent="0.3">
      <c r="A2394" s="1">
        <v>42121</v>
      </c>
      <c r="B2394" s="3">
        <f t="shared" si="74"/>
        <v>4</v>
      </c>
      <c r="C2394" s="3">
        <f t="shared" si="75"/>
        <v>2015</v>
      </c>
      <c r="D2394" t="s">
        <v>708</v>
      </c>
      <c r="E2394" t="s">
        <v>2043</v>
      </c>
      <c r="F2394" t="s">
        <v>10</v>
      </c>
      <c r="G2394" t="s">
        <v>23</v>
      </c>
      <c r="H2394" t="s">
        <v>206</v>
      </c>
      <c r="I2394">
        <v>22.74</v>
      </c>
      <c r="J2394">
        <v>3</v>
      </c>
      <c r="K2394">
        <v>8.8699999999999992</v>
      </c>
    </row>
    <row r="2395" spans="1:11" x14ac:dyDescent="0.3">
      <c r="A2395" s="1">
        <v>42121</v>
      </c>
      <c r="B2395" s="3">
        <f t="shared" si="74"/>
        <v>4</v>
      </c>
      <c r="C2395" s="3">
        <f t="shared" si="75"/>
        <v>2015</v>
      </c>
      <c r="D2395" t="s">
        <v>708</v>
      </c>
      <c r="E2395" t="s">
        <v>2043</v>
      </c>
      <c r="F2395" t="s">
        <v>33</v>
      </c>
      <c r="G2395" t="s">
        <v>34</v>
      </c>
      <c r="H2395" t="s">
        <v>2044</v>
      </c>
      <c r="I2395">
        <v>1267.53</v>
      </c>
      <c r="J2395">
        <v>3</v>
      </c>
      <c r="K2395">
        <v>316.88</v>
      </c>
    </row>
    <row r="2396" spans="1:11" x14ac:dyDescent="0.3">
      <c r="A2396" s="1">
        <v>42121</v>
      </c>
      <c r="B2396" s="3">
        <f t="shared" si="74"/>
        <v>4</v>
      </c>
      <c r="C2396" s="3">
        <f t="shared" si="75"/>
        <v>2015</v>
      </c>
      <c r="D2396" t="s">
        <v>708</v>
      </c>
      <c r="E2396" t="s">
        <v>2043</v>
      </c>
      <c r="F2396" t="s">
        <v>38</v>
      </c>
      <c r="G2396" t="s">
        <v>301</v>
      </c>
      <c r="H2396" t="s">
        <v>2045</v>
      </c>
      <c r="I2396">
        <v>1379.92</v>
      </c>
      <c r="J2396">
        <v>8</v>
      </c>
      <c r="K2396">
        <v>648.55999999999995</v>
      </c>
    </row>
    <row r="2397" spans="1:11" x14ac:dyDescent="0.3">
      <c r="A2397" s="1">
        <v>42121</v>
      </c>
      <c r="B2397" s="3">
        <f t="shared" si="74"/>
        <v>4</v>
      </c>
      <c r="C2397" s="3">
        <f t="shared" si="75"/>
        <v>2015</v>
      </c>
      <c r="D2397" t="s">
        <v>1675</v>
      </c>
      <c r="E2397" t="s">
        <v>277</v>
      </c>
      <c r="F2397" t="s">
        <v>10</v>
      </c>
      <c r="G2397" t="s">
        <v>91</v>
      </c>
      <c r="H2397" t="s">
        <v>332</v>
      </c>
      <c r="I2397">
        <v>43.56</v>
      </c>
      <c r="J2397">
        <v>5</v>
      </c>
      <c r="K2397">
        <v>3.27</v>
      </c>
    </row>
    <row r="2398" spans="1:11" x14ac:dyDescent="0.3">
      <c r="A2398" s="1">
        <v>42121</v>
      </c>
      <c r="B2398" s="3">
        <f t="shared" si="74"/>
        <v>4</v>
      </c>
      <c r="C2398" s="3">
        <f t="shared" si="75"/>
        <v>2015</v>
      </c>
      <c r="D2398" t="s">
        <v>1675</v>
      </c>
      <c r="E2398" t="s">
        <v>277</v>
      </c>
      <c r="F2398" t="s">
        <v>10</v>
      </c>
      <c r="G2398" t="s">
        <v>199</v>
      </c>
      <c r="H2398" t="s">
        <v>1291</v>
      </c>
      <c r="I2398">
        <v>5.84</v>
      </c>
      <c r="J2398">
        <v>2</v>
      </c>
      <c r="K2398">
        <v>0.73</v>
      </c>
    </row>
    <row r="2399" spans="1:11" x14ac:dyDescent="0.3">
      <c r="A2399" s="1">
        <v>42122</v>
      </c>
      <c r="B2399" s="3">
        <f t="shared" si="74"/>
        <v>4</v>
      </c>
      <c r="C2399" s="3">
        <f t="shared" si="75"/>
        <v>2015</v>
      </c>
      <c r="D2399" t="s">
        <v>888</v>
      </c>
      <c r="E2399" t="s">
        <v>9</v>
      </c>
      <c r="F2399" t="s">
        <v>10</v>
      </c>
      <c r="G2399" t="s">
        <v>91</v>
      </c>
      <c r="H2399" t="s">
        <v>616</v>
      </c>
      <c r="I2399">
        <v>8.65</v>
      </c>
      <c r="J2399">
        <v>3</v>
      </c>
      <c r="K2399">
        <v>-20.329999999999998</v>
      </c>
    </row>
    <row r="2400" spans="1:11" x14ac:dyDescent="0.3">
      <c r="A2400" s="1">
        <v>42122</v>
      </c>
      <c r="B2400" s="3">
        <f t="shared" si="74"/>
        <v>4</v>
      </c>
      <c r="C2400" s="3">
        <f t="shared" si="75"/>
        <v>2015</v>
      </c>
      <c r="D2400" t="s">
        <v>888</v>
      </c>
      <c r="E2400" t="s">
        <v>9</v>
      </c>
      <c r="F2400" t="s">
        <v>10</v>
      </c>
      <c r="G2400" t="s">
        <v>17</v>
      </c>
      <c r="H2400" t="s">
        <v>1228</v>
      </c>
      <c r="I2400">
        <v>23.83</v>
      </c>
      <c r="J2400">
        <v>3</v>
      </c>
      <c r="K2400">
        <v>2.68</v>
      </c>
    </row>
    <row r="2401" spans="1:11" x14ac:dyDescent="0.3">
      <c r="A2401" s="1">
        <v>42122</v>
      </c>
      <c r="B2401" s="3">
        <f t="shared" si="74"/>
        <v>4</v>
      </c>
      <c r="C2401" s="3">
        <f t="shared" si="75"/>
        <v>2015</v>
      </c>
      <c r="D2401" t="s">
        <v>888</v>
      </c>
      <c r="E2401" t="s">
        <v>9</v>
      </c>
      <c r="F2401" t="s">
        <v>10</v>
      </c>
      <c r="G2401" t="s">
        <v>19</v>
      </c>
      <c r="H2401" t="s">
        <v>329</v>
      </c>
      <c r="I2401">
        <v>12.18</v>
      </c>
      <c r="J2401">
        <v>4</v>
      </c>
      <c r="K2401">
        <v>-18.87</v>
      </c>
    </row>
    <row r="2402" spans="1:11" x14ac:dyDescent="0.3">
      <c r="A2402" s="1">
        <v>42122</v>
      </c>
      <c r="B2402" s="3">
        <f t="shared" si="74"/>
        <v>4</v>
      </c>
      <c r="C2402" s="3">
        <f t="shared" si="75"/>
        <v>2015</v>
      </c>
      <c r="D2402" t="s">
        <v>130</v>
      </c>
      <c r="E2402" t="s">
        <v>109</v>
      </c>
      <c r="F2402" t="s">
        <v>10</v>
      </c>
      <c r="G2402" t="s">
        <v>91</v>
      </c>
      <c r="H2402" t="s">
        <v>2046</v>
      </c>
      <c r="I2402">
        <v>186.73</v>
      </c>
      <c r="J2402">
        <v>1</v>
      </c>
      <c r="K2402">
        <v>41.5</v>
      </c>
    </row>
    <row r="2403" spans="1:11" x14ac:dyDescent="0.3">
      <c r="A2403" s="1">
        <v>42122</v>
      </c>
      <c r="B2403" s="3">
        <f t="shared" si="74"/>
        <v>4</v>
      </c>
      <c r="C2403" s="3">
        <f t="shared" si="75"/>
        <v>2015</v>
      </c>
      <c r="D2403" t="s">
        <v>130</v>
      </c>
      <c r="E2403" t="s">
        <v>109</v>
      </c>
      <c r="F2403" t="s">
        <v>10</v>
      </c>
      <c r="G2403" t="s">
        <v>19</v>
      </c>
      <c r="H2403" t="s">
        <v>1605</v>
      </c>
      <c r="I2403">
        <v>3812.97</v>
      </c>
      <c r="J2403">
        <v>3</v>
      </c>
      <c r="K2403">
        <v>1906.49</v>
      </c>
    </row>
    <row r="2404" spans="1:11" x14ac:dyDescent="0.3">
      <c r="A2404" s="1">
        <v>42123</v>
      </c>
      <c r="B2404" s="3">
        <f t="shared" si="74"/>
        <v>4</v>
      </c>
      <c r="C2404" s="3">
        <f t="shared" si="75"/>
        <v>2015</v>
      </c>
      <c r="D2404" t="s">
        <v>1331</v>
      </c>
      <c r="E2404" t="s">
        <v>22</v>
      </c>
      <c r="F2404" t="s">
        <v>10</v>
      </c>
      <c r="G2404" t="s">
        <v>11</v>
      </c>
      <c r="H2404" t="s">
        <v>678</v>
      </c>
      <c r="I2404">
        <v>7.97</v>
      </c>
      <c r="J2404">
        <v>2</v>
      </c>
      <c r="K2404">
        <v>2.89</v>
      </c>
    </row>
    <row r="2405" spans="1:11" x14ac:dyDescent="0.3">
      <c r="A2405" s="1">
        <v>42124</v>
      </c>
      <c r="B2405" s="3">
        <f t="shared" si="74"/>
        <v>4</v>
      </c>
      <c r="C2405" s="3">
        <f t="shared" si="75"/>
        <v>2015</v>
      </c>
      <c r="D2405" t="s">
        <v>532</v>
      </c>
      <c r="E2405" t="s">
        <v>14</v>
      </c>
      <c r="F2405" t="s">
        <v>33</v>
      </c>
      <c r="G2405" t="s">
        <v>34</v>
      </c>
      <c r="H2405" t="s">
        <v>186</v>
      </c>
      <c r="I2405">
        <v>213.12</v>
      </c>
      <c r="J2405">
        <v>5</v>
      </c>
      <c r="K2405">
        <v>-15.22</v>
      </c>
    </row>
    <row r="2406" spans="1:11" x14ac:dyDescent="0.3">
      <c r="A2406" s="1">
        <v>42124</v>
      </c>
      <c r="B2406" s="3">
        <f t="shared" si="74"/>
        <v>4</v>
      </c>
      <c r="C2406" s="3">
        <f t="shared" si="75"/>
        <v>2015</v>
      </c>
      <c r="D2406" t="s">
        <v>551</v>
      </c>
      <c r="E2406" t="s">
        <v>77</v>
      </c>
      <c r="F2406" t="s">
        <v>38</v>
      </c>
      <c r="G2406" t="s">
        <v>39</v>
      </c>
      <c r="H2406" t="s">
        <v>1099</v>
      </c>
      <c r="I2406">
        <v>1022.97</v>
      </c>
      <c r="J2406">
        <v>5</v>
      </c>
      <c r="K2406">
        <v>-255.74</v>
      </c>
    </row>
    <row r="2407" spans="1:11" x14ac:dyDescent="0.3">
      <c r="A2407" s="1">
        <v>42124</v>
      </c>
      <c r="B2407" s="3">
        <f t="shared" si="74"/>
        <v>4</v>
      </c>
      <c r="C2407" s="3">
        <f t="shared" si="75"/>
        <v>2015</v>
      </c>
      <c r="D2407" t="s">
        <v>451</v>
      </c>
      <c r="E2407" t="s">
        <v>26</v>
      </c>
      <c r="F2407" t="s">
        <v>10</v>
      </c>
      <c r="G2407" t="s">
        <v>23</v>
      </c>
      <c r="H2407" t="s">
        <v>1005</v>
      </c>
      <c r="I2407">
        <v>34.65</v>
      </c>
      <c r="J2407">
        <v>3</v>
      </c>
      <c r="K2407">
        <v>9.6999999999999993</v>
      </c>
    </row>
    <row r="2408" spans="1:11" x14ac:dyDescent="0.3">
      <c r="A2408" s="1">
        <v>42124</v>
      </c>
      <c r="B2408" s="3">
        <f t="shared" si="74"/>
        <v>4</v>
      </c>
      <c r="C2408" s="3">
        <f t="shared" si="75"/>
        <v>2015</v>
      </c>
      <c r="D2408" t="s">
        <v>451</v>
      </c>
      <c r="E2408" t="s">
        <v>26</v>
      </c>
      <c r="F2408" t="s">
        <v>38</v>
      </c>
      <c r="G2408" t="s">
        <v>39</v>
      </c>
      <c r="H2408" t="s">
        <v>1998</v>
      </c>
      <c r="I2408">
        <v>19.8</v>
      </c>
      <c r="J2408">
        <v>5</v>
      </c>
      <c r="K2408">
        <v>1.73</v>
      </c>
    </row>
    <row r="2409" spans="1:11" x14ac:dyDescent="0.3">
      <c r="A2409" s="1">
        <v>42124</v>
      </c>
      <c r="B2409" s="3">
        <f t="shared" si="74"/>
        <v>4</v>
      </c>
      <c r="C2409" s="3">
        <f t="shared" si="75"/>
        <v>2015</v>
      </c>
      <c r="D2409" t="s">
        <v>2047</v>
      </c>
      <c r="E2409" t="s">
        <v>433</v>
      </c>
      <c r="F2409" t="s">
        <v>33</v>
      </c>
      <c r="G2409" t="s">
        <v>46</v>
      </c>
      <c r="H2409" t="s">
        <v>1693</v>
      </c>
      <c r="I2409">
        <v>31.4</v>
      </c>
      <c r="J2409">
        <v>5</v>
      </c>
      <c r="K2409">
        <v>13.19</v>
      </c>
    </row>
    <row r="2410" spans="1:11" x14ac:dyDescent="0.3">
      <c r="A2410" s="1">
        <v>42124</v>
      </c>
      <c r="B2410" s="3">
        <f t="shared" si="74"/>
        <v>4</v>
      </c>
      <c r="C2410" s="3">
        <f t="shared" si="75"/>
        <v>2015</v>
      </c>
      <c r="D2410" t="s">
        <v>2047</v>
      </c>
      <c r="E2410" t="s">
        <v>433</v>
      </c>
      <c r="F2410" t="s">
        <v>33</v>
      </c>
      <c r="G2410" t="s">
        <v>46</v>
      </c>
      <c r="H2410" t="s">
        <v>2048</v>
      </c>
      <c r="I2410">
        <v>9.48</v>
      </c>
      <c r="J2410">
        <v>1</v>
      </c>
      <c r="K2410">
        <v>3.79</v>
      </c>
    </row>
    <row r="2411" spans="1:11" x14ac:dyDescent="0.3">
      <c r="A2411" s="1">
        <v>42124</v>
      </c>
      <c r="B2411" s="3">
        <f t="shared" si="74"/>
        <v>4</v>
      </c>
      <c r="C2411" s="3">
        <f t="shared" si="75"/>
        <v>2015</v>
      </c>
      <c r="D2411" t="s">
        <v>2047</v>
      </c>
      <c r="E2411" t="s">
        <v>433</v>
      </c>
      <c r="F2411" t="s">
        <v>38</v>
      </c>
      <c r="G2411" t="s">
        <v>39</v>
      </c>
      <c r="H2411" t="s">
        <v>2049</v>
      </c>
      <c r="I2411">
        <v>209.5</v>
      </c>
      <c r="J2411">
        <v>10</v>
      </c>
      <c r="K2411">
        <v>58.66</v>
      </c>
    </row>
    <row r="2412" spans="1:11" x14ac:dyDescent="0.3">
      <c r="A2412" s="1">
        <v>42124</v>
      </c>
      <c r="B2412" s="3">
        <f t="shared" si="74"/>
        <v>4</v>
      </c>
      <c r="C2412" s="3">
        <f t="shared" si="75"/>
        <v>2015</v>
      </c>
      <c r="D2412" t="s">
        <v>2047</v>
      </c>
      <c r="E2412" t="s">
        <v>433</v>
      </c>
      <c r="F2412" t="s">
        <v>33</v>
      </c>
      <c r="G2412" t="s">
        <v>46</v>
      </c>
      <c r="H2412" t="s">
        <v>2050</v>
      </c>
      <c r="I2412">
        <v>24.3</v>
      </c>
      <c r="J2412">
        <v>5</v>
      </c>
      <c r="K2412">
        <v>10.45</v>
      </c>
    </row>
    <row r="2413" spans="1:11" x14ac:dyDescent="0.3">
      <c r="A2413" s="1">
        <v>42124</v>
      </c>
      <c r="B2413" s="3">
        <f t="shared" si="74"/>
        <v>4</v>
      </c>
      <c r="C2413" s="3">
        <f t="shared" si="75"/>
        <v>2015</v>
      </c>
      <c r="D2413" t="s">
        <v>2047</v>
      </c>
      <c r="E2413" t="s">
        <v>433</v>
      </c>
      <c r="F2413" t="s">
        <v>10</v>
      </c>
      <c r="G2413" t="s">
        <v>11</v>
      </c>
      <c r="H2413" t="s">
        <v>639</v>
      </c>
      <c r="I2413">
        <v>6.48</v>
      </c>
      <c r="J2413">
        <v>1</v>
      </c>
      <c r="K2413">
        <v>3.11</v>
      </c>
    </row>
    <row r="2414" spans="1:11" x14ac:dyDescent="0.3">
      <c r="A2414" s="1">
        <v>42125</v>
      </c>
      <c r="B2414" s="3">
        <f t="shared" si="74"/>
        <v>5</v>
      </c>
      <c r="C2414" s="3">
        <f t="shared" si="75"/>
        <v>2015</v>
      </c>
      <c r="D2414" t="s">
        <v>1294</v>
      </c>
      <c r="E2414" t="s">
        <v>26</v>
      </c>
      <c r="F2414" t="s">
        <v>38</v>
      </c>
      <c r="G2414" t="s">
        <v>39</v>
      </c>
      <c r="H2414" t="s">
        <v>2051</v>
      </c>
      <c r="I2414">
        <v>88.75</v>
      </c>
      <c r="J2414">
        <v>3</v>
      </c>
      <c r="K2414">
        <v>11.09</v>
      </c>
    </row>
    <row r="2415" spans="1:11" x14ac:dyDescent="0.3">
      <c r="A2415" s="1">
        <v>42125</v>
      </c>
      <c r="B2415" s="3">
        <f t="shared" si="74"/>
        <v>5</v>
      </c>
      <c r="C2415" s="3">
        <f t="shared" si="75"/>
        <v>2015</v>
      </c>
      <c r="D2415" t="s">
        <v>2052</v>
      </c>
      <c r="E2415" t="s">
        <v>122</v>
      </c>
      <c r="F2415" t="s">
        <v>33</v>
      </c>
      <c r="G2415" t="s">
        <v>46</v>
      </c>
      <c r="H2415" t="s">
        <v>85</v>
      </c>
      <c r="I2415">
        <v>63.55</v>
      </c>
      <c r="J2415">
        <v>3</v>
      </c>
      <c r="K2415">
        <v>14.3</v>
      </c>
    </row>
    <row r="2416" spans="1:11" x14ac:dyDescent="0.3">
      <c r="A2416" s="1">
        <v>42125</v>
      </c>
      <c r="B2416" s="3">
        <f t="shared" si="74"/>
        <v>5</v>
      </c>
      <c r="C2416" s="3">
        <f t="shared" si="75"/>
        <v>2015</v>
      </c>
      <c r="D2416" t="s">
        <v>2052</v>
      </c>
      <c r="E2416" t="s">
        <v>122</v>
      </c>
      <c r="F2416" t="s">
        <v>10</v>
      </c>
      <c r="G2416" t="s">
        <v>199</v>
      </c>
      <c r="H2416" t="s">
        <v>2053</v>
      </c>
      <c r="I2416">
        <v>41.38</v>
      </c>
      <c r="J2416">
        <v>3</v>
      </c>
      <c r="K2416">
        <v>4.6500000000000004</v>
      </c>
    </row>
    <row r="2417" spans="1:11" x14ac:dyDescent="0.3">
      <c r="A2417" s="1">
        <v>42125</v>
      </c>
      <c r="B2417" s="3">
        <f t="shared" si="74"/>
        <v>5</v>
      </c>
      <c r="C2417" s="3">
        <f t="shared" si="75"/>
        <v>2015</v>
      </c>
      <c r="D2417" t="s">
        <v>2052</v>
      </c>
      <c r="E2417" t="s">
        <v>122</v>
      </c>
      <c r="F2417" t="s">
        <v>10</v>
      </c>
      <c r="G2417" t="s">
        <v>23</v>
      </c>
      <c r="H2417" t="s">
        <v>2054</v>
      </c>
      <c r="I2417">
        <v>172.7</v>
      </c>
      <c r="J2417">
        <v>6</v>
      </c>
      <c r="K2417">
        <v>10.79</v>
      </c>
    </row>
    <row r="2418" spans="1:11" x14ac:dyDescent="0.3">
      <c r="A2418" s="1">
        <v>42125</v>
      </c>
      <c r="B2418" s="3">
        <f t="shared" si="74"/>
        <v>5</v>
      </c>
      <c r="C2418" s="3">
        <f t="shared" si="75"/>
        <v>2015</v>
      </c>
      <c r="D2418" t="s">
        <v>1545</v>
      </c>
      <c r="E2418" t="s">
        <v>26</v>
      </c>
      <c r="F2418" t="s">
        <v>10</v>
      </c>
      <c r="G2418" t="s">
        <v>19</v>
      </c>
      <c r="H2418" t="s">
        <v>329</v>
      </c>
      <c r="I2418">
        <v>12.18</v>
      </c>
      <c r="J2418">
        <v>1</v>
      </c>
      <c r="K2418">
        <v>4.41</v>
      </c>
    </row>
    <row r="2419" spans="1:11" x14ac:dyDescent="0.3">
      <c r="A2419" s="1">
        <v>42125</v>
      </c>
      <c r="B2419" s="3">
        <f t="shared" si="74"/>
        <v>5</v>
      </c>
      <c r="C2419" s="3">
        <f t="shared" si="75"/>
        <v>2015</v>
      </c>
      <c r="D2419" t="s">
        <v>1545</v>
      </c>
      <c r="E2419" t="s">
        <v>26</v>
      </c>
      <c r="F2419" t="s">
        <v>10</v>
      </c>
      <c r="G2419" t="s">
        <v>17</v>
      </c>
      <c r="H2419" t="s">
        <v>515</v>
      </c>
      <c r="I2419">
        <v>37.32</v>
      </c>
      <c r="J2419">
        <v>3</v>
      </c>
      <c r="K2419">
        <v>10.45</v>
      </c>
    </row>
    <row r="2420" spans="1:11" x14ac:dyDescent="0.3">
      <c r="A2420" s="1">
        <v>42125</v>
      </c>
      <c r="B2420" s="3">
        <f t="shared" si="74"/>
        <v>5</v>
      </c>
      <c r="C2420" s="3">
        <f t="shared" si="75"/>
        <v>2015</v>
      </c>
      <c r="D2420" t="s">
        <v>1545</v>
      </c>
      <c r="E2420" t="s">
        <v>26</v>
      </c>
      <c r="F2420" t="s">
        <v>10</v>
      </c>
      <c r="G2420" t="s">
        <v>199</v>
      </c>
      <c r="H2420" t="s">
        <v>2055</v>
      </c>
      <c r="I2420">
        <v>35.06</v>
      </c>
      <c r="J2420">
        <v>2</v>
      </c>
      <c r="K2420">
        <v>10.52</v>
      </c>
    </row>
    <row r="2421" spans="1:11" x14ac:dyDescent="0.3">
      <c r="A2421" s="1">
        <v>42126</v>
      </c>
      <c r="B2421" s="3">
        <f t="shared" si="74"/>
        <v>5</v>
      </c>
      <c r="C2421" s="3">
        <f t="shared" si="75"/>
        <v>2015</v>
      </c>
      <c r="D2421" t="s">
        <v>1518</v>
      </c>
      <c r="E2421" t="s">
        <v>9</v>
      </c>
      <c r="F2421" t="s">
        <v>10</v>
      </c>
      <c r="G2421" t="s">
        <v>15</v>
      </c>
      <c r="H2421" t="s">
        <v>347</v>
      </c>
      <c r="I2421">
        <v>8.86</v>
      </c>
      <c r="J2421">
        <v>3</v>
      </c>
      <c r="K2421">
        <v>2.99</v>
      </c>
    </row>
    <row r="2422" spans="1:11" x14ac:dyDescent="0.3">
      <c r="A2422" s="1">
        <v>42126</v>
      </c>
      <c r="B2422" s="3">
        <f t="shared" si="74"/>
        <v>5</v>
      </c>
      <c r="C2422" s="3">
        <f t="shared" si="75"/>
        <v>2015</v>
      </c>
      <c r="D2422" t="s">
        <v>1518</v>
      </c>
      <c r="E2422" t="s">
        <v>9</v>
      </c>
      <c r="F2422" t="s">
        <v>38</v>
      </c>
      <c r="G2422" t="s">
        <v>39</v>
      </c>
      <c r="H2422" t="s">
        <v>1550</v>
      </c>
      <c r="I2422">
        <v>158.38</v>
      </c>
      <c r="J2422">
        <v>3</v>
      </c>
      <c r="K2422">
        <v>13.86</v>
      </c>
    </row>
    <row r="2423" spans="1:11" x14ac:dyDescent="0.3">
      <c r="A2423" s="1">
        <v>42127</v>
      </c>
      <c r="B2423" s="3">
        <f t="shared" si="74"/>
        <v>5</v>
      </c>
      <c r="C2423" s="3">
        <f t="shared" si="75"/>
        <v>2015</v>
      </c>
      <c r="D2423" t="s">
        <v>2056</v>
      </c>
      <c r="E2423" t="s">
        <v>26</v>
      </c>
      <c r="F2423" t="s">
        <v>33</v>
      </c>
      <c r="G2423" t="s">
        <v>46</v>
      </c>
      <c r="H2423" t="s">
        <v>189</v>
      </c>
      <c r="I2423">
        <v>665.88</v>
      </c>
      <c r="J2423">
        <v>6</v>
      </c>
      <c r="K2423">
        <v>106.54</v>
      </c>
    </row>
    <row r="2424" spans="1:11" x14ac:dyDescent="0.3">
      <c r="A2424" s="1">
        <v>42127</v>
      </c>
      <c r="B2424" s="3">
        <f t="shared" si="74"/>
        <v>5</v>
      </c>
      <c r="C2424" s="3">
        <f t="shared" si="75"/>
        <v>2015</v>
      </c>
      <c r="D2424" t="s">
        <v>522</v>
      </c>
      <c r="E2424" t="s">
        <v>22</v>
      </c>
      <c r="F2424" t="s">
        <v>10</v>
      </c>
      <c r="G2424" t="s">
        <v>23</v>
      </c>
      <c r="H2424" t="s">
        <v>2057</v>
      </c>
      <c r="I2424">
        <v>59.9</v>
      </c>
      <c r="J2424">
        <v>2</v>
      </c>
      <c r="K2424">
        <v>14.23</v>
      </c>
    </row>
    <row r="2425" spans="1:11" x14ac:dyDescent="0.3">
      <c r="A2425" s="1">
        <v>42127</v>
      </c>
      <c r="B2425" s="3">
        <f t="shared" si="74"/>
        <v>5</v>
      </c>
      <c r="C2425" s="3">
        <f t="shared" si="75"/>
        <v>2015</v>
      </c>
      <c r="D2425" t="s">
        <v>522</v>
      </c>
      <c r="E2425" t="s">
        <v>22</v>
      </c>
      <c r="F2425" t="s">
        <v>10</v>
      </c>
      <c r="G2425" t="s">
        <v>91</v>
      </c>
      <c r="H2425" t="s">
        <v>2058</v>
      </c>
      <c r="I2425">
        <v>23.7</v>
      </c>
      <c r="J2425">
        <v>2</v>
      </c>
      <c r="K2425">
        <v>6.52</v>
      </c>
    </row>
    <row r="2426" spans="1:11" x14ac:dyDescent="0.3">
      <c r="A2426" s="1">
        <v>42127</v>
      </c>
      <c r="B2426" s="3">
        <f t="shared" si="74"/>
        <v>5</v>
      </c>
      <c r="C2426" s="3">
        <f t="shared" si="75"/>
        <v>2015</v>
      </c>
      <c r="D2426" t="s">
        <v>522</v>
      </c>
      <c r="E2426" t="s">
        <v>22</v>
      </c>
      <c r="F2426" t="s">
        <v>10</v>
      </c>
      <c r="G2426" t="s">
        <v>11</v>
      </c>
      <c r="H2426" t="s">
        <v>980</v>
      </c>
      <c r="I2426">
        <v>7.97</v>
      </c>
      <c r="J2426">
        <v>2</v>
      </c>
      <c r="K2426">
        <v>2.89</v>
      </c>
    </row>
    <row r="2427" spans="1:11" x14ac:dyDescent="0.3">
      <c r="A2427" s="1">
        <v>42127</v>
      </c>
      <c r="B2427" s="3">
        <f t="shared" si="74"/>
        <v>5</v>
      </c>
      <c r="C2427" s="3">
        <f t="shared" si="75"/>
        <v>2015</v>
      </c>
      <c r="D2427" t="s">
        <v>522</v>
      </c>
      <c r="E2427" t="s">
        <v>22</v>
      </c>
      <c r="F2427" t="s">
        <v>10</v>
      </c>
      <c r="G2427" t="s">
        <v>91</v>
      </c>
      <c r="H2427" t="s">
        <v>1049</v>
      </c>
      <c r="I2427">
        <v>18.2</v>
      </c>
      <c r="J2427">
        <v>7</v>
      </c>
      <c r="K2427">
        <v>2.0499999999999998</v>
      </c>
    </row>
    <row r="2428" spans="1:11" x14ac:dyDescent="0.3">
      <c r="A2428" s="1">
        <v>42127</v>
      </c>
      <c r="B2428" s="3">
        <f t="shared" si="74"/>
        <v>5</v>
      </c>
      <c r="C2428" s="3">
        <f t="shared" si="75"/>
        <v>2015</v>
      </c>
      <c r="D2428" t="s">
        <v>522</v>
      </c>
      <c r="E2428" t="s">
        <v>22</v>
      </c>
      <c r="F2428" t="s">
        <v>38</v>
      </c>
      <c r="G2428" t="s">
        <v>51</v>
      </c>
      <c r="H2428" t="s">
        <v>1283</v>
      </c>
      <c r="I2428">
        <v>27.55</v>
      </c>
      <c r="J2428">
        <v>3</v>
      </c>
      <c r="K2428">
        <v>-0.34</v>
      </c>
    </row>
    <row r="2429" spans="1:11" x14ac:dyDescent="0.3">
      <c r="A2429" s="1">
        <v>42127</v>
      </c>
      <c r="B2429" s="3">
        <f t="shared" si="74"/>
        <v>5</v>
      </c>
      <c r="C2429" s="3">
        <f t="shared" si="75"/>
        <v>2015</v>
      </c>
      <c r="D2429" t="s">
        <v>522</v>
      </c>
      <c r="E2429" t="s">
        <v>22</v>
      </c>
      <c r="F2429" t="s">
        <v>33</v>
      </c>
      <c r="G2429" t="s">
        <v>34</v>
      </c>
      <c r="H2429" t="s">
        <v>429</v>
      </c>
      <c r="I2429">
        <v>844.12</v>
      </c>
      <c r="J2429">
        <v>6</v>
      </c>
      <c r="K2429">
        <v>-36.18</v>
      </c>
    </row>
    <row r="2430" spans="1:11" x14ac:dyDescent="0.3">
      <c r="A2430" s="1">
        <v>42127</v>
      </c>
      <c r="B2430" s="3">
        <f t="shared" si="74"/>
        <v>5</v>
      </c>
      <c r="C2430" s="3">
        <f t="shared" si="75"/>
        <v>2015</v>
      </c>
      <c r="D2430" t="s">
        <v>522</v>
      </c>
      <c r="E2430" t="s">
        <v>22</v>
      </c>
      <c r="F2430" t="s">
        <v>10</v>
      </c>
      <c r="G2430" t="s">
        <v>17</v>
      </c>
      <c r="H2430" t="s">
        <v>908</v>
      </c>
      <c r="I2430">
        <v>76.75</v>
      </c>
      <c r="J2430">
        <v>3</v>
      </c>
      <c r="K2430">
        <v>-9.59</v>
      </c>
    </row>
    <row r="2431" spans="1:11" x14ac:dyDescent="0.3">
      <c r="A2431" s="1">
        <v>42127</v>
      </c>
      <c r="B2431" s="3">
        <f t="shared" si="74"/>
        <v>5</v>
      </c>
      <c r="C2431" s="3">
        <f t="shared" si="75"/>
        <v>2015</v>
      </c>
      <c r="D2431" t="s">
        <v>2059</v>
      </c>
      <c r="E2431" t="s">
        <v>26</v>
      </c>
      <c r="F2431" t="s">
        <v>10</v>
      </c>
      <c r="G2431" t="s">
        <v>23</v>
      </c>
      <c r="H2431" t="s">
        <v>705</v>
      </c>
      <c r="I2431">
        <v>8.82</v>
      </c>
      <c r="J2431">
        <v>3</v>
      </c>
      <c r="K2431">
        <v>2.56</v>
      </c>
    </row>
    <row r="2432" spans="1:11" x14ac:dyDescent="0.3">
      <c r="A2432" s="1">
        <v>42127</v>
      </c>
      <c r="B2432" s="3">
        <f t="shared" si="74"/>
        <v>5</v>
      </c>
      <c r="C2432" s="3">
        <f t="shared" si="75"/>
        <v>2015</v>
      </c>
      <c r="D2432" t="s">
        <v>2059</v>
      </c>
      <c r="E2432" t="s">
        <v>26</v>
      </c>
      <c r="F2432" t="s">
        <v>10</v>
      </c>
      <c r="G2432" t="s">
        <v>19</v>
      </c>
      <c r="H2432" t="s">
        <v>2060</v>
      </c>
      <c r="I2432">
        <v>62.5</v>
      </c>
      <c r="J2432">
        <v>2</v>
      </c>
      <c r="K2432">
        <v>21.87</v>
      </c>
    </row>
    <row r="2433" spans="1:11" x14ac:dyDescent="0.3">
      <c r="A2433" s="1">
        <v>42127</v>
      </c>
      <c r="B2433" s="3">
        <f t="shared" si="74"/>
        <v>5</v>
      </c>
      <c r="C2433" s="3">
        <f t="shared" si="75"/>
        <v>2015</v>
      </c>
      <c r="D2433" t="s">
        <v>2059</v>
      </c>
      <c r="E2433" t="s">
        <v>26</v>
      </c>
      <c r="F2433" t="s">
        <v>38</v>
      </c>
      <c r="G2433" t="s">
        <v>51</v>
      </c>
      <c r="H2433" t="s">
        <v>1133</v>
      </c>
      <c r="I2433">
        <v>339.96</v>
      </c>
      <c r="J2433">
        <v>4</v>
      </c>
      <c r="K2433">
        <v>122.39</v>
      </c>
    </row>
    <row r="2434" spans="1:11" x14ac:dyDescent="0.3">
      <c r="A2434" s="1">
        <v>42127</v>
      </c>
      <c r="B2434" s="3">
        <f t="shared" ref="B2434:B2497" si="76">MONTH(A:A)</f>
        <v>5</v>
      </c>
      <c r="C2434" s="3">
        <f t="shared" ref="C2434:C2497" si="77">YEAR(A:A)</f>
        <v>2015</v>
      </c>
      <c r="D2434" t="s">
        <v>2059</v>
      </c>
      <c r="E2434" t="s">
        <v>26</v>
      </c>
      <c r="F2434" t="s">
        <v>10</v>
      </c>
      <c r="G2434" t="s">
        <v>19</v>
      </c>
      <c r="H2434" t="s">
        <v>87</v>
      </c>
      <c r="I2434">
        <v>49.57</v>
      </c>
      <c r="J2434">
        <v>2</v>
      </c>
      <c r="K2434">
        <v>17.350000000000001</v>
      </c>
    </row>
    <row r="2435" spans="1:11" x14ac:dyDescent="0.3">
      <c r="A2435" s="1">
        <v>42127</v>
      </c>
      <c r="B2435" s="3">
        <f t="shared" si="76"/>
        <v>5</v>
      </c>
      <c r="C2435" s="3">
        <f t="shared" si="77"/>
        <v>2015</v>
      </c>
      <c r="D2435" t="s">
        <v>544</v>
      </c>
      <c r="E2435" t="s">
        <v>26</v>
      </c>
      <c r="F2435" t="s">
        <v>10</v>
      </c>
      <c r="G2435" t="s">
        <v>19</v>
      </c>
      <c r="H2435" t="s">
        <v>1369</v>
      </c>
      <c r="I2435">
        <v>13.85</v>
      </c>
      <c r="J2435">
        <v>3</v>
      </c>
      <c r="K2435">
        <v>5.19</v>
      </c>
    </row>
    <row r="2436" spans="1:11" x14ac:dyDescent="0.3">
      <c r="A2436" s="1">
        <v>42128</v>
      </c>
      <c r="B2436" s="3">
        <f t="shared" si="76"/>
        <v>5</v>
      </c>
      <c r="C2436" s="3">
        <f t="shared" si="77"/>
        <v>2015</v>
      </c>
      <c r="D2436" t="s">
        <v>1477</v>
      </c>
      <c r="E2436" t="s">
        <v>148</v>
      </c>
      <c r="F2436" t="s">
        <v>33</v>
      </c>
      <c r="G2436" t="s">
        <v>46</v>
      </c>
      <c r="H2436" t="s">
        <v>2061</v>
      </c>
      <c r="I2436">
        <v>26.8</v>
      </c>
      <c r="J2436">
        <v>2</v>
      </c>
      <c r="K2436">
        <v>12.86</v>
      </c>
    </row>
    <row r="2437" spans="1:11" x14ac:dyDescent="0.3">
      <c r="A2437" s="1">
        <v>42128</v>
      </c>
      <c r="B2437" s="3">
        <f t="shared" si="76"/>
        <v>5</v>
      </c>
      <c r="C2437" s="3">
        <f t="shared" si="77"/>
        <v>2015</v>
      </c>
      <c r="D2437" t="s">
        <v>592</v>
      </c>
      <c r="E2437" t="s">
        <v>14</v>
      </c>
      <c r="F2437" t="s">
        <v>33</v>
      </c>
      <c r="G2437" t="s">
        <v>46</v>
      </c>
      <c r="H2437" t="s">
        <v>1014</v>
      </c>
      <c r="I2437">
        <v>22.29</v>
      </c>
      <c r="J2437">
        <v>7</v>
      </c>
      <c r="K2437">
        <v>-8.92</v>
      </c>
    </row>
    <row r="2438" spans="1:11" x14ac:dyDescent="0.3">
      <c r="A2438" s="1">
        <v>42128</v>
      </c>
      <c r="B2438" s="3">
        <f t="shared" si="76"/>
        <v>5</v>
      </c>
      <c r="C2438" s="3">
        <f t="shared" si="77"/>
        <v>2015</v>
      </c>
      <c r="D2438" t="s">
        <v>442</v>
      </c>
      <c r="E2438" t="s">
        <v>9</v>
      </c>
      <c r="F2438" t="s">
        <v>38</v>
      </c>
      <c r="G2438" t="s">
        <v>39</v>
      </c>
      <c r="H2438" t="s">
        <v>2062</v>
      </c>
      <c r="I2438">
        <v>946.34</v>
      </c>
      <c r="J2438">
        <v>7</v>
      </c>
      <c r="K2438">
        <v>118.29</v>
      </c>
    </row>
    <row r="2439" spans="1:11" x14ac:dyDescent="0.3">
      <c r="A2439" s="1">
        <v>42128</v>
      </c>
      <c r="B2439" s="3">
        <f t="shared" si="76"/>
        <v>5</v>
      </c>
      <c r="C2439" s="3">
        <f t="shared" si="77"/>
        <v>2015</v>
      </c>
      <c r="D2439" t="s">
        <v>2063</v>
      </c>
      <c r="E2439" t="s">
        <v>128</v>
      </c>
      <c r="F2439" t="s">
        <v>10</v>
      </c>
      <c r="G2439" t="s">
        <v>23</v>
      </c>
      <c r="H2439" t="s">
        <v>628</v>
      </c>
      <c r="I2439">
        <v>125.93</v>
      </c>
      <c r="J2439">
        <v>7</v>
      </c>
      <c r="K2439">
        <v>35.26</v>
      </c>
    </row>
    <row r="2440" spans="1:11" x14ac:dyDescent="0.3">
      <c r="A2440" s="1">
        <v>42131</v>
      </c>
      <c r="B2440" s="3">
        <f t="shared" si="76"/>
        <v>5</v>
      </c>
      <c r="C2440" s="3">
        <f t="shared" si="77"/>
        <v>2015</v>
      </c>
      <c r="D2440" t="s">
        <v>2064</v>
      </c>
      <c r="E2440" t="s">
        <v>9</v>
      </c>
      <c r="F2440" t="s">
        <v>33</v>
      </c>
      <c r="G2440" t="s">
        <v>144</v>
      </c>
      <c r="H2440" t="s">
        <v>2065</v>
      </c>
      <c r="I2440">
        <v>244.01</v>
      </c>
      <c r="J2440">
        <v>2</v>
      </c>
      <c r="K2440">
        <v>-31.37</v>
      </c>
    </row>
    <row r="2441" spans="1:11" x14ac:dyDescent="0.3">
      <c r="A2441" s="1">
        <v>42131</v>
      </c>
      <c r="B2441" s="3">
        <f t="shared" si="76"/>
        <v>5</v>
      </c>
      <c r="C2441" s="3">
        <f t="shared" si="77"/>
        <v>2015</v>
      </c>
      <c r="D2441" t="s">
        <v>2064</v>
      </c>
      <c r="E2441" t="s">
        <v>9</v>
      </c>
      <c r="F2441" t="s">
        <v>10</v>
      </c>
      <c r="G2441" t="s">
        <v>11</v>
      </c>
      <c r="H2441" t="s">
        <v>287</v>
      </c>
      <c r="I2441">
        <v>15.94</v>
      </c>
      <c r="J2441">
        <v>4</v>
      </c>
      <c r="K2441">
        <v>5.38</v>
      </c>
    </row>
    <row r="2442" spans="1:11" x14ac:dyDescent="0.3">
      <c r="A2442" s="1">
        <v>42131</v>
      </c>
      <c r="B2442" s="3">
        <f t="shared" si="76"/>
        <v>5</v>
      </c>
      <c r="C2442" s="3">
        <f t="shared" si="77"/>
        <v>2015</v>
      </c>
      <c r="D2442" t="s">
        <v>1270</v>
      </c>
      <c r="E2442" t="s">
        <v>32</v>
      </c>
      <c r="F2442" t="s">
        <v>10</v>
      </c>
      <c r="G2442" t="s">
        <v>11</v>
      </c>
      <c r="H2442" t="s">
        <v>820</v>
      </c>
      <c r="I2442">
        <v>45.68</v>
      </c>
      <c r="J2442">
        <v>2</v>
      </c>
      <c r="K2442">
        <v>21.01</v>
      </c>
    </row>
    <row r="2443" spans="1:11" x14ac:dyDescent="0.3">
      <c r="A2443" s="1">
        <v>42132</v>
      </c>
      <c r="B2443" s="3">
        <f t="shared" si="76"/>
        <v>5</v>
      </c>
      <c r="C2443" s="3">
        <f t="shared" si="77"/>
        <v>2015</v>
      </c>
      <c r="D2443" t="s">
        <v>1882</v>
      </c>
      <c r="E2443" t="s">
        <v>77</v>
      </c>
      <c r="F2443" t="s">
        <v>33</v>
      </c>
      <c r="G2443" t="s">
        <v>46</v>
      </c>
      <c r="H2443" t="s">
        <v>615</v>
      </c>
      <c r="I2443">
        <v>8.35</v>
      </c>
      <c r="J2443">
        <v>6</v>
      </c>
      <c r="K2443">
        <v>1.25</v>
      </c>
    </row>
    <row r="2444" spans="1:11" x14ac:dyDescent="0.3">
      <c r="A2444" s="1">
        <v>42132</v>
      </c>
      <c r="B2444" s="3">
        <f t="shared" si="76"/>
        <v>5</v>
      </c>
      <c r="C2444" s="3">
        <f t="shared" si="77"/>
        <v>2015</v>
      </c>
      <c r="D2444" t="s">
        <v>553</v>
      </c>
      <c r="E2444" t="s">
        <v>90</v>
      </c>
      <c r="F2444" t="s">
        <v>10</v>
      </c>
      <c r="G2444" t="s">
        <v>23</v>
      </c>
      <c r="H2444" t="s">
        <v>459</v>
      </c>
      <c r="I2444">
        <v>5.25</v>
      </c>
      <c r="J2444">
        <v>2</v>
      </c>
      <c r="K2444">
        <v>0.59</v>
      </c>
    </row>
    <row r="2445" spans="1:11" x14ac:dyDescent="0.3">
      <c r="A2445" s="1">
        <v>42132</v>
      </c>
      <c r="B2445" s="3">
        <f t="shared" si="76"/>
        <v>5</v>
      </c>
      <c r="C2445" s="3">
        <f t="shared" si="77"/>
        <v>2015</v>
      </c>
      <c r="D2445" t="s">
        <v>1266</v>
      </c>
      <c r="E2445" t="s">
        <v>314</v>
      </c>
      <c r="F2445" t="s">
        <v>10</v>
      </c>
      <c r="G2445" t="s">
        <v>19</v>
      </c>
      <c r="H2445" t="s">
        <v>626</v>
      </c>
      <c r="I2445">
        <v>43.98</v>
      </c>
      <c r="J2445">
        <v>2</v>
      </c>
      <c r="K2445">
        <v>21.99</v>
      </c>
    </row>
    <row r="2446" spans="1:11" x14ac:dyDescent="0.3">
      <c r="A2446" s="1">
        <v>42132</v>
      </c>
      <c r="B2446" s="3">
        <f t="shared" si="76"/>
        <v>5</v>
      </c>
      <c r="C2446" s="3">
        <f t="shared" si="77"/>
        <v>2015</v>
      </c>
      <c r="D2446" t="s">
        <v>1266</v>
      </c>
      <c r="E2446" t="s">
        <v>314</v>
      </c>
      <c r="F2446" t="s">
        <v>38</v>
      </c>
      <c r="G2446" t="s">
        <v>39</v>
      </c>
      <c r="H2446" t="s">
        <v>719</v>
      </c>
      <c r="I2446">
        <v>377.97</v>
      </c>
      <c r="J2446">
        <v>3</v>
      </c>
      <c r="K2446">
        <v>105.83</v>
      </c>
    </row>
    <row r="2447" spans="1:11" x14ac:dyDescent="0.3">
      <c r="A2447" s="1">
        <v>42132</v>
      </c>
      <c r="B2447" s="3">
        <f t="shared" si="76"/>
        <v>5</v>
      </c>
      <c r="C2447" s="3">
        <f t="shared" si="77"/>
        <v>2015</v>
      </c>
      <c r="D2447" t="s">
        <v>1266</v>
      </c>
      <c r="E2447" t="s">
        <v>314</v>
      </c>
      <c r="F2447" t="s">
        <v>33</v>
      </c>
      <c r="G2447" t="s">
        <v>46</v>
      </c>
      <c r="H2447" t="s">
        <v>653</v>
      </c>
      <c r="I2447">
        <v>123.96</v>
      </c>
      <c r="J2447">
        <v>3</v>
      </c>
      <c r="K2447">
        <v>11.16</v>
      </c>
    </row>
    <row r="2448" spans="1:11" x14ac:dyDescent="0.3">
      <c r="A2448" s="1">
        <v>42132</v>
      </c>
      <c r="B2448" s="3">
        <f t="shared" si="76"/>
        <v>5</v>
      </c>
      <c r="C2448" s="3">
        <f t="shared" si="77"/>
        <v>2015</v>
      </c>
      <c r="D2448" t="s">
        <v>1002</v>
      </c>
      <c r="E2448" t="s">
        <v>148</v>
      </c>
      <c r="F2448" t="s">
        <v>10</v>
      </c>
      <c r="G2448" t="s">
        <v>11</v>
      </c>
      <c r="H2448" t="s">
        <v>1582</v>
      </c>
      <c r="I2448">
        <v>37.94</v>
      </c>
      <c r="J2448">
        <v>2</v>
      </c>
      <c r="K2448">
        <v>18.21</v>
      </c>
    </row>
    <row r="2449" spans="1:11" x14ac:dyDescent="0.3">
      <c r="A2449" s="1">
        <v>42132</v>
      </c>
      <c r="B2449" s="3">
        <f t="shared" si="76"/>
        <v>5</v>
      </c>
      <c r="C2449" s="3">
        <f t="shared" si="77"/>
        <v>2015</v>
      </c>
      <c r="D2449" t="s">
        <v>847</v>
      </c>
      <c r="E2449" t="s">
        <v>148</v>
      </c>
      <c r="F2449" t="s">
        <v>33</v>
      </c>
      <c r="G2449" t="s">
        <v>46</v>
      </c>
      <c r="H2449" t="s">
        <v>85</v>
      </c>
      <c r="I2449">
        <v>79.44</v>
      </c>
      <c r="J2449">
        <v>3</v>
      </c>
      <c r="K2449">
        <v>30.19</v>
      </c>
    </row>
    <row r="2450" spans="1:11" x14ac:dyDescent="0.3">
      <c r="A2450" s="1">
        <v>42132</v>
      </c>
      <c r="B2450" s="3">
        <f t="shared" si="76"/>
        <v>5</v>
      </c>
      <c r="C2450" s="3">
        <f t="shared" si="77"/>
        <v>2015</v>
      </c>
      <c r="D2450" t="s">
        <v>847</v>
      </c>
      <c r="E2450" t="s">
        <v>148</v>
      </c>
      <c r="F2450" t="s">
        <v>10</v>
      </c>
      <c r="G2450" t="s">
        <v>199</v>
      </c>
      <c r="H2450" t="s">
        <v>200</v>
      </c>
      <c r="I2450">
        <v>357.93</v>
      </c>
      <c r="J2450">
        <v>3</v>
      </c>
      <c r="K2450">
        <v>7.16</v>
      </c>
    </row>
    <row r="2451" spans="1:11" x14ac:dyDescent="0.3">
      <c r="A2451" s="1">
        <v>42132</v>
      </c>
      <c r="B2451" s="3">
        <f t="shared" si="76"/>
        <v>5</v>
      </c>
      <c r="C2451" s="3">
        <f t="shared" si="77"/>
        <v>2015</v>
      </c>
      <c r="D2451" t="s">
        <v>847</v>
      </c>
      <c r="E2451" t="s">
        <v>148</v>
      </c>
      <c r="F2451" t="s">
        <v>33</v>
      </c>
      <c r="G2451" t="s">
        <v>34</v>
      </c>
      <c r="H2451" t="s">
        <v>792</v>
      </c>
      <c r="I2451">
        <v>127.76</v>
      </c>
      <c r="J2451">
        <v>2</v>
      </c>
      <c r="K2451">
        <v>21.29</v>
      </c>
    </row>
    <row r="2452" spans="1:11" x14ac:dyDescent="0.3">
      <c r="A2452" s="1">
        <v>42132</v>
      </c>
      <c r="B2452" s="3">
        <f t="shared" si="76"/>
        <v>5</v>
      </c>
      <c r="C2452" s="3">
        <f t="shared" si="77"/>
        <v>2015</v>
      </c>
      <c r="D2452" t="s">
        <v>847</v>
      </c>
      <c r="E2452" t="s">
        <v>148</v>
      </c>
      <c r="F2452" t="s">
        <v>38</v>
      </c>
      <c r="G2452" t="s">
        <v>602</v>
      </c>
      <c r="H2452" t="s">
        <v>1080</v>
      </c>
      <c r="I2452">
        <v>2799.94</v>
      </c>
      <c r="J2452">
        <v>7</v>
      </c>
      <c r="K2452">
        <v>1014.98</v>
      </c>
    </row>
    <row r="2453" spans="1:11" x14ac:dyDescent="0.3">
      <c r="A2453" s="1">
        <v>42132</v>
      </c>
      <c r="B2453" s="3">
        <f t="shared" si="76"/>
        <v>5</v>
      </c>
      <c r="C2453" s="3">
        <f t="shared" si="77"/>
        <v>2015</v>
      </c>
      <c r="D2453" t="s">
        <v>847</v>
      </c>
      <c r="E2453" t="s">
        <v>148</v>
      </c>
      <c r="F2453" t="s">
        <v>10</v>
      </c>
      <c r="G2453" t="s">
        <v>11</v>
      </c>
      <c r="H2453" t="s">
        <v>215</v>
      </c>
      <c r="I2453">
        <v>19.440000000000001</v>
      </c>
      <c r="J2453">
        <v>3</v>
      </c>
      <c r="K2453">
        <v>9.33</v>
      </c>
    </row>
    <row r="2454" spans="1:11" x14ac:dyDescent="0.3">
      <c r="A2454" s="1">
        <v>42133</v>
      </c>
      <c r="B2454" s="3">
        <f t="shared" si="76"/>
        <v>5</v>
      </c>
      <c r="C2454" s="3">
        <f t="shared" si="77"/>
        <v>2015</v>
      </c>
      <c r="D2454" t="s">
        <v>944</v>
      </c>
      <c r="E2454" t="s">
        <v>32</v>
      </c>
      <c r="F2454" t="s">
        <v>10</v>
      </c>
      <c r="G2454" t="s">
        <v>19</v>
      </c>
      <c r="H2454" t="s">
        <v>1566</v>
      </c>
      <c r="I2454">
        <v>48.81</v>
      </c>
      <c r="J2454">
        <v>3</v>
      </c>
      <c r="K2454">
        <v>23.92</v>
      </c>
    </row>
    <row r="2455" spans="1:11" x14ac:dyDescent="0.3">
      <c r="A2455" s="1">
        <v>42134</v>
      </c>
      <c r="B2455" s="3">
        <f t="shared" si="76"/>
        <v>5</v>
      </c>
      <c r="C2455" s="3">
        <f t="shared" si="77"/>
        <v>2015</v>
      </c>
      <c r="D2455" t="s">
        <v>909</v>
      </c>
      <c r="E2455" t="s">
        <v>14</v>
      </c>
      <c r="F2455" t="s">
        <v>10</v>
      </c>
      <c r="G2455" t="s">
        <v>91</v>
      </c>
      <c r="H2455" t="s">
        <v>2066</v>
      </c>
      <c r="I2455">
        <v>70.97</v>
      </c>
      <c r="J2455">
        <v>5</v>
      </c>
      <c r="K2455">
        <v>-191.62</v>
      </c>
    </row>
    <row r="2456" spans="1:11" x14ac:dyDescent="0.3">
      <c r="A2456" s="1">
        <v>42134</v>
      </c>
      <c r="B2456" s="3">
        <f t="shared" si="76"/>
        <v>5</v>
      </c>
      <c r="C2456" s="3">
        <f t="shared" si="77"/>
        <v>2015</v>
      </c>
      <c r="D2456" t="s">
        <v>909</v>
      </c>
      <c r="E2456" t="s">
        <v>14</v>
      </c>
      <c r="F2456" t="s">
        <v>10</v>
      </c>
      <c r="G2456" t="s">
        <v>23</v>
      </c>
      <c r="H2456" t="s">
        <v>1068</v>
      </c>
      <c r="I2456">
        <v>36.78</v>
      </c>
      <c r="J2456">
        <v>2</v>
      </c>
      <c r="K2456">
        <v>3.68</v>
      </c>
    </row>
    <row r="2457" spans="1:11" x14ac:dyDescent="0.3">
      <c r="A2457" s="1">
        <v>42134</v>
      </c>
      <c r="B2457" s="3">
        <f t="shared" si="76"/>
        <v>5</v>
      </c>
      <c r="C2457" s="3">
        <f t="shared" si="77"/>
        <v>2015</v>
      </c>
      <c r="D2457" t="s">
        <v>1632</v>
      </c>
      <c r="E2457" t="s">
        <v>277</v>
      </c>
      <c r="F2457" t="s">
        <v>38</v>
      </c>
      <c r="G2457" t="s">
        <v>51</v>
      </c>
      <c r="H2457" t="s">
        <v>1226</v>
      </c>
      <c r="I2457">
        <v>46.69</v>
      </c>
      <c r="J2457">
        <v>4</v>
      </c>
      <c r="K2457">
        <v>-2.92</v>
      </c>
    </row>
    <row r="2458" spans="1:11" x14ac:dyDescent="0.3">
      <c r="A2458" s="1">
        <v>42135</v>
      </c>
      <c r="B2458" s="3">
        <f t="shared" si="76"/>
        <v>5</v>
      </c>
      <c r="C2458" s="3">
        <f t="shared" si="77"/>
        <v>2015</v>
      </c>
      <c r="D2458" t="s">
        <v>532</v>
      </c>
      <c r="E2458" t="s">
        <v>94</v>
      </c>
      <c r="F2458" t="s">
        <v>33</v>
      </c>
      <c r="G2458" t="s">
        <v>34</v>
      </c>
      <c r="H2458" t="s">
        <v>2067</v>
      </c>
      <c r="I2458">
        <v>191.97</v>
      </c>
      <c r="J2458">
        <v>7</v>
      </c>
      <c r="K2458">
        <v>16.8</v>
      </c>
    </row>
    <row r="2459" spans="1:11" x14ac:dyDescent="0.3">
      <c r="A2459" s="1">
        <v>42136</v>
      </c>
      <c r="B2459" s="3">
        <f t="shared" si="76"/>
        <v>5</v>
      </c>
      <c r="C2459" s="3">
        <f t="shared" si="77"/>
        <v>2015</v>
      </c>
      <c r="D2459" t="s">
        <v>391</v>
      </c>
      <c r="E2459" t="s">
        <v>26</v>
      </c>
      <c r="F2459" t="s">
        <v>10</v>
      </c>
      <c r="G2459" t="s">
        <v>11</v>
      </c>
      <c r="H2459" t="s">
        <v>2068</v>
      </c>
      <c r="I2459">
        <v>12.84</v>
      </c>
      <c r="J2459">
        <v>3</v>
      </c>
      <c r="K2459">
        <v>5.78</v>
      </c>
    </row>
    <row r="2460" spans="1:11" x14ac:dyDescent="0.3">
      <c r="A2460" s="1">
        <v>42136</v>
      </c>
      <c r="B2460" s="3">
        <f t="shared" si="76"/>
        <v>5</v>
      </c>
      <c r="C2460" s="3">
        <f t="shared" si="77"/>
        <v>2015</v>
      </c>
      <c r="D2460" t="s">
        <v>391</v>
      </c>
      <c r="E2460" t="s">
        <v>26</v>
      </c>
      <c r="F2460" t="s">
        <v>10</v>
      </c>
      <c r="G2460" t="s">
        <v>11</v>
      </c>
      <c r="H2460" t="s">
        <v>2069</v>
      </c>
      <c r="I2460">
        <v>25.68</v>
      </c>
      <c r="J2460">
        <v>6</v>
      </c>
      <c r="K2460">
        <v>11.56</v>
      </c>
    </row>
    <row r="2461" spans="1:11" x14ac:dyDescent="0.3">
      <c r="A2461" s="1">
        <v>42136</v>
      </c>
      <c r="B2461" s="3">
        <f t="shared" si="76"/>
        <v>5</v>
      </c>
      <c r="C2461" s="3">
        <f t="shared" si="77"/>
        <v>2015</v>
      </c>
      <c r="D2461" t="s">
        <v>1199</v>
      </c>
      <c r="E2461" t="s">
        <v>277</v>
      </c>
      <c r="F2461" t="s">
        <v>38</v>
      </c>
      <c r="G2461" t="s">
        <v>39</v>
      </c>
      <c r="H2461" t="s">
        <v>719</v>
      </c>
      <c r="I2461">
        <v>201.58</v>
      </c>
      <c r="J2461">
        <v>2</v>
      </c>
      <c r="K2461">
        <v>20.16</v>
      </c>
    </row>
    <row r="2462" spans="1:11" x14ac:dyDescent="0.3">
      <c r="A2462" s="1">
        <v>42136</v>
      </c>
      <c r="B2462" s="3">
        <f t="shared" si="76"/>
        <v>5</v>
      </c>
      <c r="C2462" s="3">
        <f t="shared" si="77"/>
        <v>2015</v>
      </c>
      <c r="D2462" t="s">
        <v>324</v>
      </c>
      <c r="E2462" t="s">
        <v>148</v>
      </c>
      <c r="F2462" t="s">
        <v>10</v>
      </c>
      <c r="G2462" t="s">
        <v>17</v>
      </c>
      <c r="H2462" t="s">
        <v>1170</v>
      </c>
      <c r="I2462">
        <v>36.630000000000003</v>
      </c>
      <c r="J2462">
        <v>3</v>
      </c>
      <c r="K2462">
        <v>9.89</v>
      </c>
    </row>
    <row r="2463" spans="1:11" x14ac:dyDescent="0.3">
      <c r="A2463" s="1">
        <v>42136</v>
      </c>
      <c r="B2463" s="3">
        <f t="shared" si="76"/>
        <v>5</v>
      </c>
      <c r="C2463" s="3">
        <f t="shared" si="77"/>
        <v>2015</v>
      </c>
      <c r="D2463" t="s">
        <v>2070</v>
      </c>
      <c r="E2463" t="s">
        <v>163</v>
      </c>
      <c r="F2463" t="s">
        <v>10</v>
      </c>
      <c r="G2463" t="s">
        <v>19</v>
      </c>
      <c r="H2463" t="s">
        <v>1201</v>
      </c>
      <c r="I2463">
        <v>14.59</v>
      </c>
      <c r="J2463">
        <v>3</v>
      </c>
      <c r="K2463">
        <v>4.92</v>
      </c>
    </row>
    <row r="2464" spans="1:11" x14ac:dyDescent="0.3">
      <c r="A2464" s="1">
        <v>42136</v>
      </c>
      <c r="B2464" s="3">
        <f t="shared" si="76"/>
        <v>5</v>
      </c>
      <c r="C2464" s="3">
        <f t="shared" si="77"/>
        <v>2015</v>
      </c>
      <c r="D2464" t="s">
        <v>741</v>
      </c>
      <c r="E2464" t="s">
        <v>9</v>
      </c>
      <c r="F2464" t="s">
        <v>33</v>
      </c>
      <c r="G2464" t="s">
        <v>46</v>
      </c>
      <c r="H2464" t="s">
        <v>1606</v>
      </c>
      <c r="I2464">
        <v>21.97</v>
      </c>
      <c r="J2464">
        <v>4</v>
      </c>
      <c r="K2464">
        <v>-15.93</v>
      </c>
    </row>
    <row r="2465" spans="1:11" x14ac:dyDescent="0.3">
      <c r="A2465" s="1">
        <v>42136</v>
      </c>
      <c r="B2465" s="3">
        <f t="shared" si="76"/>
        <v>5</v>
      </c>
      <c r="C2465" s="3">
        <f t="shared" si="77"/>
        <v>2015</v>
      </c>
      <c r="D2465" t="s">
        <v>741</v>
      </c>
      <c r="E2465" t="s">
        <v>9</v>
      </c>
      <c r="F2465" t="s">
        <v>38</v>
      </c>
      <c r="G2465" t="s">
        <v>39</v>
      </c>
      <c r="H2465" t="s">
        <v>1517</v>
      </c>
      <c r="I2465">
        <v>619.15</v>
      </c>
      <c r="J2465">
        <v>6</v>
      </c>
      <c r="K2465">
        <v>69.650000000000006</v>
      </c>
    </row>
    <row r="2466" spans="1:11" x14ac:dyDescent="0.3">
      <c r="A2466" s="1">
        <v>42136</v>
      </c>
      <c r="B2466" s="3">
        <f t="shared" si="76"/>
        <v>5</v>
      </c>
      <c r="C2466" s="3">
        <f t="shared" si="77"/>
        <v>2015</v>
      </c>
      <c r="D2466" t="s">
        <v>741</v>
      </c>
      <c r="E2466" t="s">
        <v>9</v>
      </c>
      <c r="F2466" t="s">
        <v>10</v>
      </c>
      <c r="G2466" t="s">
        <v>11</v>
      </c>
      <c r="H2466" t="s">
        <v>1764</v>
      </c>
      <c r="I2466">
        <v>127.9</v>
      </c>
      <c r="J2466">
        <v>7</v>
      </c>
      <c r="K2466">
        <v>41.57</v>
      </c>
    </row>
    <row r="2467" spans="1:11" x14ac:dyDescent="0.3">
      <c r="A2467" s="1">
        <v>42137</v>
      </c>
      <c r="B2467" s="3">
        <f t="shared" si="76"/>
        <v>5</v>
      </c>
      <c r="C2467" s="3">
        <f t="shared" si="77"/>
        <v>2015</v>
      </c>
      <c r="D2467" t="s">
        <v>529</v>
      </c>
      <c r="E2467" t="s">
        <v>14</v>
      </c>
      <c r="F2467" t="s">
        <v>38</v>
      </c>
      <c r="G2467" t="s">
        <v>39</v>
      </c>
      <c r="H2467" t="s">
        <v>1579</v>
      </c>
      <c r="I2467">
        <v>222.38</v>
      </c>
      <c r="J2467">
        <v>2</v>
      </c>
      <c r="K2467">
        <v>16.68</v>
      </c>
    </row>
    <row r="2468" spans="1:11" x14ac:dyDescent="0.3">
      <c r="A2468" s="1">
        <v>42137</v>
      </c>
      <c r="B2468" s="3">
        <f t="shared" si="76"/>
        <v>5</v>
      </c>
      <c r="C2468" s="3">
        <f t="shared" si="77"/>
        <v>2015</v>
      </c>
      <c r="D2468" t="s">
        <v>529</v>
      </c>
      <c r="E2468" t="s">
        <v>14</v>
      </c>
      <c r="F2468" t="s">
        <v>10</v>
      </c>
      <c r="G2468" t="s">
        <v>42</v>
      </c>
      <c r="H2468" t="s">
        <v>1246</v>
      </c>
      <c r="I2468">
        <v>16</v>
      </c>
      <c r="J2468">
        <v>4</v>
      </c>
      <c r="K2468">
        <v>5.6</v>
      </c>
    </row>
    <row r="2469" spans="1:11" x14ac:dyDescent="0.3">
      <c r="A2469" s="1">
        <v>42138</v>
      </c>
      <c r="B2469" s="3">
        <f t="shared" si="76"/>
        <v>5</v>
      </c>
      <c r="C2469" s="3">
        <f t="shared" si="77"/>
        <v>2015</v>
      </c>
      <c r="D2469" t="s">
        <v>1956</v>
      </c>
      <c r="E2469" t="s">
        <v>22</v>
      </c>
      <c r="F2469" t="s">
        <v>10</v>
      </c>
      <c r="G2469" t="s">
        <v>23</v>
      </c>
      <c r="H2469" t="s">
        <v>1851</v>
      </c>
      <c r="I2469">
        <v>198.27</v>
      </c>
      <c r="J2469">
        <v>8</v>
      </c>
      <c r="K2469">
        <v>17.350000000000001</v>
      </c>
    </row>
    <row r="2470" spans="1:11" x14ac:dyDescent="0.3">
      <c r="A2470" s="1">
        <v>42138</v>
      </c>
      <c r="B2470" s="3">
        <f t="shared" si="76"/>
        <v>5</v>
      </c>
      <c r="C2470" s="3">
        <f t="shared" si="77"/>
        <v>2015</v>
      </c>
      <c r="D2470" t="s">
        <v>1956</v>
      </c>
      <c r="E2470" t="s">
        <v>22</v>
      </c>
      <c r="F2470" t="s">
        <v>10</v>
      </c>
      <c r="G2470" t="s">
        <v>15</v>
      </c>
      <c r="H2470" t="s">
        <v>408</v>
      </c>
      <c r="I2470">
        <v>47.36</v>
      </c>
      <c r="J2470">
        <v>4</v>
      </c>
      <c r="K2470">
        <v>17.760000000000002</v>
      </c>
    </row>
    <row r="2471" spans="1:11" x14ac:dyDescent="0.3">
      <c r="A2471" s="1">
        <v>42138</v>
      </c>
      <c r="B2471" s="3">
        <f t="shared" si="76"/>
        <v>5</v>
      </c>
      <c r="C2471" s="3">
        <f t="shared" si="77"/>
        <v>2015</v>
      </c>
      <c r="D2471" t="s">
        <v>1956</v>
      </c>
      <c r="E2471" t="s">
        <v>22</v>
      </c>
      <c r="F2471" t="s">
        <v>10</v>
      </c>
      <c r="G2471" t="s">
        <v>62</v>
      </c>
      <c r="H2471" t="s">
        <v>2071</v>
      </c>
      <c r="I2471">
        <v>200.98</v>
      </c>
      <c r="J2471">
        <v>7</v>
      </c>
      <c r="K2471">
        <v>62.81</v>
      </c>
    </row>
    <row r="2472" spans="1:11" x14ac:dyDescent="0.3">
      <c r="A2472" s="1">
        <v>42138</v>
      </c>
      <c r="B2472" s="3">
        <f t="shared" si="76"/>
        <v>5</v>
      </c>
      <c r="C2472" s="3">
        <f t="shared" si="77"/>
        <v>2015</v>
      </c>
      <c r="D2472" t="s">
        <v>1956</v>
      </c>
      <c r="E2472" t="s">
        <v>22</v>
      </c>
      <c r="F2472" t="s">
        <v>10</v>
      </c>
      <c r="G2472" t="s">
        <v>15</v>
      </c>
      <c r="H2472" t="s">
        <v>1499</v>
      </c>
      <c r="I2472">
        <v>97.7</v>
      </c>
      <c r="J2472">
        <v>4</v>
      </c>
      <c r="K2472">
        <v>31.75</v>
      </c>
    </row>
    <row r="2473" spans="1:11" x14ac:dyDescent="0.3">
      <c r="A2473" s="1">
        <v>42138</v>
      </c>
      <c r="B2473" s="3">
        <f t="shared" si="76"/>
        <v>5</v>
      </c>
      <c r="C2473" s="3">
        <f t="shared" si="77"/>
        <v>2015</v>
      </c>
      <c r="D2473" t="s">
        <v>1956</v>
      </c>
      <c r="E2473" t="s">
        <v>22</v>
      </c>
      <c r="F2473" t="s">
        <v>10</v>
      </c>
      <c r="G2473" t="s">
        <v>23</v>
      </c>
      <c r="H2473" t="s">
        <v>2072</v>
      </c>
      <c r="I2473">
        <v>2.7</v>
      </c>
      <c r="J2473">
        <v>1</v>
      </c>
      <c r="K2473">
        <v>0.81</v>
      </c>
    </row>
    <row r="2474" spans="1:11" x14ac:dyDescent="0.3">
      <c r="A2474" s="1">
        <v>42138</v>
      </c>
      <c r="B2474" s="3">
        <f t="shared" si="76"/>
        <v>5</v>
      </c>
      <c r="C2474" s="3">
        <f t="shared" si="77"/>
        <v>2015</v>
      </c>
      <c r="D2474" t="s">
        <v>1956</v>
      </c>
      <c r="E2474" t="s">
        <v>22</v>
      </c>
      <c r="F2474" t="s">
        <v>10</v>
      </c>
      <c r="G2474" t="s">
        <v>19</v>
      </c>
      <c r="H2474" t="s">
        <v>87</v>
      </c>
      <c r="I2474">
        <v>18.59</v>
      </c>
      <c r="J2474">
        <v>2</v>
      </c>
      <c r="K2474">
        <v>-13.63</v>
      </c>
    </row>
    <row r="2475" spans="1:11" x14ac:dyDescent="0.3">
      <c r="A2475" s="1">
        <v>42138</v>
      </c>
      <c r="B2475" s="3">
        <f t="shared" si="76"/>
        <v>5</v>
      </c>
      <c r="C2475" s="3">
        <f t="shared" si="77"/>
        <v>2015</v>
      </c>
      <c r="D2475" t="s">
        <v>1956</v>
      </c>
      <c r="E2475" t="s">
        <v>22</v>
      </c>
      <c r="F2475" t="s">
        <v>10</v>
      </c>
      <c r="G2475" t="s">
        <v>19</v>
      </c>
      <c r="H2475" t="s">
        <v>979</v>
      </c>
      <c r="I2475">
        <v>4.9000000000000004</v>
      </c>
      <c r="J2475">
        <v>3</v>
      </c>
      <c r="K2475">
        <v>-3.43</v>
      </c>
    </row>
    <row r="2476" spans="1:11" x14ac:dyDescent="0.3">
      <c r="A2476" s="1">
        <v>42138</v>
      </c>
      <c r="B2476" s="3">
        <f t="shared" si="76"/>
        <v>5</v>
      </c>
      <c r="C2476" s="3">
        <f t="shared" si="77"/>
        <v>2015</v>
      </c>
      <c r="D2476" t="s">
        <v>1466</v>
      </c>
      <c r="E2476" t="s">
        <v>26</v>
      </c>
      <c r="F2476" t="s">
        <v>10</v>
      </c>
      <c r="G2476" t="s">
        <v>17</v>
      </c>
      <c r="H2476" t="s">
        <v>794</v>
      </c>
      <c r="I2476">
        <v>1117.92</v>
      </c>
      <c r="J2476">
        <v>4</v>
      </c>
      <c r="K2476">
        <v>55.9</v>
      </c>
    </row>
    <row r="2477" spans="1:11" x14ac:dyDescent="0.3">
      <c r="A2477" s="1">
        <v>42138</v>
      </c>
      <c r="B2477" s="3">
        <f t="shared" si="76"/>
        <v>5</v>
      </c>
      <c r="C2477" s="3">
        <f t="shared" si="77"/>
        <v>2015</v>
      </c>
      <c r="D2477" t="s">
        <v>1882</v>
      </c>
      <c r="E2477" t="s">
        <v>26</v>
      </c>
      <c r="F2477" t="s">
        <v>33</v>
      </c>
      <c r="G2477" t="s">
        <v>73</v>
      </c>
      <c r="H2477" t="s">
        <v>1636</v>
      </c>
      <c r="I2477">
        <v>509.96</v>
      </c>
      <c r="J2477">
        <v>5</v>
      </c>
      <c r="K2477">
        <v>42</v>
      </c>
    </row>
    <row r="2478" spans="1:11" x14ac:dyDescent="0.3">
      <c r="A2478" s="1">
        <v>42138</v>
      </c>
      <c r="B2478" s="3">
        <f t="shared" si="76"/>
        <v>5</v>
      </c>
      <c r="C2478" s="3">
        <f t="shared" si="77"/>
        <v>2015</v>
      </c>
      <c r="D2478" t="s">
        <v>1882</v>
      </c>
      <c r="E2478" t="s">
        <v>26</v>
      </c>
      <c r="F2478" t="s">
        <v>33</v>
      </c>
      <c r="G2478" t="s">
        <v>46</v>
      </c>
      <c r="H2478" t="s">
        <v>1082</v>
      </c>
      <c r="I2478">
        <v>122.91</v>
      </c>
      <c r="J2478">
        <v>3</v>
      </c>
      <c r="K2478">
        <v>34.409999999999997</v>
      </c>
    </row>
    <row r="2479" spans="1:11" x14ac:dyDescent="0.3">
      <c r="A2479" s="1">
        <v>42138</v>
      </c>
      <c r="B2479" s="3">
        <f t="shared" si="76"/>
        <v>5</v>
      </c>
      <c r="C2479" s="3">
        <f t="shared" si="77"/>
        <v>2015</v>
      </c>
      <c r="D2479" t="s">
        <v>1882</v>
      </c>
      <c r="E2479" t="s">
        <v>26</v>
      </c>
      <c r="F2479" t="s">
        <v>33</v>
      </c>
      <c r="G2479" t="s">
        <v>34</v>
      </c>
      <c r="H2479" t="s">
        <v>1127</v>
      </c>
      <c r="I2479">
        <v>97.57</v>
      </c>
      <c r="J2479">
        <v>2</v>
      </c>
      <c r="K2479">
        <v>-6.1</v>
      </c>
    </row>
    <row r="2480" spans="1:11" x14ac:dyDescent="0.3">
      <c r="A2480" s="1">
        <v>42138</v>
      </c>
      <c r="B2480" s="3">
        <f t="shared" si="76"/>
        <v>5</v>
      </c>
      <c r="C2480" s="3">
        <f t="shared" si="77"/>
        <v>2015</v>
      </c>
      <c r="D2480" t="s">
        <v>1882</v>
      </c>
      <c r="E2480" t="s">
        <v>26</v>
      </c>
      <c r="F2480" t="s">
        <v>33</v>
      </c>
      <c r="G2480" t="s">
        <v>34</v>
      </c>
      <c r="H2480" t="s">
        <v>273</v>
      </c>
      <c r="I2480">
        <v>722.35</v>
      </c>
      <c r="J2480">
        <v>3</v>
      </c>
      <c r="K2480">
        <v>81.260000000000005</v>
      </c>
    </row>
    <row r="2481" spans="1:11" x14ac:dyDescent="0.3">
      <c r="A2481" s="1">
        <v>42139</v>
      </c>
      <c r="B2481" s="3">
        <f t="shared" si="76"/>
        <v>5</v>
      </c>
      <c r="C2481" s="3">
        <f t="shared" si="77"/>
        <v>2015</v>
      </c>
      <c r="D2481" t="s">
        <v>442</v>
      </c>
      <c r="E2481" t="s">
        <v>29</v>
      </c>
      <c r="F2481" t="s">
        <v>10</v>
      </c>
      <c r="G2481" t="s">
        <v>62</v>
      </c>
      <c r="H2481" t="s">
        <v>2073</v>
      </c>
      <c r="I2481">
        <v>17.940000000000001</v>
      </c>
      <c r="J2481">
        <v>3</v>
      </c>
      <c r="K2481">
        <v>8.7899999999999991</v>
      </c>
    </row>
    <row r="2482" spans="1:11" x14ac:dyDescent="0.3">
      <c r="A2482" s="1">
        <v>42139</v>
      </c>
      <c r="B2482" s="3">
        <f t="shared" si="76"/>
        <v>5</v>
      </c>
      <c r="C2482" s="3">
        <f t="shared" si="77"/>
        <v>2015</v>
      </c>
      <c r="D2482" t="s">
        <v>1445</v>
      </c>
      <c r="E2482" t="s">
        <v>22</v>
      </c>
      <c r="F2482" t="s">
        <v>10</v>
      </c>
      <c r="G2482" t="s">
        <v>17</v>
      </c>
      <c r="H2482" t="s">
        <v>191</v>
      </c>
      <c r="I2482">
        <v>51.97</v>
      </c>
      <c r="J2482">
        <v>2</v>
      </c>
      <c r="K2482">
        <v>-10.39</v>
      </c>
    </row>
    <row r="2483" spans="1:11" x14ac:dyDescent="0.3">
      <c r="A2483" s="1">
        <v>42140</v>
      </c>
      <c r="B2483" s="3">
        <f t="shared" si="76"/>
        <v>5</v>
      </c>
      <c r="C2483" s="3">
        <f t="shared" si="77"/>
        <v>2015</v>
      </c>
      <c r="D2483" t="s">
        <v>455</v>
      </c>
      <c r="E2483" t="s">
        <v>122</v>
      </c>
      <c r="F2483" t="s">
        <v>38</v>
      </c>
      <c r="G2483" t="s">
        <v>51</v>
      </c>
      <c r="H2483" t="s">
        <v>2001</v>
      </c>
      <c r="I2483">
        <v>255.97</v>
      </c>
      <c r="J2483">
        <v>4</v>
      </c>
      <c r="K2483">
        <v>32</v>
      </c>
    </row>
    <row r="2484" spans="1:11" x14ac:dyDescent="0.3">
      <c r="A2484" s="1">
        <v>42141</v>
      </c>
      <c r="B2484" s="3">
        <f t="shared" si="76"/>
        <v>5</v>
      </c>
      <c r="C2484" s="3">
        <f t="shared" si="77"/>
        <v>2015</v>
      </c>
      <c r="D2484" t="s">
        <v>1288</v>
      </c>
      <c r="E2484" t="s">
        <v>9</v>
      </c>
      <c r="F2484" t="s">
        <v>10</v>
      </c>
      <c r="G2484" t="s">
        <v>19</v>
      </c>
      <c r="H2484" t="s">
        <v>2074</v>
      </c>
      <c r="I2484">
        <v>33.28</v>
      </c>
      <c r="J2484">
        <v>5</v>
      </c>
      <c r="K2484">
        <v>-49.92</v>
      </c>
    </row>
    <row r="2485" spans="1:11" x14ac:dyDescent="0.3">
      <c r="A2485" s="1">
        <v>42141</v>
      </c>
      <c r="B2485" s="3">
        <f t="shared" si="76"/>
        <v>5</v>
      </c>
      <c r="C2485" s="3">
        <f t="shared" si="77"/>
        <v>2015</v>
      </c>
      <c r="D2485" t="s">
        <v>1288</v>
      </c>
      <c r="E2485" t="s">
        <v>9</v>
      </c>
      <c r="F2485" t="s">
        <v>10</v>
      </c>
      <c r="G2485" t="s">
        <v>11</v>
      </c>
      <c r="H2485" t="s">
        <v>2075</v>
      </c>
      <c r="I2485">
        <v>14.09</v>
      </c>
      <c r="J2485">
        <v>3</v>
      </c>
      <c r="K2485">
        <v>4.93</v>
      </c>
    </row>
    <row r="2486" spans="1:11" x14ac:dyDescent="0.3">
      <c r="A2486" s="1">
        <v>42141</v>
      </c>
      <c r="B2486" s="3">
        <f t="shared" si="76"/>
        <v>5</v>
      </c>
      <c r="C2486" s="3">
        <f t="shared" si="77"/>
        <v>2015</v>
      </c>
      <c r="D2486" t="s">
        <v>858</v>
      </c>
      <c r="E2486" t="s">
        <v>148</v>
      </c>
      <c r="F2486" t="s">
        <v>10</v>
      </c>
      <c r="G2486" t="s">
        <v>15</v>
      </c>
      <c r="H2486" t="s">
        <v>2076</v>
      </c>
      <c r="I2486">
        <v>31.5</v>
      </c>
      <c r="J2486">
        <v>10</v>
      </c>
      <c r="K2486">
        <v>15.12</v>
      </c>
    </row>
    <row r="2487" spans="1:11" x14ac:dyDescent="0.3">
      <c r="A2487" s="1">
        <v>42141</v>
      </c>
      <c r="B2487" s="3">
        <f t="shared" si="76"/>
        <v>5</v>
      </c>
      <c r="C2487" s="3">
        <f t="shared" si="77"/>
        <v>2015</v>
      </c>
      <c r="D2487" t="s">
        <v>858</v>
      </c>
      <c r="E2487" t="s">
        <v>148</v>
      </c>
      <c r="F2487" t="s">
        <v>10</v>
      </c>
      <c r="G2487" t="s">
        <v>199</v>
      </c>
      <c r="H2487" t="s">
        <v>1457</v>
      </c>
      <c r="I2487">
        <v>55.6</v>
      </c>
      <c r="J2487">
        <v>4</v>
      </c>
      <c r="K2487">
        <v>16.12</v>
      </c>
    </row>
    <row r="2488" spans="1:11" x14ac:dyDescent="0.3">
      <c r="A2488" s="1">
        <v>42142</v>
      </c>
      <c r="B2488" s="3">
        <f t="shared" si="76"/>
        <v>5</v>
      </c>
      <c r="C2488" s="3">
        <f t="shared" si="77"/>
        <v>2015</v>
      </c>
      <c r="D2488" t="s">
        <v>53</v>
      </c>
      <c r="E2488" t="s">
        <v>26</v>
      </c>
      <c r="F2488" t="s">
        <v>10</v>
      </c>
      <c r="G2488" t="s">
        <v>11</v>
      </c>
      <c r="H2488" t="s">
        <v>1336</v>
      </c>
      <c r="I2488">
        <v>10.86</v>
      </c>
      <c r="J2488">
        <v>2</v>
      </c>
      <c r="K2488">
        <v>5.32</v>
      </c>
    </row>
    <row r="2489" spans="1:11" x14ac:dyDescent="0.3">
      <c r="A2489" s="1">
        <v>42144</v>
      </c>
      <c r="B2489" s="3">
        <f t="shared" si="76"/>
        <v>5</v>
      </c>
      <c r="C2489" s="3">
        <f t="shared" si="77"/>
        <v>2015</v>
      </c>
      <c r="D2489" t="s">
        <v>1022</v>
      </c>
      <c r="E2489" t="s">
        <v>244</v>
      </c>
      <c r="F2489" t="s">
        <v>33</v>
      </c>
      <c r="G2489" t="s">
        <v>46</v>
      </c>
      <c r="H2489" t="s">
        <v>339</v>
      </c>
      <c r="I2489">
        <v>163.13999999999999</v>
      </c>
      <c r="J2489">
        <v>4</v>
      </c>
      <c r="K2489">
        <v>20.39</v>
      </c>
    </row>
    <row r="2490" spans="1:11" x14ac:dyDescent="0.3">
      <c r="A2490" s="1">
        <v>42144</v>
      </c>
      <c r="B2490" s="3">
        <f t="shared" si="76"/>
        <v>5</v>
      </c>
      <c r="C2490" s="3">
        <f t="shared" si="77"/>
        <v>2015</v>
      </c>
      <c r="D2490" t="s">
        <v>1022</v>
      </c>
      <c r="E2490" t="s">
        <v>244</v>
      </c>
      <c r="F2490" t="s">
        <v>10</v>
      </c>
      <c r="G2490" t="s">
        <v>19</v>
      </c>
      <c r="H2490" t="s">
        <v>202</v>
      </c>
      <c r="I2490">
        <v>6.41</v>
      </c>
      <c r="J2490">
        <v>4</v>
      </c>
      <c r="K2490">
        <v>-4.91</v>
      </c>
    </row>
    <row r="2491" spans="1:11" x14ac:dyDescent="0.3">
      <c r="A2491" s="1">
        <v>42145</v>
      </c>
      <c r="B2491" s="3">
        <f t="shared" si="76"/>
        <v>5</v>
      </c>
      <c r="C2491" s="3">
        <f t="shared" si="77"/>
        <v>2015</v>
      </c>
      <c r="D2491" t="s">
        <v>856</v>
      </c>
      <c r="E2491" t="s">
        <v>14</v>
      </c>
      <c r="F2491" t="s">
        <v>10</v>
      </c>
      <c r="G2491" t="s">
        <v>91</v>
      </c>
      <c r="H2491" t="s">
        <v>1348</v>
      </c>
      <c r="I2491">
        <v>20.77</v>
      </c>
      <c r="J2491">
        <v>8</v>
      </c>
      <c r="K2491">
        <v>-52.96</v>
      </c>
    </row>
    <row r="2492" spans="1:11" x14ac:dyDescent="0.3">
      <c r="A2492" s="1">
        <v>42145</v>
      </c>
      <c r="B2492" s="3">
        <f t="shared" si="76"/>
        <v>5</v>
      </c>
      <c r="C2492" s="3">
        <f t="shared" si="77"/>
        <v>2015</v>
      </c>
      <c r="D2492" t="s">
        <v>988</v>
      </c>
      <c r="E2492" t="s">
        <v>163</v>
      </c>
      <c r="F2492" t="s">
        <v>10</v>
      </c>
      <c r="G2492" t="s">
        <v>19</v>
      </c>
      <c r="H2492" t="s">
        <v>430</v>
      </c>
      <c r="I2492">
        <v>26.98</v>
      </c>
      <c r="J2492">
        <v>4</v>
      </c>
      <c r="K2492">
        <v>8.77</v>
      </c>
    </row>
    <row r="2493" spans="1:11" x14ac:dyDescent="0.3">
      <c r="A2493" s="1">
        <v>42145</v>
      </c>
      <c r="B2493" s="3">
        <f t="shared" si="76"/>
        <v>5</v>
      </c>
      <c r="C2493" s="3">
        <f t="shared" si="77"/>
        <v>2015</v>
      </c>
      <c r="D2493" t="s">
        <v>1342</v>
      </c>
      <c r="E2493" t="s">
        <v>22</v>
      </c>
      <c r="F2493" t="s">
        <v>10</v>
      </c>
      <c r="G2493" t="s">
        <v>19</v>
      </c>
      <c r="H2493" t="s">
        <v>361</v>
      </c>
      <c r="I2493">
        <v>24.59</v>
      </c>
      <c r="J2493">
        <v>2</v>
      </c>
      <c r="K2493">
        <v>-18.03</v>
      </c>
    </row>
    <row r="2494" spans="1:11" x14ac:dyDescent="0.3">
      <c r="A2494" s="1">
        <v>42146</v>
      </c>
      <c r="B2494" s="3">
        <f t="shared" si="76"/>
        <v>5</v>
      </c>
      <c r="C2494" s="3">
        <f t="shared" si="77"/>
        <v>2015</v>
      </c>
      <c r="D2494" t="s">
        <v>1340</v>
      </c>
      <c r="E2494" t="s">
        <v>26</v>
      </c>
      <c r="F2494" t="s">
        <v>10</v>
      </c>
      <c r="G2494" t="s">
        <v>15</v>
      </c>
      <c r="H2494" t="s">
        <v>376</v>
      </c>
      <c r="I2494">
        <v>8.26</v>
      </c>
      <c r="J2494">
        <v>2</v>
      </c>
      <c r="K2494">
        <v>3.8</v>
      </c>
    </row>
    <row r="2495" spans="1:11" x14ac:dyDescent="0.3">
      <c r="A2495" s="1">
        <v>42146</v>
      </c>
      <c r="B2495" s="3">
        <f t="shared" si="76"/>
        <v>5</v>
      </c>
      <c r="C2495" s="3">
        <f t="shared" si="77"/>
        <v>2015</v>
      </c>
      <c r="D2495" t="s">
        <v>1340</v>
      </c>
      <c r="E2495" t="s">
        <v>26</v>
      </c>
      <c r="F2495" t="s">
        <v>38</v>
      </c>
      <c r="G2495" t="s">
        <v>301</v>
      </c>
      <c r="H2495" t="s">
        <v>2077</v>
      </c>
      <c r="I2495">
        <v>2973.32</v>
      </c>
      <c r="J2495">
        <v>7</v>
      </c>
      <c r="K2495">
        <v>334.5</v>
      </c>
    </row>
    <row r="2496" spans="1:11" x14ac:dyDescent="0.3">
      <c r="A2496" s="1">
        <v>42146</v>
      </c>
      <c r="B2496" s="3">
        <f t="shared" si="76"/>
        <v>5</v>
      </c>
      <c r="C2496" s="3">
        <f t="shared" si="77"/>
        <v>2015</v>
      </c>
      <c r="D2496" t="s">
        <v>1340</v>
      </c>
      <c r="E2496" t="s">
        <v>26</v>
      </c>
      <c r="F2496" t="s">
        <v>10</v>
      </c>
      <c r="G2496" t="s">
        <v>17</v>
      </c>
      <c r="H2496" t="s">
        <v>1244</v>
      </c>
      <c r="I2496">
        <v>104.79</v>
      </c>
      <c r="J2496">
        <v>7</v>
      </c>
      <c r="K2496">
        <v>29.34</v>
      </c>
    </row>
    <row r="2497" spans="1:11" x14ac:dyDescent="0.3">
      <c r="A2497" s="1">
        <v>42146</v>
      </c>
      <c r="B2497" s="3">
        <f t="shared" si="76"/>
        <v>5</v>
      </c>
      <c r="C2497" s="3">
        <f t="shared" si="77"/>
        <v>2015</v>
      </c>
      <c r="D2497" t="s">
        <v>1340</v>
      </c>
      <c r="E2497" t="s">
        <v>26</v>
      </c>
      <c r="F2497" t="s">
        <v>38</v>
      </c>
      <c r="G2497" t="s">
        <v>39</v>
      </c>
      <c r="H2497" t="s">
        <v>172</v>
      </c>
      <c r="I2497">
        <v>775.73</v>
      </c>
      <c r="J2497">
        <v>6</v>
      </c>
      <c r="K2497">
        <v>58.18</v>
      </c>
    </row>
    <row r="2498" spans="1:11" x14ac:dyDescent="0.3">
      <c r="A2498" s="1">
        <v>42147</v>
      </c>
      <c r="B2498" s="3">
        <f t="shared" ref="B2498:B2561" si="78">MONTH(A:A)</f>
        <v>5</v>
      </c>
      <c r="C2498" s="3">
        <f t="shared" ref="C2498:C2561" si="79">YEAR(A:A)</f>
        <v>2015</v>
      </c>
      <c r="D2498" t="s">
        <v>1286</v>
      </c>
      <c r="E2498" t="s">
        <v>69</v>
      </c>
      <c r="F2498" t="s">
        <v>10</v>
      </c>
      <c r="G2498" t="s">
        <v>62</v>
      </c>
      <c r="H2498" t="s">
        <v>542</v>
      </c>
      <c r="I2498">
        <v>186.69</v>
      </c>
      <c r="J2498">
        <v>3</v>
      </c>
      <c r="K2498">
        <v>87.74</v>
      </c>
    </row>
    <row r="2499" spans="1:11" x14ac:dyDescent="0.3">
      <c r="A2499" s="1">
        <v>42147</v>
      </c>
      <c r="B2499" s="3">
        <f t="shared" si="78"/>
        <v>5</v>
      </c>
      <c r="C2499" s="3">
        <f t="shared" si="79"/>
        <v>2015</v>
      </c>
      <c r="D2499" t="s">
        <v>621</v>
      </c>
      <c r="E2499" t="s">
        <v>94</v>
      </c>
      <c r="F2499" t="s">
        <v>10</v>
      </c>
      <c r="G2499" t="s">
        <v>19</v>
      </c>
      <c r="H2499" t="s">
        <v>1564</v>
      </c>
      <c r="I2499">
        <v>19.190000000000001</v>
      </c>
      <c r="J2499">
        <v>7</v>
      </c>
      <c r="K2499">
        <v>-12.8</v>
      </c>
    </row>
    <row r="2500" spans="1:11" x14ac:dyDescent="0.3">
      <c r="A2500" s="1">
        <v>42147</v>
      </c>
      <c r="B2500" s="3">
        <f t="shared" si="78"/>
        <v>5</v>
      </c>
      <c r="C2500" s="3">
        <f t="shared" si="79"/>
        <v>2015</v>
      </c>
      <c r="D2500" t="s">
        <v>621</v>
      </c>
      <c r="E2500" t="s">
        <v>94</v>
      </c>
      <c r="F2500" t="s">
        <v>10</v>
      </c>
      <c r="G2500" t="s">
        <v>91</v>
      </c>
      <c r="H2500" t="s">
        <v>1079</v>
      </c>
      <c r="I2500">
        <v>121.79</v>
      </c>
      <c r="J2500">
        <v>4</v>
      </c>
      <c r="K2500">
        <v>13.7</v>
      </c>
    </row>
    <row r="2501" spans="1:11" x14ac:dyDescent="0.3">
      <c r="A2501" s="1">
        <v>42147</v>
      </c>
      <c r="B2501" s="3">
        <f t="shared" si="78"/>
        <v>5</v>
      </c>
      <c r="C2501" s="3">
        <f t="shared" si="79"/>
        <v>2015</v>
      </c>
      <c r="D2501" t="s">
        <v>356</v>
      </c>
      <c r="E2501" t="s">
        <v>1528</v>
      </c>
      <c r="F2501" t="s">
        <v>10</v>
      </c>
      <c r="G2501" t="s">
        <v>17</v>
      </c>
      <c r="H2501" t="s">
        <v>1846</v>
      </c>
      <c r="I2501">
        <v>51.45</v>
      </c>
      <c r="J2501">
        <v>3</v>
      </c>
      <c r="K2501">
        <v>13.89</v>
      </c>
    </row>
    <row r="2502" spans="1:11" x14ac:dyDescent="0.3">
      <c r="A2502" s="1">
        <v>42147</v>
      </c>
      <c r="B2502" s="3">
        <f t="shared" si="78"/>
        <v>5</v>
      </c>
      <c r="C2502" s="3">
        <f t="shared" si="79"/>
        <v>2015</v>
      </c>
      <c r="D2502" t="s">
        <v>179</v>
      </c>
      <c r="E2502" t="s">
        <v>109</v>
      </c>
      <c r="F2502" t="s">
        <v>10</v>
      </c>
      <c r="G2502" t="s">
        <v>91</v>
      </c>
      <c r="H2502" t="s">
        <v>714</v>
      </c>
      <c r="I2502">
        <v>850.5</v>
      </c>
      <c r="J2502">
        <v>5</v>
      </c>
      <c r="K2502">
        <v>245.7</v>
      </c>
    </row>
    <row r="2503" spans="1:11" x14ac:dyDescent="0.3">
      <c r="A2503" s="1">
        <v>42147</v>
      </c>
      <c r="B2503" s="3">
        <f t="shared" si="78"/>
        <v>5</v>
      </c>
      <c r="C2503" s="3">
        <f t="shared" si="79"/>
        <v>2015</v>
      </c>
      <c r="D2503" t="s">
        <v>179</v>
      </c>
      <c r="E2503" t="s">
        <v>109</v>
      </c>
      <c r="F2503" t="s">
        <v>33</v>
      </c>
      <c r="G2503" t="s">
        <v>46</v>
      </c>
      <c r="H2503" t="s">
        <v>974</v>
      </c>
      <c r="I2503">
        <v>75.33</v>
      </c>
      <c r="J2503">
        <v>9</v>
      </c>
      <c r="K2503">
        <v>19.59</v>
      </c>
    </row>
    <row r="2504" spans="1:11" x14ac:dyDescent="0.3">
      <c r="A2504" s="1">
        <v>42148</v>
      </c>
      <c r="B2504" s="3">
        <f t="shared" si="78"/>
        <v>5</v>
      </c>
      <c r="C2504" s="3">
        <f t="shared" si="79"/>
        <v>2015</v>
      </c>
      <c r="D2504" t="s">
        <v>45</v>
      </c>
      <c r="E2504" t="s">
        <v>14</v>
      </c>
      <c r="F2504" t="s">
        <v>33</v>
      </c>
      <c r="G2504" t="s">
        <v>34</v>
      </c>
      <c r="H2504" t="s">
        <v>918</v>
      </c>
      <c r="I2504">
        <v>602.65</v>
      </c>
      <c r="J2504">
        <v>7</v>
      </c>
      <c r="K2504">
        <v>-163.58000000000001</v>
      </c>
    </row>
    <row r="2505" spans="1:11" x14ac:dyDescent="0.3">
      <c r="A2505" s="1">
        <v>42148</v>
      </c>
      <c r="B2505" s="3">
        <f t="shared" si="78"/>
        <v>5</v>
      </c>
      <c r="C2505" s="3">
        <f t="shared" si="79"/>
        <v>2015</v>
      </c>
      <c r="D2505" t="s">
        <v>45</v>
      </c>
      <c r="E2505" t="s">
        <v>14</v>
      </c>
      <c r="F2505" t="s">
        <v>10</v>
      </c>
      <c r="G2505" t="s">
        <v>19</v>
      </c>
      <c r="H2505" t="s">
        <v>681</v>
      </c>
      <c r="I2505">
        <v>7.66</v>
      </c>
      <c r="J2505">
        <v>6</v>
      </c>
      <c r="K2505">
        <v>-13.02</v>
      </c>
    </row>
    <row r="2506" spans="1:11" x14ac:dyDescent="0.3">
      <c r="A2506" s="1">
        <v>42149</v>
      </c>
      <c r="B2506" s="3">
        <f t="shared" si="78"/>
        <v>5</v>
      </c>
      <c r="C2506" s="3">
        <f t="shared" si="79"/>
        <v>2015</v>
      </c>
      <c r="D2506" t="s">
        <v>2078</v>
      </c>
      <c r="E2506" t="s">
        <v>277</v>
      </c>
      <c r="F2506" t="s">
        <v>10</v>
      </c>
      <c r="G2506" t="s">
        <v>91</v>
      </c>
      <c r="H2506" t="s">
        <v>2006</v>
      </c>
      <c r="I2506">
        <v>845.73</v>
      </c>
      <c r="J2506">
        <v>13</v>
      </c>
      <c r="K2506">
        <v>84.57</v>
      </c>
    </row>
    <row r="2507" spans="1:11" x14ac:dyDescent="0.3">
      <c r="A2507" s="1">
        <v>42149</v>
      </c>
      <c r="B2507" s="3">
        <f t="shared" si="78"/>
        <v>5</v>
      </c>
      <c r="C2507" s="3">
        <f t="shared" si="79"/>
        <v>2015</v>
      </c>
      <c r="D2507" t="s">
        <v>267</v>
      </c>
      <c r="E2507" t="s">
        <v>26</v>
      </c>
      <c r="F2507" t="s">
        <v>33</v>
      </c>
      <c r="G2507" t="s">
        <v>46</v>
      </c>
      <c r="H2507" t="s">
        <v>116</v>
      </c>
      <c r="I2507">
        <v>14.73</v>
      </c>
      <c r="J2507">
        <v>3</v>
      </c>
      <c r="K2507">
        <v>4.8600000000000003</v>
      </c>
    </row>
    <row r="2508" spans="1:11" x14ac:dyDescent="0.3">
      <c r="A2508" s="1">
        <v>42149</v>
      </c>
      <c r="B2508" s="3">
        <f t="shared" si="78"/>
        <v>5</v>
      </c>
      <c r="C2508" s="3">
        <f t="shared" si="79"/>
        <v>2015</v>
      </c>
      <c r="D2508" t="s">
        <v>179</v>
      </c>
      <c r="E2508" t="s">
        <v>1282</v>
      </c>
      <c r="F2508" t="s">
        <v>10</v>
      </c>
      <c r="G2508" t="s">
        <v>23</v>
      </c>
      <c r="H2508" t="s">
        <v>1205</v>
      </c>
      <c r="I2508">
        <v>21.24</v>
      </c>
      <c r="J2508">
        <v>3</v>
      </c>
      <c r="K2508">
        <v>8.07</v>
      </c>
    </row>
    <row r="2509" spans="1:11" x14ac:dyDescent="0.3">
      <c r="A2509" s="1">
        <v>42149</v>
      </c>
      <c r="B2509" s="3">
        <f t="shared" si="78"/>
        <v>5</v>
      </c>
      <c r="C2509" s="3">
        <f t="shared" si="79"/>
        <v>2015</v>
      </c>
      <c r="D2509" t="s">
        <v>179</v>
      </c>
      <c r="E2509" t="s">
        <v>1282</v>
      </c>
      <c r="F2509" t="s">
        <v>10</v>
      </c>
      <c r="G2509" t="s">
        <v>19</v>
      </c>
      <c r="H2509" t="s">
        <v>1135</v>
      </c>
      <c r="I2509">
        <v>127.96</v>
      </c>
      <c r="J2509">
        <v>2</v>
      </c>
      <c r="K2509">
        <v>60.14</v>
      </c>
    </row>
    <row r="2510" spans="1:11" x14ac:dyDescent="0.3">
      <c r="A2510" s="1">
        <v>42149</v>
      </c>
      <c r="B2510" s="3">
        <f t="shared" si="78"/>
        <v>5</v>
      </c>
      <c r="C2510" s="3">
        <f t="shared" si="79"/>
        <v>2015</v>
      </c>
      <c r="D2510" t="s">
        <v>1775</v>
      </c>
      <c r="E2510" t="s">
        <v>119</v>
      </c>
      <c r="F2510" t="s">
        <v>38</v>
      </c>
      <c r="G2510" t="s">
        <v>39</v>
      </c>
      <c r="H2510" t="s">
        <v>1806</v>
      </c>
      <c r="I2510">
        <v>467.04</v>
      </c>
      <c r="J2510">
        <v>4</v>
      </c>
      <c r="K2510">
        <v>58.38</v>
      </c>
    </row>
    <row r="2511" spans="1:11" x14ac:dyDescent="0.3">
      <c r="A2511" s="1">
        <v>42149</v>
      </c>
      <c r="B2511" s="3">
        <f t="shared" si="78"/>
        <v>5</v>
      </c>
      <c r="C2511" s="3">
        <f t="shared" si="79"/>
        <v>2015</v>
      </c>
      <c r="D2511" t="s">
        <v>118</v>
      </c>
      <c r="E2511" t="s">
        <v>9</v>
      </c>
      <c r="F2511" t="s">
        <v>10</v>
      </c>
      <c r="G2511" t="s">
        <v>199</v>
      </c>
      <c r="H2511" t="s">
        <v>2079</v>
      </c>
      <c r="I2511">
        <v>22.37</v>
      </c>
      <c r="J2511">
        <v>2</v>
      </c>
      <c r="K2511">
        <v>1.68</v>
      </c>
    </row>
    <row r="2512" spans="1:11" x14ac:dyDescent="0.3">
      <c r="A2512" s="1">
        <v>42149</v>
      </c>
      <c r="B2512" s="3">
        <f t="shared" si="78"/>
        <v>5</v>
      </c>
      <c r="C2512" s="3">
        <f t="shared" si="79"/>
        <v>2015</v>
      </c>
      <c r="D2512" t="s">
        <v>118</v>
      </c>
      <c r="E2512" t="s">
        <v>9</v>
      </c>
      <c r="F2512" t="s">
        <v>10</v>
      </c>
      <c r="G2512" t="s">
        <v>11</v>
      </c>
      <c r="H2512" t="s">
        <v>1178</v>
      </c>
      <c r="I2512">
        <v>32.369999999999997</v>
      </c>
      <c r="J2512">
        <v>7</v>
      </c>
      <c r="K2512">
        <v>11.73</v>
      </c>
    </row>
    <row r="2513" spans="1:11" x14ac:dyDescent="0.3">
      <c r="A2513" s="1">
        <v>42149</v>
      </c>
      <c r="B2513" s="3">
        <f t="shared" si="78"/>
        <v>5</v>
      </c>
      <c r="C2513" s="3">
        <f t="shared" si="79"/>
        <v>2015</v>
      </c>
      <c r="D2513" t="s">
        <v>118</v>
      </c>
      <c r="E2513" t="s">
        <v>9</v>
      </c>
      <c r="F2513" t="s">
        <v>38</v>
      </c>
      <c r="G2513" t="s">
        <v>51</v>
      </c>
      <c r="H2513" t="s">
        <v>2080</v>
      </c>
      <c r="I2513">
        <v>207.98</v>
      </c>
      <c r="J2513">
        <v>2</v>
      </c>
      <c r="K2513">
        <v>36.4</v>
      </c>
    </row>
    <row r="2514" spans="1:11" x14ac:dyDescent="0.3">
      <c r="A2514" s="1">
        <v>42150</v>
      </c>
      <c r="B2514" s="3">
        <f t="shared" si="78"/>
        <v>5</v>
      </c>
      <c r="C2514" s="3">
        <f t="shared" si="79"/>
        <v>2015</v>
      </c>
      <c r="D2514" t="s">
        <v>529</v>
      </c>
      <c r="E2514" t="s">
        <v>244</v>
      </c>
      <c r="F2514" t="s">
        <v>10</v>
      </c>
      <c r="G2514" t="s">
        <v>11</v>
      </c>
      <c r="H2514" t="s">
        <v>1900</v>
      </c>
      <c r="I2514">
        <v>18.27</v>
      </c>
      <c r="J2514">
        <v>1</v>
      </c>
      <c r="K2514">
        <v>5.94</v>
      </c>
    </row>
    <row r="2515" spans="1:11" x14ac:dyDescent="0.3">
      <c r="A2515" s="1">
        <v>42150</v>
      </c>
      <c r="B2515" s="3">
        <f t="shared" si="78"/>
        <v>5</v>
      </c>
      <c r="C2515" s="3">
        <f t="shared" si="79"/>
        <v>2015</v>
      </c>
      <c r="D2515" t="s">
        <v>529</v>
      </c>
      <c r="E2515" t="s">
        <v>244</v>
      </c>
      <c r="F2515" t="s">
        <v>10</v>
      </c>
      <c r="G2515" t="s">
        <v>11</v>
      </c>
      <c r="H2515" t="s">
        <v>2081</v>
      </c>
      <c r="I2515">
        <v>153.72999999999999</v>
      </c>
      <c r="J2515">
        <v>4</v>
      </c>
      <c r="K2515">
        <v>53.8</v>
      </c>
    </row>
    <row r="2516" spans="1:11" x14ac:dyDescent="0.3">
      <c r="A2516" s="1">
        <v>42150</v>
      </c>
      <c r="B2516" s="3">
        <f t="shared" si="78"/>
        <v>5</v>
      </c>
      <c r="C2516" s="3">
        <f t="shared" si="79"/>
        <v>2015</v>
      </c>
      <c r="D2516" t="s">
        <v>529</v>
      </c>
      <c r="E2516" t="s">
        <v>244</v>
      </c>
      <c r="F2516" t="s">
        <v>10</v>
      </c>
      <c r="G2516" t="s">
        <v>62</v>
      </c>
      <c r="H2516" t="s">
        <v>769</v>
      </c>
      <c r="I2516">
        <v>12.22</v>
      </c>
      <c r="J2516">
        <v>2</v>
      </c>
      <c r="K2516">
        <v>4.43</v>
      </c>
    </row>
    <row r="2517" spans="1:11" x14ac:dyDescent="0.3">
      <c r="A2517" s="1">
        <v>42150</v>
      </c>
      <c r="B2517" s="3">
        <f t="shared" si="78"/>
        <v>5</v>
      </c>
      <c r="C2517" s="3">
        <f t="shared" si="79"/>
        <v>2015</v>
      </c>
      <c r="D2517" t="s">
        <v>529</v>
      </c>
      <c r="E2517" t="s">
        <v>244</v>
      </c>
      <c r="F2517" t="s">
        <v>38</v>
      </c>
      <c r="G2517" t="s">
        <v>51</v>
      </c>
      <c r="H2517" t="s">
        <v>83</v>
      </c>
      <c r="I2517">
        <v>167.94</v>
      </c>
      <c r="J2517">
        <v>7</v>
      </c>
      <c r="K2517">
        <v>50.38</v>
      </c>
    </row>
    <row r="2518" spans="1:11" x14ac:dyDescent="0.3">
      <c r="A2518" s="1">
        <v>42150</v>
      </c>
      <c r="B2518" s="3">
        <f t="shared" si="78"/>
        <v>5</v>
      </c>
      <c r="C2518" s="3">
        <f t="shared" si="79"/>
        <v>2015</v>
      </c>
      <c r="D2518" t="s">
        <v>464</v>
      </c>
      <c r="E2518" t="s">
        <v>163</v>
      </c>
      <c r="F2518" t="s">
        <v>33</v>
      </c>
      <c r="G2518" t="s">
        <v>46</v>
      </c>
      <c r="H2518" t="s">
        <v>1738</v>
      </c>
      <c r="I2518">
        <v>20.239999999999998</v>
      </c>
      <c r="J2518">
        <v>1</v>
      </c>
      <c r="K2518">
        <v>7.89</v>
      </c>
    </row>
    <row r="2519" spans="1:11" x14ac:dyDescent="0.3">
      <c r="A2519" s="1">
        <v>42150</v>
      </c>
      <c r="B2519" s="3">
        <f t="shared" si="78"/>
        <v>5</v>
      </c>
      <c r="C2519" s="3">
        <f t="shared" si="79"/>
        <v>2015</v>
      </c>
      <c r="D2519" t="s">
        <v>819</v>
      </c>
      <c r="E2519" t="s">
        <v>9</v>
      </c>
      <c r="F2519" t="s">
        <v>33</v>
      </c>
      <c r="G2519" t="s">
        <v>34</v>
      </c>
      <c r="H2519" t="s">
        <v>230</v>
      </c>
      <c r="I2519">
        <v>105.69</v>
      </c>
      <c r="J2519">
        <v>1</v>
      </c>
      <c r="K2519">
        <v>-28.69</v>
      </c>
    </row>
    <row r="2520" spans="1:11" x14ac:dyDescent="0.3">
      <c r="A2520" s="1">
        <v>42150</v>
      </c>
      <c r="B2520" s="3">
        <f t="shared" si="78"/>
        <v>5</v>
      </c>
      <c r="C2520" s="3">
        <f t="shared" si="79"/>
        <v>2015</v>
      </c>
      <c r="D2520" t="s">
        <v>819</v>
      </c>
      <c r="E2520" t="s">
        <v>9</v>
      </c>
      <c r="F2520" t="s">
        <v>38</v>
      </c>
      <c r="G2520" t="s">
        <v>301</v>
      </c>
      <c r="H2520" t="s">
        <v>1216</v>
      </c>
      <c r="I2520">
        <v>399.54</v>
      </c>
      <c r="J2520">
        <v>2</v>
      </c>
      <c r="K2520">
        <v>-79.91</v>
      </c>
    </row>
    <row r="2521" spans="1:11" x14ac:dyDescent="0.3">
      <c r="A2521" s="1">
        <v>42150</v>
      </c>
      <c r="B2521" s="3">
        <f t="shared" si="78"/>
        <v>5</v>
      </c>
      <c r="C2521" s="3">
        <f t="shared" si="79"/>
        <v>2015</v>
      </c>
      <c r="D2521" t="s">
        <v>819</v>
      </c>
      <c r="E2521" t="s">
        <v>9</v>
      </c>
      <c r="F2521" t="s">
        <v>33</v>
      </c>
      <c r="G2521" t="s">
        <v>34</v>
      </c>
      <c r="H2521" t="s">
        <v>1574</v>
      </c>
      <c r="I2521">
        <v>104.93</v>
      </c>
      <c r="J2521">
        <v>5</v>
      </c>
      <c r="K2521">
        <v>-4.5</v>
      </c>
    </row>
    <row r="2522" spans="1:11" x14ac:dyDescent="0.3">
      <c r="A2522" s="1">
        <v>42152</v>
      </c>
      <c r="B2522" s="3">
        <f t="shared" si="78"/>
        <v>5</v>
      </c>
      <c r="C2522" s="3">
        <f t="shared" si="79"/>
        <v>2015</v>
      </c>
      <c r="D2522" t="s">
        <v>2082</v>
      </c>
      <c r="E2522" t="s">
        <v>163</v>
      </c>
      <c r="F2522" t="s">
        <v>10</v>
      </c>
      <c r="G2522" t="s">
        <v>23</v>
      </c>
      <c r="H2522" t="s">
        <v>2083</v>
      </c>
      <c r="I2522">
        <v>6.63</v>
      </c>
      <c r="J2522">
        <v>3</v>
      </c>
      <c r="K2522">
        <v>1.79</v>
      </c>
    </row>
    <row r="2523" spans="1:11" x14ac:dyDescent="0.3">
      <c r="A2523" s="1">
        <v>42152</v>
      </c>
      <c r="B2523" s="3">
        <f t="shared" si="78"/>
        <v>5</v>
      </c>
      <c r="C2523" s="3">
        <f t="shared" si="79"/>
        <v>2015</v>
      </c>
      <c r="D2523" t="s">
        <v>1177</v>
      </c>
      <c r="E2523" t="s">
        <v>148</v>
      </c>
      <c r="F2523" t="s">
        <v>10</v>
      </c>
      <c r="G2523" t="s">
        <v>23</v>
      </c>
      <c r="H2523" t="s">
        <v>1321</v>
      </c>
      <c r="I2523">
        <v>47.82</v>
      </c>
      <c r="J2523">
        <v>3</v>
      </c>
      <c r="K2523">
        <v>14.35</v>
      </c>
    </row>
    <row r="2524" spans="1:11" x14ac:dyDescent="0.3">
      <c r="A2524" s="1">
        <v>42152</v>
      </c>
      <c r="B2524" s="3">
        <f t="shared" si="78"/>
        <v>5</v>
      </c>
      <c r="C2524" s="3">
        <f t="shared" si="79"/>
        <v>2015</v>
      </c>
      <c r="D2524" t="s">
        <v>1177</v>
      </c>
      <c r="E2524" t="s">
        <v>148</v>
      </c>
      <c r="F2524" t="s">
        <v>10</v>
      </c>
      <c r="G2524" t="s">
        <v>15</v>
      </c>
      <c r="H2524" t="s">
        <v>1097</v>
      </c>
      <c r="I2524">
        <v>13.05</v>
      </c>
      <c r="J2524">
        <v>5</v>
      </c>
      <c r="K2524">
        <v>6</v>
      </c>
    </row>
    <row r="2525" spans="1:11" x14ac:dyDescent="0.3">
      <c r="A2525" s="1">
        <v>42152</v>
      </c>
      <c r="B2525" s="3">
        <f t="shared" si="78"/>
        <v>5</v>
      </c>
      <c r="C2525" s="3">
        <f t="shared" si="79"/>
        <v>2015</v>
      </c>
      <c r="D2525" t="s">
        <v>901</v>
      </c>
      <c r="E2525" t="s">
        <v>148</v>
      </c>
      <c r="F2525" t="s">
        <v>38</v>
      </c>
      <c r="G2525" t="s">
        <v>39</v>
      </c>
      <c r="H2525" t="s">
        <v>862</v>
      </c>
      <c r="I2525">
        <v>45.99</v>
      </c>
      <c r="J2525">
        <v>1</v>
      </c>
      <c r="K2525">
        <v>13.34</v>
      </c>
    </row>
    <row r="2526" spans="1:11" x14ac:dyDescent="0.3">
      <c r="A2526" s="1">
        <v>42152</v>
      </c>
      <c r="B2526" s="3">
        <f t="shared" si="78"/>
        <v>5</v>
      </c>
      <c r="C2526" s="3">
        <f t="shared" si="79"/>
        <v>2015</v>
      </c>
      <c r="D2526" t="s">
        <v>901</v>
      </c>
      <c r="E2526" t="s">
        <v>148</v>
      </c>
      <c r="F2526" t="s">
        <v>10</v>
      </c>
      <c r="G2526" t="s">
        <v>17</v>
      </c>
      <c r="H2526" t="s">
        <v>307</v>
      </c>
      <c r="I2526">
        <v>535.41</v>
      </c>
      <c r="J2526">
        <v>3</v>
      </c>
      <c r="K2526">
        <v>160.62</v>
      </c>
    </row>
    <row r="2527" spans="1:11" x14ac:dyDescent="0.3">
      <c r="A2527" s="1">
        <v>42152</v>
      </c>
      <c r="B2527" s="3">
        <f t="shared" si="78"/>
        <v>5</v>
      </c>
      <c r="C2527" s="3">
        <f t="shared" si="79"/>
        <v>2015</v>
      </c>
      <c r="D2527" t="s">
        <v>901</v>
      </c>
      <c r="E2527" t="s">
        <v>148</v>
      </c>
      <c r="F2527" t="s">
        <v>10</v>
      </c>
      <c r="G2527" t="s">
        <v>19</v>
      </c>
      <c r="H2527" t="s">
        <v>112</v>
      </c>
      <c r="I2527">
        <v>6.1</v>
      </c>
      <c r="J2527">
        <v>2</v>
      </c>
      <c r="K2527">
        <v>2.06</v>
      </c>
    </row>
    <row r="2528" spans="1:11" x14ac:dyDescent="0.3">
      <c r="A2528" s="1">
        <v>42152</v>
      </c>
      <c r="B2528" s="3">
        <f t="shared" si="78"/>
        <v>5</v>
      </c>
      <c r="C2528" s="3">
        <f t="shared" si="79"/>
        <v>2015</v>
      </c>
      <c r="D2528" t="s">
        <v>901</v>
      </c>
      <c r="E2528" t="s">
        <v>148</v>
      </c>
      <c r="F2528" t="s">
        <v>10</v>
      </c>
      <c r="G2528" t="s">
        <v>11</v>
      </c>
      <c r="H2528" t="s">
        <v>2084</v>
      </c>
      <c r="I2528">
        <v>45.36</v>
      </c>
      <c r="J2528">
        <v>7</v>
      </c>
      <c r="K2528">
        <v>21.77</v>
      </c>
    </row>
    <row r="2529" spans="1:11" x14ac:dyDescent="0.3">
      <c r="A2529" s="1">
        <v>42152</v>
      </c>
      <c r="B2529" s="3">
        <f t="shared" si="78"/>
        <v>5</v>
      </c>
      <c r="C2529" s="3">
        <f t="shared" si="79"/>
        <v>2015</v>
      </c>
      <c r="D2529" t="s">
        <v>1076</v>
      </c>
      <c r="E2529" t="s">
        <v>612</v>
      </c>
      <c r="F2529" t="s">
        <v>10</v>
      </c>
      <c r="G2529" t="s">
        <v>17</v>
      </c>
      <c r="H2529" t="s">
        <v>178</v>
      </c>
      <c r="I2529">
        <v>16.239999999999998</v>
      </c>
      <c r="J2529">
        <v>1</v>
      </c>
      <c r="K2529">
        <v>2.44</v>
      </c>
    </row>
    <row r="2530" spans="1:11" x14ac:dyDescent="0.3">
      <c r="A2530" s="1">
        <v>42152</v>
      </c>
      <c r="B2530" s="3">
        <f t="shared" si="78"/>
        <v>5</v>
      </c>
      <c r="C2530" s="3">
        <f t="shared" si="79"/>
        <v>2015</v>
      </c>
      <c r="D2530" t="s">
        <v>1076</v>
      </c>
      <c r="E2530" t="s">
        <v>612</v>
      </c>
      <c r="F2530" t="s">
        <v>10</v>
      </c>
      <c r="G2530" t="s">
        <v>17</v>
      </c>
      <c r="H2530" t="s">
        <v>1610</v>
      </c>
      <c r="I2530">
        <v>77.55</v>
      </c>
      <c r="J2530">
        <v>5</v>
      </c>
      <c r="K2530">
        <v>21.71</v>
      </c>
    </row>
    <row r="2531" spans="1:11" x14ac:dyDescent="0.3">
      <c r="A2531" s="1">
        <v>42153</v>
      </c>
      <c r="B2531" s="3">
        <f t="shared" si="78"/>
        <v>5</v>
      </c>
      <c r="C2531" s="3">
        <f t="shared" si="79"/>
        <v>2015</v>
      </c>
      <c r="D2531" t="s">
        <v>1003</v>
      </c>
      <c r="E2531" t="s">
        <v>163</v>
      </c>
      <c r="F2531" t="s">
        <v>10</v>
      </c>
      <c r="G2531" t="s">
        <v>11</v>
      </c>
      <c r="H2531" t="s">
        <v>2085</v>
      </c>
      <c r="I2531">
        <v>32.4</v>
      </c>
      <c r="J2531">
        <v>5</v>
      </c>
      <c r="K2531">
        <v>15.55</v>
      </c>
    </row>
    <row r="2532" spans="1:11" x14ac:dyDescent="0.3">
      <c r="A2532" s="1">
        <v>42153</v>
      </c>
      <c r="B2532" s="3">
        <f t="shared" si="78"/>
        <v>5</v>
      </c>
      <c r="C2532" s="3">
        <f t="shared" si="79"/>
        <v>2015</v>
      </c>
      <c r="D2532" t="s">
        <v>1003</v>
      </c>
      <c r="E2532" t="s">
        <v>163</v>
      </c>
      <c r="F2532" t="s">
        <v>10</v>
      </c>
      <c r="G2532" t="s">
        <v>17</v>
      </c>
      <c r="H2532" t="s">
        <v>1756</v>
      </c>
      <c r="I2532">
        <v>540.57000000000005</v>
      </c>
      <c r="J2532">
        <v>3</v>
      </c>
      <c r="K2532">
        <v>140.55000000000001</v>
      </c>
    </row>
    <row r="2533" spans="1:11" x14ac:dyDescent="0.3">
      <c r="A2533" s="1">
        <v>42153</v>
      </c>
      <c r="B2533" s="3">
        <f t="shared" si="78"/>
        <v>5</v>
      </c>
      <c r="C2533" s="3">
        <f t="shared" si="79"/>
        <v>2015</v>
      </c>
      <c r="D2533" t="s">
        <v>1003</v>
      </c>
      <c r="E2533" t="s">
        <v>163</v>
      </c>
      <c r="F2533" t="s">
        <v>10</v>
      </c>
      <c r="G2533" t="s">
        <v>19</v>
      </c>
      <c r="H2533" t="s">
        <v>846</v>
      </c>
      <c r="I2533">
        <v>167.76</v>
      </c>
      <c r="J2533">
        <v>5</v>
      </c>
      <c r="K2533">
        <v>62.91</v>
      </c>
    </row>
    <row r="2534" spans="1:11" x14ac:dyDescent="0.3">
      <c r="A2534" s="1">
        <v>42153</v>
      </c>
      <c r="B2534" s="3">
        <f t="shared" si="78"/>
        <v>5</v>
      </c>
      <c r="C2534" s="3">
        <f t="shared" si="79"/>
        <v>2015</v>
      </c>
      <c r="D2534" t="s">
        <v>1213</v>
      </c>
      <c r="E2534" t="s">
        <v>77</v>
      </c>
      <c r="F2534" t="s">
        <v>33</v>
      </c>
      <c r="G2534" t="s">
        <v>46</v>
      </c>
      <c r="H2534" t="s">
        <v>2086</v>
      </c>
      <c r="I2534">
        <v>41.57</v>
      </c>
      <c r="J2534">
        <v>4</v>
      </c>
      <c r="K2534">
        <v>-4.16</v>
      </c>
    </row>
    <row r="2535" spans="1:11" x14ac:dyDescent="0.3">
      <c r="A2535" s="1">
        <v>42153</v>
      </c>
      <c r="B2535" s="3">
        <f t="shared" si="78"/>
        <v>5</v>
      </c>
      <c r="C2535" s="3">
        <f t="shared" si="79"/>
        <v>2015</v>
      </c>
      <c r="D2535" t="s">
        <v>1213</v>
      </c>
      <c r="E2535" t="s">
        <v>77</v>
      </c>
      <c r="F2535" t="s">
        <v>33</v>
      </c>
      <c r="G2535" t="s">
        <v>34</v>
      </c>
      <c r="H2535" t="s">
        <v>230</v>
      </c>
      <c r="I2535">
        <v>317.06</v>
      </c>
      <c r="J2535">
        <v>3</v>
      </c>
      <c r="K2535">
        <v>-86.06</v>
      </c>
    </row>
    <row r="2536" spans="1:11" x14ac:dyDescent="0.3">
      <c r="A2536" s="1">
        <v>42153</v>
      </c>
      <c r="B2536" s="3">
        <f t="shared" si="78"/>
        <v>5</v>
      </c>
      <c r="C2536" s="3">
        <f t="shared" si="79"/>
        <v>2015</v>
      </c>
      <c r="D2536" t="s">
        <v>1213</v>
      </c>
      <c r="E2536" t="s">
        <v>77</v>
      </c>
      <c r="F2536" t="s">
        <v>10</v>
      </c>
      <c r="G2536" t="s">
        <v>42</v>
      </c>
      <c r="H2536" t="s">
        <v>1245</v>
      </c>
      <c r="I2536">
        <v>8.0399999999999991</v>
      </c>
      <c r="J2536">
        <v>5</v>
      </c>
      <c r="K2536">
        <v>2.91</v>
      </c>
    </row>
    <row r="2537" spans="1:11" x14ac:dyDescent="0.3">
      <c r="A2537" s="1">
        <v>42153</v>
      </c>
      <c r="B2537" s="3">
        <f t="shared" si="78"/>
        <v>5</v>
      </c>
      <c r="C2537" s="3">
        <f t="shared" si="79"/>
        <v>2015</v>
      </c>
      <c r="D2537" t="s">
        <v>1177</v>
      </c>
      <c r="E2537" t="s">
        <v>128</v>
      </c>
      <c r="F2537" t="s">
        <v>10</v>
      </c>
      <c r="G2537" t="s">
        <v>15</v>
      </c>
      <c r="H2537" t="s">
        <v>376</v>
      </c>
      <c r="I2537">
        <v>12.39</v>
      </c>
      <c r="J2537">
        <v>3</v>
      </c>
      <c r="K2537">
        <v>5.7</v>
      </c>
    </row>
    <row r="2538" spans="1:11" x14ac:dyDescent="0.3">
      <c r="A2538" s="1">
        <v>42153</v>
      </c>
      <c r="B2538" s="3">
        <f t="shared" si="78"/>
        <v>5</v>
      </c>
      <c r="C2538" s="3">
        <f t="shared" si="79"/>
        <v>2015</v>
      </c>
      <c r="D2538" t="s">
        <v>1792</v>
      </c>
      <c r="E2538" t="s">
        <v>77</v>
      </c>
      <c r="F2538" t="s">
        <v>10</v>
      </c>
      <c r="G2538" t="s">
        <v>11</v>
      </c>
      <c r="H2538" t="s">
        <v>624</v>
      </c>
      <c r="I2538">
        <v>85.06</v>
      </c>
      <c r="J2538">
        <v>3</v>
      </c>
      <c r="K2538">
        <v>28.71</v>
      </c>
    </row>
    <row r="2539" spans="1:11" x14ac:dyDescent="0.3">
      <c r="A2539" s="1">
        <v>42154</v>
      </c>
      <c r="B2539" s="3">
        <f t="shared" si="78"/>
        <v>5</v>
      </c>
      <c r="C2539" s="3">
        <f t="shared" si="79"/>
        <v>2015</v>
      </c>
      <c r="D2539" t="s">
        <v>2087</v>
      </c>
      <c r="E2539" t="s">
        <v>148</v>
      </c>
      <c r="F2539" t="s">
        <v>38</v>
      </c>
      <c r="G2539" t="s">
        <v>39</v>
      </c>
      <c r="H2539" t="s">
        <v>2088</v>
      </c>
      <c r="I2539">
        <v>239.97</v>
      </c>
      <c r="J2539">
        <v>3</v>
      </c>
      <c r="K2539">
        <v>2.4</v>
      </c>
    </row>
    <row r="2540" spans="1:11" x14ac:dyDescent="0.3">
      <c r="A2540" s="1">
        <v>42154</v>
      </c>
      <c r="B2540" s="3">
        <f t="shared" si="78"/>
        <v>5</v>
      </c>
      <c r="C2540" s="3">
        <f t="shared" si="79"/>
        <v>2015</v>
      </c>
      <c r="D2540" t="s">
        <v>2087</v>
      </c>
      <c r="E2540" t="s">
        <v>148</v>
      </c>
      <c r="F2540" t="s">
        <v>10</v>
      </c>
      <c r="G2540" t="s">
        <v>91</v>
      </c>
      <c r="H2540" t="s">
        <v>2089</v>
      </c>
      <c r="I2540">
        <v>160.32</v>
      </c>
      <c r="J2540">
        <v>2</v>
      </c>
      <c r="K2540">
        <v>44.89</v>
      </c>
    </row>
    <row r="2541" spans="1:11" x14ac:dyDescent="0.3">
      <c r="A2541" s="1">
        <v>42154</v>
      </c>
      <c r="B2541" s="3">
        <f t="shared" si="78"/>
        <v>5</v>
      </c>
      <c r="C2541" s="3">
        <f t="shared" si="79"/>
        <v>2015</v>
      </c>
      <c r="D2541" t="s">
        <v>2087</v>
      </c>
      <c r="E2541" t="s">
        <v>148</v>
      </c>
      <c r="F2541" t="s">
        <v>38</v>
      </c>
      <c r="G2541" t="s">
        <v>39</v>
      </c>
      <c r="H2541" t="s">
        <v>1952</v>
      </c>
      <c r="I2541">
        <v>128.85</v>
      </c>
      <c r="J2541">
        <v>3</v>
      </c>
      <c r="K2541">
        <v>3.87</v>
      </c>
    </row>
    <row r="2542" spans="1:11" x14ac:dyDescent="0.3">
      <c r="A2542" s="1">
        <v>42154</v>
      </c>
      <c r="B2542" s="3">
        <f t="shared" si="78"/>
        <v>5</v>
      </c>
      <c r="C2542" s="3">
        <f t="shared" si="79"/>
        <v>2015</v>
      </c>
      <c r="D2542" t="s">
        <v>2090</v>
      </c>
      <c r="E2542" t="s">
        <v>54</v>
      </c>
      <c r="F2542" t="s">
        <v>38</v>
      </c>
      <c r="G2542" t="s">
        <v>51</v>
      </c>
      <c r="H2542" t="s">
        <v>1873</v>
      </c>
      <c r="I2542">
        <v>151.96</v>
      </c>
      <c r="J2542">
        <v>4</v>
      </c>
      <c r="K2542">
        <v>36.47</v>
      </c>
    </row>
    <row r="2543" spans="1:11" x14ac:dyDescent="0.3">
      <c r="A2543" s="1">
        <v>42155</v>
      </c>
      <c r="B2543" s="3">
        <f t="shared" si="78"/>
        <v>5</v>
      </c>
      <c r="C2543" s="3">
        <f t="shared" si="79"/>
        <v>2015</v>
      </c>
      <c r="D2543" t="s">
        <v>535</v>
      </c>
      <c r="E2543" t="s">
        <v>26</v>
      </c>
      <c r="F2543" t="s">
        <v>10</v>
      </c>
      <c r="G2543" t="s">
        <v>11</v>
      </c>
      <c r="H2543" t="s">
        <v>1977</v>
      </c>
      <c r="I2543">
        <v>58.38</v>
      </c>
      <c r="J2543">
        <v>7</v>
      </c>
      <c r="K2543">
        <v>26.27</v>
      </c>
    </row>
    <row r="2544" spans="1:11" x14ac:dyDescent="0.3">
      <c r="A2544" s="1">
        <v>42155</v>
      </c>
      <c r="B2544" s="3">
        <f t="shared" si="78"/>
        <v>5</v>
      </c>
      <c r="C2544" s="3">
        <f t="shared" si="79"/>
        <v>2015</v>
      </c>
      <c r="D2544" t="s">
        <v>535</v>
      </c>
      <c r="E2544" t="s">
        <v>26</v>
      </c>
      <c r="F2544" t="s">
        <v>10</v>
      </c>
      <c r="G2544" t="s">
        <v>11</v>
      </c>
      <c r="H2544" t="s">
        <v>1966</v>
      </c>
      <c r="I2544">
        <v>105.52</v>
      </c>
      <c r="J2544">
        <v>4</v>
      </c>
      <c r="K2544">
        <v>48.54</v>
      </c>
    </row>
    <row r="2545" spans="1:11" x14ac:dyDescent="0.3">
      <c r="A2545" s="1">
        <v>42155</v>
      </c>
      <c r="B2545" s="3">
        <f t="shared" si="78"/>
        <v>5</v>
      </c>
      <c r="C2545" s="3">
        <f t="shared" si="79"/>
        <v>2015</v>
      </c>
      <c r="D2545" t="s">
        <v>535</v>
      </c>
      <c r="E2545" t="s">
        <v>26</v>
      </c>
      <c r="F2545" t="s">
        <v>10</v>
      </c>
      <c r="G2545" t="s">
        <v>17</v>
      </c>
      <c r="H2545" t="s">
        <v>2091</v>
      </c>
      <c r="I2545">
        <v>80.88</v>
      </c>
      <c r="J2545">
        <v>6</v>
      </c>
      <c r="K2545">
        <v>21.03</v>
      </c>
    </row>
    <row r="2546" spans="1:11" x14ac:dyDescent="0.3">
      <c r="A2546" s="1">
        <v>42155</v>
      </c>
      <c r="B2546" s="3">
        <f t="shared" si="78"/>
        <v>5</v>
      </c>
      <c r="C2546" s="3">
        <f t="shared" si="79"/>
        <v>2015</v>
      </c>
      <c r="D2546" t="s">
        <v>342</v>
      </c>
      <c r="E2546" t="s">
        <v>612</v>
      </c>
      <c r="F2546" t="s">
        <v>33</v>
      </c>
      <c r="G2546" t="s">
        <v>46</v>
      </c>
      <c r="H2546" t="s">
        <v>760</v>
      </c>
      <c r="I2546">
        <v>22.2</v>
      </c>
      <c r="J2546">
        <v>6</v>
      </c>
      <c r="K2546">
        <v>9.1</v>
      </c>
    </row>
    <row r="2547" spans="1:11" x14ac:dyDescent="0.3">
      <c r="A2547" s="1">
        <v>42155</v>
      </c>
      <c r="B2547" s="3">
        <f t="shared" si="78"/>
        <v>5</v>
      </c>
      <c r="C2547" s="3">
        <f t="shared" si="79"/>
        <v>2015</v>
      </c>
      <c r="D2547" t="s">
        <v>216</v>
      </c>
      <c r="E2547" t="s">
        <v>295</v>
      </c>
      <c r="F2547" t="s">
        <v>33</v>
      </c>
      <c r="G2547" t="s">
        <v>73</v>
      </c>
      <c r="H2547" t="s">
        <v>2092</v>
      </c>
      <c r="I2547">
        <v>1406.86</v>
      </c>
      <c r="J2547">
        <v>7</v>
      </c>
      <c r="K2547">
        <v>140.69</v>
      </c>
    </row>
    <row r="2548" spans="1:11" x14ac:dyDescent="0.3">
      <c r="A2548" s="1">
        <v>42155</v>
      </c>
      <c r="B2548" s="3">
        <f t="shared" si="78"/>
        <v>5</v>
      </c>
      <c r="C2548" s="3">
        <f t="shared" si="79"/>
        <v>2015</v>
      </c>
      <c r="D2548" t="s">
        <v>216</v>
      </c>
      <c r="E2548" t="s">
        <v>295</v>
      </c>
      <c r="F2548" t="s">
        <v>10</v>
      </c>
      <c r="G2548" t="s">
        <v>15</v>
      </c>
      <c r="H2548" t="s">
        <v>2076</v>
      </c>
      <c r="I2548">
        <v>15.75</v>
      </c>
      <c r="J2548">
        <v>5</v>
      </c>
      <c r="K2548">
        <v>7.56</v>
      </c>
    </row>
    <row r="2549" spans="1:11" x14ac:dyDescent="0.3">
      <c r="A2549" s="1">
        <v>42155</v>
      </c>
      <c r="B2549" s="3">
        <f t="shared" si="78"/>
        <v>5</v>
      </c>
      <c r="C2549" s="3">
        <f t="shared" si="79"/>
        <v>2015</v>
      </c>
      <c r="D2549" t="s">
        <v>216</v>
      </c>
      <c r="E2549" t="s">
        <v>295</v>
      </c>
      <c r="F2549" t="s">
        <v>10</v>
      </c>
      <c r="G2549" t="s">
        <v>17</v>
      </c>
      <c r="H2549" t="s">
        <v>1409</v>
      </c>
      <c r="I2549">
        <v>323.10000000000002</v>
      </c>
      <c r="J2549">
        <v>2</v>
      </c>
      <c r="K2549">
        <v>61.39</v>
      </c>
    </row>
    <row r="2550" spans="1:11" x14ac:dyDescent="0.3">
      <c r="A2550" s="1">
        <v>42155</v>
      </c>
      <c r="B2550" s="3">
        <f t="shared" si="78"/>
        <v>5</v>
      </c>
      <c r="C2550" s="3">
        <f t="shared" si="79"/>
        <v>2015</v>
      </c>
      <c r="D2550" t="s">
        <v>2093</v>
      </c>
      <c r="E2550" t="s">
        <v>314</v>
      </c>
      <c r="F2550" t="s">
        <v>33</v>
      </c>
      <c r="G2550" t="s">
        <v>34</v>
      </c>
      <c r="H2550" t="s">
        <v>649</v>
      </c>
      <c r="I2550">
        <v>2567.84</v>
      </c>
      <c r="J2550">
        <v>8</v>
      </c>
      <c r="K2550">
        <v>770.35</v>
      </c>
    </row>
    <row r="2551" spans="1:11" x14ac:dyDescent="0.3">
      <c r="A2551" s="1">
        <v>42155</v>
      </c>
      <c r="B2551" s="3">
        <f t="shared" si="78"/>
        <v>5</v>
      </c>
      <c r="C2551" s="3">
        <f t="shared" si="79"/>
        <v>2015</v>
      </c>
      <c r="D2551" t="s">
        <v>2094</v>
      </c>
      <c r="E2551" t="s">
        <v>244</v>
      </c>
      <c r="F2551" t="s">
        <v>10</v>
      </c>
      <c r="G2551" t="s">
        <v>23</v>
      </c>
      <c r="H2551" t="s">
        <v>576</v>
      </c>
      <c r="I2551">
        <v>10.27</v>
      </c>
      <c r="J2551">
        <v>3</v>
      </c>
      <c r="K2551">
        <v>1.1599999999999999</v>
      </c>
    </row>
    <row r="2552" spans="1:11" x14ac:dyDescent="0.3">
      <c r="A2552" s="1">
        <v>42155</v>
      </c>
      <c r="B2552" s="3">
        <f t="shared" si="78"/>
        <v>5</v>
      </c>
      <c r="C2552" s="3">
        <f t="shared" si="79"/>
        <v>2015</v>
      </c>
      <c r="D2552" t="s">
        <v>802</v>
      </c>
      <c r="E2552" t="s">
        <v>148</v>
      </c>
      <c r="F2552" t="s">
        <v>10</v>
      </c>
      <c r="G2552" t="s">
        <v>42</v>
      </c>
      <c r="H2552" t="s">
        <v>2095</v>
      </c>
      <c r="I2552">
        <v>7.56</v>
      </c>
      <c r="J2552">
        <v>6</v>
      </c>
      <c r="K2552">
        <v>0.3</v>
      </c>
    </row>
    <row r="2553" spans="1:11" x14ac:dyDescent="0.3">
      <c r="A2553" s="1">
        <v>42155</v>
      </c>
      <c r="B2553" s="3">
        <f t="shared" si="78"/>
        <v>5</v>
      </c>
      <c r="C2553" s="3">
        <f t="shared" si="79"/>
        <v>2015</v>
      </c>
      <c r="D2553" t="s">
        <v>1166</v>
      </c>
      <c r="E2553" t="s">
        <v>14</v>
      </c>
      <c r="F2553" t="s">
        <v>10</v>
      </c>
      <c r="G2553" t="s">
        <v>15</v>
      </c>
      <c r="H2553" t="s">
        <v>347</v>
      </c>
      <c r="I2553">
        <v>5.9</v>
      </c>
      <c r="J2553">
        <v>2</v>
      </c>
      <c r="K2553">
        <v>1.99</v>
      </c>
    </row>
    <row r="2554" spans="1:11" x14ac:dyDescent="0.3">
      <c r="A2554" s="1">
        <v>42155</v>
      </c>
      <c r="B2554" s="3">
        <f t="shared" si="78"/>
        <v>5</v>
      </c>
      <c r="C2554" s="3">
        <f t="shared" si="79"/>
        <v>2015</v>
      </c>
      <c r="D2554" t="s">
        <v>1166</v>
      </c>
      <c r="E2554" t="s">
        <v>14</v>
      </c>
      <c r="F2554" t="s">
        <v>10</v>
      </c>
      <c r="G2554" t="s">
        <v>11</v>
      </c>
      <c r="H2554" t="s">
        <v>1157</v>
      </c>
      <c r="I2554">
        <v>173.49</v>
      </c>
      <c r="J2554">
        <v>7</v>
      </c>
      <c r="K2554">
        <v>54.22</v>
      </c>
    </row>
    <row r="2555" spans="1:11" x14ac:dyDescent="0.3">
      <c r="A2555" s="1">
        <v>42155</v>
      </c>
      <c r="B2555" s="3">
        <f t="shared" si="78"/>
        <v>5</v>
      </c>
      <c r="C2555" s="3">
        <f t="shared" si="79"/>
        <v>2015</v>
      </c>
      <c r="D2555" t="s">
        <v>1166</v>
      </c>
      <c r="E2555" t="s">
        <v>14</v>
      </c>
      <c r="F2555" t="s">
        <v>33</v>
      </c>
      <c r="G2555" t="s">
        <v>46</v>
      </c>
      <c r="H2555" t="s">
        <v>2096</v>
      </c>
      <c r="I2555">
        <v>51.56</v>
      </c>
      <c r="J2555">
        <v>2</v>
      </c>
      <c r="K2555">
        <v>-61.87</v>
      </c>
    </row>
    <row r="2556" spans="1:11" x14ac:dyDescent="0.3">
      <c r="A2556" s="1">
        <v>42155</v>
      </c>
      <c r="B2556" s="3">
        <f t="shared" si="78"/>
        <v>5</v>
      </c>
      <c r="C2556" s="3">
        <f t="shared" si="79"/>
        <v>2015</v>
      </c>
      <c r="D2556" t="s">
        <v>1166</v>
      </c>
      <c r="E2556" t="s">
        <v>14</v>
      </c>
      <c r="F2556" t="s">
        <v>10</v>
      </c>
      <c r="G2556" t="s">
        <v>19</v>
      </c>
      <c r="H2556" t="s">
        <v>117</v>
      </c>
      <c r="I2556">
        <v>3.56</v>
      </c>
      <c r="J2556">
        <v>3</v>
      </c>
      <c r="K2556">
        <v>-6.24</v>
      </c>
    </row>
    <row r="2557" spans="1:11" x14ac:dyDescent="0.3">
      <c r="A2557" s="1">
        <v>42155</v>
      </c>
      <c r="B2557" s="3">
        <f t="shared" si="78"/>
        <v>5</v>
      </c>
      <c r="C2557" s="3">
        <f t="shared" si="79"/>
        <v>2015</v>
      </c>
      <c r="D2557" t="s">
        <v>1740</v>
      </c>
      <c r="E2557" t="s">
        <v>176</v>
      </c>
      <c r="F2557" t="s">
        <v>10</v>
      </c>
      <c r="G2557" t="s">
        <v>11</v>
      </c>
      <c r="H2557" t="s">
        <v>311</v>
      </c>
      <c r="I2557">
        <v>274.8</v>
      </c>
      <c r="J2557">
        <v>5</v>
      </c>
      <c r="K2557">
        <v>134.65</v>
      </c>
    </row>
    <row r="2558" spans="1:11" x14ac:dyDescent="0.3">
      <c r="A2558" s="1">
        <v>42155</v>
      </c>
      <c r="B2558" s="3">
        <f t="shared" si="78"/>
        <v>5</v>
      </c>
      <c r="C2558" s="3">
        <f t="shared" si="79"/>
        <v>2015</v>
      </c>
      <c r="D2558" t="s">
        <v>1740</v>
      </c>
      <c r="E2558" t="s">
        <v>176</v>
      </c>
      <c r="F2558" t="s">
        <v>10</v>
      </c>
      <c r="G2558" t="s">
        <v>17</v>
      </c>
      <c r="H2558" t="s">
        <v>1399</v>
      </c>
      <c r="I2558">
        <v>62.18</v>
      </c>
      <c r="J2558">
        <v>1</v>
      </c>
      <c r="K2558">
        <v>16.79</v>
      </c>
    </row>
    <row r="2559" spans="1:11" x14ac:dyDescent="0.3">
      <c r="A2559" s="1">
        <v>42155</v>
      </c>
      <c r="B2559" s="3">
        <f t="shared" si="78"/>
        <v>5</v>
      </c>
      <c r="C2559" s="3">
        <f t="shared" si="79"/>
        <v>2015</v>
      </c>
      <c r="D2559" t="s">
        <v>1740</v>
      </c>
      <c r="E2559" t="s">
        <v>176</v>
      </c>
      <c r="F2559" t="s">
        <v>33</v>
      </c>
      <c r="G2559" t="s">
        <v>46</v>
      </c>
      <c r="H2559" t="s">
        <v>136</v>
      </c>
      <c r="I2559">
        <v>8.2799999999999994</v>
      </c>
      <c r="J2559">
        <v>2</v>
      </c>
      <c r="K2559">
        <v>2.98</v>
      </c>
    </row>
    <row r="2560" spans="1:11" x14ac:dyDescent="0.3">
      <c r="A2560" s="1">
        <v>42156</v>
      </c>
      <c r="B2560" s="3">
        <f t="shared" si="78"/>
        <v>6</v>
      </c>
      <c r="C2560" s="3">
        <f t="shared" si="79"/>
        <v>2015</v>
      </c>
      <c r="D2560" t="s">
        <v>444</v>
      </c>
      <c r="E2560" t="s">
        <v>9</v>
      </c>
      <c r="F2560" t="s">
        <v>10</v>
      </c>
      <c r="G2560" t="s">
        <v>19</v>
      </c>
      <c r="H2560" t="s">
        <v>1301</v>
      </c>
      <c r="I2560">
        <v>5.73</v>
      </c>
      <c r="J2560">
        <v>8</v>
      </c>
      <c r="K2560">
        <v>-9.16</v>
      </c>
    </row>
    <row r="2561" spans="1:11" x14ac:dyDescent="0.3">
      <c r="A2561" s="1">
        <v>42156</v>
      </c>
      <c r="B2561" s="3">
        <f t="shared" si="78"/>
        <v>6</v>
      </c>
      <c r="C2561" s="3">
        <f t="shared" si="79"/>
        <v>2015</v>
      </c>
      <c r="D2561" t="s">
        <v>444</v>
      </c>
      <c r="E2561" t="s">
        <v>9</v>
      </c>
      <c r="F2561" t="s">
        <v>10</v>
      </c>
      <c r="G2561" t="s">
        <v>11</v>
      </c>
      <c r="H2561" t="s">
        <v>2097</v>
      </c>
      <c r="I2561">
        <v>42.24</v>
      </c>
      <c r="J2561">
        <v>10</v>
      </c>
      <c r="K2561">
        <v>13.2</v>
      </c>
    </row>
    <row r="2562" spans="1:11" x14ac:dyDescent="0.3">
      <c r="A2562" s="1">
        <v>42156</v>
      </c>
      <c r="B2562" s="3">
        <f t="shared" ref="B2562:B2625" si="80">MONTH(A:A)</f>
        <v>6</v>
      </c>
      <c r="C2562" s="3">
        <f t="shared" ref="C2562:C2625" si="81">YEAR(A:A)</f>
        <v>2015</v>
      </c>
      <c r="D2562" t="s">
        <v>243</v>
      </c>
      <c r="E2562" t="s">
        <v>109</v>
      </c>
      <c r="F2562" t="s">
        <v>38</v>
      </c>
      <c r="G2562" t="s">
        <v>39</v>
      </c>
      <c r="H2562" t="s">
        <v>1351</v>
      </c>
      <c r="I2562">
        <v>299.98</v>
      </c>
      <c r="J2562">
        <v>2</v>
      </c>
      <c r="K2562">
        <v>83.99</v>
      </c>
    </row>
    <row r="2563" spans="1:11" x14ac:dyDescent="0.3">
      <c r="A2563" s="1">
        <v>42156</v>
      </c>
      <c r="B2563" s="3">
        <f t="shared" si="80"/>
        <v>6</v>
      </c>
      <c r="C2563" s="3">
        <f t="shared" si="81"/>
        <v>2015</v>
      </c>
      <c r="D2563" t="s">
        <v>243</v>
      </c>
      <c r="E2563" t="s">
        <v>109</v>
      </c>
      <c r="F2563" t="s">
        <v>10</v>
      </c>
      <c r="G2563" t="s">
        <v>19</v>
      </c>
      <c r="H2563" t="s">
        <v>268</v>
      </c>
      <c r="I2563">
        <v>403.68</v>
      </c>
      <c r="J2563">
        <v>6</v>
      </c>
      <c r="K2563">
        <v>181.66</v>
      </c>
    </row>
    <row r="2564" spans="1:11" x14ac:dyDescent="0.3">
      <c r="A2564" s="1">
        <v>42156</v>
      </c>
      <c r="B2564" s="3">
        <f t="shared" si="80"/>
        <v>6</v>
      </c>
      <c r="C2564" s="3">
        <f t="shared" si="81"/>
        <v>2015</v>
      </c>
      <c r="D2564" t="s">
        <v>243</v>
      </c>
      <c r="E2564" t="s">
        <v>109</v>
      </c>
      <c r="F2564" t="s">
        <v>38</v>
      </c>
      <c r="G2564" t="s">
        <v>39</v>
      </c>
      <c r="H2564" t="s">
        <v>2049</v>
      </c>
      <c r="I2564">
        <v>41.9</v>
      </c>
      <c r="J2564">
        <v>2</v>
      </c>
      <c r="K2564">
        <v>11.73</v>
      </c>
    </row>
    <row r="2565" spans="1:11" x14ac:dyDescent="0.3">
      <c r="A2565" s="1">
        <v>42156</v>
      </c>
      <c r="B2565" s="3">
        <f t="shared" si="80"/>
        <v>6</v>
      </c>
      <c r="C2565" s="3">
        <f t="shared" si="81"/>
        <v>2015</v>
      </c>
      <c r="D2565" t="s">
        <v>243</v>
      </c>
      <c r="E2565" t="s">
        <v>109</v>
      </c>
      <c r="F2565" t="s">
        <v>10</v>
      </c>
      <c r="G2565" t="s">
        <v>15</v>
      </c>
      <c r="H2565" t="s">
        <v>2098</v>
      </c>
      <c r="I2565">
        <v>28.91</v>
      </c>
      <c r="J2565">
        <v>7</v>
      </c>
      <c r="K2565">
        <v>13.3</v>
      </c>
    </row>
    <row r="2566" spans="1:11" x14ac:dyDescent="0.3">
      <c r="A2566" s="1">
        <v>42156</v>
      </c>
      <c r="B2566" s="3">
        <f t="shared" si="80"/>
        <v>6</v>
      </c>
      <c r="C2566" s="3">
        <f t="shared" si="81"/>
        <v>2015</v>
      </c>
      <c r="D2566" t="s">
        <v>2099</v>
      </c>
      <c r="E2566" t="s">
        <v>26</v>
      </c>
      <c r="F2566" t="s">
        <v>10</v>
      </c>
      <c r="G2566" t="s">
        <v>11</v>
      </c>
      <c r="H2566" t="s">
        <v>1417</v>
      </c>
      <c r="I2566">
        <v>11.76</v>
      </c>
      <c r="J2566">
        <v>2</v>
      </c>
      <c r="K2566">
        <v>5.76</v>
      </c>
    </row>
    <row r="2567" spans="1:11" x14ac:dyDescent="0.3">
      <c r="A2567" s="1">
        <v>42159</v>
      </c>
      <c r="B2567" s="3">
        <f t="shared" si="80"/>
        <v>6</v>
      </c>
      <c r="C2567" s="3">
        <f t="shared" si="81"/>
        <v>2015</v>
      </c>
      <c r="D2567" t="s">
        <v>589</v>
      </c>
      <c r="E2567" t="s">
        <v>163</v>
      </c>
      <c r="F2567" t="s">
        <v>10</v>
      </c>
      <c r="G2567" t="s">
        <v>15</v>
      </c>
      <c r="H2567" t="s">
        <v>347</v>
      </c>
      <c r="I2567">
        <v>7.38</v>
      </c>
      <c r="J2567">
        <v>2</v>
      </c>
      <c r="K2567">
        <v>3.47</v>
      </c>
    </row>
    <row r="2568" spans="1:11" x14ac:dyDescent="0.3">
      <c r="A2568" s="1">
        <v>42159</v>
      </c>
      <c r="B2568" s="3">
        <f t="shared" si="80"/>
        <v>6</v>
      </c>
      <c r="C2568" s="3">
        <f t="shared" si="81"/>
        <v>2015</v>
      </c>
      <c r="D2568" t="s">
        <v>589</v>
      </c>
      <c r="E2568" t="s">
        <v>163</v>
      </c>
      <c r="F2568" t="s">
        <v>10</v>
      </c>
      <c r="G2568" t="s">
        <v>23</v>
      </c>
      <c r="H2568" t="s">
        <v>352</v>
      </c>
      <c r="I2568">
        <v>9.26</v>
      </c>
      <c r="J2568">
        <v>2</v>
      </c>
      <c r="K2568">
        <v>3.06</v>
      </c>
    </row>
    <row r="2569" spans="1:11" x14ac:dyDescent="0.3">
      <c r="A2569" s="1">
        <v>42159</v>
      </c>
      <c r="B2569" s="3">
        <f t="shared" si="80"/>
        <v>6</v>
      </c>
      <c r="C2569" s="3">
        <f t="shared" si="81"/>
        <v>2015</v>
      </c>
      <c r="D2569" t="s">
        <v>1556</v>
      </c>
      <c r="E2569" t="s">
        <v>148</v>
      </c>
      <c r="F2569" t="s">
        <v>10</v>
      </c>
      <c r="G2569" t="s">
        <v>11</v>
      </c>
      <c r="H2569" t="s">
        <v>984</v>
      </c>
      <c r="I2569">
        <v>30.44</v>
      </c>
      <c r="J2569">
        <v>4</v>
      </c>
      <c r="K2569">
        <v>14.31</v>
      </c>
    </row>
    <row r="2570" spans="1:11" x14ac:dyDescent="0.3">
      <c r="A2570" s="1">
        <v>42159</v>
      </c>
      <c r="B2570" s="3">
        <f t="shared" si="80"/>
        <v>6</v>
      </c>
      <c r="C2570" s="3">
        <f t="shared" si="81"/>
        <v>2015</v>
      </c>
      <c r="D2570" t="s">
        <v>1556</v>
      </c>
      <c r="E2570" t="s">
        <v>148</v>
      </c>
      <c r="F2570" t="s">
        <v>33</v>
      </c>
      <c r="G2570" t="s">
        <v>46</v>
      </c>
      <c r="H2570" t="s">
        <v>1860</v>
      </c>
      <c r="I2570">
        <v>35.28</v>
      </c>
      <c r="J2570">
        <v>3</v>
      </c>
      <c r="K2570">
        <v>12</v>
      </c>
    </row>
    <row r="2571" spans="1:11" x14ac:dyDescent="0.3">
      <c r="A2571" s="1">
        <v>42159</v>
      </c>
      <c r="B2571" s="3">
        <f t="shared" si="80"/>
        <v>6</v>
      </c>
      <c r="C2571" s="3">
        <f t="shared" si="81"/>
        <v>2015</v>
      </c>
      <c r="D2571" t="s">
        <v>2100</v>
      </c>
      <c r="E2571" t="s">
        <v>26</v>
      </c>
      <c r="F2571" t="s">
        <v>38</v>
      </c>
      <c r="G2571" t="s">
        <v>51</v>
      </c>
      <c r="H2571" t="s">
        <v>507</v>
      </c>
      <c r="I2571">
        <v>119.98</v>
      </c>
      <c r="J2571">
        <v>2</v>
      </c>
      <c r="K2571">
        <v>35.99</v>
      </c>
    </row>
    <row r="2572" spans="1:11" x14ac:dyDescent="0.3">
      <c r="A2572" s="1">
        <v>42159</v>
      </c>
      <c r="B2572" s="3">
        <f t="shared" si="80"/>
        <v>6</v>
      </c>
      <c r="C2572" s="3">
        <f t="shared" si="81"/>
        <v>2015</v>
      </c>
      <c r="D2572" t="s">
        <v>2100</v>
      </c>
      <c r="E2572" t="s">
        <v>26</v>
      </c>
      <c r="F2572" t="s">
        <v>38</v>
      </c>
      <c r="G2572" t="s">
        <v>51</v>
      </c>
      <c r="H2572" t="s">
        <v>2101</v>
      </c>
      <c r="I2572">
        <v>989.97</v>
      </c>
      <c r="J2572">
        <v>3</v>
      </c>
      <c r="K2572">
        <v>395.99</v>
      </c>
    </row>
    <row r="2573" spans="1:11" x14ac:dyDescent="0.3">
      <c r="A2573" s="1">
        <v>42160</v>
      </c>
      <c r="B2573" s="3">
        <f t="shared" si="80"/>
        <v>6</v>
      </c>
      <c r="C2573" s="3">
        <f t="shared" si="81"/>
        <v>2015</v>
      </c>
      <c r="D2573" t="s">
        <v>1945</v>
      </c>
      <c r="E2573" t="s">
        <v>148</v>
      </c>
      <c r="F2573" t="s">
        <v>33</v>
      </c>
      <c r="G2573" t="s">
        <v>34</v>
      </c>
      <c r="H2573" t="s">
        <v>993</v>
      </c>
      <c r="I2573">
        <v>1522.64</v>
      </c>
      <c r="J2573">
        <v>9</v>
      </c>
      <c r="K2573">
        <v>169.18</v>
      </c>
    </row>
    <row r="2574" spans="1:11" x14ac:dyDescent="0.3">
      <c r="A2574" s="1">
        <v>42160</v>
      </c>
      <c r="B2574" s="3">
        <f t="shared" si="80"/>
        <v>6</v>
      </c>
      <c r="C2574" s="3">
        <f t="shared" si="81"/>
        <v>2015</v>
      </c>
      <c r="D2574" t="s">
        <v>2102</v>
      </c>
      <c r="E2574" t="s">
        <v>185</v>
      </c>
      <c r="F2574" t="s">
        <v>10</v>
      </c>
      <c r="G2574" t="s">
        <v>11</v>
      </c>
      <c r="H2574" t="s">
        <v>1856</v>
      </c>
      <c r="I2574">
        <v>10.56</v>
      </c>
      <c r="J2574">
        <v>2</v>
      </c>
      <c r="K2574">
        <v>4.75</v>
      </c>
    </row>
    <row r="2575" spans="1:11" x14ac:dyDescent="0.3">
      <c r="A2575" s="1">
        <v>42162</v>
      </c>
      <c r="B2575" s="3">
        <f t="shared" si="80"/>
        <v>6</v>
      </c>
      <c r="C2575" s="3">
        <f t="shared" si="81"/>
        <v>2015</v>
      </c>
      <c r="D2575" t="s">
        <v>2103</v>
      </c>
      <c r="E2575" t="s">
        <v>26</v>
      </c>
      <c r="F2575" t="s">
        <v>10</v>
      </c>
      <c r="G2575" t="s">
        <v>19</v>
      </c>
      <c r="H2575" t="s">
        <v>66</v>
      </c>
      <c r="I2575">
        <v>7.52</v>
      </c>
      <c r="J2575">
        <v>5</v>
      </c>
      <c r="K2575">
        <v>2.63</v>
      </c>
    </row>
    <row r="2576" spans="1:11" x14ac:dyDescent="0.3">
      <c r="A2576" s="1">
        <v>42162</v>
      </c>
      <c r="B2576" s="3">
        <f t="shared" si="80"/>
        <v>6</v>
      </c>
      <c r="C2576" s="3">
        <f t="shared" si="81"/>
        <v>2015</v>
      </c>
      <c r="D2576" t="s">
        <v>660</v>
      </c>
      <c r="E2576" t="s">
        <v>22</v>
      </c>
      <c r="F2576" t="s">
        <v>10</v>
      </c>
      <c r="G2576" t="s">
        <v>19</v>
      </c>
      <c r="H2576" t="s">
        <v>1992</v>
      </c>
      <c r="I2576">
        <v>18.309999999999999</v>
      </c>
      <c r="J2576">
        <v>4</v>
      </c>
      <c r="K2576">
        <v>-12.21</v>
      </c>
    </row>
    <row r="2577" spans="1:11" x14ac:dyDescent="0.3">
      <c r="A2577" s="1">
        <v>42162</v>
      </c>
      <c r="B2577" s="3">
        <f t="shared" si="80"/>
        <v>6</v>
      </c>
      <c r="C2577" s="3">
        <f t="shared" si="81"/>
        <v>2015</v>
      </c>
      <c r="D2577" t="s">
        <v>660</v>
      </c>
      <c r="E2577" t="s">
        <v>22</v>
      </c>
      <c r="F2577" t="s">
        <v>10</v>
      </c>
      <c r="G2577" t="s">
        <v>11</v>
      </c>
      <c r="H2577" t="s">
        <v>933</v>
      </c>
      <c r="I2577">
        <v>25.92</v>
      </c>
      <c r="J2577">
        <v>5</v>
      </c>
      <c r="K2577">
        <v>9.07</v>
      </c>
    </row>
    <row r="2578" spans="1:11" x14ac:dyDescent="0.3">
      <c r="A2578" s="1">
        <v>42162</v>
      </c>
      <c r="B2578" s="3">
        <f t="shared" si="80"/>
        <v>6</v>
      </c>
      <c r="C2578" s="3">
        <f t="shared" si="81"/>
        <v>2015</v>
      </c>
      <c r="D2578" t="s">
        <v>660</v>
      </c>
      <c r="E2578" t="s">
        <v>22</v>
      </c>
      <c r="F2578" t="s">
        <v>10</v>
      </c>
      <c r="G2578" t="s">
        <v>23</v>
      </c>
      <c r="H2578" t="s">
        <v>337</v>
      </c>
      <c r="I2578">
        <v>8.02</v>
      </c>
      <c r="J2578">
        <v>3</v>
      </c>
      <c r="K2578">
        <v>1</v>
      </c>
    </row>
    <row r="2579" spans="1:11" x14ac:dyDescent="0.3">
      <c r="A2579" s="1">
        <v>42163</v>
      </c>
      <c r="B2579" s="3">
        <f t="shared" si="80"/>
        <v>6</v>
      </c>
      <c r="C2579" s="3">
        <f t="shared" si="81"/>
        <v>2015</v>
      </c>
      <c r="D2579" t="s">
        <v>1841</v>
      </c>
      <c r="E2579" t="s">
        <v>14</v>
      </c>
      <c r="F2579" t="s">
        <v>38</v>
      </c>
      <c r="G2579" t="s">
        <v>51</v>
      </c>
      <c r="H2579" t="s">
        <v>1519</v>
      </c>
      <c r="I2579">
        <v>2.38</v>
      </c>
      <c r="J2579">
        <v>3</v>
      </c>
      <c r="K2579">
        <v>0.74</v>
      </c>
    </row>
    <row r="2580" spans="1:11" x14ac:dyDescent="0.3">
      <c r="A2580" s="1">
        <v>42163</v>
      </c>
      <c r="B2580" s="3">
        <f t="shared" si="80"/>
        <v>6</v>
      </c>
      <c r="C2580" s="3">
        <f t="shared" si="81"/>
        <v>2015</v>
      </c>
      <c r="D2580" t="s">
        <v>1841</v>
      </c>
      <c r="E2580" t="s">
        <v>14</v>
      </c>
      <c r="F2580" t="s">
        <v>10</v>
      </c>
      <c r="G2580" t="s">
        <v>91</v>
      </c>
      <c r="H2580" t="s">
        <v>1996</v>
      </c>
      <c r="I2580">
        <v>143.13</v>
      </c>
      <c r="J2580">
        <v>2</v>
      </c>
      <c r="K2580">
        <v>-393.6</v>
      </c>
    </row>
    <row r="2581" spans="1:11" x14ac:dyDescent="0.3">
      <c r="A2581" s="1">
        <v>42163</v>
      </c>
      <c r="B2581" s="3">
        <f t="shared" si="80"/>
        <v>6</v>
      </c>
      <c r="C2581" s="3">
        <f t="shared" si="81"/>
        <v>2015</v>
      </c>
      <c r="D2581" t="s">
        <v>1885</v>
      </c>
      <c r="E2581" t="s">
        <v>122</v>
      </c>
      <c r="F2581" t="s">
        <v>10</v>
      </c>
      <c r="G2581" t="s">
        <v>11</v>
      </c>
      <c r="H2581" t="s">
        <v>369</v>
      </c>
      <c r="I2581">
        <v>173.49</v>
      </c>
      <c r="J2581">
        <v>7</v>
      </c>
      <c r="K2581">
        <v>54.22</v>
      </c>
    </row>
    <row r="2582" spans="1:11" x14ac:dyDescent="0.3">
      <c r="A2582" s="1">
        <v>42163</v>
      </c>
      <c r="B2582" s="3">
        <f t="shared" si="80"/>
        <v>6</v>
      </c>
      <c r="C2582" s="3">
        <f t="shared" si="81"/>
        <v>2015</v>
      </c>
      <c r="D2582" t="s">
        <v>1885</v>
      </c>
      <c r="E2582" t="s">
        <v>122</v>
      </c>
      <c r="F2582" t="s">
        <v>10</v>
      </c>
      <c r="G2582" t="s">
        <v>17</v>
      </c>
      <c r="H2582" t="s">
        <v>1409</v>
      </c>
      <c r="I2582">
        <v>516.96</v>
      </c>
      <c r="J2582">
        <v>4</v>
      </c>
      <c r="K2582">
        <v>-6.46</v>
      </c>
    </row>
    <row r="2583" spans="1:11" x14ac:dyDescent="0.3">
      <c r="A2583" s="1">
        <v>42163</v>
      </c>
      <c r="B2583" s="3">
        <f t="shared" si="80"/>
        <v>6</v>
      </c>
      <c r="C2583" s="3">
        <f t="shared" si="81"/>
        <v>2015</v>
      </c>
      <c r="D2583" t="s">
        <v>1885</v>
      </c>
      <c r="E2583" t="s">
        <v>122</v>
      </c>
      <c r="F2583" t="s">
        <v>33</v>
      </c>
      <c r="G2583" t="s">
        <v>46</v>
      </c>
      <c r="H2583" t="s">
        <v>2104</v>
      </c>
      <c r="I2583">
        <v>173.21</v>
      </c>
      <c r="J2583">
        <v>7</v>
      </c>
      <c r="K2583">
        <v>45.47</v>
      </c>
    </row>
    <row r="2584" spans="1:11" x14ac:dyDescent="0.3">
      <c r="A2584" s="1">
        <v>42163</v>
      </c>
      <c r="B2584" s="3">
        <f t="shared" si="80"/>
        <v>6</v>
      </c>
      <c r="C2584" s="3">
        <f t="shared" si="81"/>
        <v>2015</v>
      </c>
      <c r="D2584" t="s">
        <v>1885</v>
      </c>
      <c r="E2584" t="s">
        <v>122</v>
      </c>
      <c r="F2584" t="s">
        <v>10</v>
      </c>
      <c r="G2584" t="s">
        <v>23</v>
      </c>
      <c r="H2584" t="s">
        <v>1948</v>
      </c>
      <c r="I2584">
        <v>4.45</v>
      </c>
      <c r="J2584">
        <v>2</v>
      </c>
      <c r="K2584">
        <v>0.33</v>
      </c>
    </row>
    <row r="2585" spans="1:11" x14ac:dyDescent="0.3">
      <c r="A2585" s="1">
        <v>42163</v>
      </c>
      <c r="B2585" s="3">
        <f t="shared" si="80"/>
        <v>6</v>
      </c>
      <c r="C2585" s="3">
        <f t="shared" si="81"/>
        <v>2015</v>
      </c>
      <c r="D2585" t="s">
        <v>1885</v>
      </c>
      <c r="E2585" t="s">
        <v>122</v>
      </c>
      <c r="F2585" t="s">
        <v>10</v>
      </c>
      <c r="G2585" t="s">
        <v>15</v>
      </c>
      <c r="H2585" t="s">
        <v>392</v>
      </c>
      <c r="I2585">
        <v>9</v>
      </c>
      <c r="J2585">
        <v>3</v>
      </c>
      <c r="K2585">
        <v>3.15</v>
      </c>
    </row>
    <row r="2586" spans="1:11" x14ac:dyDescent="0.3">
      <c r="A2586" s="1">
        <v>42163</v>
      </c>
      <c r="B2586" s="3">
        <f t="shared" si="80"/>
        <v>6</v>
      </c>
      <c r="C2586" s="3">
        <f t="shared" si="81"/>
        <v>2015</v>
      </c>
      <c r="D2586" t="s">
        <v>1885</v>
      </c>
      <c r="E2586" t="s">
        <v>122</v>
      </c>
      <c r="F2586" t="s">
        <v>10</v>
      </c>
      <c r="G2586" t="s">
        <v>11</v>
      </c>
      <c r="H2586" t="s">
        <v>303</v>
      </c>
      <c r="I2586">
        <v>42.24</v>
      </c>
      <c r="J2586">
        <v>10</v>
      </c>
      <c r="K2586">
        <v>13.2</v>
      </c>
    </row>
    <row r="2587" spans="1:11" x14ac:dyDescent="0.3">
      <c r="A2587" s="1">
        <v>42163</v>
      </c>
      <c r="B2587" s="3">
        <f t="shared" si="80"/>
        <v>6</v>
      </c>
      <c r="C2587" s="3">
        <f t="shared" si="81"/>
        <v>2015</v>
      </c>
      <c r="D2587" t="s">
        <v>1885</v>
      </c>
      <c r="E2587" t="s">
        <v>122</v>
      </c>
      <c r="F2587" t="s">
        <v>10</v>
      </c>
      <c r="G2587" t="s">
        <v>19</v>
      </c>
      <c r="H2587" t="s">
        <v>1280</v>
      </c>
      <c r="I2587">
        <v>18.260000000000002</v>
      </c>
      <c r="J2587">
        <v>2</v>
      </c>
      <c r="K2587">
        <v>-13.39</v>
      </c>
    </row>
    <row r="2588" spans="1:11" x14ac:dyDescent="0.3">
      <c r="A2588" s="1">
        <v>42164</v>
      </c>
      <c r="B2588" s="3">
        <f t="shared" si="80"/>
        <v>6</v>
      </c>
      <c r="C2588" s="3">
        <f t="shared" si="81"/>
        <v>2015</v>
      </c>
      <c r="D2588" t="s">
        <v>1311</v>
      </c>
      <c r="E2588" t="s">
        <v>54</v>
      </c>
      <c r="F2588" t="s">
        <v>10</v>
      </c>
      <c r="G2588" t="s">
        <v>19</v>
      </c>
      <c r="H2588" t="s">
        <v>910</v>
      </c>
      <c r="I2588">
        <v>113.1</v>
      </c>
      <c r="J2588">
        <v>3</v>
      </c>
      <c r="K2588">
        <v>56.55</v>
      </c>
    </row>
    <row r="2589" spans="1:11" x14ac:dyDescent="0.3">
      <c r="A2589" s="1">
        <v>42164</v>
      </c>
      <c r="B2589" s="3">
        <f t="shared" si="80"/>
        <v>6</v>
      </c>
      <c r="C2589" s="3">
        <f t="shared" si="81"/>
        <v>2015</v>
      </c>
      <c r="D2589" t="s">
        <v>606</v>
      </c>
      <c r="E2589" t="s">
        <v>109</v>
      </c>
      <c r="F2589" t="s">
        <v>10</v>
      </c>
      <c r="G2589" t="s">
        <v>11</v>
      </c>
      <c r="H2589" t="s">
        <v>879</v>
      </c>
      <c r="I2589">
        <v>12.96</v>
      </c>
      <c r="J2589">
        <v>2</v>
      </c>
      <c r="K2589">
        <v>6.22</v>
      </c>
    </row>
    <row r="2590" spans="1:11" x14ac:dyDescent="0.3">
      <c r="A2590" s="1">
        <v>42164</v>
      </c>
      <c r="B2590" s="3">
        <f t="shared" si="80"/>
        <v>6</v>
      </c>
      <c r="C2590" s="3">
        <f t="shared" si="81"/>
        <v>2015</v>
      </c>
      <c r="D2590" t="s">
        <v>428</v>
      </c>
      <c r="E2590" t="s">
        <v>509</v>
      </c>
      <c r="F2590" t="s">
        <v>33</v>
      </c>
      <c r="G2590" t="s">
        <v>46</v>
      </c>
      <c r="H2590" t="s">
        <v>443</v>
      </c>
      <c r="I2590">
        <v>355.36</v>
      </c>
      <c r="J2590">
        <v>4</v>
      </c>
      <c r="K2590">
        <v>92.39</v>
      </c>
    </row>
    <row r="2591" spans="1:11" x14ac:dyDescent="0.3">
      <c r="A2591" s="1">
        <v>42164</v>
      </c>
      <c r="B2591" s="3">
        <f t="shared" si="80"/>
        <v>6</v>
      </c>
      <c r="C2591" s="3">
        <f t="shared" si="81"/>
        <v>2015</v>
      </c>
      <c r="D2591" t="s">
        <v>428</v>
      </c>
      <c r="E2591" t="s">
        <v>509</v>
      </c>
      <c r="F2591" t="s">
        <v>38</v>
      </c>
      <c r="G2591" t="s">
        <v>39</v>
      </c>
      <c r="H2591" t="s">
        <v>2105</v>
      </c>
      <c r="I2591">
        <v>140.38</v>
      </c>
      <c r="J2591">
        <v>3</v>
      </c>
      <c r="K2591">
        <v>8.77</v>
      </c>
    </row>
    <row r="2592" spans="1:11" x14ac:dyDescent="0.3">
      <c r="A2592" s="1">
        <v>42164</v>
      </c>
      <c r="B2592" s="3">
        <f t="shared" si="80"/>
        <v>6</v>
      </c>
      <c r="C2592" s="3">
        <f t="shared" si="81"/>
        <v>2015</v>
      </c>
      <c r="D2592" t="s">
        <v>2106</v>
      </c>
      <c r="E2592" t="s">
        <v>122</v>
      </c>
      <c r="F2592" t="s">
        <v>10</v>
      </c>
      <c r="G2592" t="s">
        <v>19</v>
      </c>
      <c r="H2592" t="s">
        <v>736</v>
      </c>
      <c r="I2592">
        <v>64.2</v>
      </c>
      <c r="J2592">
        <v>5</v>
      </c>
      <c r="K2592">
        <v>-42.8</v>
      </c>
    </row>
    <row r="2593" spans="1:11" x14ac:dyDescent="0.3">
      <c r="A2593" s="1">
        <v>42164</v>
      </c>
      <c r="B2593" s="3">
        <f t="shared" si="80"/>
        <v>6</v>
      </c>
      <c r="C2593" s="3">
        <f t="shared" si="81"/>
        <v>2015</v>
      </c>
      <c r="D2593" t="s">
        <v>2106</v>
      </c>
      <c r="E2593" t="s">
        <v>122</v>
      </c>
      <c r="F2593" t="s">
        <v>10</v>
      </c>
      <c r="G2593" t="s">
        <v>19</v>
      </c>
      <c r="H2593" t="s">
        <v>1173</v>
      </c>
      <c r="I2593">
        <v>38.520000000000003</v>
      </c>
      <c r="J2593">
        <v>3</v>
      </c>
      <c r="K2593">
        <v>-26.96</v>
      </c>
    </row>
    <row r="2594" spans="1:11" x14ac:dyDescent="0.3">
      <c r="A2594" s="1">
        <v>42164</v>
      </c>
      <c r="B2594" s="3">
        <f t="shared" si="80"/>
        <v>6</v>
      </c>
      <c r="C2594" s="3">
        <f t="shared" si="81"/>
        <v>2015</v>
      </c>
      <c r="D2594" t="s">
        <v>2106</v>
      </c>
      <c r="E2594" t="s">
        <v>122</v>
      </c>
      <c r="F2594" t="s">
        <v>38</v>
      </c>
      <c r="G2594" t="s">
        <v>51</v>
      </c>
      <c r="H2594" t="s">
        <v>2022</v>
      </c>
      <c r="I2594">
        <v>72.599999999999994</v>
      </c>
      <c r="J2594">
        <v>5</v>
      </c>
      <c r="K2594">
        <v>-8.17</v>
      </c>
    </row>
    <row r="2595" spans="1:11" x14ac:dyDescent="0.3">
      <c r="A2595" s="1">
        <v>42166</v>
      </c>
      <c r="B2595" s="3">
        <f t="shared" si="80"/>
        <v>6</v>
      </c>
      <c r="C2595" s="3">
        <f t="shared" si="81"/>
        <v>2015</v>
      </c>
      <c r="D2595" t="s">
        <v>71</v>
      </c>
      <c r="E2595" t="s">
        <v>61</v>
      </c>
      <c r="F2595" t="s">
        <v>38</v>
      </c>
      <c r="G2595" t="s">
        <v>51</v>
      </c>
      <c r="H2595" t="s">
        <v>1421</v>
      </c>
      <c r="I2595">
        <v>53.7</v>
      </c>
      <c r="J2595">
        <v>6</v>
      </c>
      <c r="K2595">
        <v>10.199999999999999</v>
      </c>
    </row>
    <row r="2596" spans="1:11" x14ac:dyDescent="0.3">
      <c r="A2596" s="1">
        <v>42166</v>
      </c>
      <c r="B2596" s="3">
        <f t="shared" si="80"/>
        <v>6</v>
      </c>
      <c r="C2596" s="3">
        <f t="shared" si="81"/>
        <v>2015</v>
      </c>
      <c r="D2596" t="s">
        <v>71</v>
      </c>
      <c r="E2596" t="s">
        <v>61</v>
      </c>
      <c r="F2596" t="s">
        <v>10</v>
      </c>
      <c r="G2596" t="s">
        <v>19</v>
      </c>
      <c r="H2596" t="s">
        <v>1159</v>
      </c>
      <c r="I2596">
        <v>36.26</v>
      </c>
      <c r="J2596">
        <v>7</v>
      </c>
      <c r="K2596">
        <v>16.68</v>
      </c>
    </row>
    <row r="2597" spans="1:11" x14ac:dyDescent="0.3">
      <c r="A2597" s="1">
        <v>42166</v>
      </c>
      <c r="B2597" s="3">
        <f t="shared" si="80"/>
        <v>6</v>
      </c>
      <c r="C2597" s="3">
        <f t="shared" si="81"/>
        <v>2015</v>
      </c>
      <c r="D2597" t="s">
        <v>71</v>
      </c>
      <c r="E2597" t="s">
        <v>61</v>
      </c>
      <c r="F2597" t="s">
        <v>10</v>
      </c>
      <c r="G2597" t="s">
        <v>23</v>
      </c>
      <c r="H2597" t="s">
        <v>1599</v>
      </c>
      <c r="I2597">
        <v>56.3</v>
      </c>
      <c r="J2597">
        <v>2</v>
      </c>
      <c r="K2597">
        <v>15.76</v>
      </c>
    </row>
    <row r="2598" spans="1:11" x14ac:dyDescent="0.3">
      <c r="A2598" s="1">
        <v>42166</v>
      </c>
      <c r="B2598" s="3">
        <f t="shared" si="80"/>
        <v>6</v>
      </c>
      <c r="C2598" s="3">
        <f t="shared" si="81"/>
        <v>2015</v>
      </c>
      <c r="D2598" t="s">
        <v>71</v>
      </c>
      <c r="E2598" t="s">
        <v>61</v>
      </c>
      <c r="F2598" t="s">
        <v>10</v>
      </c>
      <c r="G2598" t="s">
        <v>11</v>
      </c>
      <c r="H2598" t="s">
        <v>2107</v>
      </c>
      <c r="I2598">
        <v>32.4</v>
      </c>
      <c r="J2598">
        <v>5</v>
      </c>
      <c r="K2598">
        <v>15.55</v>
      </c>
    </row>
    <row r="2599" spans="1:11" x14ac:dyDescent="0.3">
      <c r="A2599" s="1">
        <v>42166</v>
      </c>
      <c r="B2599" s="3">
        <f t="shared" si="80"/>
        <v>6</v>
      </c>
      <c r="C2599" s="3">
        <f t="shared" si="81"/>
        <v>2015</v>
      </c>
      <c r="D2599" t="s">
        <v>71</v>
      </c>
      <c r="E2599" t="s">
        <v>61</v>
      </c>
      <c r="F2599" t="s">
        <v>33</v>
      </c>
      <c r="G2599" t="s">
        <v>46</v>
      </c>
      <c r="H2599" t="s">
        <v>1027</v>
      </c>
      <c r="I2599">
        <v>29.16</v>
      </c>
      <c r="J2599">
        <v>2</v>
      </c>
      <c r="K2599">
        <v>10.79</v>
      </c>
    </row>
    <row r="2600" spans="1:11" x14ac:dyDescent="0.3">
      <c r="A2600" s="1">
        <v>42166</v>
      </c>
      <c r="B2600" s="3">
        <f t="shared" si="80"/>
        <v>6</v>
      </c>
      <c r="C2600" s="3">
        <f t="shared" si="81"/>
        <v>2015</v>
      </c>
      <c r="D2600" t="s">
        <v>1465</v>
      </c>
      <c r="E2600" t="s">
        <v>122</v>
      </c>
      <c r="F2600" t="s">
        <v>33</v>
      </c>
      <c r="G2600" t="s">
        <v>34</v>
      </c>
      <c r="H2600" t="s">
        <v>1018</v>
      </c>
      <c r="I2600">
        <v>1123.92</v>
      </c>
      <c r="J2600">
        <v>5</v>
      </c>
      <c r="K2600">
        <v>-182.64</v>
      </c>
    </row>
    <row r="2601" spans="1:11" x14ac:dyDescent="0.3">
      <c r="A2601" s="1">
        <v>42166</v>
      </c>
      <c r="B2601" s="3">
        <f t="shared" si="80"/>
        <v>6</v>
      </c>
      <c r="C2601" s="3">
        <f t="shared" si="81"/>
        <v>2015</v>
      </c>
      <c r="D2601" t="s">
        <v>1465</v>
      </c>
      <c r="E2601" t="s">
        <v>122</v>
      </c>
      <c r="F2601" t="s">
        <v>38</v>
      </c>
      <c r="G2601" t="s">
        <v>39</v>
      </c>
      <c r="H2601" t="s">
        <v>2108</v>
      </c>
      <c r="I2601">
        <v>249.58</v>
      </c>
      <c r="J2601">
        <v>2</v>
      </c>
      <c r="K2601">
        <v>31.2</v>
      </c>
    </row>
    <row r="2602" spans="1:11" x14ac:dyDescent="0.3">
      <c r="A2602" s="1">
        <v>42166</v>
      </c>
      <c r="B2602" s="3">
        <f t="shared" si="80"/>
        <v>6</v>
      </c>
      <c r="C2602" s="3">
        <f t="shared" si="81"/>
        <v>2015</v>
      </c>
      <c r="D2602" t="s">
        <v>1465</v>
      </c>
      <c r="E2602" t="s">
        <v>122</v>
      </c>
      <c r="F2602" t="s">
        <v>33</v>
      </c>
      <c r="G2602" t="s">
        <v>46</v>
      </c>
      <c r="H2602" t="s">
        <v>1284</v>
      </c>
      <c r="I2602">
        <v>48.67</v>
      </c>
      <c r="J2602">
        <v>3</v>
      </c>
      <c r="K2602">
        <v>7.3</v>
      </c>
    </row>
    <row r="2603" spans="1:11" x14ac:dyDescent="0.3">
      <c r="A2603" s="1">
        <v>42166</v>
      </c>
      <c r="B2603" s="3">
        <f t="shared" si="80"/>
        <v>6</v>
      </c>
      <c r="C2603" s="3">
        <f t="shared" si="81"/>
        <v>2015</v>
      </c>
      <c r="D2603" t="s">
        <v>1465</v>
      </c>
      <c r="E2603" t="s">
        <v>122</v>
      </c>
      <c r="F2603" t="s">
        <v>10</v>
      </c>
      <c r="G2603" t="s">
        <v>23</v>
      </c>
      <c r="H2603" t="s">
        <v>1252</v>
      </c>
      <c r="I2603">
        <v>60.77</v>
      </c>
      <c r="J2603">
        <v>2</v>
      </c>
      <c r="K2603">
        <v>7.6</v>
      </c>
    </row>
    <row r="2604" spans="1:11" x14ac:dyDescent="0.3">
      <c r="A2604" s="1">
        <v>42166</v>
      </c>
      <c r="B2604" s="3">
        <f t="shared" si="80"/>
        <v>6</v>
      </c>
      <c r="C2604" s="3">
        <f t="shared" si="81"/>
        <v>2015</v>
      </c>
      <c r="D2604" t="s">
        <v>1465</v>
      </c>
      <c r="E2604" t="s">
        <v>122</v>
      </c>
      <c r="F2604" t="s">
        <v>10</v>
      </c>
      <c r="G2604" t="s">
        <v>19</v>
      </c>
      <c r="H2604" t="s">
        <v>164</v>
      </c>
      <c r="I2604">
        <v>78.599999999999994</v>
      </c>
      <c r="J2604">
        <v>5</v>
      </c>
      <c r="K2604">
        <v>-62.88</v>
      </c>
    </row>
    <row r="2605" spans="1:11" x14ac:dyDescent="0.3">
      <c r="A2605" s="1">
        <v>42166</v>
      </c>
      <c r="B2605" s="3">
        <f t="shared" si="80"/>
        <v>6</v>
      </c>
      <c r="C2605" s="3">
        <f t="shared" si="81"/>
        <v>2015</v>
      </c>
      <c r="D2605" t="s">
        <v>1465</v>
      </c>
      <c r="E2605" t="s">
        <v>122</v>
      </c>
      <c r="F2605" t="s">
        <v>10</v>
      </c>
      <c r="G2605" t="s">
        <v>19</v>
      </c>
      <c r="H2605" t="s">
        <v>1408</v>
      </c>
      <c r="I2605">
        <v>3.77</v>
      </c>
      <c r="J2605">
        <v>2</v>
      </c>
      <c r="K2605">
        <v>-3.14</v>
      </c>
    </row>
    <row r="2606" spans="1:11" x14ac:dyDescent="0.3">
      <c r="A2606" s="1">
        <v>42166</v>
      </c>
      <c r="B2606" s="3">
        <f t="shared" si="80"/>
        <v>6</v>
      </c>
      <c r="C2606" s="3">
        <f t="shared" si="81"/>
        <v>2015</v>
      </c>
      <c r="D2606" t="s">
        <v>1465</v>
      </c>
      <c r="E2606" t="s">
        <v>122</v>
      </c>
      <c r="F2606" t="s">
        <v>10</v>
      </c>
      <c r="G2606" t="s">
        <v>17</v>
      </c>
      <c r="H2606" t="s">
        <v>2109</v>
      </c>
      <c r="I2606">
        <v>1036.6199999999999</v>
      </c>
      <c r="J2606">
        <v>2</v>
      </c>
      <c r="K2606">
        <v>51.83</v>
      </c>
    </row>
    <row r="2607" spans="1:11" x14ac:dyDescent="0.3">
      <c r="A2607" s="1">
        <v>42166</v>
      </c>
      <c r="B2607" s="3">
        <f t="shared" si="80"/>
        <v>6</v>
      </c>
      <c r="C2607" s="3">
        <f t="shared" si="81"/>
        <v>2015</v>
      </c>
      <c r="D2607" t="s">
        <v>1465</v>
      </c>
      <c r="E2607" t="s">
        <v>122</v>
      </c>
      <c r="F2607" t="s">
        <v>10</v>
      </c>
      <c r="G2607" t="s">
        <v>17</v>
      </c>
      <c r="H2607" t="s">
        <v>1448</v>
      </c>
      <c r="I2607">
        <v>563.80999999999995</v>
      </c>
      <c r="J2607">
        <v>4</v>
      </c>
      <c r="K2607">
        <v>21.14</v>
      </c>
    </row>
    <row r="2608" spans="1:11" x14ac:dyDescent="0.3">
      <c r="A2608" s="1">
        <v>42167</v>
      </c>
      <c r="B2608" s="3">
        <f t="shared" si="80"/>
        <v>6</v>
      </c>
      <c r="C2608" s="3">
        <f t="shared" si="81"/>
        <v>2015</v>
      </c>
      <c r="D2608" t="s">
        <v>2110</v>
      </c>
      <c r="E2608" t="s">
        <v>22</v>
      </c>
      <c r="F2608" t="s">
        <v>10</v>
      </c>
      <c r="G2608" t="s">
        <v>11</v>
      </c>
      <c r="H2608" t="s">
        <v>1943</v>
      </c>
      <c r="I2608">
        <v>20.74</v>
      </c>
      <c r="J2608">
        <v>4</v>
      </c>
      <c r="K2608">
        <v>7.26</v>
      </c>
    </row>
    <row r="2609" spans="1:11" x14ac:dyDescent="0.3">
      <c r="A2609" s="1">
        <v>42167</v>
      </c>
      <c r="B2609" s="3">
        <f t="shared" si="80"/>
        <v>6</v>
      </c>
      <c r="C2609" s="3">
        <f t="shared" si="81"/>
        <v>2015</v>
      </c>
      <c r="D2609" t="s">
        <v>2110</v>
      </c>
      <c r="E2609" t="s">
        <v>22</v>
      </c>
      <c r="F2609" t="s">
        <v>33</v>
      </c>
      <c r="G2609" t="s">
        <v>46</v>
      </c>
      <c r="H2609" t="s">
        <v>1036</v>
      </c>
      <c r="I2609">
        <v>43.3</v>
      </c>
      <c r="J2609">
        <v>2</v>
      </c>
      <c r="K2609">
        <v>4.33</v>
      </c>
    </row>
    <row r="2610" spans="1:11" x14ac:dyDescent="0.3">
      <c r="A2610" s="1">
        <v>42167</v>
      </c>
      <c r="B2610" s="3">
        <f t="shared" si="80"/>
        <v>6</v>
      </c>
      <c r="C2610" s="3">
        <f t="shared" si="81"/>
        <v>2015</v>
      </c>
      <c r="D2610" t="s">
        <v>731</v>
      </c>
      <c r="E2610" t="s">
        <v>58</v>
      </c>
      <c r="F2610" t="s">
        <v>10</v>
      </c>
      <c r="G2610" t="s">
        <v>17</v>
      </c>
      <c r="H2610" t="s">
        <v>926</v>
      </c>
      <c r="I2610">
        <v>29.9</v>
      </c>
      <c r="J2610">
        <v>5</v>
      </c>
      <c r="K2610">
        <v>5.08</v>
      </c>
    </row>
    <row r="2611" spans="1:11" x14ac:dyDescent="0.3">
      <c r="A2611" s="1">
        <v>42167</v>
      </c>
      <c r="B2611" s="3">
        <f t="shared" si="80"/>
        <v>6</v>
      </c>
      <c r="C2611" s="3">
        <f t="shared" si="81"/>
        <v>2015</v>
      </c>
      <c r="D2611" t="s">
        <v>2111</v>
      </c>
      <c r="E2611" t="s">
        <v>122</v>
      </c>
      <c r="F2611" t="s">
        <v>38</v>
      </c>
      <c r="G2611" t="s">
        <v>39</v>
      </c>
      <c r="H2611" t="s">
        <v>1880</v>
      </c>
      <c r="I2611">
        <v>55.98</v>
      </c>
      <c r="J2611">
        <v>2</v>
      </c>
      <c r="K2611">
        <v>4.2</v>
      </c>
    </row>
    <row r="2612" spans="1:11" x14ac:dyDescent="0.3">
      <c r="A2612" s="1">
        <v>42167</v>
      </c>
      <c r="B2612" s="3">
        <f t="shared" si="80"/>
        <v>6</v>
      </c>
      <c r="C2612" s="3">
        <f t="shared" si="81"/>
        <v>2015</v>
      </c>
      <c r="D2612" t="s">
        <v>1222</v>
      </c>
      <c r="E2612" t="s">
        <v>128</v>
      </c>
      <c r="F2612" t="s">
        <v>10</v>
      </c>
      <c r="G2612" t="s">
        <v>17</v>
      </c>
      <c r="H2612" t="s">
        <v>842</v>
      </c>
      <c r="I2612">
        <v>24.56</v>
      </c>
      <c r="J2612">
        <v>2</v>
      </c>
      <c r="K2612">
        <v>6.88</v>
      </c>
    </row>
    <row r="2613" spans="1:11" x14ac:dyDescent="0.3">
      <c r="A2613" s="1">
        <v>42168</v>
      </c>
      <c r="B2613" s="3">
        <f t="shared" si="80"/>
        <v>6</v>
      </c>
      <c r="C2613" s="3">
        <f t="shared" si="81"/>
        <v>2015</v>
      </c>
      <c r="D2613" t="s">
        <v>1936</v>
      </c>
      <c r="E2613" t="s">
        <v>26</v>
      </c>
      <c r="F2613" t="s">
        <v>10</v>
      </c>
      <c r="G2613" t="s">
        <v>19</v>
      </c>
      <c r="H2613" t="s">
        <v>1992</v>
      </c>
      <c r="I2613">
        <v>36.619999999999997</v>
      </c>
      <c r="J2613">
        <v>3</v>
      </c>
      <c r="K2613">
        <v>13.73</v>
      </c>
    </row>
    <row r="2614" spans="1:11" x14ac:dyDescent="0.3">
      <c r="A2614" s="1">
        <v>42168</v>
      </c>
      <c r="B2614" s="3">
        <f t="shared" si="80"/>
        <v>6</v>
      </c>
      <c r="C2614" s="3">
        <f t="shared" si="81"/>
        <v>2015</v>
      </c>
      <c r="D2614" t="s">
        <v>1668</v>
      </c>
      <c r="E2614" t="s">
        <v>487</v>
      </c>
      <c r="F2614" t="s">
        <v>10</v>
      </c>
      <c r="G2614" t="s">
        <v>23</v>
      </c>
      <c r="H2614" t="s">
        <v>1814</v>
      </c>
      <c r="I2614">
        <v>24.78</v>
      </c>
      <c r="J2614">
        <v>6</v>
      </c>
      <c r="K2614">
        <v>6.94</v>
      </c>
    </row>
    <row r="2615" spans="1:11" x14ac:dyDescent="0.3">
      <c r="A2615" s="1">
        <v>42168</v>
      </c>
      <c r="B2615" s="3">
        <f t="shared" si="80"/>
        <v>6</v>
      </c>
      <c r="C2615" s="3">
        <f t="shared" si="81"/>
        <v>2015</v>
      </c>
      <c r="D2615" t="s">
        <v>1668</v>
      </c>
      <c r="E2615" t="s">
        <v>487</v>
      </c>
      <c r="F2615" t="s">
        <v>10</v>
      </c>
      <c r="G2615" t="s">
        <v>19</v>
      </c>
      <c r="H2615" t="s">
        <v>681</v>
      </c>
      <c r="I2615">
        <v>19.14</v>
      </c>
      <c r="J2615">
        <v>3</v>
      </c>
      <c r="K2615">
        <v>8.8000000000000007</v>
      </c>
    </row>
    <row r="2616" spans="1:11" x14ac:dyDescent="0.3">
      <c r="A2616" s="1">
        <v>42168</v>
      </c>
      <c r="B2616" s="3">
        <f t="shared" si="80"/>
        <v>6</v>
      </c>
      <c r="C2616" s="3">
        <f t="shared" si="81"/>
        <v>2015</v>
      </c>
      <c r="D2616" t="s">
        <v>1668</v>
      </c>
      <c r="E2616" t="s">
        <v>487</v>
      </c>
      <c r="F2616" t="s">
        <v>38</v>
      </c>
      <c r="G2616" t="s">
        <v>602</v>
      </c>
      <c r="H2616" t="s">
        <v>603</v>
      </c>
      <c r="I2616">
        <v>899.97</v>
      </c>
      <c r="J2616">
        <v>3</v>
      </c>
      <c r="K2616">
        <v>314.99</v>
      </c>
    </row>
    <row r="2617" spans="1:11" x14ac:dyDescent="0.3">
      <c r="A2617" s="1">
        <v>42168</v>
      </c>
      <c r="B2617" s="3">
        <f t="shared" si="80"/>
        <v>6</v>
      </c>
      <c r="C2617" s="3">
        <f t="shared" si="81"/>
        <v>2015</v>
      </c>
      <c r="D2617" t="s">
        <v>1668</v>
      </c>
      <c r="E2617" t="s">
        <v>487</v>
      </c>
      <c r="F2617" t="s">
        <v>10</v>
      </c>
      <c r="G2617" t="s">
        <v>11</v>
      </c>
      <c r="H2617" t="s">
        <v>215</v>
      </c>
      <c r="I2617">
        <v>32.4</v>
      </c>
      <c r="J2617">
        <v>5</v>
      </c>
      <c r="K2617">
        <v>15.55</v>
      </c>
    </row>
    <row r="2618" spans="1:11" x14ac:dyDescent="0.3">
      <c r="A2618" s="1">
        <v>42168</v>
      </c>
      <c r="B2618" s="3">
        <f t="shared" si="80"/>
        <v>6</v>
      </c>
      <c r="C2618" s="3">
        <f t="shared" si="81"/>
        <v>2015</v>
      </c>
      <c r="D2618" t="s">
        <v>1810</v>
      </c>
      <c r="E2618" t="s">
        <v>1060</v>
      </c>
      <c r="F2618" t="s">
        <v>10</v>
      </c>
      <c r="G2618" t="s">
        <v>19</v>
      </c>
      <c r="H2618" t="s">
        <v>558</v>
      </c>
      <c r="I2618">
        <v>8.26</v>
      </c>
      <c r="J2618">
        <v>2</v>
      </c>
      <c r="K2618">
        <v>3.88</v>
      </c>
    </row>
    <row r="2619" spans="1:11" x14ac:dyDescent="0.3">
      <c r="A2619" s="1">
        <v>42168</v>
      </c>
      <c r="B2619" s="3">
        <f t="shared" si="80"/>
        <v>6</v>
      </c>
      <c r="C2619" s="3">
        <f t="shared" si="81"/>
        <v>2015</v>
      </c>
      <c r="D2619" t="s">
        <v>1810</v>
      </c>
      <c r="E2619" t="s">
        <v>1060</v>
      </c>
      <c r="F2619" t="s">
        <v>10</v>
      </c>
      <c r="G2619" t="s">
        <v>19</v>
      </c>
      <c r="H2619" t="s">
        <v>1824</v>
      </c>
      <c r="I2619">
        <v>29.84</v>
      </c>
      <c r="J2619">
        <v>2</v>
      </c>
      <c r="K2619">
        <v>13.43</v>
      </c>
    </row>
    <row r="2620" spans="1:11" x14ac:dyDescent="0.3">
      <c r="A2620" s="1">
        <v>42168</v>
      </c>
      <c r="B2620" s="3">
        <f t="shared" si="80"/>
        <v>6</v>
      </c>
      <c r="C2620" s="3">
        <f t="shared" si="81"/>
        <v>2015</v>
      </c>
      <c r="D2620" t="s">
        <v>1810</v>
      </c>
      <c r="E2620" t="s">
        <v>1060</v>
      </c>
      <c r="F2620" t="s">
        <v>38</v>
      </c>
      <c r="G2620" t="s">
        <v>51</v>
      </c>
      <c r="H2620" t="s">
        <v>2112</v>
      </c>
      <c r="I2620">
        <v>67.98</v>
      </c>
      <c r="J2620">
        <v>2</v>
      </c>
      <c r="K2620">
        <v>14.96</v>
      </c>
    </row>
    <row r="2621" spans="1:11" x14ac:dyDescent="0.3">
      <c r="A2621" s="1">
        <v>42168</v>
      </c>
      <c r="B2621" s="3">
        <f t="shared" si="80"/>
        <v>6</v>
      </c>
      <c r="C2621" s="3">
        <f t="shared" si="81"/>
        <v>2015</v>
      </c>
      <c r="D2621" t="s">
        <v>958</v>
      </c>
      <c r="E2621" t="s">
        <v>29</v>
      </c>
      <c r="F2621" t="s">
        <v>10</v>
      </c>
      <c r="G2621" t="s">
        <v>11</v>
      </c>
      <c r="H2621" t="s">
        <v>2113</v>
      </c>
      <c r="I2621">
        <v>6.48</v>
      </c>
      <c r="J2621">
        <v>1</v>
      </c>
      <c r="K2621">
        <v>3.11</v>
      </c>
    </row>
    <row r="2622" spans="1:11" x14ac:dyDescent="0.3">
      <c r="A2622" s="1">
        <v>42168</v>
      </c>
      <c r="B2622" s="3">
        <f t="shared" si="80"/>
        <v>6</v>
      </c>
      <c r="C2622" s="3">
        <f t="shared" si="81"/>
        <v>2015</v>
      </c>
      <c r="D2622" t="s">
        <v>2114</v>
      </c>
      <c r="E2622" t="s">
        <v>77</v>
      </c>
      <c r="F2622" t="s">
        <v>10</v>
      </c>
      <c r="G2622" t="s">
        <v>23</v>
      </c>
      <c r="H2622" t="s">
        <v>1269</v>
      </c>
      <c r="I2622">
        <v>3.42</v>
      </c>
      <c r="J2622">
        <v>1</v>
      </c>
      <c r="K2622">
        <v>0.3</v>
      </c>
    </row>
    <row r="2623" spans="1:11" x14ac:dyDescent="0.3">
      <c r="A2623" s="1">
        <v>42169</v>
      </c>
      <c r="B2623" s="3">
        <f t="shared" si="80"/>
        <v>6</v>
      </c>
      <c r="C2623" s="3">
        <f t="shared" si="81"/>
        <v>2015</v>
      </c>
      <c r="D2623" t="s">
        <v>1664</v>
      </c>
      <c r="E2623" t="s">
        <v>22</v>
      </c>
      <c r="F2623" t="s">
        <v>33</v>
      </c>
      <c r="G2623" t="s">
        <v>46</v>
      </c>
      <c r="H2623" t="s">
        <v>1586</v>
      </c>
      <c r="I2623">
        <v>51.07</v>
      </c>
      <c r="J2623">
        <v>6</v>
      </c>
      <c r="K2623">
        <v>5.1100000000000003</v>
      </c>
    </row>
    <row r="2624" spans="1:11" x14ac:dyDescent="0.3">
      <c r="A2624" s="1">
        <v>42170</v>
      </c>
      <c r="B2624" s="3">
        <f t="shared" si="80"/>
        <v>6</v>
      </c>
      <c r="C2624" s="3">
        <f t="shared" si="81"/>
        <v>2015</v>
      </c>
      <c r="D2624" t="s">
        <v>617</v>
      </c>
      <c r="E2624" t="s">
        <v>94</v>
      </c>
      <c r="F2624" t="s">
        <v>10</v>
      </c>
      <c r="G2624" t="s">
        <v>11</v>
      </c>
      <c r="H2624" t="s">
        <v>923</v>
      </c>
      <c r="I2624">
        <v>9.57</v>
      </c>
      <c r="J2624">
        <v>2</v>
      </c>
      <c r="K2624">
        <v>2.99</v>
      </c>
    </row>
    <row r="2625" spans="1:11" x14ac:dyDescent="0.3">
      <c r="A2625" s="1">
        <v>42170</v>
      </c>
      <c r="B2625" s="3">
        <f t="shared" si="80"/>
        <v>6</v>
      </c>
      <c r="C2625" s="3">
        <f t="shared" si="81"/>
        <v>2015</v>
      </c>
      <c r="D2625" t="s">
        <v>617</v>
      </c>
      <c r="E2625" t="s">
        <v>94</v>
      </c>
      <c r="F2625" t="s">
        <v>10</v>
      </c>
      <c r="G2625" t="s">
        <v>17</v>
      </c>
      <c r="H2625" t="s">
        <v>1016</v>
      </c>
      <c r="I2625">
        <v>82.37</v>
      </c>
      <c r="J2625">
        <v>2</v>
      </c>
      <c r="K2625">
        <v>-19.559999999999999</v>
      </c>
    </row>
    <row r="2626" spans="1:11" x14ac:dyDescent="0.3">
      <c r="A2626" s="1">
        <v>42170</v>
      </c>
      <c r="B2626" s="3">
        <f t="shared" ref="B2626:B2689" si="82">MONTH(A:A)</f>
        <v>6</v>
      </c>
      <c r="C2626" s="3">
        <f t="shared" ref="C2626:C2689" si="83">YEAR(A:A)</f>
        <v>2015</v>
      </c>
      <c r="D2626" t="s">
        <v>617</v>
      </c>
      <c r="E2626" t="s">
        <v>94</v>
      </c>
      <c r="F2626" t="s">
        <v>33</v>
      </c>
      <c r="G2626" t="s">
        <v>46</v>
      </c>
      <c r="H2626" t="s">
        <v>1849</v>
      </c>
      <c r="I2626">
        <v>364.7</v>
      </c>
      <c r="J2626">
        <v>6</v>
      </c>
      <c r="K2626">
        <v>-36.47</v>
      </c>
    </row>
    <row r="2627" spans="1:11" x14ac:dyDescent="0.3">
      <c r="A2627" s="1">
        <v>42170</v>
      </c>
      <c r="B2627" s="3">
        <f t="shared" si="82"/>
        <v>6</v>
      </c>
      <c r="C2627" s="3">
        <f t="shared" si="83"/>
        <v>2015</v>
      </c>
      <c r="D2627" t="s">
        <v>617</v>
      </c>
      <c r="E2627" t="s">
        <v>94</v>
      </c>
      <c r="F2627" t="s">
        <v>33</v>
      </c>
      <c r="G2627" t="s">
        <v>46</v>
      </c>
      <c r="H2627" t="s">
        <v>208</v>
      </c>
      <c r="I2627">
        <v>40.26</v>
      </c>
      <c r="J2627">
        <v>4</v>
      </c>
      <c r="K2627">
        <v>11.07</v>
      </c>
    </row>
    <row r="2628" spans="1:11" x14ac:dyDescent="0.3">
      <c r="A2628" s="1">
        <v>42170</v>
      </c>
      <c r="B2628" s="3">
        <f t="shared" si="82"/>
        <v>6</v>
      </c>
      <c r="C2628" s="3">
        <f t="shared" si="83"/>
        <v>2015</v>
      </c>
      <c r="D2628" t="s">
        <v>1533</v>
      </c>
      <c r="E2628" t="s">
        <v>122</v>
      </c>
      <c r="F2628" t="s">
        <v>38</v>
      </c>
      <c r="G2628" t="s">
        <v>51</v>
      </c>
      <c r="H2628" t="s">
        <v>1226</v>
      </c>
      <c r="I2628">
        <v>11.67</v>
      </c>
      <c r="J2628">
        <v>1</v>
      </c>
      <c r="K2628">
        <v>-0.73</v>
      </c>
    </row>
    <row r="2629" spans="1:11" x14ac:dyDescent="0.3">
      <c r="A2629" s="1">
        <v>42170</v>
      </c>
      <c r="B2629" s="3">
        <f t="shared" si="82"/>
        <v>6</v>
      </c>
      <c r="C2629" s="3">
        <f t="shared" si="83"/>
        <v>2015</v>
      </c>
      <c r="D2629" t="s">
        <v>874</v>
      </c>
      <c r="E2629" t="s">
        <v>26</v>
      </c>
      <c r="F2629" t="s">
        <v>38</v>
      </c>
      <c r="G2629" t="s">
        <v>39</v>
      </c>
      <c r="H2629" t="s">
        <v>137</v>
      </c>
      <c r="I2629">
        <v>225.58</v>
      </c>
      <c r="J2629">
        <v>3</v>
      </c>
      <c r="K2629">
        <v>22.56</v>
      </c>
    </row>
    <row r="2630" spans="1:11" x14ac:dyDescent="0.3">
      <c r="A2630" s="1">
        <v>42171</v>
      </c>
      <c r="B2630" s="3">
        <f t="shared" si="82"/>
        <v>6</v>
      </c>
      <c r="C2630" s="3">
        <f t="shared" si="83"/>
        <v>2015</v>
      </c>
      <c r="D2630" t="s">
        <v>952</v>
      </c>
      <c r="E2630" t="s">
        <v>22</v>
      </c>
      <c r="F2630" t="s">
        <v>10</v>
      </c>
      <c r="G2630" t="s">
        <v>62</v>
      </c>
      <c r="H2630" t="s">
        <v>1271</v>
      </c>
      <c r="I2630">
        <v>6.21</v>
      </c>
      <c r="J2630">
        <v>2</v>
      </c>
      <c r="K2630">
        <v>2.17</v>
      </c>
    </row>
    <row r="2631" spans="1:11" x14ac:dyDescent="0.3">
      <c r="A2631" s="1">
        <v>42171</v>
      </c>
      <c r="B2631" s="3">
        <f t="shared" si="82"/>
        <v>6</v>
      </c>
      <c r="C2631" s="3">
        <f t="shared" si="83"/>
        <v>2015</v>
      </c>
      <c r="D2631" t="s">
        <v>25</v>
      </c>
      <c r="E2631" t="s">
        <v>9</v>
      </c>
      <c r="F2631" t="s">
        <v>10</v>
      </c>
      <c r="G2631" t="s">
        <v>62</v>
      </c>
      <c r="H2631" t="s">
        <v>63</v>
      </c>
      <c r="I2631">
        <v>28.75</v>
      </c>
      <c r="J2631">
        <v>3</v>
      </c>
      <c r="K2631">
        <v>9.34</v>
      </c>
    </row>
    <row r="2632" spans="1:11" x14ac:dyDescent="0.3">
      <c r="A2632" s="1">
        <v>42171</v>
      </c>
      <c r="B2632" s="3">
        <f t="shared" si="82"/>
        <v>6</v>
      </c>
      <c r="C2632" s="3">
        <f t="shared" si="83"/>
        <v>2015</v>
      </c>
      <c r="D2632" t="s">
        <v>25</v>
      </c>
      <c r="E2632" t="s">
        <v>9</v>
      </c>
      <c r="F2632" t="s">
        <v>10</v>
      </c>
      <c r="G2632" t="s">
        <v>11</v>
      </c>
      <c r="H2632" t="s">
        <v>2115</v>
      </c>
      <c r="I2632">
        <v>27.22</v>
      </c>
      <c r="J2632">
        <v>3</v>
      </c>
      <c r="K2632">
        <v>9.8699999999999992</v>
      </c>
    </row>
    <row r="2633" spans="1:11" x14ac:dyDescent="0.3">
      <c r="A2633" s="1">
        <v>42171</v>
      </c>
      <c r="B2633" s="3">
        <f t="shared" si="82"/>
        <v>6</v>
      </c>
      <c r="C2633" s="3">
        <f t="shared" si="83"/>
        <v>2015</v>
      </c>
      <c r="D2633" t="s">
        <v>25</v>
      </c>
      <c r="E2633" t="s">
        <v>9</v>
      </c>
      <c r="F2633" t="s">
        <v>33</v>
      </c>
      <c r="G2633" t="s">
        <v>34</v>
      </c>
      <c r="H2633" t="s">
        <v>1771</v>
      </c>
      <c r="I2633">
        <v>197.37</v>
      </c>
      <c r="J2633">
        <v>2</v>
      </c>
      <c r="K2633">
        <v>-25.38</v>
      </c>
    </row>
    <row r="2634" spans="1:11" x14ac:dyDescent="0.3">
      <c r="A2634" s="1">
        <v>42171</v>
      </c>
      <c r="B2634" s="3">
        <f t="shared" si="82"/>
        <v>6</v>
      </c>
      <c r="C2634" s="3">
        <f t="shared" si="83"/>
        <v>2015</v>
      </c>
      <c r="D2634" t="s">
        <v>566</v>
      </c>
      <c r="E2634" t="s">
        <v>148</v>
      </c>
      <c r="F2634" t="s">
        <v>10</v>
      </c>
      <c r="G2634" t="s">
        <v>19</v>
      </c>
      <c r="H2634" t="s">
        <v>1605</v>
      </c>
      <c r="I2634">
        <v>3050.38</v>
      </c>
      <c r="J2634">
        <v>3</v>
      </c>
      <c r="K2634">
        <v>1143.8900000000001</v>
      </c>
    </row>
    <row r="2635" spans="1:11" x14ac:dyDescent="0.3">
      <c r="A2635" s="1">
        <v>42171</v>
      </c>
      <c r="B2635" s="3">
        <f t="shared" si="82"/>
        <v>6</v>
      </c>
      <c r="C2635" s="3">
        <f t="shared" si="83"/>
        <v>2015</v>
      </c>
      <c r="D2635" t="s">
        <v>566</v>
      </c>
      <c r="E2635" t="s">
        <v>148</v>
      </c>
      <c r="F2635" t="s">
        <v>38</v>
      </c>
      <c r="G2635" t="s">
        <v>39</v>
      </c>
      <c r="H2635" t="s">
        <v>493</v>
      </c>
      <c r="I2635">
        <v>133.97999999999999</v>
      </c>
      <c r="J2635">
        <v>2</v>
      </c>
      <c r="K2635">
        <v>33.5</v>
      </c>
    </row>
    <row r="2636" spans="1:11" x14ac:dyDescent="0.3">
      <c r="A2636" s="1">
        <v>42173</v>
      </c>
      <c r="B2636" s="3">
        <f t="shared" si="82"/>
        <v>6</v>
      </c>
      <c r="C2636" s="3">
        <f t="shared" si="83"/>
        <v>2015</v>
      </c>
      <c r="D2636" t="s">
        <v>2116</v>
      </c>
      <c r="E2636" t="s">
        <v>94</v>
      </c>
      <c r="F2636" t="s">
        <v>10</v>
      </c>
      <c r="G2636" t="s">
        <v>11</v>
      </c>
      <c r="H2636" t="s">
        <v>2117</v>
      </c>
      <c r="I2636">
        <v>11.95</v>
      </c>
      <c r="J2636">
        <v>3</v>
      </c>
      <c r="K2636">
        <v>4.33</v>
      </c>
    </row>
    <row r="2637" spans="1:11" x14ac:dyDescent="0.3">
      <c r="A2637" s="1">
        <v>42173</v>
      </c>
      <c r="B2637" s="3">
        <f t="shared" si="82"/>
        <v>6</v>
      </c>
      <c r="C2637" s="3">
        <f t="shared" si="83"/>
        <v>2015</v>
      </c>
      <c r="D2637" t="s">
        <v>2116</v>
      </c>
      <c r="E2637" t="s">
        <v>94</v>
      </c>
      <c r="F2637" t="s">
        <v>10</v>
      </c>
      <c r="G2637" t="s">
        <v>19</v>
      </c>
      <c r="H2637" t="s">
        <v>1646</v>
      </c>
      <c r="I2637">
        <v>4.54</v>
      </c>
      <c r="J2637">
        <v>7</v>
      </c>
      <c r="K2637">
        <v>-3.33</v>
      </c>
    </row>
    <row r="2638" spans="1:11" x14ac:dyDescent="0.3">
      <c r="A2638" s="1">
        <v>42173</v>
      </c>
      <c r="B2638" s="3">
        <f t="shared" si="82"/>
        <v>6</v>
      </c>
      <c r="C2638" s="3">
        <f t="shared" si="83"/>
        <v>2015</v>
      </c>
      <c r="D2638" t="s">
        <v>2116</v>
      </c>
      <c r="E2638" t="s">
        <v>94</v>
      </c>
      <c r="F2638" t="s">
        <v>10</v>
      </c>
      <c r="G2638" t="s">
        <v>19</v>
      </c>
      <c r="H2638" t="s">
        <v>1992</v>
      </c>
      <c r="I2638">
        <v>9.16</v>
      </c>
      <c r="J2638">
        <v>2</v>
      </c>
      <c r="K2638">
        <v>-6.1</v>
      </c>
    </row>
    <row r="2639" spans="1:11" x14ac:dyDescent="0.3">
      <c r="A2639" s="1">
        <v>42173</v>
      </c>
      <c r="B2639" s="3">
        <f t="shared" si="82"/>
        <v>6</v>
      </c>
      <c r="C2639" s="3">
        <f t="shared" si="83"/>
        <v>2015</v>
      </c>
      <c r="D2639" t="s">
        <v>2116</v>
      </c>
      <c r="E2639" t="s">
        <v>94</v>
      </c>
      <c r="F2639" t="s">
        <v>33</v>
      </c>
      <c r="G2639" t="s">
        <v>46</v>
      </c>
      <c r="H2639" t="s">
        <v>2014</v>
      </c>
      <c r="I2639">
        <v>75.36</v>
      </c>
      <c r="J2639">
        <v>5</v>
      </c>
      <c r="K2639">
        <v>20.72</v>
      </c>
    </row>
    <row r="2640" spans="1:11" x14ac:dyDescent="0.3">
      <c r="A2640" s="1">
        <v>42173</v>
      </c>
      <c r="B2640" s="3">
        <f t="shared" si="82"/>
        <v>6</v>
      </c>
      <c r="C2640" s="3">
        <f t="shared" si="83"/>
        <v>2015</v>
      </c>
      <c r="D2640" t="s">
        <v>375</v>
      </c>
      <c r="E2640" t="s">
        <v>26</v>
      </c>
      <c r="F2640" t="s">
        <v>10</v>
      </c>
      <c r="G2640" t="s">
        <v>23</v>
      </c>
      <c r="H2640" t="s">
        <v>278</v>
      </c>
      <c r="I2640">
        <v>51.98</v>
      </c>
      <c r="J2640">
        <v>2</v>
      </c>
      <c r="K2640">
        <v>15.07</v>
      </c>
    </row>
    <row r="2641" spans="1:11" x14ac:dyDescent="0.3">
      <c r="A2641" s="1">
        <v>42173</v>
      </c>
      <c r="B2641" s="3">
        <f t="shared" si="82"/>
        <v>6</v>
      </c>
      <c r="C2641" s="3">
        <f t="shared" si="83"/>
        <v>2015</v>
      </c>
      <c r="D2641" t="s">
        <v>1687</v>
      </c>
      <c r="E2641" t="s">
        <v>122</v>
      </c>
      <c r="F2641" t="s">
        <v>10</v>
      </c>
      <c r="G2641" t="s">
        <v>23</v>
      </c>
      <c r="H2641" t="s">
        <v>30</v>
      </c>
      <c r="I2641">
        <v>13.63</v>
      </c>
      <c r="J2641">
        <v>4</v>
      </c>
      <c r="K2641">
        <v>3.58</v>
      </c>
    </row>
    <row r="2642" spans="1:11" x14ac:dyDescent="0.3">
      <c r="A2642" s="1">
        <v>42173</v>
      </c>
      <c r="B2642" s="3">
        <f t="shared" si="82"/>
        <v>6</v>
      </c>
      <c r="C2642" s="3">
        <f t="shared" si="83"/>
        <v>2015</v>
      </c>
      <c r="D2642" t="s">
        <v>1976</v>
      </c>
      <c r="E2642" t="s">
        <v>119</v>
      </c>
      <c r="F2642" t="s">
        <v>10</v>
      </c>
      <c r="G2642" t="s">
        <v>19</v>
      </c>
      <c r="H2642" t="s">
        <v>1376</v>
      </c>
      <c r="I2642">
        <v>6.13</v>
      </c>
      <c r="J2642">
        <v>3</v>
      </c>
      <c r="K2642">
        <v>-4.49</v>
      </c>
    </row>
    <row r="2643" spans="1:11" x14ac:dyDescent="0.3">
      <c r="A2643" s="1">
        <v>42173</v>
      </c>
      <c r="B2643" s="3">
        <f t="shared" si="82"/>
        <v>6</v>
      </c>
      <c r="C2643" s="3">
        <f t="shared" si="83"/>
        <v>2015</v>
      </c>
      <c r="D2643" t="s">
        <v>1976</v>
      </c>
      <c r="E2643" t="s">
        <v>119</v>
      </c>
      <c r="F2643" t="s">
        <v>33</v>
      </c>
      <c r="G2643" t="s">
        <v>34</v>
      </c>
      <c r="H2643" t="s">
        <v>429</v>
      </c>
      <c r="I2643">
        <v>643.14</v>
      </c>
      <c r="J2643">
        <v>4</v>
      </c>
      <c r="K2643">
        <v>56.27</v>
      </c>
    </row>
    <row r="2644" spans="1:11" x14ac:dyDescent="0.3">
      <c r="A2644" s="1">
        <v>42173</v>
      </c>
      <c r="B2644" s="3">
        <f t="shared" si="82"/>
        <v>6</v>
      </c>
      <c r="C2644" s="3">
        <f t="shared" si="83"/>
        <v>2015</v>
      </c>
      <c r="D2644" t="s">
        <v>1976</v>
      </c>
      <c r="E2644" t="s">
        <v>119</v>
      </c>
      <c r="F2644" t="s">
        <v>10</v>
      </c>
      <c r="G2644" t="s">
        <v>11</v>
      </c>
      <c r="H2644" t="s">
        <v>1095</v>
      </c>
      <c r="I2644">
        <v>20.74</v>
      </c>
      <c r="J2644">
        <v>4</v>
      </c>
      <c r="K2644">
        <v>7.26</v>
      </c>
    </row>
    <row r="2645" spans="1:11" x14ac:dyDescent="0.3">
      <c r="A2645" s="1">
        <v>42173</v>
      </c>
      <c r="B2645" s="3">
        <f t="shared" si="82"/>
        <v>6</v>
      </c>
      <c r="C2645" s="3">
        <f t="shared" si="83"/>
        <v>2015</v>
      </c>
      <c r="D2645" t="s">
        <v>1120</v>
      </c>
      <c r="E2645" t="s">
        <v>54</v>
      </c>
      <c r="F2645" t="s">
        <v>33</v>
      </c>
      <c r="G2645" t="s">
        <v>46</v>
      </c>
      <c r="H2645" t="s">
        <v>1284</v>
      </c>
      <c r="I2645">
        <v>60.84</v>
      </c>
      <c r="J2645">
        <v>3</v>
      </c>
      <c r="K2645">
        <v>19.47</v>
      </c>
    </row>
    <row r="2646" spans="1:11" x14ac:dyDescent="0.3">
      <c r="A2646" s="1">
        <v>42173</v>
      </c>
      <c r="B2646" s="3">
        <f t="shared" si="82"/>
        <v>6</v>
      </c>
      <c r="C2646" s="3">
        <f t="shared" si="83"/>
        <v>2015</v>
      </c>
      <c r="D2646" t="s">
        <v>1120</v>
      </c>
      <c r="E2646" t="s">
        <v>54</v>
      </c>
      <c r="F2646" t="s">
        <v>10</v>
      </c>
      <c r="G2646" t="s">
        <v>17</v>
      </c>
      <c r="H2646" t="s">
        <v>1571</v>
      </c>
      <c r="I2646">
        <v>450.04</v>
      </c>
      <c r="J2646">
        <v>2</v>
      </c>
      <c r="K2646">
        <v>58.51</v>
      </c>
    </row>
    <row r="2647" spans="1:11" x14ac:dyDescent="0.3">
      <c r="A2647" s="1">
        <v>42173</v>
      </c>
      <c r="B2647" s="3">
        <f t="shared" si="82"/>
        <v>6</v>
      </c>
      <c r="C2647" s="3">
        <f t="shared" si="83"/>
        <v>2015</v>
      </c>
      <c r="D2647" t="s">
        <v>1120</v>
      </c>
      <c r="E2647" t="s">
        <v>54</v>
      </c>
      <c r="F2647" t="s">
        <v>10</v>
      </c>
      <c r="G2647" t="s">
        <v>19</v>
      </c>
      <c r="H2647" t="s">
        <v>2118</v>
      </c>
      <c r="I2647">
        <v>34.6</v>
      </c>
      <c r="J2647">
        <v>2</v>
      </c>
      <c r="K2647">
        <v>16.61</v>
      </c>
    </row>
    <row r="2648" spans="1:11" x14ac:dyDescent="0.3">
      <c r="A2648" s="1">
        <v>42173</v>
      </c>
      <c r="B2648" s="3">
        <f t="shared" si="82"/>
        <v>6</v>
      </c>
      <c r="C2648" s="3">
        <f t="shared" si="83"/>
        <v>2015</v>
      </c>
      <c r="D2648" t="s">
        <v>1120</v>
      </c>
      <c r="E2648" t="s">
        <v>54</v>
      </c>
      <c r="F2648" t="s">
        <v>38</v>
      </c>
      <c r="G2648" t="s">
        <v>39</v>
      </c>
      <c r="H2648" t="s">
        <v>2108</v>
      </c>
      <c r="I2648">
        <v>467.97</v>
      </c>
      <c r="J2648">
        <v>3</v>
      </c>
      <c r="K2648">
        <v>140.38999999999999</v>
      </c>
    </row>
    <row r="2649" spans="1:11" x14ac:dyDescent="0.3">
      <c r="A2649" s="1">
        <v>42173</v>
      </c>
      <c r="B2649" s="3">
        <f t="shared" si="82"/>
        <v>6</v>
      </c>
      <c r="C2649" s="3">
        <f t="shared" si="83"/>
        <v>2015</v>
      </c>
      <c r="D2649" t="s">
        <v>1120</v>
      </c>
      <c r="E2649" t="s">
        <v>54</v>
      </c>
      <c r="F2649" t="s">
        <v>10</v>
      </c>
      <c r="G2649" t="s">
        <v>19</v>
      </c>
      <c r="H2649" t="s">
        <v>2119</v>
      </c>
      <c r="I2649">
        <v>33.020000000000003</v>
      </c>
      <c r="J2649">
        <v>2</v>
      </c>
      <c r="K2649">
        <v>15.85</v>
      </c>
    </row>
    <row r="2650" spans="1:11" x14ac:dyDescent="0.3">
      <c r="A2650" s="1">
        <v>42174</v>
      </c>
      <c r="B2650" s="3">
        <f t="shared" si="82"/>
        <v>6</v>
      </c>
      <c r="C2650" s="3">
        <f t="shared" si="83"/>
        <v>2015</v>
      </c>
      <c r="D2650" t="s">
        <v>1777</v>
      </c>
      <c r="E2650" t="s">
        <v>26</v>
      </c>
      <c r="F2650" t="s">
        <v>33</v>
      </c>
      <c r="G2650" t="s">
        <v>46</v>
      </c>
      <c r="H2650" t="s">
        <v>2120</v>
      </c>
      <c r="I2650">
        <v>12.56</v>
      </c>
      <c r="J2650">
        <v>2</v>
      </c>
      <c r="K2650">
        <v>4.0199999999999996</v>
      </c>
    </row>
    <row r="2651" spans="1:11" x14ac:dyDescent="0.3">
      <c r="A2651" s="1">
        <v>42174</v>
      </c>
      <c r="B2651" s="3">
        <f t="shared" si="82"/>
        <v>6</v>
      </c>
      <c r="C2651" s="3">
        <f t="shared" si="83"/>
        <v>2015</v>
      </c>
      <c r="D2651" t="s">
        <v>1777</v>
      </c>
      <c r="E2651" t="s">
        <v>26</v>
      </c>
      <c r="F2651" t="s">
        <v>10</v>
      </c>
      <c r="G2651" t="s">
        <v>11</v>
      </c>
      <c r="H2651" t="s">
        <v>2121</v>
      </c>
      <c r="I2651">
        <v>6.48</v>
      </c>
      <c r="J2651">
        <v>1</v>
      </c>
      <c r="K2651">
        <v>3.11</v>
      </c>
    </row>
    <row r="2652" spans="1:11" x14ac:dyDescent="0.3">
      <c r="A2652" s="1">
        <v>42174</v>
      </c>
      <c r="B2652" s="3">
        <f t="shared" si="82"/>
        <v>6</v>
      </c>
      <c r="C2652" s="3">
        <f t="shared" si="83"/>
        <v>2015</v>
      </c>
      <c r="D2652" t="s">
        <v>1777</v>
      </c>
      <c r="E2652" t="s">
        <v>26</v>
      </c>
      <c r="F2652" t="s">
        <v>10</v>
      </c>
      <c r="G2652" t="s">
        <v>62</v>
      </c>
      <c r="H2652" t="s">
        <v>542</v>
      </c>
      <c r="I2652">
        <v>186.69</v>
      </c>
      <c r="J2652">
        <v>3</v>
      </c>
      <c r="K2652">
        <v>87.74</v>
      </c>
    </row>
    <row r="2653" spans="1:11" x14ac:dyDescent="0.3">
      <c r="A2653" s="1">
        <v>42174</v>
      </c>
      <c r="B2653" s="3">
        <f t="shared" si="82"/>
        <v>6</v>
      </c>
      <c r="C2653" s="3">
        <f t="shared" si="83"/>
        <v>2015</v>
      </c>
      <c r="D2653" t="s">
        <v>31</v>
      </c>
      <c r="E2653" t="s">
        <v>9</v>
      </c>
      <c r="F2653" t="s">
        <v>10</v>
      </c>
      <c r="G2653" t="s">
        <v>19</v>
      </c>
      <c r="H2653" t="s">
        <v>1648</v>
      </c>
      <c r="I2653">
        <v>5.79</v>
      </c>
      <c r="J2653">
        <v>2</v>
      </c>
      <c r="K2653">
        <v>-9.56</v>
      </c>
    </row>
    <row r="2654" spans="1:11" x14ac:dyDescent="0.3">
      <c r="A2654" s="1">
        <v>42174</v>
      </c>
      <c r="B2654" s="3">
        <f t="shared" si="82"/>
        <v>6</v>
      </c>
      <c r="C2654" s="3">
        <f t="shared" si="83"/>
        <v>2015</v>
      </c>
      <c r="D2654" t="s">
        <v>972</v>
      </c>
      <c r="E2654" t="s">
        <v>9</v>
      </c>
      <c r="F2654" t="s">
        <v>10</v>
      </c>
      <c r="G2654" t="s">
        <v>17</v>
      </c>
      <c r="H2654" t="s">
        <v>143</v>
      </c>
      <c r="I2654">
        <v>228.92</v>
      </c>
      <c r="J2654">
        <v>5</v>
      </c>
      <c r="K2654">
        <v>14.31</v>
      </c>
    </row>
    <row r="2655" spans="1:11" x14ac:dyDescent="0.3">
      <c r="A2655" s="1">
        <v>42174</v>
      </c>
      <c r="B2655" s="3">
        <f t="shared" si="82"/>
        <v>6</v>
      </c>
      <c r="C2655" s="3">
        <f t="shared" si="83"/>
        <v>2015</v>
      </c>
      <c r="D2655" t="s">
        <v>1180</v>
      </c>
      <c r="E2655" t="s">
        <v>22</v>
      </c>
      <c r="F2655" t="s">
        <v>10</v>
      </c>
      <c r="G2655" t="s">
        <v>15</v>
      </c>
      <c r="H2655" t="s">
        <v>2122</v>
      </c>
      <c r="I2655">
        <v>5.9</v>
      </c>
      <c r="J2655">
        <v>2</v>
      </c>
      <c r="K2655">
        <v>1.99</v>
      </c>
    </row>
    <row r="2656" spans="1:11" x14ac:dyDescent="0.3">
      <c r="A2656" s="1">
        <v>42175</v>
      </c>
      <c r="B2656" s="3">
        <f t="shared" si="82"/>
        <v>6</v>
      </c>
      <c r="C2656" s="3">
        <f t="shared" si="83"/>
        <v>2015</v>
      </c>
      <c r="D2656" t="s">
        <v>2123</v>
      </c>
      <c r="E2656" t="s">
        <v>26</v>
      </c>
      <c r="F2656" t="s">
        <v>33</v>
      </c>
      <c r="G2656" t="s">
        <v>46</v>
      </c>
      <c r="H2656" t="s">
        <v>1544</v>
      </c>
      <c r="I2656">
        <v>257.64</v>
      </c>
      <c r="J2656">
        <v>6</v>
      </c>
      <c r="K2656">
        <v>100.48</v>
      </c>
    </row>
    <row r="2657" spans="1:11" x14ac:dyDescent="0.3">
      <c r="A2657" s="1">
        <v>42175</v>
      </c>
      <c r="B2657" s="3">
        <f t="shared" si="82"/>
        <v>6</v>
      </c>
      <c r="C2657" s="3">
        <f t="shared" si="83"/>
        <v>2015</v>
      </c>
      <c r="D2657" t="s">
        <v>2123</v>
      </c>
      <c r="E2657" t="s">
        <v>26</v>
      </c>
      <c r="F2657" t="s">
        <v>38</v>
      </c>
      <c r="G2657" t="s">
        <v>39</v>
      </c>
      <c r="H2657" t="s">
        <v>720</v>
      </c>
      <c r="I2657">
        <v>125.98</v>
      </c>
      <c r="J2657">
        <v>3</v>
      </c>
      <c r="K2657">
        <v>47.24</v>
      </c>
    </row>
    <row r="2658" spans="1:11" x14ac:dyDescent="0.3">
      <c r="A2658" s="1">
        <v>42175</v>
      </c>
      <c r="B2658" s="3">
        <f t="shared" si="82"/>
        <v>6</v>
      </c>
      <c r="C2658" s="3">
        <f t="shared" si="83"/>
        <v>2015</v>
      </c>
      <c r="D2658" t="s">
        <v>598</v>
      </c>
      <c r="E2658" t="s">
        <v>277</v>
      </c>
      <c r="F2658" t="s">
        <v>38</v>
      </c>
      <c r="G2658" t="s">
        <v>39</v>
      </c>
      <c r="H2658" t="s">
        <v>953</v>
      </c>
      <c r="I2658">
        <v>125.94</v>
      </c>
      <c r="J2658">
        <v>7</v>
      </c>
      <c r="K2658">
        <v>15.74</v>
      </c>
    </row>
    <row r="2659" spans="1:11" x14ac:dyDescent="0.3">
      <c r="A2659" s="1">
        <v>42175</v>
      </c>
      <c r="B2659" s="3">
        <f t="shared" si="82"/>
        <v>6</v>
      </c>
      <c r="C2659" s="3">
        <f t="shared" si="83"/>
        <v>2015</v>
      </c>
      <c r="D2659" t="s">
        <v>916</v>
      </c>
      <c r="E2659" t="s">
        <v>22</v>
      </c>
      <c r="F2659" t="s">
        <v>38</v>
      </c>
      <c r="G2659" t="s">
        <v>51</v>
      </c>
      <c r="H2659" t="s">
        <v>2124</v>
      </c>
      <c r="I2659">
        <v>319.98</v>
      </c>
      <c r="J2659">
        <v>2</v>
      </c>
      <c r="K2659">
        <v>92</v>
      </c>
    </row>
    <row r="2660" spans="1:11" x14ac:dyDescent="0.3">
      <c r="A2660" s="1">
        <v>42176</v>
      </c>
      <c r="B2660" s="3">
        <f t="shared" si="82"/>
        <v>6</v>
      </c>
      <c r="C2660" s="3">
        <f t="shared" si="83"/>
        <v>2015</v>
      </c>
      <c r="D2660" t="s">
        <v>914</v>
      </c>
      <c r="E2660" t="s">
        <v>122</v>
      </c>
      <c r="F2660" t="s">
        <v>38</v>
      </c>
      <c r="G2660" t="s">
        <v>39</v>
      </c>
      <c r="H2660" t="s">
        <v>414</v>
      </c>
      <c r="I2660">
        <v>107.98</v>
      </c>
      <c r="J2660">
        <v>3</v>
      </c>
      <c r="K2660">
        <v>37.79</v>
      </c>
    </row>
    <row r="2661" spans="1:11" x14ac:dyDescent="0.3">
      <c r="A2661" s="1">
        <v>42177</v>
      </c>
      <c r="B2661" s="3">
        <f t="shared" si="82"/>
        <v>6</v>
      </c>
      <c r="C2661" s="3">
        <f t="shared" si="83"/>
        <v>2015</v>
      </c>
      <c r="D2661" t="s">
        <v>1011</v>
      </c>
      <c r="E2661" t="s">
        <v>295</v>
      </c>
      <c r="F2661" t="s">
        <v>10</v>
      </c>
      <c r="G2661" t="s">
        <v>42</v>
      </c>
      <c r="H2661" t="s">
        <v>1795</v>
      </c>
      <c r="I2661">
        <v>4.96</v>
      </c>
      <c r="J2661">
        <v>4</v>
      </c>
      <c r="K2661">
        <v>2.33</v>
      </c>
    </row>
    <row r="2662" spans="1:11" x14ac:dyDescent="0.3">
      <c r="A2662" s="1">
        <v>42177</v>
      </c>
      <c r="B2662" s="3">
        <f t="shared" si="82"/>
        <v>6</v>
      </c>
      <c r="C2662" s="3">
        <f t="shared" si="83"/>
        <v>2015</v>
      </c>
      <c r="D2662" t="s">
        <v>219</v>
      </c>
      <c r="E2662" t="s">
        <v>14</v>
      </c>
      <c r="F2662" t="s">
        <v>33</v>
      </c>
      <c r="G2662" t="s">
        <v>144</v>
      </c>
      <c r="H2662" t="s">
        <v>1785</v>
      </c>
      <c r="I2662">
        <v>796.43</v>
      </c>
      <c r="J2662">
        <v>7</v>
      </c>
      <c r="K2662">
        <v>-525.64</v>
      </c>
    </row>
    <row r="2663" spans="1:11" x14ac:dyDescent="0.3">
      <c r="A2663" s="1">
        <v>42177</v>
      </c>
      <c r="B2663" s="3">
        <f t="shared" si="82"/>
        <v>6</v>
      </c>
      <c r="C2663" s="3">
        <f t="shared" si="83"/>
        <v>2015</v>
      </c>
      <c r="D2663" t="s">
        <v>2125</v>
      </c>
      <c r="E2663" t="s">
        <v>148</v>
      </c>
      <c r="F2663" t="s">
        <v>10</v>
      </c>
      <c r="G2663" t="s">
        <v>19</v>
      </c>
      <c r="H2663" t="s">
        <v>2126</v>
      </c>
      <c r="I2663">
        <v>1217.57</v>
      </c>
      <c r="J2663">
        <v>2</v>
      </c>
      <c r="K2663">
        <v>456.59</v>
      </c>
    </row>
    <row r="2664" spans="1:11" x14ac:dyDescent="0.3">
      <c r="A2664" s="1">
        <v>42178</v>
      </c>
      <c r="B2664" s="3">
        <f t="shared" si="82"/>
        <v>6</v>
      </c>
      <c r="C2664" s="3">
        <f t="shared" si="83"/>
        <v>2015</v>
      </c>
      <c r="D2664" t="s">
        <v>793</v>
      </c>
      <c r="E2664" t="s">
        <v>163</v>
      </c>
      <c r="F2664" t="s">
        <v>38</v>
      </c>
      <c r="G2664" t="s">
        <v>39</v>
      </c>
      <c r="H2664" t="s">
        <v>2127</v>
      </c>
      <c r="I2664">
        <v>201.57</v>
      </c>
      <c r="J2664">
        <v>4</v>
      </c>
      <c r="K2664">
        <v>22.68</v>
      </c>
    </row>
    <row r="2665" spans="1:11" x14ac:dyDescent="0.3">
      <c r="A2665" s="1">
        <v>42178</v>
      </c>
      <c r="B2665" s="3">
        <f t="shared" si="82"/>
        <v>6</v>
      </c>
      <c r="C2665" s="3">
        <f t="shared" si="83"/>
        <v>2015</v>
      </c>
      <c r="D2665" t="s">
        <v>1121</v>
      </c>
      <c r="E2665" t="s">
        <v>26</v>
      </c>
      <c r="F2665" t="s">
        <v>38</v>
      </c>
      <c r="G2665" t="s">
        <v>39</v>
      </c>
      <c r="H2665" t="s">
        <v>1072</v>
      </c>
      <c r="I2665">
        <v>217.58</v>
      </c>
      <c r="J2665">
        <v>2</v>
      </c>
      <c r="K2665">
        <v>19.04</v>
      </c>
    </row>
    <row r="2666" spans="1:11" x14ac:dyDescent="0.3">
      <c r="A2666" s="1">
        <v>42178</v>
      </c>
      <c r="B2666" s="3">
        <f t="shared" si="82"/>
        <v>6</v>
      </c>
      <c r="C2666" s="3">
        <f t="shared" si="83"/>
        <v>2015</v>
      </c>
      <c r="D2666" t="s">
        <v>1121</v>
      </c>
      <c r="E2666" t="s">
        <v>26</v>
      </c>
      <c r="F2666" t="s">
        <v>10</v>
      </c>
      <c r="G2666" t="s">
        <v>42</v>
      </c>
      <c r="H2666" t="s">
        <v>1783</v>
      </c>
      <c r="I2666">
        <v>5.43</v>
      </c>
      <c r="J2666">
        <v>3</v>
      </c>
      <c r="K2666">
        <v>1.79</v>
      </c>
    </row>
    <row r="2667" spans="1:11" x14ac:dyDescent="0.3">
      <c r="A2667" s="1">
        <v>42178</v>
      </c>
      <c r="B2667" s="3">
        <f t="shared" si="82"/>
        <v>6</v>
      </c>
      <c r="C2667" s="3">
        <f t="shared" si="83"/>
        <v>2015</v>
      </c>
      <c r="D2667" t="s">
        <v>1121</v>
      </c>
      <c r="E2667" t="s">
        <v>26</v>
      </c>
      <c r="F2667" t="s">
        <v>38</v>
      </c>
      <c r="G2667" t="s">
        <v>39</v>
      </c>
      <c r="H2667" t="s">
        <v>1238</v>
      </c>
      <c r="I2667">
        <v>143.97999999999999</v>
      </c>
      <c r="J2667">
        <v>3</v>
      </c>
      <c r="K2667">
        <v>9</v>
      </c>
    </row>
    <row r="2668" spans="1:11" x14ac:dyDescent="0.3">
      <c r="A2668" s="1">
        <v>42178</v>
      </c>
      <c r="B2668" s="3">
        <f t="shared" si="82"/>
        <v>6</v>
      </c>
      <c r="C2668" s="3">
        <f t="shared" si="83"/>
        <v>2015</v>
      </c>
      <c r="D2668" t="s">
        <v>683</v>
      </c>
      <c r="E2668" t="s">
        <v>29</v>
      </c>
      <c r="F2668" t="s">
        <v>33</v>
      </c>
      <c r="G2668" t="s">
        <v>46</v>
      </c>
      <c r="H2668" t="s">
        <v>2128</v>
      </c>
      <c r="I2668">
        <v>27.42</v>
      </c>
      <c r="J2668">
        <v>3</v>
      </c>
      <c r="K2668">
        <v>9.32</v>
      </c>
    </row>
    <row r="2669" spans="1:11" x14ac:dyDescent="0.3">
      <c r="A2669" s="1">
        <v>42178</v>
      </c>
      <c r="B2669" s="3">
        <f t="shared" si="82"/>
        <v>6</v>
      </c>
      <c r="C2669" s="3">
        <f t="shared" si="83"/>
        <v>2015</v>
      </c>
      <c r="D2669" t="s">
        <v>683</v>
      </c>
      <c r="E2669" t="s">
        <v>29</v>
      </c>
      <c r="F2669" t="s">
        <v>10</v>
      </c>
      <c r="G2669" t="s">
        <v>19</v>
      </c>
      <c r="H2669" t="s">
        <v>665</v>
      </c>
      <c r="I2669">
        <v>165.98</v>
      </c>
      <c r="J2669">
        <v>1</v>
      </c>
      <c r="K2669">
        <v>74.69</v>
      </c>
    </row>
    <row r="2670" spans="1:11" x14ac:dyDescent="0.3">
      <c r="A2670" s="1">
        <v>42178</v>
      </c>
      <c r="B2670" s="3">
        <f t="shared" si="82"/>
        <v>6</v>
      </c>
      <c r="C2670" s="3">
        <f t="shared" si="83"/>
        <v>2015</v>
      </c>
      <c r="D2670" t="s">
        <v>683</v>
      </c>
      <c r="E2670" t="s">
        <v>29</v>
      </c>
      <c r="F2670" t="s">
        <v>38</v>
      </c>
      <c r="G2670" t="s">
        <v>51</v>
      </c>
      <c r="H2670" t="s">
        <v>2129</v>
      </c>
      <c r="I2670">
        <v>75</v>
      </c>
      <c r="J2670">
        <v>3</v>
      </c>
      <c r="K2670">
        <v>18</v>
      </c>
    </row>
    <row r="2671" spans="1:11" x14ac:dyDescent="0.3">
      <c r="A2671" s="1">
        <v>42180</v>
      </c>
      <c r="B2671" s="3">
        <f t="shared" si="82"/>
        <v>6</v>
      </c>
      <c r="C2671" s="3">
        <f t="shared" si="83"/>
        <v>2015</v>
      </c>
      <c r="D2671" t="s">
        <v>2130</v>
      </c>
      <c r="E2671" t="s">
        <v>22</v>
      </c>
      <c r="F2671" t="s">
        <v>10</v>
      </c>
      <c r="G2671" t="s">
        <v>11</v>
      </c>
      <c r="H2671" t="s">
        <v>480</v>
      </c>
      <c r="I2671">
        <v>31.1</v>
      </c>
      <c r="J2671">
        <v>6</v>
      </c>
      <c r="K2671">
        <v>10.89</v>
      </c>
    </row>
    <row r="2672" spans="1:11" x14ac:dyDescent="0.3">
      <c r="A2672" s="1">
        <v>42180</v>
      </c>
      <c r="B2672" s="3">
        <f t="shared" si="82"/>
        <v>6</v>
      </c>
      <c r="C2672" s="3">
        <f t="shared" si="83"/>
        <v>2015</v>
      </c>
      <c r="D2672" t="s">
        <v>2130</v>
      </c>
      <c r="E2672" t="s">
        <v>22</v>
      </c>
      <c r="F2672" t="s">
        <v>10</v>
      </c>
      <c r="G2672" t="s">
        <v>17</v>
      </c>
      <c r="H2672" t="s">
        <v>1869</v>
      </c>
      <c r="I2672">
        <v>78.260000000000005</v>
      </c>
      <c r="J2672">
        <v>2</v>
      </c>
      <c r="K2672">
        <v>-17.61</v>
      </c>
    </row>
    <row r="2673" spans="1:11" x14ac:dyDescent="0.3">
      <c r="A2673" s="1">
        <v>42180</v>
      </c>
      <c r="B2673" s="3">
        <f t="shared" si="82"/>
        <v>6</v>
      </c>
      <c r="C2673" s="3">
        <f t="shared" si="83"/>
        <v>2015</v>
      </c>
      <c r="D2673" t="s">
        <v>1447</v>
      </c>
      <c r="E2673" t="s">
        <v>26</v>
      </c>
      <c r="F2673" t="s">
        <v>33</v>
      </c>
      <c r="G2673" t="s">
        <v>46</v>
      </c>
      <c r="H2673" t="s">
        <v>1082</v>
      </c>
      <c r="I2673">
        <v>204.85</v>
      </c>
      <c r="J2673">
        <v>5</v>
      </c>
      <c r="K2673">
        <v>57.36</v>
      </c>
    </row>
    <row r="2674" spans="1:11" x14ac:dyDescent="0.3">
      <c r="A2674" s="1">
        <v>42180</v>
      </c>
      <c r="B2674" s="3">
        <f t="shared" si="82"/>
        <v>6</v>
      </c>
      <c r="C2674" s="3">
        <f t="shared" si="83"/>
        <v>2015</v>
      </c>
      <c r="D2674" t="s">
        <v>1632</v>
      </c>
      <c r="E2674" t="s">
        <v>26</v>
      </c>
      <c r="F2674" t="s">
        <v>10</v>
      </c>
      <c r="G2674" t="s">
        <v>23</v>
      </c>
      <c r="H2674" t="s">
        <v>206</v>
      </c>
      <c r="I2674">
        <v>20.96</v>
      </c>
      <c r="J2674">
        <v>2</v>
      </c>
      <c r="K2674">
        <v>5.24</v>
      </c>
    </row>
    <row r="2675" spans="1:11" x14ac:dyDescent="0.3">
      <c r="A2675" s="1">
        <v>42180</v>
      </c>
      <c r="B2675" s="3">
        <f t="shared" si="82"/>
        <v>6</v>
      </c>
      <c r="C2675" s="3">
        <f t="shared" si="83"/>
        <v>2015</v>
      </c>
      <c r="D2675" t="s">
        <v>1632</v>
      </c>
      <c r="E2675" t="s">
        <v>26</v>
      </c>
      <c r="F2675" t="s">
        <v>10</v>
      </c>
      <c r="G2675" t="s">
        <v>19</v>
      </c>
      <c r="H2675" t="s">
        <v>2021</v>
      </c>
      <c r="I2675">
        <v>88.75</v>
      </c>
      <c r="J2675">
        <v>3</v>
      </c>
      <c r="K2675">
        <v>27.74</v>
      </c>
    </row>
    <row r="2676" spans="1:11" x14ac:dyDescent="0.3">
      <c r="A2676" s="1">
        <v>42180</v>
      </c>
      <c r="B2676" s="3">
        <f t="shared" si="82"/>
        <v>6</v>
      </c>
      <c r="C2676" s="3">
        <f t="shared" si="83"/>
        <v>2015</v>
      </c>
      <c r="D2676" t="s">
        <v>1632</v>
      </c>
      <c r="E2676" t="s">
        <v>26</v>
      </c>
      <c r="F2676" t="s">
        <v>10</v>
      </c>
      <c r="G2676" t="s">
        <v>17</v>
      </c>
      <c r="H2676" t="s">
        <v>1524</v>
      </c>
      <c r="I2676">
        <v>304.23</v>
      </c>
      <c r="J2676">
        <v>3</v>
      </c>
      <c r="K2676">
        <v>9.1300000000000008</v>
      </c>
    </row>
    <row r="2677" spans="1:11" x14ac:dyDescent="0.3">
      <c r="A2677" s="1">
        <v>42180</v>
      </c>
      <c r="B2677" s="3">
        <f t="shared" si="82"/>
        <v>6</v>
      </c>
      <c r="C2677" s="3">
        <f t="shared" si="83"/>
        <v>2015</v>
      </c>
      <c r="D2677" t="s">
        <v>106</v>
      </c>
      <c r="E2677" t="s">
        <v>9</v>
      </c>
      <c r="F2677" t="s">
        <v>10</v>
      </c>
      <c r="G2677" t="s">
        <v>11</v>
      </c>
      <c r="H2677" t="s">
        <v>1051</v>
      </c>
      <c r="I2677">
        <v>47.95</v>
      </c>
      <c r="J2677">
        <v>3</v>
      </c>
      <c r="K2677">
        <v>16.18</v>
      </c>
    </row>
    <row r="2678" spans="1:11" x14ac:dyDescent="0.3">
      <c r="A2678" s="1">
        <v>42180</v>
      </c>
      <c r="B2678" s="3">
        <f t="shared" si="82"/>
        <v>6</v>
      </c>
      <c r="C2678" s="3">
        <f t="shared" si="83"/>
        <v>2015</v>
      </c>
      <c r="D2678" t="s">
        <v>106</v>
      </c>
      <c r="E2678" t="s">
        <v>9</v>
      </c>
      <c r="F2678" t="s">
        <v>10</v>
      </c>
      <c r="G2678" t="s">
        <v>19</v>
      </c>
      <c r="H2678" t="s">
        <v>1576</v>
      </c>
      <c r="I2678">
        <v>0.98</v>
      </c>
      <c r="J2678">
        <v>2</v>
      </c>
      <c r="K2678">
        <v>-1.48</v>
      </c>
    </row>
    <row r="2679" spans="1:11" x14ac:dyDescent="0.3">
      <c r="A2679" s="1">
        <v>42180</v>
      </c>
      <c r="B2679" s="3">
        <f t="shared" si="82"/>
        <v>6</v>
      </c>
      <c r="C2679" s="3">
        <f t="shared" si="83"/>
        <v>2015</v>
      </c>
      <c r="D2679" t="s">
        <v>106</v>
      </c>
      <c r="E2679" t="s">
        <v>9</v>
      </c>
      <c r="F2679" t="s">
        <v>33</v>
      </c>
      <c r="G2679" t="s">
        <v>46</v>
      </c>
      <c r="H2679" t="s">
        <v>131</v>
      </c>
      <c r="I2679">
        <v>75.38</v>
      </c>
      <c r="J2679">
        <v>9</v>
      </c>
      <c r="K2679">
        <v>-20.73</v>
      </c>
    </row>
    <row r="2680" spans="1:11" x14ac:dyDescent="0.3">
      <c r="A2680" s="1">
        <v>42180</v>
      </c>
      <c r="B2680" s="3">
        <f t="shared" si="82"/>
        <v>6</v>
      </c>
      <c r="C2680" s="3">
        <f t="shared" si="83"/>
        <v>2015</v>
      </c>
      <c r="D2680" t="s">
        <v>106</v>
      </c>
      <c r="E2680" t="s">
        <v>9</v>
      </c>
      <c r="F2680" t="s">
        <v>10</v>
      </c>
      <c r="G2680" t="s">
        <v>15</v>
      </c>
      <c r="H2680" t="s">
        <v>583</v>
      </c>
      <c r="I2680">
        <v>4.6100000000000003</v>
      </c>
      <c r="J2680">
        <v>2</v>
      </c>
      <c r="K2680">
        <v>1.67</v>
      </c>
    </row>
    <row r="2681" spans="1:11" x14ac:dyDescent="0.3">
      <c r="A2681" s="1">
        <v>42181</v>
      </c>
      <c r="B2681" s="3">
        <f t="shared" si="82"/>
        <v>6</v>
      </c>
      <c r="C2681" s="3">
        <f t="shared" si="83"/>
        <v>2015</v>
      </c>
      <c r="D2681" t="s">
        <v>592</v>
      </c>
      <c r="E2681" t="s">
        <v>109</v>
      </c>
      <c r="F2681" t="s">
        <v>38</v>
      </c>
      <c r="G2681" t="s">
        <v>51</v>
      </c>
      <c r="H2681" t="s">
        <v>1835</v>
      </c>
      <c r="I2681">
        <v>41.9</v>
      </c>
      <c r="J2681">
        <v>2</v>
      </c>
      <c r="K2681">
        <v>8.8000000000000007</v>
      </c>
    </row>
    <row r="2682" spans="1:11" x14ac:dyDescent="0.3">
      <c r="A2682" s="1">
        <v>42181</v>
      </c>
      <c r="B2682" s="3">
        <f t="shared" si="82"/>
        <v>6</v>
      </c>
      <c r="C2682" s="3">
        <f t="shared" si="83"/>
        <v>2015</v>
      </c>
      <c r="D2682" t="s">
        <v>217</v>
      </c>
      <c r="E2682" t="s">
        <v>54</v>
      </c>
      <c r="F2682" t="s">
        <v>10</v>
      </c>
      <c r="G2682" t="s">
        <v>19</v>
      </c>
      <c r="H2682" t="s">
        <v>310</v>
      </c>
      <c r="I2682">
        <v>143.96</v>
      </c>
      <c r="J2682">
        <v>4</v>
      </c>
      <c r="K2682">
        <v>69.099999999999994</v>
      </c>
    </row>
    <row r="2683" spans="1:11" x14ac:dyDescent="0.3">
      <c r="A2683" s="1">
        <v>42181</v>
      </c>
      <c r="B2683" s="3">
        <f t="shared" si="82"/>
        <v>6</v>
      </c>
      <c r="C2683" s="3">
        <f t="shared" si="83"/>
        <v>2015</v>
      </c>
      <c r="D2683" t="s">
        <v>217</v>
      </c>
      <c r="E2683" t="s">
        <v>54</v>
      </c>
      <c r="F2683" t="s">
        <v>10</v>
      </c>
      <c r="G2683" t="s">
        <v>17</v>
      </c>
      <c r="H2683" t="s">
        <v>1330</v>
      </c>
      <c r="I2683">
        <v>15.42</v>
      </c>
      <c r="J2683">
        <v>1</v>
      </c>
      <c r="K2683">
        <v>4.16</v>
      </c>
    </row>
    <row r="2684" spans="1:11" x14ac:dyDescent="0.3">
      <c r="A2684" s="1">
        <v>42181</v>
      </c>
      <c r="B2684" s="3">
        <f t="shared" si="82"/>
        <v>6</v>
      </c>
      <c r="C2684" s="3">
        <f t="shared" si="83"/>
        <v>2015</v>
      </c>
      <c r="D2684" t="s">
        <v>217</v>
      </c>
      <c r="E2684" t="s">
        <v>54</v>
      </c>
      <c r="F2684" t="s">
        <v>10</v>
      </c>
      <c r="G2684" t="s">
        <v>19</v>
      </c>
      <c r="H2684" t="s">
        <v>1762</v>
      </c>
      <c r="I2684">
        <v>43.04</v>
      </c>
      <c r="J2684">
        <v>8</v>
      </c>
      <c r="K2684">
        <v>21.09</v>
      </c>
    </row>
    <row r="2685" spans="1:11" x14ac:dyDescent="0.3">
      <c r="A2685" s="1">
        <v>42181</v>
      </c>
      <c r="B2685" s="3">
        <f t="shared" si="82"/>
        <v>6</v>
      </c>
      <c r="C2685" s="3">
        <f t="shared" si="83"/>
        <v>2015</v>
      </c>
      <c r="D2685" t="s">
        <v>217</v>
      </c>
      <c r="E2685" t="s">
        <v>54</v>
      </c>
      <c r="F2685" t="s">
        <v>33</v>
      </c>
      <c r="G2685" t="s">
        <v>34</v>
      </c>
      <c r="H2685" t="s">
        <v>2131</v>
      </c>
      <c r="I2685">
        <v>332.94</v>
      </c>
      <c r="J2685">
        <v>3</v>
      </c>
      <c r="K2685">
        <v>79.91</v>
      </c>
    </row>
    <row r="2686" spans="1:11" x14ac:dyDescent="0.3">
      <c r="A2686" s="1">
        <v>42181</v>
      </c>
      <c r="B2686" s="3">
        <f t="shared" si="82"/>
        <v>6</v>
      </c>
      <c r="C2686" s="3">
        <f t="shared" si="83"/>
        <v>2015</v>
      </c>
      <c r="D2686" t="s">
        <v>1054</v>
      </c>
      <c r="E2686" t="s">
        <v>9</v>
      </c>
      <c r="F2686" t="s">
        <v>38</v>
      </c>
      <c r="G2686" t="s">
        <v>39</v>
      </c>
      <c r="H2686" t="s">
        <v>855</v>
      </c>
      <c r="I2686">
        <v>971.88</v>
      </c>
      <c r="J2686">
        <v>3</v>
      </c>
      <c r="K2686">
        <v>109.34</v>
      </c>
    </row>
    <row r="2687" spans="1:11" x14ac:dyDescent="0.3">
      <c r="A2687" s="1">
        <v>42181</v>
      </c>
      <c r="B2687" s="3">
        <f t="shared" si="82"/>
        <v>6</v>
      </c>
      <c r="C2687" s="3">
        <f t="shared" si="83"/>
        <v>2015</v>
      </c>
      <c r="D2687" t="s">
        <v>1662</v>
      </c>
      <c r="E2687" t="s">
        <v>77</v>
      </c>
      <c r="F2687" t="s">
        <v>10</v>
      </c>
      <c r="G2687" t="s">
        <v>11</v>
      </c>
      <c r="H2687" t="s">
        <v>2132</v>
      </c>
      <c r="I2687">
        <v>43.06</v>
      </c>
      <c r="J2687">
        <v>9</v>
      </c>
      <c r="K2687">
        <v>15.61</v>
      </c>
    </row>
    <row r="2688" spans="1:11" x14ac:dyDescent="0.3">
      <c r="A2688" s="1">
        <v>42183</v>
      </c>
      <c r="B2688" s="3">
        <f t="shared" si="82"/>
        <v>6</v>
      </c>
      <c r="C2688" s="3">
        <f t="shared" si="83"/>
        <v>2015</v>
      </c>
      <c r="D2688" t="s">
        <v>1775</v>
      </c>
      <c r="E2688" t="s">
        <v>94</v>
      </c>
      <c r="F2688" t="s">
        <v>10</v>
      </c>
      <c r="G2688" t="s">
        <v>15</v>
      </c>
      <c r="H2688" t="s">
        <v>347</v>
      </c>
      <c r="I2688">
        <v>5.9</v>
      </c>
      <c r="J2688">
        <v>2</v>
      </c>
      <c r="K2688">
        <v>1.99</v>
      </c>
    </row>
    <row r="2689" spans="1:11" x14ac:dyDescent="0.3">
      <c r="A2689" s="1">
        <v>42183</v>
      </c>
      <c r="B2689" s="3">
        <f t="shared" si="82"/>
        <v>6</v>
      </c>
      <c r="C2689" s="3">
        <f t="shared" si="83"/>
        <v>2015</v>
      </c>
      <c r="D2689" t="s">
        <v>1775</v>
      </c>
      <c r="E2689" t="s">
        <v>94</v>
      </c>
      <c r="F2689" t="s">
        <v>33</v>
      </c>
      <c r="G2689" t="s">
        <v>46</v>
      </c>
      <c r="H2689" t="s">
        <v>669</v>
      </c>
      <c r="I2689">
        <v>621.76</v>
      </c>
      <c r="J2689">
        <v>4</v>
      </c>
      <c r="K2689">
        <v>46.63</v>
      </c>
    </row>
    <row r="2690" spans="1:11" x14ac:dyDescent="0.3">
      <c r="A2690" s="1">
        <v>42183</v>
      </c>
      <c r="B2690" s="3">
        <f t="shared" ref="B2690:B2753" si="84">MONTH(A:A)</f>
        <v>6</v>
      </c>
      <c r="C2690" s="3">
        <f t="shared" ref="C2690:C2753" si="85">YEAR(A:A)</f>
        <v>2015</v>
      </c>
      <c r="D2690" t="s">
        <v>1162</v>
      </c>
      <c r="E2690" t="s">
        <v>77</v>
      </c>
      <c r="F2690" t="s">
        <v>10</v>
      </c>
      <c r="G2690" t="s">
        <v>11</v>
      </c>
      <c r="H2690" t="s">
        <v>707</v>
      </c>
      <c r="I2690">
        <v>15.55</v>
      </c>
      <c r="J2690">
        <v>3</v>
      </c>
      <c r="K2690">
        <v>5.44</v>
      </c>
    </row>
    <row r="2691" spans="1:11" x14ac:dyDescent="0.3">
      <c r="A2691" s="1">
        <v>42183</v>
      </c>
      <c r="B2691" s="3">
        <f t="shared" si="84"/>
        <v>6</v>
      </c>
      <c r="C2691" s="3">
        <f t="shared" si="85"/>
        <v>2015</v>
      </c>
      <c r="D2691" t="s">
        <v>1162</v>
      </c>
      <c r="E2691" t="s">
        <v>77</v>
      </c>
      <c r="F2691" t="s">
        <v>33</v>
      </c>
      <c r="G2691" t="s">
        <v>73</v>
      </c>
      <c r="H2691" t="s">
        <v>2133</v>
      </c>
      <c r="I2691">
        <v>482.94</v>
      </c>
      <c r="J2691">
        <v>6</v>
      </c>
      <c r="K2691">
        <v>-376.69</v>
      </c>
    </row>
    <row r="2692" spans="1:11" x14ac:dyDescent="0.3">
      <c r="A2692" s="1">
        <v>42183</v>
      </c>
      <c r="B2692" s="3">
        <f t="shared" si="84"/>
        <v>6</v>
      </c>
      <c r="C2692" s="3">
        <f t="shared" si="85"/>
        <v>2015</v>
      </c>
      <c r="D2692" t="s">
        <v>412</v>
      </c>
      <c r="E2692" t="s">
        <v>29</v>
      </c>
      <c r="F2692" t="s">
        <v>10</v>
      </c>
      <c r="G2692" t="s">
        <v>19</v>
      </c>
      <c r="H2692" t="s">
        <v>887</v>
      </c>
      <c r="I2692">
        <v>119.56</v>
      </c>
      <c r="J2692">
        <v>2</v>
      </c>
      <c r="K2692">
        <v>55</v>
      </c>
    </row>
    <row r="2693" spans="1:11" x14ac:dyDescent="0.3">
      <c r="A2693" s="1">
        <v>42183</v>
      </c>
      <c r="B2693" s="3">
        <f t="shared" si="84"/>
        <v>6</v>
      </c>
      <c r="C2693" s="3">
        <f t="shared" si="85"/>
        <v>2015</v>
      </c>
      <c r="D2693" t="s">
        <v>412</v>
      </c>
      <c r="E2693" t="s">
        <v>29</v>
      </c>
      <c r="F2693" t="s">
        <v>10</v>
      </c>
      <c r="G2693" t="s">
        <v>23</v>
      </c>
      <c r="H2693" t="s">
        <v>2134</v>
      </c>
      <c r="I2693">
        <v>140.75</v>
      </c>
      <c r="J2693">
        <v>5</v>
      </c>
      <c r="K2693">
        <v>42.23</v>
      </c>
    </row>
    <row r="2694" spans="1:11" x14ac:dyDescent="0.3">
      <c r="A2694" s="1">
        <v>42184</v>
      </c>
      <c r="B2694" s="3">
        <f t="shared" si="84"/>
        <v>6</v>
      </c>
      <c r="C2694" s="3">
        <f t="shared" si="85"/>
        <v>2015</v>
      </c>
      <c r="D2694" t="s">
        <v>767</v>
      </c>
      <c r="E2694" t="s">
        <v>22</v>
      </c>
      <c r="F2694" t="s">
        <v>33</v>
      </c>
      <c r="G2694" t="s">
        <v>46</v>
      </c>
      <c r="H2694" t="s">
        <v>1645</v>
      </c>
      <c r="I2694">
        <v>20.100000000000001</v>
      </c>
      <c r="J2694">
        <v>1</v>
      </c>
      <c r="K2694">
        <v>1.76</v>
      </c>
    </row>
    <row r="2695" spans="1:11" x14ac:dyDescent="0.3">
      <c r="A2695" s="1">
        <v>42184</v>
      </c>
      <c r="B2695" s="3">
        <f t="shared" si="84"/>
        <v>6</v>
      </c>
      <c r="C2695" s="3">
        <f t="shared" si="85"/>
        <v>2015</v>
      </c>
      <c r="D2695" t="s">
        <v>513</v>
      </c>
      <c r="E2695" t="s">
        <v>148</v>
      </c>
      <c r="F2695" t="s">
        <v>10</v>
      </c>
      <c r="G2695" t="s">
        <v>11</v>
      </c>
      <c r="H2695" t="s">
        <v>2135</v>
      </c>
      <c r="I2695">
        <v>24.96</v>
      </c>
      <c r="J2695">
        <v>4</v>
      </c>
      <c r="K2695">
        <v>11.23</v>
      </c>
    </row>
    <row r="2696" spans="1:11" x14ac:dyDescent="0.3">
      <c r="A2696" s="1">
        <v>42184</v>
      </c>
      <c r="B2696" s="3">
        <f t="shared" si="84"/>
        <v>6</v>
      </c>
      <c r="C2696" s="3">
        <f t="shared" si="85"/>
        <v>2015</v>
      </c>
      <c r="D2696" t="s">
        <v>1022</v>
      </c>
      <c r="E2696" t="s">
        <v>148</v>
      </c>
      <c r="F2696" t="s">
        <v>33</v>
      </c>
      <c r="G2696" t="s">
        <v>34</v>
      </c>
      <c r="H2696" t="s">
        <v>370</v>
      </c>
      <c r="I2696">
        <v>117.88</v>
      </c>
      <c r="J2696">
        <v>1</v>
      </c>
      <c r="K2696">
        <v>1.31</v>
      </c>
    </row>
    <row r="2697" spans="1:11" x14ac:dyDescent="0.3">
      <c r="A2697" s="1">
        <v>42184</v>
      </c>
      <c r="B2697" s="3">
        <f t="shared" si="84"/>
        <v>6</v>
      </c>
      <c r="C2697" s="3">
        <f t="shared" si="85"/>
        <v>2015</v>
      </c>
      <c r="D2697" t="s">
        <v>304</v>
      </c>
      <c r="E2697" t="s">
        <v>995</v>
      </c>
      <c r="F2697" t="s">
        <v>38</v>
      </c>
      <c r="G2697" t="s">
        <v>39</v>
      </c>
      <c r="H2697" t="s">
        <v>346</v>
      </c>
      <c r="I2697">
        <v>269.98</v>
      </c>
      <c r="J2697">
        <v>2</v>
      </c>
      <c r="K2697">
        <v>72.89</v>
      </c>
    </row>
    <row r="2698" spans="1:11" x14ac:dyDescent="0.3">
      <c r="A2698" s="1">
        <v>42187</v>
      </c>
      <c r="B2698" s="3">
        <f t="shared" si="84"/>
        <v>7</v>
      </c>
      <c r="C2698" s="3">
        <f t="shared" si="85"/>
        <v>2015</v>
      </c>
      <c r="D2698" t="s">
        <v>288</v>
      </c>
      <c r="E2698" t="s">
        <v>9</v>
      </c>
      <c r="F2698" t="s">
        <v>10</v>
      </c>
      <c r="G2698" t="s">
        <v>91</v>
      </c>
      <c r="H2698" t="s">
        <v>198</v>
      </c>
      <c r="I2698">
        <v>32.78</v>
      </c>
      <c r="J2698">
        <v>4</v>
      </c>
      <c r="K2698">
        <v>-85.24</v>
      </c>
    </row>
    <row r="2699" spans="1:11" x14ac:dyDescent="0.3">
      <c r="A2699" s="1">
        <v>42187</v>
      </c>
      <c r="B2699" s="3">
        <f t="shared" si="84"/>
        <v>7</v>
      </c>
      <c r="C2699" s="3">
        <f t="shared" si="85"/>
        <v>2015</v>
      </c>
      <c r="D2699" t="s">
        <v>2136</v>
      </c>
      <c r="E2699" t="s">
        <v>14</v>
      </c>
      <c r="F2699" t="s">
        <v>33</v>
      </c>
      <c r="G2699" t="s">
        <v>34</v>
      </c>
      <c r="H2699" t="s">
        <v>1981</v>
      </c>
      <c r="I2699">
        <v>408.42</v>
      </c>
      <c r="J2699">
        <v>2</v>
      </c>
      <c r="K2699">
        <v>-5.83</v>
      </c>
    </row>
    <row r="2700" spans="1:11" x14ac:dyDescent="0.3">
      <c r="A2700" s="1">
        <v>42187</v>
      </c>
      <c r="B2700" s="3">
        <f t="shared" si="84"/>
        <v>7</v>
      </c>
      <c r="C2700" s="3">
        <f t="shared" si="85"/>
        <v>2015</v>
      </c>
      <c r="D2700" t="s">
        <v>2136</v>
      </c>
      <c r="E2700" t="s">
        <v>14</v>
      </c>
      <c r="F2700" t="s">
        <v>33</v>
      </c>
      <c r="G2700" t="s">
        <v>34</v>
      </c>
      <c r="H2700" t="s">
        <v>1479</v>
      </c>
      <c r="I2700">
        <v>382.12</v>
      </c>
      <c r="J2700">
        <v>6</v>
      </c>
      <c r="K2700">
        <v>-92.8</v>
      </c>
    </row>
    <row r="2701" spans="1:11" x14ac:dyDescent="0.3">
      <c r="A2701" s="1">
        <v>42187</v>
      </c>
      <c r="B2701" s="3">
        <f t="shared" si="84"/>
        <v>7</v>
      </c>
      <c r="C2701" s="3">
        <f t="shared" si="85"/>
        <v>2015</v>
      </c>
      <c r="D2701" t="s">
        <v>2136</v>
      </c>
      <c r="E2701" t="s">
        <v>14</v>
      </c>
      <c r="F2701" t="s">
        <v>10</v>
      </c>
      <c r="G2701" t="s">
        <v>17</v>
      </c>
      <c r="H2701" t="s">
        <v>1846</v>
      </c>
      <c r="I2701">
        <v>68.599999999999994</v>
      </c>
      <c r="J2701">
        <v>5</v>
      </c>
      <c r="K2701">
        <v>6</v>
      </c>
    </row>
    <row r="2702" spans="1:11" x14ac:dyDescent="0.3">
      <c r="A2702" s="1">
        <v>42187</v>
      </c>
      <c r="B2702" s="3">
        <f t="shared" si="84"/>
        <v>7</v>
      </c>
      <c r="C2702" s="3">
        <f t="shared" si="85"/>
        <v>2015</v>
      </c>
      <c r="D2702" t="s">
        <v>2136</v>
      </c>
      <c r="E2702" t="s">
        <v>14</v>
      </c>
      <c r="F2702" t="s">
        <v>10</v>
      </c>
      <c r="G2702" t="s">
        <v>17</v>
      </c>
      <c r="H2702" t="s">
        <v>1548</v>
      </c>
      <c r="I2702">
        <v>435.5</v>
      </c>
      <c r="J2702">
        <v>3</v>
      </c>
      <c r="K2702">
        <v>48.99</v>
      </c>
    </row>
    <row r="2703" spans="1:11" x14ac:dyDescent="0.3">
      <c r="A2703" s="1">
        <v>42187</v>
      </c>
      <c r="B2703" s="3">
        <f t="shared" si="84"/>
        <v>7</v>
      </c>
      <c r="C2703" s="3">
        <f t="shared" si="85"/>
        <v>2015</v>
      </c>
      <c r="D2703" t="s">
        <v>2136</v>
      </c>
      <c r="E2703" t="s">
        <v>14</v>
      </c>
      <c r="F2703" t="s">
        <v>10</v>
      </c>
      <c r="G2703" t="s">
        <v>11</v>
      </c>
      <c r="H2703" t="s">
        <v>1064</v>
      </c>
      <c r="I2703">
        <v>11.17</v>
      </c>
      <c r="J2703">
        <v>2</v>
      </c>
      <c r="K2703">
        <v>3.77</v>
      </c>
    </row>
    <row r="2704" spans="1:11" x14ac:dyDescent="0.3">
      <c r="A2704" s="1">
        <v>42187</v>
      </c>
      <c r="B2704" s="3">
        <f t="shared" si="84"/>
        <v>7</v>
      </c>
      <c r="C2704" s="3">
        <f t="shared" si="85"/>
        <v>2015</v>
      </c>
      <c r="D2704" t="s">
        <v>1177</v>
      </c>
      <c r="E2704" t="s">
        <v>122</v>
      </c>
      <c r="F2704" t="s">
        <v>10</v>
      </c>
      <c r="G2704" t="s">
        <v>11</v>
      </c>
      <c r="H2704" t="s">
        <v>624</v>
      </c>
      <c r="I2704">
        <v>11.95</v>
      </c>
      <c r="J2704">
        <v>3</v>
      </c>
      <c r="K2704">
        <v>4.03</v>
      </c>
    </row>
    <row r="2705" spans="1:11" x14ac:dyDescent="0.3">
      <c r="A2705" s="1">
        <v>42187</v>
      </c>
      <c r="B2705" s="3">
        <f t="shared" si="84"/>
        <v>7</v>
      </c>
      <c r="C2705" s="3">
        <f t="shared" si="85"/>
        <v>2015</v>
      </c>
      <c r="D2705" t="s">
        <v>1177</v>
      </c>
      <c r="E2705" t="s">
        <v>122</v>
      </c>
      <c r="F2705" t="s">
        <v>10</v>
      </c>
      <c r="G2705" t="s">
        <v>11</v>
      </c>
      <c r="H2705" t="s">
        <v>330</v>
      </c>
      <c r="I2705">
        <v>15.55</v>
      </c>
      <c r="J2705">
        <v>3</v>
      </c>
      <c r="K2705">
        <v>5.64</v>
      </c>
    </row>
    <row r="2706" spans="1:11" x14ac:dyDescent="0.3">
      <c r="A2706" s="1">
        <v>42187</v>
      </c>
      <c r="B2706" s="3">
        <f t="shared" si="84"/>
        <v>7</v>
      </c>
      <c r="C2706" s="3">
        <f t="shared" si="85"/>
        <v>2015</v>
      </c>
      <c r="D2706" t="s">
        <v>214</v>
      </c>
      <c r="E2706" t="s">
        <v>148</v>
      </c>
      <c r="F2706" t="s">
        <v>10</v>
      </c>
      <c r="G2706" t="s">
        <v>11</v>
      </c>
      <c r="H2706" t="s">
        <v>454</v>
      </c>
      <c r="I2706">
        <v>19.440000000000001</v>
      </c>
      <c r="J2706">
        <v>3</v>
      </c>
      <c r="K2706">
        <v>9.33</v>
      </c>
    </row>
    <row r="2707" spans="1:11" x14ac:dyDescent="0.3">
      <c r="A2707" s="1">
        <v>42187</v>
      </c>
      <c r="B2707" s="3">
        <f t="shared" si="84"/>
        <v>7</v>
      </c>
      <c r="C2707" s="3">
        <f t="shared" si="85"/>
        <v>2015</v>
      </c>
      <c r="D2707" t="s">
        <v>1326</v>
      </c>
      <c r="E2707" t="s">
        <v>244</v>
      </c>
      <c r="F2707" t="s">
        <v>38</v>
      </c>
      <c r="G2707" t="s">
        <v>39</v>
      </c>
      <c r="H2707" t="s">
        <v>744</v>
      </c>
      <c r="I2707">
        <v>74.239999999999995</v>
      </c>
      <c r="J2707">
        <v>1</v>
      </c>
      <c r="K2707">
        <v>8.35</v>
      </c>
    </row>
    <row r="2708" spans="1:11" x14ac:dyDescent="0.3">
      <c r="A2708" s="1">
        <v>42187</v>
      </c>
      <c r="B2708" s="3">
        <f t="shared" si="84"/>
        <v>7</v>
      </c>
      <c r="C2708" s="3">
        <f t="shared" si="85"/>
        <v>2015</v>
      </c>
      <c r="D2708" t="s">
        <v>1326</v>
      </c>
      <c r="E2708" t="s">
        <v>244</v>
      </c>
      <c r="F2708" t="s">
        <v>33</v>
      </c>
      <c r="G2708" t="s">
        <v>46</v>
      </c>
      <c r="H2708" t="s">
        <v>687</v>
      </c>
      <c r="I2708">
        <v>159.84</v>
      </c>
      <c r="J2708">
        <v>10</v>
      </c>
      <c r="K2708">
        <v>45.95</v>
      </c>
    </row>
    <row r="2709" spans="1:11" x14ac:dyDescent="0.3">
      <c r="A2709" s="1">
        <v>42187</v>
      </c>
      <c r="B2709" s="3">
        <f t="shared" si="84"/>
        <v>7</v>
      </c>
      <c r="C2709" s="3">
        <f t="shared" si="85"/>
        <v>2015</v>
      </c>
      <c r="D2709" t="s">
        <v>1326</v>
      </c>
      <c r="E2709" t="s">
        <v>244</v>
      </c>
      <c r="F2709" t="s">
        <v>10</v>
      </c>
      <c r="G2709" t="s">
        <v>19</v>
      </c>
      <c r="H2709" t="s">
        <v>188</v>
      </c>
      <c r="I2709">
        <v>2.89</v>
      </c>
      <c r="J2709">
        <v>2</v>
      </c>
      <c r="K2709">
        <v>-2.31</v>
      </c>
    </row>
    <row r="2710" spans="1:11" x14ac:dyDescent="0.3">
      <c r="A2710" s="1">
        <v>42187</v>
      </c>
      <c r="B2710" s="3">
        <f t="shared" si="84"/>
        <v>7</v>
      </c>
      <c r="C2710" s="3">
        <f t="shared" si="85"/>
        <v>2015</v>
      </c>
      <c r="D2710" t="s">
        <v>1326</v>
      </c>
      <c r="E2710" t="s">
        <v>244</v>
      </c>
      <c r="F2710" t="s">
        <v>10</v>
      </c>
      <c r="G2710" t="s">
        <v>11</v>
      </c>
      <c r="H2710" t="s">
        <v>2075</v>
      </c>
      <c r="I2710">
        <v>9.39</v>
      </c>
      <c r="J2710">
        <v>2</v>
      </c>
      <c r="K2710">
        <v>3.29</v>
      </c>
    </row>
    <row r="2711" spans="1:11" x14ac:dyDescent="0.3">
      <c r="A2711" s="1">
        <v>42188</v>
      </c>
      <c r="B2711" s="3">
        <f t="shared" si="84"/>
        <v>7</v>
      </c>
      <c r="C2711" s="3">
        <f t="shared" si="85"/>
        <v>2015</v>
      </c>
      <c r="D2711" t="s">
        <v>2137</v>
      </c>
      <c r="E2711" t="s">
        <v>32</v>
      </c>
      <c r="F2711" t="s">
        <v>33</v>
      </c>
      <c r="G2711" t="s">
        <v>34</v>
      </c>
      <c r="H2711" t="s">
        <v>2138</v>
      </c>
      <c r="I2711">
        <v>70.98</v>
      </c>
      <c r="J2711">
        <v>1</v>
      </c>
      <c r="K2711">
        <v>4.97</v>
      </c>
    </row>
    <row r="2712" spans="1:11" x14ac:dyDescent="0.3">
      <c r="A2712" s="1">
        <v>42188</v>
      </c>
      <c r="B2712" s="3">
        <f t="shared" si="84"/>
        <v>7</v>
      </c>
      <c r="C2712" s="3">
        <f t="shared" si="85"/>
        <v>2015</v>
      </c>
      <c r="D2712" t="s">
        <v>2137</v>
      </c>
      <c r="E2712" t="s">
        <v>32</v>
      </c>
      <c r="F2712" t="s">
        <v>10</v>
      </c>
      <c r="G2712" t="s">
        <v>15</v>
      </c>
      <c r="H2712" t="s">
        <v>813</v>
      </c>
      <c r="I2712">
        <v>294.93</v>
      </c>
      <c r="J2712">
        <v>3</v>
      </c>
      <c r="K2712">
        <v>144.52000000000001</v>
      </c>
    </row>
    <row r="2713" spans="1:11" x14ac:dyDescent="0.3">
      <c r="A2713" s="1">
        <v>42188</v>
      </c>
      <c r="B2713" s="3">
        <f t="shared" si="84"/>
        <v>7</v>
      </c>
      <c r="C2713" s="3">
        <f t="shared" si="85"/>
        <v>2015</v>
      </c>
      <c r="D2713" t="s">
        <v>1543</v>
      </c>
      <c r="E2713" t="s">
        <v>22</v>
      </c>
      <c r="F2713" t="s">
        <v>33</v>
      </c>
      <c r="G2713" t="s">
        <v>46</v>
      </c>
      <c r="H2713" t="s">
        <v>2139</v>
      </c>
      <c r="I2713">
        <v>168.46</v>
      </c>
      <c r="J2713">
        <v>2</v>
      </c>
      <c r="K2713">
        <v>-29.48</v>
      </c>
    </row>
    <row r="2714" spans="1:11" x14ac:dyDescent="0.3">
      <c r="A2714" s="1">
        <v>42188</v>
      </c>
      <c r="B2714" s="3">
        <f t="shared" si="84"/>
        <v>7</v>
      </c>
      <c r="C2714" s="3">
        <f t="shared" si="85"/>
        <v>2015</v>
      </c>
      <c r="D2714" t="s">
        <v>1543</v>
      </c>
      <c r="E2714" t="s">
        <v>22</v>
      </c>
      <c r="F2714" t="s">
        <v>10</v>
      </c>
      <c r="G2714" t="s">
        <v>11</v>
      </c>
      <c r="H2714" t="s">
        <v>2140</v>
      </c>
      <c r="I2714">
        <v>6.72</v>
      </c>
      <c r="J2714">
        <v>2</v>
      </c>
      <c r="K2714">
        <v>2.44</v>
      </c>
    </row>
    <row r="2715" spans="1:11" x14ac:dyDescent="0.3">
      <c r="A2715" s="1">
        <v>42188</v>
      </c>
      <c r="B2715" s="3">
        <f t="shared" si="84"/>
        <v>7</v>
      </c>
      <c r="C2715" s="3">
        <f t="shared" si="85"/>
        <v>2015</v>
      </c>
      <c r="D2715" t="s">
        <v>1543</v>
      </c>
      <c r="E2715" t="s">
        <v>22</v>
      </c>
      <c r="F2715" t="s">
        <v>33</v>
      </c>
      <c r="G2715" t="s">
        <v>46</v>
      </c>
      <c r="H2715" t="s">
        <v>2141</v>
      </c>
      <c r="I2715">
        <v>282.89</v>
      </c>
      <c r="J2715">
        <v>9</v>
      </c>
      <c r="K2715">
        <v>56.58</v>
      </c>
    </row>
    <row r="2716" spans="1:11" x14ac:dyDescent="0.3">
      <c r="A2716" s="1">
        <v>42189</v>
      </c>
      <c r="B2716" s="3">
        <f t="shared" si="84"/>
        <v>7</v>
      </c>
      <c r="C2716" s="3">
        <f t="shared" si="85"/>
        <v>2015</v>
      </c>
      <c r="D2716" t="s">
        <v>1802</v>
      </c>
      <c r="E2716" t="s">
        <v>156</v>
      </c>
      <c r="F2716" t="s">
        <v>38</v>
      </c>
      <c r="G2716" t="s">
        <v>39</v>
      </c>
      <c r="H2716" t="s">
        <v>2142</v>
      </c>
      <c r="I2716">
        <v>1099.96</v>
      </c>
      <c r="J2716">
        <v>4</v>
      </c>
      <c r="K2716">
        <v>285.99</v>
      </c>
    </row>
    <row r="2717" spans="1:11" x14ac:dyDescent="0.3">
      <c r="A2717" s="1">
        <v>42189</v>
      </c>
      <c r="B2717" s="3">
        <f t="shared" si="84"/>
        <v>7</v>
      </c>
      <c r="C2717" s="3">
        <f t="shared" si="85"/>
        <v>2015</v>
      </c>
      <c r="D2717" t="s">
        <v>1664</v>
      </c>
      <c r="E2717" t="s">
        <v>148</v>
      </c>
      <c r="F2717" t="s">
        <v>10</v>
      </c>
      <c r="G2717" t="s">
        <v>23</v>
      </c>
      <c r="H2717" t="s">
        <v>2143</v>
      </c>
      <c r="I2717">
        <v>15.48</v>
      </c>
      <c r="J2717">
        <v>3</v>
      </c>
      <c r="K2717">
        <v>4.49</v>
      </c>
    </row>
    <row r="2718" spans="1:11" x14ac:dyDescent="0.3">
      <c r="A2718" s="1">
        <v>42189</v>
      </c>
      <c r="B2718" s="3">
        <f t="shared" si="84"/>
        <v>7</v>
      </c>
      <c r="C2718" s="3">
        <f t="shared" si="85"/>
        <v>2015</v>
      </c>
      <c r="D2718" t="s">
        <v>1368</v>
      </c>
      <c r="E2718" t="s">
        <v>26</v>
      </c>
      <c r="F2718" t="s">
        <v>10</v>
      </c>
      <c r="G2718" t="s">
        <v>19</v>
      </c>
      <c r="H2718" t="s">
        <v>818</v>
      </c>
      <c r="I2718">
        <v>22.85</v>
      </c>
      <c r="J2718">
        <v>2</v>
      </c>
      <c r="K2718">
        <v>7.43</v>
      </c>
    </row>
    <row r="2719" spans="1:11" x14ac:dyDescent="0.3">
      <c r="A2719" s="1">
        <v>42190</v>
      </c>
      <c r="B2719" s="3">
        <f t="shared" si="84"/>
        <v>7</v>
      </c>
      <c r="C2719" s="3">
        <f t="shared" si="85"/>
        <v>2015</v>
      </c>
      <c r="D2719" t="s">
        <v>958</v>
      </c>
      <c r="E2719" t="s">
        <v>244</v>
      </c>
      <c r="F2719" t="s">
        <v>33</v>
      </c>
      <c r="G2719" t="s">
        <v>46</v>
      </c>
      <c r="H2719" t="s">
        <v>1789</v>
      </c>
      <c r="I2719">
        <v>4.93</v>
      </c>
      <c r="J2719">
        <v>2</v>
      </c>
      <c r="K2719">
        <v>0.74</v>
      </c>
    </row>
    <row r="2720" spans="1:11" x14ac:dyDescent="0.3">
      <c r="A2720" s="1">
        <v>42190</v>
      </c>
      <c r="B2720" s="3">
        <f t="shared" si="84"/>
        <v>7</v>
      </c>
      <c r="C2720" s="3">
        <f t="shared" si="85"/>
        <v>2015</v>
      </c>
      <c r="D2720" t="s">
        <v>958</v>
      </c>
      <c r="E2720" t="s">
        <v>244</v>
      </c>
      <c r="F2720" t="s">
        <v>10</v>
      </c>
      <c r="G2720" t="s">
        <v>19</v>
      </c>
      <c r="H2720" t="s">
        <v>188</v>
      </c>
      <c r="I2720">
        <v>7.23</v>
      </c>
      <c r="J2720">
        <v>5</v>
      </c>
      <c r="K2720">
        <v>-5.78</v>
      </c>
    </row>
    <row r="2721" spans="1:11" x14ac:dyDescent="0.3">
      <c r="A2721" s="1">
        <v>42190</v>
      </c>
      <c r="B2721" s="3">
        <f t="shared" si="84"/>
        <v>7</v>
      </c>
      <c r="C2721" s="3">
        <f t="shared" si="85"/>
        <v>2015</v>
      </c>
      <c r="D2721" t="s">
        <v>2144</v>
      </c>
      <c r="E2721" t="s">
        <v>109</v>
      </c>
      <c r="F2721" t="s">
        <v>10</v>
      </c>
      <c r="G2721" t="s">
        <v>19</v>
      </c>
      <c r="H2721" t="s">
        <v>2145</v>
      </c>
      <c r="I2721">
        <v>19</v>
      </c>
      <c r="J2721">
        <v>5</v>
      </c>
      <c r="K2721">
        <v>8.93</v>
      </c>
    </row>
    <row r="2722" spans="1:11" x14ac:dyDescent="0.3">
      <c r="A2722" s="1">
        <v>42190</v>
      </c>
      <c r="B2722" s="3">
        <f t="shared" si="84"/>
        <v>7</v>
      </c>
      <c r="C2722" s="3">
        <f t="shared" si="85"/>
        <v>2015</v>
      </c>
      <c r="D2722" t="s">
        <v>1171</v>
      </c>
      <c r="E2722" t="s">
        <v>22</v>
      </c>
      <c r="F2722" t="s">
        <v>38</v>
      </c>
      <c r="G2722" t="s">
        <v>51</v>
      </c>
      <c r="H2722" t="s">
        <v>1659</v>
      </c>
      <c r="I2722">
        <v>34.799999999999997</v>
      </c>
      <c r="J2722">
        <v>3</v>
      </c>
      <c r="K2722">
        <v>2.1800000000000002</v>
      </c>
    </row>
    <row r="2723" spans="1:11" x14ac:dyDescent="0.3">
      <c r="A2723" s="1">
        <v>42190</v>
      </c>
      <c r="B2723" s="3">
        <f t="shared" si="84"/>
        <v>7</v>
      </c>
      <c r="C2723" s="3">
        <f t="shared" si="85"/>
        <v>2015</v>
      </c>
      <c r="D2723" t="s">
        <v>1171</v>
      </c>
      <c r="E2723" t="s">
        <v>22</v>
      </c>
      <c r="F2723" t="s">
        <v>10</v>
      </c>
      <c r="G2723" t="s">
        <v>17</v>
      </c>
      <c r="H2723" t="s">
        <v>178</v>
      </c>
      <c r="I2723">
        <v>38.979999999999997</v>
      </c>
      <c r="J2723">
        <v>3</v>
      </c>
      <c r="K2723">
        <v>-2.44</v>
      </c>
    </row>
    <row r="2724" spans="1:11" x14ac:dyDescent="0.3">
      <c r="A2724" s="1">
        <v>42190</v>
      </c>
      <c r="B2724" s="3">
        <f t="shared" si="84"/>
        <v>7</v>
      </c>
      <c r="C2724" s="3">
        <f t="shared" si="85"/>
        <v>2015</v>
      </c>
      <c r="D2724" t="s">
        <v>489</v>
      </c>
      <c r="E2724" t="s">
        <v>244</v>
      </c>
      <c r="F2724" t="s">
        <v>33</v>
      </c>
      <c r="G2724" t="s">
        <v>46</v>
      </c>
      <c r="H2724" t="s">
        <v>1789</v>
      </c>
      <c r="I2724">
        <v>4.93</v>
      </c>
      <c r="J2724">
        <v>2</v>
      </c>
      <c r="K2724">
        <v>0.74</v>
      </c>
    </row>
    <row r="2725" spans="1:11" x14ac:dyDescent="0.3">
      <c r="A2725" s="1">
        <v>42190</v>
      </c>
      <c r="B2725" s="3">
        <f t="shared" si="84"/>
        <v>7</v>
      </c>
      <c r="C2725" s="3">
        <f t="shared" si="85"/>
        <v>2015</v>
      </c>
      <c r="D2725" t="s">
        <v>489</v>
      </c>
      <c r="E2725" t="s">
        <v>244</v>
      </c>
      <c r="F2725" t="s">
        <v>10</v>
      </c>
      <c r="G2725" t="s">
        <v>15</v>
      </c>
      <c r="H2725" t="s">
        <v>16</v>
      </c>
      <c r="I2725">
        <v>11.78</v>
      </c>
      <c r="J2725">
        <v>3</v>
      </c>
      <c r="K2725">
        <v>4.2699999999999996</v>
      </c>
    </row>
    <row r="2726" spans="1:11" x14ac:dyDescent="0.3">
      <c r="A2726" s="1">
        <v>42191</v>
      </c>
      <c r="B2726" s="3">
        <f t="shared" si="84"/>
        <v>7</v>
      </c>
      <c r="C2726" s="3">
        <f t="shared" si="85"/>
        <v>2015</v>
      </c>
      <c r="D2726" t="s">
        <v>2146</v>
      </c>
      <c r="E2726" t="s">
        <v>148</v>
      </c>
      <c r="F2726" t="s">
        <v>33</v>
      </c>
      <c r="G2726" t="s">
        <v>46</v>
      </c>
      <c r="H2726" t="s">
        <v>562</v>
      </c>
      <c r="I2726">
        <v>13.96</v>
      </c>
      <c r="J2726">
        <v>2</v>
      </c>
      <c r="K2726">
        <v>6.7</v>
      </c>
    </row>
    <row r="2727" spans="1:11" x14ac:dyDescent="0.3">
      <c r="A2727" s="1">
        <v>42191</v>
      </c>
      <c r="B2727" s="3">
        <f t="shared" si="84"/>
        <v>7</v>
      </c>
      <c r="C2727" s="3">
        <f t="shared" si="85"/>
        <v>2015</v>
      </c>
      <c r="D2727" t="s">
        <v>2146</v>
      </c>
      <c r="E2727" t="s">
        <v>148</v>
      </c>
      <c r="F2727" t="s">
        <v>33</v>
      </c>
      <c r="G2727" t="s">
        <v>46</v>
      </c>
      <c r="H2727" t="s">
        <v>56</v>
      </c>
      <c r="I2727">
        <v>155.82</v>
      </c>
      <c r="J2727">
        <v>3</v>
      </c>
      <c r="K2727">
        <v>63.89</v>
      </c>
    </row>
    <row r="2728" spans="1:11" x14ac:dyDescent="0.3">
      <c r="A2728" s="1">
        <v>42191</v>
      </c>
      <c r="B2728" s="3">
        <f t="shared" si="84"/>
        <v>7</v>
      </c>
      <c r="C2728" s="3">
        <f t="shared" si="85"/>
        <v>2015</v>
      </c>
      <c r="D2728" t="s">
        <v>2146</v>
      </c>
      <c r="E2728" t="s">
        <v>148</v>
      </c>
      <c r="F2728" t="s">
        <v>38</v>
      </c>
      <c r="G2728" t="s">
        <v>39</v>
      </c>
      <c r="H2728" t="s">
        <v>1635</v>
      </c>
      <c r="I2728">
        <v>124.95</v>
      </c>
      <c r="J2728">
        <v>5</v>
      </c>
      <c r="K2728">
        <v>2.5</v>
      </c>
    </row>
    <row r="2729" spans="1:11" x14ac:dyDescent="0.3">
      <c r="A2729" s="1">
        <v>42191</v>
      </c>
      <c r="B2729" s="3">
        <f t="shared" si="84"/>
        <v>7</v>
      </c>
      <c r="C2729" s="3">
        <f t="shared" si="85"/>
        <v>2015</v>
      </c>
      <c r="D2729" t="s">
        <v>2146</v>
      </c>
      <c r="E2729" t="s">
        <v>148</v>
      </c>
      <c r="F2729" t="s">
        <v>10</v>
      </c>
      <c r="G2729" t="s">
        <v>17</v>
      </c>
      <c r="H2729" t="s">
        <v>2147</v>
      </c>
      <c r="I2729">
        <v>601.65</v>
      </c>
      <c r="J2729">
        <v>5</v>
      </c>
      <c r="K2729">
        <v>156.43</v>
      </c>
    </row>
    <row r="2730" spans="1:11" x14ac:dyDescent="0.3">
      <c r="A2730" s="1">
        <v>42191</v>
      </c>
      <c r="B2730" s="3">
        <f t="shared" si="84"/>
        <v>7</v>
      </c>
      <c r="C2730" s="3">
        <f t="shared" si="85"/>
        <v>2015</v>
      </c>
      <c r="D2730" t="s">
        <v>1180</v>
      </c>
      <c r="E2730" t="s">
        <v>433</v>
      </c>
      <c r="F2730" t="s">
        <v>33</v>
      </c>
      <c r="G2730" t="s">
        <v>73</v>
      </c>
      <c r="H2730" t="s">
        <v>2148</v>
      </c>
      <c r="I2730">
        <v>301.95999999999998</v>
      </c>
      <c r="J2730">
        <v>2</v>
      </c>
      <c r="K2730">
        <v>60.39</v>
      </c>
    </row>
    <row r="2731" spans="1:11" x14ac:dyDescent="0.3">
      <c r="A2731" s="1">
        <v>42191</v>
      </c>
      <c r="B2731" s="3">
        <f t="shared" si="84"/>
        <v>7</v>
      </c>
      <c r="C2731" s="3">
        <f t="shared" si="85"/>
        <v>2015</v>
      </c>
      <c r="D2731" t="s">
        <v>1915</v>
      </c>
      <c r="E2731" t="s">
        <v>26</v>
      </c>
      <c r="F2731" t="s">
        <v>33</v>
      </c>
      <c r="G2731" t="s">
        <v>34</v>
      </c>
      <c r="H2731" t="s">
        <v>2024</v>
      </c>
      <c r="I2731">
        <v>170.35</v>
      </c>
      <c r="J2731">
        <v>3</v>
      </c>
      <c r="K2731">
        <v>-17.04</v>
      </c>
    </row>
    <row r="2732" spans="1:11" x14ac:dyDescent="0.3">
      <c r="A2732" s="1">
        <v>42191</v>
      </c>
      <c r="B2732" s="3">
        <f t="shared" si="84"/>
        <v>7</v>
      </c>
      <c r="C2732" s="3">
        <f t="shared" si="85"/>
        <v>2015</v>
      </c>
      <c r="D2732" t="s">
        <v>958</v>
      </c>
      <c r="E2732" t="s">
        <v>176</v>
      </c>
      <c r="F2732" t="s">
        <v>10</v>
      </c>
      <c r="G2732" t="s">
        <v>23</v>
      </c>
      <c r="H2732" t="s">
        <v>325</v>
      </c>
      <c r="I2732">
        <v>11.12</v>
      </c>
      <c r="J2732">
        <v>4</v>
      </c>
      <c r="K2732">
        <v>2.89</v>
      </c>
    </row>
    <row r="2733" spans="1:11" x14ac:dyDescent="0.3">
      <c r="A2733" s="1">
        <v>42193</v>
      </c>
      <c r="B2733" s="3">
        <f t="shared" si="84"/>
        <v>7</v>
      </c>
      <c r="C2733" s="3">
        <f t="shared" si="85"/>
        <v>2015</v>
      </c>
      <c r="D2733" t="s">
        <v>1302</v>
      </c>
      <c r="E2733" t="s">
        <v>9</v>
      </c>
      <c r="F2733" t="s">
        <v>10</v>
      </c>
      <c r="G2733" t="s">
        <v>11</v>
      </c>
      <c r="H2733" t="s">
        <v>437</v>
      </c>
      <c r="I2733">
        <v>21.12</v>
      </c>
      <c r="J2733">
        <v>5</v>
      </c>
      <c r="K2733">
        <v>6.6</v>
      </c>
    </row>
    <row r="2734" spans="1:11" x14ac:dyDescent="0.3">
      <c r="A2734" s="1">
        <v>42194</v>
      </c>
      <c r="B2734" s="3">
        <f t="shared" si="84"/>
        <v>7</v>
      </c>
      <c r="C2734" s="3">
        <f t="shared" si="85"/>
        <v>2015</v>
      </c>
      <c r="D2734" t="s">
        <v>1882</v>
      </c>
      <c r="E2734" t="s">
        <v>433</v>
      </c>
      <c r="F2734" t="s">
        <v>10</v>
      </c>
      <c r="G2734" t="s">
        <v>11</v>
      </c>
      <c r="H2734" t="s">
        <v>1672</v>
      </c>
      <c r="I2734">
        <v>6.58</v>
      </c>
      <c r="J2734">
        <v>2</v>
      </c>
      <c r="K2734">
        <v>3.03</v>
      </c>
    </row>
    <row r="2735" spans="1:11" x14ac:dyDescent="0.3">
      <c r="A2735" s="1">
        <v>42194</v>
      </c>
      <c r="B2735" s="3">
        <f t="shared" si="84"/>
        <v>7</v>
      </c>
      <c r="C2735" s="3">
        <f t="shared" si="85"/>
        <v>2015</v>
      </c>
      <c r="D2735" t="s">
        <v>1882</v>
      </c>
      <c r="E2735" t="s">
        <v>433</v>
      </c>
      <c r="F2735" t="s">
        <v>10</v>
      </c>
      <c r="G2735" t="s">
        <v>19</v>
      </c>
      <c r="H2735" t="s">
        <v>361</v>
      </c>
      <c r="I2735">
        <v>122.94</v>
      </c>
      <c r="J2735">
        <v>3</v>
      </c>
      <c r="K2735">
        <v>59.01</v>
      </c>
    </row>
    <row r="2736" spans="1:11" x14ac:dyDescent="0.3">
      <c r="A2736" s="1">
        <v>42194</v>
      </c>
      <c r="B2736" s="3">
        <f t="shared" si="84"/>
        <v>7</v>
      </c>
      <c r="C2736" s="3">
        <f t="shared" si="85"/>
        <v>2015</v>
      </c>
      <c r="D2736" t="s">
        <v>621</v>
      </c>
      <c r="E2736" t="s">
        <v>119</v>
      </c>
      <c r="F2736" t="s">
        <v>10</v>
      </c>
      <c r="G2736" t="s">
        <v>23</v>
      </c>
      <c r="H2736" t="s">
        <v>538</v>
      </c>
      <c r="I2736">
        <v>5.16</v>
      </c>
      <c r="J2736">
        <v>3</v>
      </c>
      <c r="K2736">
        <v>0.84</v>
      </c>
    </row>
    <row r="2737" spans="1:11" x14ac:dyDescent="0.3">
      <c r="A2737" s="1">
        <v>42194</v>
      </c>
      <c r="B2737" s="3">
        <f t="shared" si="84"/>
        <v>7</v>
      </c>
      <c r="C2737" s="3">
        <f t="shared" si="85"/>
        <v>2015</v>
      </c>
      <c r="D2737" t="s">
        <v>1718</v>
      </c>
      <c r="E2737" t="s">
        <v>530</v>
      </c>
      <c r="F2737" t="s">
        <v>10</v>
      </c>
      <c r="G2737" t="s">
        <v>42</v>
      </c>
      <c r="H2737" t="s">
        <v>1507</v>
      </c>
      <c r="I2737">
        <v>15.8</v>
      </c>
      <c r="J2737">
        <v>4</v>
      </c>
      <c r="K2737">
        <v>5.0599999999999996</v>
      </c>
    </row>
    <row r="2738" spans="1:11" x14ac:dyDescent="0.3">
      <c r="A2738" s="1">
        <v>42194</v>
      </c>
      <c r="B2738" s="3">
        <f t="shared" si="84"/>
        <v>7</v>
      </c>
      <c r="C2738" s="3">
        <f t="shared" si="85"/>
        <v>2015</v>
      </c>
      <c r="D2738" t="s">
        <v>1718</v>
      </c>
      <c r="E2738" t="s">
        <v>530</v>
      </c>
      <c r="F2738" t="s">
        <v>38</v>
      </c>
      <c r="G2738" t="s">
        <v>301</v>
      </c>
      <c r="H2738" t="s">
        <v>2149</v>
      </c>
      <c r="I2738">
        <v>464.97</v>
      </c>
      <c r="J2738">
        <v>3</v>
      </c>
      <c r="K2738">
        <v>209.24</v>
      </c>
    </row>
    <row r="2739" spans="1:11" x14ac:dyDescent="0.3">
      <c r="A2739" s="1">
        <v>42194</v>
      </c>
      <c r="B2739" s="3">
        <f t="shared" si="84"/>
        <v>7</v>
      </c>
      <c r="C2739" s="3">
        <f t="shared" si="85"/>
        <v>2015</v>
      </c>
      <c r="D2739" t="s">
        <v>1718</v>
      </c>
      <c r="E2739" t="s">
        <v>530</v>
      </c>
      <c r="F2739" t="s">
        <v>33</v>
      </c>
      <c r="G2739" t="s">
        <v>46</v>
      </c>
      <c r="H2739" t="s">
        <v>111</v>
      </c>
      <c r="I2739">
        <v>181.96</v>
      </c>
      <c r="J2739">
        <v>2</v>
      </c>
      <c r="K2739">
        <v>20.02</v>
      </c>
    </row>
    <row r="2740" spans="1:11" x14ac:dyDescent="0.3">
      <c r="A2740" s="1">
        <v>42194</v>
      </c>
      <c r="B2740" s="3">
        <f t="shared" si="84"/>
        <v>7</v>
      </c>
      <c r="C2740" s="3">
        <f t="shared" si="85"/>
        <v>2015</v>
      </c>
      <c r="D2740" t="s">
        <v>1718</v>
      </c>
      <c r="E2740" t="s">
        <v>530</v>
      </c>
      <c r="F2740" t="s">
        <v>10</v>
      </c>
      <c r="G2740" t="s">
        <v>15</v>
      </c>
      <c r="H2740" t="s">
        <v>2150</v>
      </c>
      <c r="I2740">
        <v>12.39</v>
      </c>
      <c r="J2740">
        <v>3</v>
      </c>
      <c r="K2740">
        <v>5.7</v>
      </c>
    </row>
    <row r="2741" spans="1:11" x14ac:dyDescent="0.3">
      <c r="A2741" s="1">
        <v>42194</v>
      </c>
      <c r="B2741" s="3">
        <f t="shared" si="84"/>
        <v>7</v>
      </c>
      <c r="C2741" s="3">
        <f t="shared" si="85"/>
        <v>2015</v>
      </c>
      <c r="D2741" t="s">
        <v>1718</v>
      </c>
      <c r="E2741" t="s">
        <v>530</v>
      </c>
      <c r="F2741" t="s">
        <v>10</v>
      </c>
      <c r="G2741" t="s">
        <v>19</v>
      </c>
      <c r="H2741" t="s">
        <v>1111</v>
      </c>
      <c r="I2741">
        <v>84.09</v>
      </c>
      <c r="J2741">
        <v>3</v>
      </c>
      <c r="K2741">
        <v>42.05</v>
      </c>
    </row>
    <row r="2742" spans="1:11" x14ac:dyDescent="0.3">
      <c r="A2742" s="1">
        <v>42194</v>
      </c>
      <c r="B2742" s="3">
        <f t="shared" si="84"/>
        <v>7</v>
      </c>
      <c r="C2742" s="3">
        <f t="shared" si="85"/>
        <v>2015</v>
      </c>
      <c r="D2742" t="s">
        <v>1718</v>
      </c>
      <c r="E2742" t="s">
        <v>530</v>
      </c>
      <c r="F2742" t="s">
        <v>10</v>
      </c>
      <c r="G2742" t="s">
        <v>23</v>
      </c>
      <c r="H2742" t="s">
        <v>525</v>
      </c>
      <c r="I2742">
        <v>79.36</v>
      </c>
      <c r="J2742">
        <v>4</v>
      </c>
      <c r="K2742">
        <v>32.54</v>
      </c>
    </row>
    <row r="2743" spans="1:11" x14ac:dyDescent="0.3">
      <c r="A2743" s="1">
        <v>42194</v>
      </c>
      <c r="B2743" s="3">
        <f t="shared" si="84"/>
        <v>7</v>
      </c>
      <c r="C2743" s="3">
        <f t="shared" si="85"/>
        <v>2015</v>
      </c>
      <c r="D2743" t="s">
        <v>1718</v>
      </c>
      <c r="E2743" t="s">
        <v>530</v>
      </c>
      <c r="F2743" t="s">
        <v>10</v>
      </c>
      <c r="G2743" t="s">
        <v>19</v>
      </c>
      <c r="H2743" t="s">
        <v>1532</v>
      </c>
      <c r="I2743">
        <v>153.36000000000001</v>
      </c>
      <c r="J2743">
        <v>9</v>
      </c>
      <c r="K2743">
        <v>70.55</v>
      </c>
    </row>
    <row r="2744" spans="1:11" x14ac:dyDescent="0.3">
      <c r="A2744" s="1">
        <v>42194</v>
      </c>
      <c r="B2744" s="3">
        <f t="shared" si="84"/>
        <v>7</v>
      </c>
      <c r="C2744" s="3">
        <f t="shared" si="85"/>
        <v>2015</v>
      </c>
      <c r="D2744" t="s">
        <v>1718</v>
      </c>
      <c r="E2744" t="s">
        <v>530</v>
      </c>
      <c r="F2744" t="s">
        <v>10</v>
      </c>
      <c r="G2744" t="s">
        <v>19</v>
      </c>
      <c r="H2744" t="s">
        <v>1629</v>
      </c>
      <c r="I2744">
        <v>43.68</v>
      </c>
      <c r="J2744">
        <v>6</v>
      </c>
      <c r="K2744">
        <v>21.4</v>
      </c>
    </row>
    <row r="2745" spans="1:11" x14ac:dyDescent="0.3">
      <c r="A2745" s="1">
        <v>42194</v>
      </c>
      <c r="B2745" s="3">
        <f t="shared" si="84"/>
        <v>7</v>
      </c>
      <c r="C2745" s="3">
        <f t="shared" si="85"/>
        <v>2015</v>
      </c>
      <c r="D2745" t="s">
        <v>1718</v>
      </c>
      <c r="E2745" t="s">
        <v>530</v>
      </c>
      <c r="F2745" t="s">
        <v>10</v>
      </c>
      <c r="G2745" t="s">
        <v>17</v>
      </c>
      <c r="H2745" t="s">
        <v>1327</v>
      </c>
      <c r="I2745">
        <v>98.21</v>
      </c>
      <c r="J2745">
        <v>7</v>
      </c>
      <c r="K2745">
        <v>28.48</v>
      </c>
    </row>
    <row r="2746" spans="1:11" x14ac:dyDescent="0.3">
      <c r="A2746" s="1">
        <v>42194</v>
      </c>
      <c r="B2746" s="3">
        <f t="shared" si="84"/>
        <v>7</v>
      </c>
      <c r="C2746" s="3">
        <f t="shared" si="85"/>
        <v>2015</v>
      </c>
      <c r="D2746" t="s">
        <v>1737</v>
      </c>
      <c r="E2746" t="s">
        <v>22</v>
      </c>
      <c r="F2746" t="s">
        <v>38</v>
      </c>
      <c r="G2746" t="s">
        <v>39</v>
      </c>
      <c r="H2746" t="s">
        <v>1344</v>
      </c>
      <c r="I2746">
        <v>269.98</v>
      </c>
      <c r="J2746">
        <v>3</v>
      </c>
      <c r="K2746">
        <v>40.5</v>
      </c>
    </row>
    <row r="2747" spans="1:11" x14ac:dyDescent="0.3">
      <c r="A2747" s="1">
        <v>42194</v>
      </c>
      <c r="B2747" s="3">
        <f t="shared" si="84"/>
        <v>7</v>
      </c>
      <c r="C2747" s="3">
        <f t="shared" si="85"/>
        <v>2015</v>
      </c>
      <c r="D2747" t="s">
        <v>518</v>
      </c>
      <c r="E2747" t="s">
        <v>9</v>
      </c>
      <c r="F2747" t="s">
        <v>10</v>
      </c>
      <c r="G2747" t="s">
        <v>91</v>
      </c>
      <c r="H2747" t="s">
        <v>2151</v>
      </c>
      <c r="I2747">
        <v>48.63</v>
      </c>
      <c r="J2747">
        <v>2</v>
      </c>
      <c r="K2747">
        <v>-121.58</v>
      </c>
    </row>
    <row r="2748" spans="1:11" x14ac:dyDescent="0.3">
      <c r="A2748" s="1">
        <v>42195</v>
      </c>
      <c r="B2748" s="3">
        <f t="shared" si="84"/>
        <v>7</v>
      </c>
      <c r="C2748" s="3">
        <f t="shared" si="85"/>
        <v>2015</v>
      </c>
      <c r="D2748" t="s">
        <v>899</v>
      </c>
      <c r="E2748" t="s">
        <v>94</v>
      </c>
      <c r="F2748" t="s">
        <v>10</v>
      </c>
      <c r="G2748" t="s">
        <v>19</v>
      </c>
      <c r="H2748" t="s">
        <v>1489</v>
      </c>
      <c r="I2748">
        <v>3.37</v>
      </c>
      <c r="J2748">
        <v>3</v>
      </c>
      <c r="K2748">
        <v>-2.2400000000000002</v>
      </c>
    </row>
    <row r="2749" spans="1:11" x14ac:dyDescent="0.3">
      <c r="A2749" s="1">
        <v>42195</v>
      </c>
      <c r="B2749" s="3">
        <f t="shared" si="84"/>
        <v>7</v>
      </c>
      <c r="C2749" s="3">
        <f t="shared" si="85"/>
        <v>2015</v>
      </c>
      <c r="D2749" t="s">
        <v>150</v>
      </c>
      <c r="E2749" t="s">
        <v>26</v>
      </c>
      <c r="F2749" t="s">
        <v>10</v>
      </c>
      <c r="G2749" t="s">
        <v>19</v>
      </c>
      <c r="H2749" t="s">
        <v>470</v>
      </c>
      <c r="I2749">
        <v>39.92</v>
      </c>
      <c r="J2749">
        <v>2</v>
      </c>
      <c r="K2749">
        <v>12.97</v>
      </c>
    </row>
    <row r="2750" spans="1:11" x14ac:dyDescent="0.3">
      <c r="A2750" s="1">
        <v>42196</v>
      </c>
      <c r="B2750" s="3">
        <f t="shared" si="84"/>
        <v>7</v>
      </c>
      <c r="C2750" s="3">
        <f t="shared" si="85"/>
        <v>2015</v>
      </c>
      <c r="D2750" t="s">
        <v>1839</v>
      </c>
      <c r="E2750" t="s">
        <v>22</v>
      </c>
      <c r="F2750" t="s">
        <v>33</v>
      </c>
      <c r="G2750" t="s">
        <v>46</v>
      </c>
      <c r="H2750" t="s">
        <v>2152</v>
      </c>
      <c r="I2750">
        <v>289.8</v>
      </c>
      <c r="J2750">
        <v>7</v>
      </c>
      <c r="K2750">
        <v>36.229999999999997</v>
      </c>
    </row>
    <row r="2751" spans="1:11" x14ac:dyDescent="0.3">
      <c r="A2751" s="1">
        <v>42196</v>
      </c>
      <c r="B2751" s="3">
        <f t="shared" si="84"/>
        <v>7</v>
      </c>
      <c r="C2751" s="3">
        <f t="shared" si="85"/>
        <v>2015</v>
      </c>
      <c r="D2751" t="s">
        <v>1839</v>
      </c>
      <c r="E2751" t="s">
        <v>22</v>
      </c>
      <c r="F2751" t="s">
        <v>10</v>
      </c>
      <c r="G2751" t="s">
        <v>19</v>
      </c>
      <c r="H2751" t="s">
        <v>1290</v>
      </c>
      <c r="I2751">
        <v>2.5</v>
      </c>
      <c r="J2751">
        <v>3</v>
      </c>
      <c r="K2751">
        <v>-2</v>
      </c>
    </row>
    <row r="2752" spans="1:11" x14ac:dyDescent="0.3">
      <c r="A2752" s="1">
        <v>42196</v>
      </c>
      <c r="B2752" s="3">
        <f t="shared" si="84"/>
        <v>7</v>
      </c>
      <c r="C2752" s="3">
        <f t="shared" si="85"/>
        <v>2015</v>
      </c>
      <c r="D2752" t="s">
        <v>1839</v>
      </c>
      <c r="E2752" t="s">
        <v>22</v>
      </c>
      <c r="F2752" t="s">
        <v>10</v>
      </c>
      <c r="G2752" t="s">
        <v>19</v>
      </c>
      <c r="H2752" t="s">
        <v>1667</v>
      </c>
      <c r="I2752">
        <v>6.48</v>
      </c>
      <c r="J2752">
        <v>4</v>
      </c>
      <c r="K2752">
        <v>-4.75</v>
      </c>
    </row>
    <row r="2753" spans="1:11" x14ac:dyDescent="0.3">
      <c r="A2753" s="1">
        <v>42196</v>
      </c>
      <c r="B2753" s="3">
        <f t="shared" si="84"/>
        <v>7</v>
      </c>
      <c r="C2753" s="3">
        <f t="shared" si="85"/>
        <v>2015</v>
      </c>
      <c r="D2753" t="s">
        <v>1839</v>
      </c>
      <c r="E2753" t="s">
        <v>22</v>
      </c>
      <c r="F2753" t="s">
        <v>33</v>
      </c>
      <c r="G2753" t="s">
        <v>34</v>
      </c>
      <c r="H2753" t="s">
        <v>1127</v>
      </c>
      <c r="I2753">
        <v>341.49</v>
      </c>
      <c r="J2753">
        <v>8</v>
      </c>
      <c r="K2753">
        <v>-73.180000000000007</v>
      </c>
    </row>
    <row r="2754" spans="1:11" x14ac:dyDescent="0.3">
      <c r="A2754" s="1">
        <v>42196</v>
      </c>
      <c r="B2754" s="3">
        <f t="shared" ref="B2754:B2817" si="86">MONTH(A:A)</f>
        <v>7</v>
      </c>
      <c r="C2754" s="3">
        <f t="shared" ref="C2754:C2817" si="87">YEAR(A:A)</f>
        <v>2015</v>
      </c>
      <c r="D2754" t="s">
        <v>1839</v>
      </c>
      <c r="E2754" t="s">
        <v>22</v>
      </c>
      <c r="F2754" t="s">
        <v>10</v>
      </c>
      <c r="G2754" t="s">
        <v>23</v>
      </c>
      <c r="H2754" t="s">
        <v>325</v>
      </c>
      <c r="I2754">
        <v>11.12</v>
      </c>
      <c r="J2754">
        <v>5</v>
      </c>
      <c r="K2754">
        <v>0.83</v>
      </c>
    </row>
    <row r="2755" spans="1:11" x14ac:dyDescent="0.3">
      <c r="A2755" s="1">
        <v>42196</v>
      </c>
      <c r="B2755" s="3">
        <f t="shared" si="86"/>
        <v>7</v>
      </c>
      <c r="C2755" s="3">
        <f t="shared" si="87"/>
        <v>2015</v>
      </c>
      <c r="D2755" t="s">
        <v>1839</v>
      </c>
      <c r="E2755" t="s">
        <v>22</v>
      </c>
      <c r="F2755" t="s">
        <v>33</v>
      </c>
      <c r="G2755" t="s">
        <v>46</v>
      </c>
      <c r="H2755" t="s">
        <v>1542</v>
      </c>
      <c r="I2755">
        <v>25.34</v>
      </c>
      <c r="J2755">
        <v>6</v>
      </c>
      <c r="K2755">
        <v>3.48</v>
      </c>
    </row>
    <row r="2756" spans="1:11" x14ac:dyDescent="0.3">
      <c r="A2756" s="1">
        <v>42196</v>
      </c>
      <c r="B2756" s="3">
        <f t="shared" si="86"/>
        <v>7</v>
      </c>
      <c r="C2756" s="3">
        <f t="shared" si="87"/>
        <v>2015</v>
      </c>
      <c r="D2756" t="s">
        <v>232</v>
      </c>
      <c r="E2756" t="s">
        <v>163</v>
      </c>
      <c r="F2756" t="s">
        <v>10</v>
      </c>
      <c r="G2756" t="s">
        <v>11</v>
      </c>
      <c r="H2756" t="s">
        <v>2153</v>
      </c>
      <c r="I2756">
        <v>29.97</v>
      </c>
      <c r="J2756">
        <v>3</v>
      </c>
      <c r="K2756">
        <v>13.49</v>
      </c>
    </row>
    <row r="2757" spans="1:11" x14ac:dyDescent="0.3">
      <c r="A2757" s="1">
        <v>42196</v>
      </c>
      <c r="B2757" s="3">
        <f t="shared" si="86"/>
        <v>7</v>
      </c>
      <c r="C2757" s="3">
        <f t="shared" si="87"/>
        <v>2015</v>
      </c>
      <c r="D2757" t="s">
        <v>232</v>
      </c>
      <c r="E2757" t="s">
        <v>163</v>
      </c>
      <c r="F2757" t="s">
        <v>10</v>
      </c>
      <c r="G2757" t="s">
        <v>19</v>
      </c>
      <c r="H2757" t="s">
        <v>361</v>
      </c>
      <c r="I2757">
        <v>98.35</v>
      </c>
      <c r="J2757">
        <v>3</v>
      </c>
      <c r="K2757">
        <v>34.42</v>
      </c>
    </row>
    <row r="2758" spans="1:11" x14ac:dyDescent="0.3">
      <c r="A2758" s="1">
        <v>42196</v>
      </c>
      <c r="B2758" s="3">
        <f t="shared" si="86"/>
        <v>7</v>
      </c>
      <c r="C2758" s="3">
        <f t="shared" si="87"/>
        <v>2015</v>
      </c>
      <c r="D2758" t="s">
        <v>1513</v>
      </c>
      <c r="E2758" t="s">
        <v>58</v>
      </c>
      <c r="F2758" t="s">
        <v>33</v>
      </c>
      <c r="G2758" t="s">
        <v>144</v>
      </c>
      <c r="H2758" t="s">
        <v>817</v>
      </c>
      <c r="I2758">
        <v>199.84</v>
      </c>
      <c r="J2758">
        <v>4</v>
      </c>
      <c r="K2758">
        <v>-37.11</v>
      </c>
    </row>
    <row r="2759" spans="1:11" x14ac:dyDescent="0.3">
      <c r="A2759" s="1">
        <v>42196</v>
      </c>
      <c r="B2759" s="3">
        <f t="shared" si="86"/>
        <v>7</v>
      </c>
      <c r="C2759" s="3">
        <f t="shared" si="87"/>
        <v>2015</v>
      </c>
      <c r="D2759" t="s">
        <v>1513</v>
      </c>
      <c r="E2759" t="s">
        <v>58</v>
      </c>
      <c r="F2759" t="s">
        <v>38</v>
      </c>
      <c r="G2759" t="s">
        <v>39</v>
      </c>
      <c r="H2759" t="s">
        <v>647</v>
      </c>
      <c r="I2759">
        <v>716</v>
      </c>
      <c r="J2759">
        <v>2</v>
      </c>
      <c r="K2759">
        <v>193.32</v>
      </c>
    </row>
    <row r="2760" spans="1:11" x14ac:dyDescent="0.3">
      <c r="A2760" s="1">
        <v>42196</v>
      </c>
      <c r="B2760" s="3">
        <f t="shared" si="86"/>
        <v>7</v>
      </c>
      <c r="C2760" s="3">
        <f t="shared" si="87"/>
        <v>2015</v>
      </c>
      <c r="D2760" t="s">
        <v>1513</v>
      </c>
      <c r="E2760" t="s">
        <v>58</v>
      </c>
      <c r="F2760" t="s">
        <v>10</v>
      </c>
      <c r="G2760" t="s">
        <v>19</v>
      </c>
      <c r="H2760" t="s">
        <v>2154</v>
      </c>
      <c r="I2760">
        <v>221.06</v>
      </c>
      <c r="J2760">
        <v>7</v>
      </c>
      <c r="K2760">
        <v>103.9</v>
      </c>
    </row>
    <row r="2761" spans="1:11" x14ac:dyDescent="0.3">
      <c r="A2761" s="1">
        <v>42197</v>
      </c>
      <c r="B2761" s="3">
        <f t="shared" si="86"/>
        <v>7</v>
      </c>
      <c r="C2761" s="3">
        <f t="shared" si="87"/>
        <v>2015</v>
      </c>
      <c r="D2761" t="s">
        <v>1750</v>
      </c>
      <c r="E2761" t="s">
        <v>14</v>
      </c>
      <c r="F2761" t="s">
        <v>33</v>
      </c>
      <c r="G2761" t="s">
        <v>34</v>
      </c>
      <c r="H2761" t="s">
        <v>264</v>
      </c>
      <c r="I2761">
        <v>383.61</v>
      </c>
      <c r="J2761">
        <v>9</v>
      </c>
      <c r="K2761">
        <v>-5.48</v>
      </c>
    </row>
    <row r="2762" spans="1:11" x14ac:dyDescent="0.3">
      <c r="A2762" s="1">
        <v>42197</v>
      </c>
      <c r="B2762" s="3">
        <f t="shared" si="86"/>
        <v>7</v>
      </c>
      <c r="C2762" s="3">
        <f t="shared" si="87"/>
        <v>2015</v>
      </c>
      <c r="D2762" t="s">
        <v>1750</v>
      </c>
      <c r="E2762" t="s">
        <v>14</v>
      </c>
      <c r="F2762" t="s">
        <v>38</v>
      </c>
      <c r="G2762" t="s">
        <v>39</v>
      </c>
      <c r="H2762" t="s">
        <v>744</v>
      </c>
      <c r="I2762">
        <v>148.47999999999999</v>
      </c>
      <c r="J2762">
        <v>2</v>
      </c>
      <c r="K2762">
        <v>16.7</v>
      </c>
    </row>
    <row r="2763" spans="1:11" x14ac:dyDescent="0.3">
      <c r="A2763" s="1">
        <v>42197</v>
      </c>
      <c r="B2763" s="3">
        <f t="shared" si="86"/>
        <v>7</v>
      </c>
      <c r="C2763" s="3">
        <f t="shared" si="87"/>
        <v>2015</v>
      </c>
      <c r="D2763" t="s">
        <v>1750</v>
      </c>
      <c r="E2763" t="s">
        <v>14</v>
      </c>
      <c r="F2763" t="s">
        <v>38</v>
      </c>
      <c r="G2763" t="s">
        <v>39</v>
      </c>
      <c r="H2763" t="s">
        <v>1305</v>
      </c>
      <c r="I2763">
        <v>537.54</v>
      </c>
      <c r="J2763">
        <v>7</v>
      </c>
      <c r="K2763">
        <v>53.75</v>
      </c>
    </row>
    <row r="2764" spans="1:11" x14ac:dyDescent="0.3">
      <c r="A2764" s="1">
        <v>42197</v>
      </c>
      <c r="B2764" s="3">
        <f t="shared" si="86"/>
        <v>7</v>
      </c>
      <c r="C2764" s="3">
        <f t="shared" si="87"/>
        <v>2015</v>
      </c>
      <c r="D2764" t="s">
        <v>1750</v>
      </c>
      <c r="E2764" t="s">
        <v>14</v>
      </c>
      <c r="F2764" t="s">
        <v>10</v>
      </c>
      <c r="G2764" t="s">
        <v>19</v>
      </c>
      <c r="H2764" t="s">
        <v>940</v>
      </c>
      <c r="I2764">
        <v>1.93</v>
      </c>
      <c r="J2764">
        <v>2</v>
      </c>
      <c r="K2764">
        <v>-2.99</v>
      </c>
    </row>
    <row r="2765" spans="1:11" x14ac:dyDescent="0.3">
      <c r="A2765" s="1">
        <v>42197</v>
      </c>
      <c r="B2765" s="3">
        <f t="shared" si="86"/>
        <v>7</v>
      </c>
      <c r="C2765" s="3">
        <f t="shared" si="87"/>
        <v>2015</v>
      </c>
      <c r="D2765" t="s">
        <v>1750</v>
      </c>
      <c r="E2765" t="s">
        <v>14</v>
      </c>
      <c r="F2765" t="s">
        <v>10</v>
      </c>
      <c r="G2765" t="s">
        <v>23</v>
      </c>
      <c r="H2765" t="s">
        <v>999</v>
      </c>
      <c r="I2765">
        <v>6.91</v>
      </c>
      <c r="J2765">
        <v>3</v>
      </c>
      <c r="K2765">
        <v>0.69</v>
      </c>
    </row>
    <row r="2766" spans="1:11" x14ac:dyDescent="0.3">
      <c r="A2766" s="1">
        <v>42197</v>
      </c>
      <c r="B2766" s="3">
        <f t="shared" si="86"/>
        <v>7</v>
      </c>
      <c r="C2766" s="3">
        <f t="shared" si="87"/>
        <v>2015</v>
      </c>
      <c r="D2766" t="s">
        <v>1750</v>
      </c>
      <c r="E2766" t="s">
        <v>14</v>
      </c>
      <c r="F2766" t="s">
        <v>33</v>
      </c>
      <c r="G2766" t="s">
        <v>46</v>
      </c>
      <c r="H2766" t="s">
        <v>1727</v>
      </c>
      <c r="I2766">
        <v>7.76</v>
      </c>
      <c r="J2766">
        <v>1</v>
      </c>
      <c r="K2766">
        <v>-2.13</v>
      </c>
    </row>
    <row r="2767" spans="1:11" x14ac:dyDescent="0.3">
      <c r="A2767" s="1">
        <v>42197</v>
      </c>
      <c r="B2767" s="3">
        <f t="shared" si="86"/>
        <v>7</v>
      </c>
      <c r="C2767" s="3">
        <f t="shared" si="87"/>
        <v>2015</v>
      </c>
      <c r="D2767" t="s">
        <v>1750</v>
      </c>
      <c r="E2767" t="s">
        <v>14</v>
      </c>
      <c r="F2767" t="s">
        <v>38</v>
      </c>
      <c r="G2767" t="s">
        <v>39</v>
      </c>
      <c r="H2767" t="s">
        <v>854</v>
      </c>
      <c r="I2767">
        <v>659.17</v>
      </c>
      <c r="J2767">
        <v>4</v>
      </c>
      <c r="K2767">
        <v>49.44</v>
      </c>
    </row>
    <row r="2768" spans="1:11" x14ac:dyDescent="0.3">
      <c r="A2768" s="1">
        <v>42197</v>
      </c>
      <c r="B2768" s="3">
        <f t="shared" si="86"/>
        <v>7</v>
      </c>
      <c r="C2768" s="3">
        <f t="shared" si="87"/>
        <v>2015</v>
      </c>
      <c r="D2768" t="s">
        <v>2155</v>
      </c>
      <c r="E2768" t="s">
        <v>9</v>
      </c>
      <c r="F2768" t="s">
        <v>38</v>
      </c>
      <c r="G2768" t="s">
        <v>39</v>
      </c>
      <c r="H2768" t="s">
        <v>1305</v>
      </c>
      <c r="I2768">
        <v>307.17</v>
      </c>
      <c r="J2768">
        <v>4</v>
      </c>
      <c r="K2768">
        <v>30.72</v>
      </c>
    </row>
    <row r="2769" spans="1:11" x14ac:dyDescent="0.3">
      <c r="A2769" s="1">
        <v>42198</v>
      </c>
      <c r="B2769" s="3">
        <f t="shared" si="86"/>
        <v>7</v>
      </c>
      <c r="C2769" s="3">
        <f t="shared" si="87"/>
        <v>2015</v>
      </c>
      <c r="D2769" t="s">
        <v>68</v>
      </c>
      <c r="E2769" t="s">
        <v>148</v>
      </c>
      <c r="F2769" t="s">
        <v>10</v>
      </c>
      <c r="G2769" t="s">
        <v>19</v>
      </c>
      <c r="H2769" t="s">
        <v>221</v>
      </c>
      <c r="I2769">
        <v>11.81</v>
      </c>
      <c r="J2769">
        <v>2</v>
      </c>
      <c r="K2769">
        <v>4.28</v>
      </c>
    </row>
    <row r="2770" spans="1:11" x14ac:dyDescent="0.3">
      <c r="A2770" s="1">
        <v>42198</v>
      </c>
      <c r="B2770" s="3">
        <f t="shared" si="86"/>
        <v>7</v>
      </c>
      <c r="C2770" s="3">
        <f t="shared" si="87"/>
        <v>2015</v>
      </c>
      <c r="D2770" t="s">
        <v>68</v>
      </c>
      <c r="E2770" t="s">
        <v>148</v>
      </c>
      <c r="F2770" t="s">
        <v>33</v>
      </c>
      <c r="G2770" t="s">
        <v>34</v>
      </c>
      <c r="H2770" t="s">
        <v>1678</v>
      </c>
      <c r="I2770">
        <v>1931.04</v>
      </c>
      <c r="J2770">
        <v>9</v>
      </c>
      <c r="K2770">
        <v>321.83999999999997</v>
      </c>
    </row>
    <row r="2771" spans="1:11" x14ac:dyDescent="0.3">
      <c r="A2771" s="1">
        <v>42198</v>
      </c>
      <c r="B2771" s="3">
        <f t="shared" si="86"/>
        <v>7</v>
      </c>
      <c r="C2771" s="3">
        <f t="shared" si="87"/>
        <v>2015</v>
      </c>
      <c r="D2771" t="s">
        <v>68</v>
      </c>
      <c r="E2771" t="s">
        <v>148</v>
      </c>
      <c r="F2771" t="s">
        <v>10</v>
      </c>
      <c r="G2771" t="s">
        <v>11</v>
      </c>
      <c r="H2771" t="s">
        <v>624</v>
      </c>
      <c r="I2771">
        <v>9.9600000000000009</v>
      </c>
      <c r="J2771">
        <v>2</v>
      </c>
      <c r="K2771">
        <v>4.68</v>
      </c>
    </row>
    <row r="2772" spans="1:11" x14ac:dyDescent="0.3">
      <c r="A2772" s="1">
        <v>42198</v>
      </c>
      <c r="B2772" s="3">
        <f t="shared" si="86"/>
        <v>7</v>
      </c>
      <c r="C2772" s="3">
        <f t="shared" si="87"/>
        <v>2015</v>
      </c>
      <c r="D2772" t="s">
        <v>1356</v>
      </c>
      <c r="E2772" t="s">
        <v>9</v>
      </c>
      <c r="F2772" t="s">
        <v>10</v>
      </c>
      <c r="G2772" t="s">
        <v>19</v>
      </c>
      <c r="H2772" t="s">
        <v>762</v>
      </c>
      <c r="I2772">
        <v>41.57</v>
      </c>
      <c r="J2772">
        <v>6</v>
      </c>
      <c r="K2772">
        <v>-66.510000000000005</v>
      </c>
    </row>
    <row r="2773" spans="1:11" x14ac:dyDescent="0.3">
      <c r="A2773" s="1">
        <v>42198</v>
      </c>
      <c r="B2773" s="3">
        <f t="shared" si="86"/>
        <v>7</v>
      </c>
      <c r="C2773" s="3">
        <f t="shared" si="87"/>
        <v>2015</v>
      </c>
      <c r="D2773" t="s">
        <v>170</v>
      </c>
      <c r="E2773" t="s">
        <v>29</v>
      </c>
      <c r="F2773" t="s">
        <v>10</v>
      </c>
      <c r="G2773" t="s">
        <v>11</v>
      </c>
      <c r="H2773" t="s">
        <v>1156</v>
      </c>
      <c r="I2773">
        <v>38.880000000000003</v>
      </c>
      <c r="J2773">
        <v>6</v>
      </c>
      <c r="K2773">
        <v>18.66</v>
      </c>
    </row>
    <row r="2774" spans="1:11" x14ac:dyDescent="0.3">
      <c r="A2774" s="1">
        <v>42199</v>
      </c>
      <c r="B2774" s="3">
        <f t="shared" si="86"/>
        <v>7</v>
      </c>
      <c r="C2774" s="3">
        <f t="shared" si="87"/>
        <v>2015</v>
      </c>
      <c r="D2774" t="s">
        <v>1944</v>
      </c>
      <c r="E2774" t="s">
        <v>94</v>
      </c>
      <c r="F2774" t="s">
        <v>10</v>
      </c>
      <c r="G2774" t="s">
        <v>17</v>
      </c>
      <c r="H2774" t="s">
        <v>18</v>
      </c>
      <c r="I2774">
        <v>272.74</v>
      </c>
      <c r="J2774">
        <v>3</v>
      </c>
      <c r="K2774">
        <v>-64.77</v>
      </c>
    </row>
    <row r="2775" spans="1:11" x14ac:dyDescent="0.3">
      <c r="A2775" s="1">
        <v>42199</v>
      </c>
      <c r="B2775" s="3">
        <f t="shared" si="86"/>
        <v>7</v>
      </c>
      <c r="C2775" s="3">
        <f t="shared" si="87"/>
        <v>2015</v>
      </c>
      <c r="D2775" t="s">
        <v>1944</v>
      </c>
      <c r="E2775" t="s">
        <v>94</v>
      </c>
      <c r="F2775" t="s">
        <v>10</v>
      </c>
      <c r="G2775" t="s">
        <v>11</v>
      </c>
      <c r="H2775" t="s">
        <v>1146</v>
      </c>
      <c r="I2775">
        <v>18.5</v>
      </c>
      <c r="J2775">
        <v>4</v>
      </c>
      <c r="K2775">
        <v>6.7</v>
      </c>
    </row>
    <row r="2776" spans="1:11" x14ac:dyDescent="0.3">
      <c r="A2776" s="1">
        <v>42199</v>
      </c>
      <c r="B2776" s="3">
        <f t="shared" si="86"/>
        <v>7</v>
      </c>
      <c r="C2776" s="3">
        <f t="shared" si="87"/>
        <v>2015</v>
      </c>
      <c r="D2776" t="s">
        <v>1944</v>
      </c>
      <c r="E2776" t="s">
        <v>94</v>
      </c>
      <c r="F2776" t="s">
        <v>33</v>
      </c>
      <c r="G2776" t="s">
        <v>34</v>
      </c>
      <c r="H2776" t="s">
        <v>1236</v>
      </c>
      <c r="I2776">
        <v>441.92</v>
      </c>
      <c r="J2776">
        <v>2</v>
      </c>
      <c r="K2776">
        <v>49.72</v>
      </c>
    </row>
    <row r="2777" spans="1:11" x14ac:dyDescent="0.3">
      <c r="A2777" s="1">
        <v>42199</v>
      </c>
      <c r="B2777" s="3">
        <f t="shared" si="86"/>
        <v>7</v>
      </c>
      <c r="C2777" s="3">
        <f t="shared" si="87"/>
        <v>2015</v>
      </c>
      <c r="D2777" t="s">
        <v>1944</v>
      </c>
      <c r="E2777" t="s">
        <v>94</v>
      </c>
      <c r="F2777" t="s">
        <v>33</v>
      </c>
      <c r="G2777" t="s">
        <v>73</v>
      </c>
      <c r="H2777" t="s">
        <v>834</v>
      </c>
      <c r="I2777">
        <v>127.76</v>
      </c>
      <c r="J2777">
        <v>6</v>
      </c>
      <c r="K2777">
        <v>-191.65</v>
      </c>
    </row>
    <row r="2778" spans="1:11" x14ac:dyDescent="0.3">
      <c r="A2778" s="1">
        <v>42201</v>
      </c>
      <c r="B2778" s="3">
        <f t="shared" si="86"/>
        <v>7</v>
      </c>
      <c r="C2778" s="3">
        <f t="shared" si="87"/>
        <v>2015</v>
      </c>
      <c r="D2778" t="s">
        <v>2103</v>
      </c>
      <c r="E2778" t="s">
        <v>26</v>
      </c>
      <c r="F2778" t="s">
        <v>33</v>
      </c>
      <c r="G2778" t="s">
        <v>34</v>
      </c>
      <c r="H2778" t="s">
        <v>1018</v>
      </c>
      <c r="I2778">
        <v>1348.7</v>
      </c>
      <c r="J2778">
        <v>6</v>
      </c>
      <c r="K2778">
        <v>-219.16</v>
      </c>
    </row>
    <row r="2779" spans="1:11" x14ac:dyDescent="0.3">
      <c r="A2779" s="1">
        <v>42201</v>
      </c>
      <c r="B2779" s="3">
        <f t="shared" si="86"/>
        <v>7</v>
      </c>
      <c r="C2779" s="3">
        <f t="shared" si="87"/>
        <v>2015</v>
      </c>
      <c r="D2779" t="s">
        <v>2103</v>
      </c>
      <c r="E2779" t="s">
        <v>26</v>
      </c>
      <c r="F2779" t="s">
        <v>33</v>
      </c>
      <c r="G2779" t="s">
        <v>34</v>
      </c>
      <c r="H2779" t="s">
        <v>1981</v>
      </c>
      <c r="I2779">
        <v>700.15</v>
      </c>
      <c r="J2779">
        <v>3</v>
      </c>
      <c r="K2779">
        <v>78.77</v>
      </c>
    </row>
    <row r="2780" spans="1:11" x14ac:dyDescent="0.3">
      <c r="A2780" s="1">
        <v>42201</v>
      </c>
      <c r="B2780" s="3">
        <f t="shared" si="86"/>
        <v>7</v>
      </c>
      <c r="C2780" s="3">
        <f t="shared" si="87"/>
        <v>2015</v>
      </c>
      <c r="D2780" t="s">
        <v>444</v>
      </c>
      <c r="E2780" t="s">
        <v>148</v>
      </c>
      <c r="F2780" t="s">
        <v>10</v>
      </c>
      <c r="G2780" t="s">
        <v>11</v>
      </c>
      <c r="H2780" t="s">
        <v>2156</v>
      </c>
      <c r="I2780">
        <v>80.88</v>
      </c>
      <c r="J2780">
        <v>3</v>
      </c>
      <c r="K2780">
        <v>39.630000000000003</v>
      </c>
    </row>
    <row r="2781" spans="1:11" x14ac:dyDescent="0.3">
      <c r="A2781" s="1">
        <v>42201</v>
      </c>
      <c r="B2781" s="3">
        <f t="shared" si="86"/>
        <v>7</v>
      </c>
      <c r="C2781" s="3">
        <f t="shared" si="87"/>
        <v>2015</v>
      </c>
      <c r="D2781" t="s">
        <v>444</v>
      </c>
      <c r="E2781" t="s">
        <v>148</v>
      </c>
      <c r="F2781" t="s">
        <v>38</v>
      </c>
      <c r="G2781" t="s">
        <v>51</v>
      </c>
      <c r="H2781" t="s">
        <v>2157</v>
      </c>
      <c r="I2781">
        <v>599.9</v>
      </c>
      <c r="J2781">
        <v>10</v>
      </c>
      <c r="K2781">
        <v>191.97</v>
      </c>
    </row>
    <row r="2782" spans="1:11" x14ac:dyDescent="0.3">
      <c r="A2782" s="1">
        <v>42201</v>
      </c>
      <c r="B2782" s="3">
        <f t="shared" si="86"/>
        <v>7</v>
      </c>
      <c r="C2782" s="3">
        <f t="shared" si="87"/>
        <v>2015</v>
      </c>
      <c r="D2782" t="s">
        <v>1862</v>
      </c>
      <c r="E2782" t="s">
        <v>530</v>
      </c>
      <c r="F2782" t="s">
        <v>33</v>
      </c>
      <c r="G2782" t="s">
        <v>34</v>
      </c>
      <c r="H2782" t="s">
        <v>2158</v>
      </c>
      <c r="I2782">
        <v>150.97999999999999</v>
      </c>
      <c r="J2782">
        <v>1</v>
      </c>
      <c r="K2782">
        <v>43.78</v>
      </c>
    </row>
    <row r="2783" spans="1:11" x14ac:dyDescent="0.3">
      <c r="A2783" s="1">
        <v>42201</v>
      </c>
      <c r="B2783" s="3">
        <f t="shared" si="86"/>
        <v>7</v>
      </c>
      <c r="C2783" s="3">
        <f t="shared" si="87"/>
        <v>2015</v>
      </c>
      <c r="D2783" t="s">
        <v>1862</v>
      </c>
      <c r="E2783" t="s">
        <v>530</v>
      </c>
      <c r="F2783" t="s">
        <v>10</v>
      </c>
      <c r="G2783" t="s">
        <v>62</v>
      </c>
      <c r="H2783" t="s">
        <v>2159</v>
      </c>
      <c r="I2783">
        <v>137.25</v>
      </c>
      <c r="J2783">
        <v>9</v>
      </c>
      <c r="K2783">
        <v>63.14</v>
      </c>
    </row>
    <row r="2784" spans="1:11" x14ac:dyDescent="0.3">
      <c r="A2784" s="1">
        <v>42201</v>
      </c>
      <c r="B2784" s="3">
        <f t="shared" si="86"/>
        <v>7</v>
      </c>
      <c r="C2784" s="3">
        <f t="shared" si="87"/>
        <v>2015</v>
      </c>
      <c r="D2784" t="s">
        <v>1862</v>
      </c>
      <c r="E2784" t="s">
        <v>530</v>
      </c>
      <c r="F2784" t="s">
        <v>10</v>
      </c>
      <c r="G2784" t="s">
        <v>42</v>
      </c>
      <c r="H2784" t="s">
        <v>505</v>
      </c>
      <c r="I2784">
        <v>11.52</v>
      </c>
      <c r="J2784">
        <v>4</v>
      </c>
      <c r="K2784">
        <v>5.41</v>
      </c>
    </row>
    <row r="2785" spans="1:11" x14ac:dyDescent="0.3">
      <c r="A2785" s="1">
        <v>42202</v>
      </c>
      <c r="B2785" s="3">
        <f t="shared" si="86"/>
        <v>7</v>
      </c>
      <c r="C2785" s="3">
        <f t="shared" si="87"/>
        <v>2015</v>
      </c>
      <c r="D2785" t="s">
        <v>1287</v>
      </c>
      <c r="E2785" t="s">
        <v>26</v>
      </c>
      <c r="F2785" t="s">
        <v>33</v>
      </c>
      <c r="G2785" t="s">
        <v>73</v>
      </c>
      <c r="H2785" t="s">
        <v>1705</v>
      </c>
      <c r="I2785">
        <v>195.47</v>
      </c>
      <c r="J2785">
        <v>2</v>
      </c>
      <c r="K2785">
        <v>-13.8</v>
      </c>
    </row>
    <row r="2786" spans="1:11" x14ac:dyDescent="0.3">
      <c r="A2786" s="1">
        <v>42202</v>
      </c>
      <c r="B2786" s="3">
        <f t="shared" si="86"/>
        <v>7</v>
      </c>
      <c r="C2786" s="3">
        <f t="shared" si="87"/>
        <v>2015</v>
      </c>
      <c r="D2786" t="s">
        <v>2032</v>
      </c>
      <c r="E2786" t="s">
        <v>122</v>
      </c>
      <c r="F2786" t="s">
        <v>33</v>
      </c>
      <c r="G2786" t="s">
        <v>73</v>
      </c>
      <c r="H2786" t="s">
        <v>2160</v>
      </c>
      <c r="I2786">
        <v>231.92</v>
      </c>
      <c r="J2786">
        <v>5</v>
      </c>
      <c r="K2786">
        <v>5.8</v>
      </c>
    </row>
    <row r="2787" spans="1:11" x14ac:dyDescent="0.3">
      <c r="A2787" s="1">
        <v>42202</v>
      </c>
      <c r="B2787" s="3">
        <f t="shared" si="86"/>
        <v>7</v>
      </c>
      <c r="C2787" s="3">
        <f t="shared" si="87"/>
        <v>2015</v>
      </c>
      <c r="D2787" t="s">
        <v>2161</v>
      </c>
      <c r="E2787" t="s">
        <v>9</v>
      </c>
      <c r="F2787" t="s">
        <v>10</v>
      </c>
      <c r="G2787" t="s">
        <v>15</v>
      </c>
      <c r="H2787" t="s">
        <v>531</v>
      </c>
      <c r="I2787">
        <v>6.26</v>
      </c>
      <c r="J2787">
        <v>3</v>
      </c>
      <c r="K2787">
        <v>2.04</v>
      </c>
    </row>
    <row r="2788" spans="1:11" x14ac:dyDescent="0.3">
      <c r="A2788" s="1">
        <v>42202</v>
      </c>
      <c r="B2788" s="3">
        <f t="shared" si="86"/>
        <v>7</v>
      </c>
      <c r="C2788" s="3">
        <f t="shared" si="87"/>
        <v>2015</v>
      </c>
      <c r="D2788" t="s">
        <v>2161</v>
      </c>
      <c r="E2788" t="s">
        <v>9</v>
      </c>
      <c r="F2788" t="s">
        <v>10</v>
      </c>
      <c r="G2788" t="s">
        <v>42</v>
      </c>
      <c r="H2788" t="s">
        <v>1805</v>
      </c>
      <c r="I2788">
        <v>14.43</v>
      </c>
      <c r="J2788">
        <v>4</v>
      </c>
      <c r="K2788">
        <v>3.43</v>
      </c>
    </row>
    <row r="2789" spans="1:11" x14ac:dyDescent="0.3">
      <c r="A2789" s="1">
        <v>42203</v>
      </c>
      <c r="B2789" s="3">
        <f t="shared" si="86"/>
        <v>7</v>
      </c>
      <c r="C2789" s="3">
        <f t="shared" si="87"/>
        <v>2015</v>
      </c>
      <c r="D2789" t="s">
        <v>1075</v>
      </c>
      <c r="E2789" t="s">
        <v>26</v>
      </c>
      <c r="F2789" t="s">
        <v>38</v>
      </c>
      <c r="G2789" t="s">
        <v>51</v>
      </c>
      <c r="H2789" t="s">
        <v>2080</v>
      </c>
      <c r="I2789">
        <v>519.96</v>
      </c>
      <c r="J2789">
        <v>4</v>
      </c>
      <c r="K2789">
        <v>176.79</v>
      </c>
    </row>
    <row r="2790" spans="1:11" x14ac:dyDescent="0.3">
      <c r="A2790" s="1">
        <v>42203</v>
      </c>
      <c r="B2790" s="3">
        <f t="shared" si="86"/>
        <v>7</v>
      </c>
      <c r="C2790" s="3">
        <f t="shared" si="87"/>
        <v>2015</v>
      </c>
      <c r="D2790" t="s">
        <v>1241</v>
      </c>
      <c r="E2790" t="s">
        <v>148</v>
      </c>
      <c r="F2790" t="s">
        <v>10</v>
      </c>
      <c r="G2790" t="s">
        <v>23</v>
      </c>
      <c r="H2790" t="s">
        <v>999</v>
      </c>
      <c r="I2790">
        <v>5.76</v>
      </c>
      <c r="J2790">
        <v>2</v>
      </c>
      <c r="K2790">
        <v>1.61</v>
      </c>
    </row>
    <row r="2791" spans="1:11" x14ac:dyDescent="0.3">
      <c r="A2791" s="1">
        <v>42203</v>
      </c>
      <c r="B2791" s="3">
        <f t="shared" si="86"/>
        <v>7</v>
      </c>
      <c r="C2791" s="3">
        <f t="shared" si="87"/>
        <v>2015</v>
      </c>
      <c r="D2791" t="s">
        <v>486</v>
      </c>
      <c r="E2791" t="s">
        <v>148</v>
      </c>
      <c r="F2791" t="s">
        <v>10</v>
      </c>
      <c r="G2791" t="s">
        <v>19</v>
      </c>
      <c r="H2791" t="s">
        <v>2162</v>
      </c>
      <c r="I2791">
        <v>3.33</v>
      </c>
      <c r="J2791">
        <v>2</v>
      </c>
      <c r="K2791">
        <v>1.21</v>
      </c>
    </row>
    <row r="2792" spans="1:11" x14ac:dyDescent="0.3">
      <c r="A2792" s="1">
        <v>42203</v>
      </c>
      <c r="B2792" s="3">
        <f t="shared" si="86"/>
        <v>7</v>
      </c>
      <c r="C2792" s="3">
        <f t="shared" si="87"/>
        <v>2015</v>
      </c>
      <c r="D2792" t="s">
        <v>486</v>
      </c>
      <c r="E2792" t="s">
        <v>148</v>
      </c>
      <c r="F2792" t="s">
        <v>38</v>
      </c>
      <c r="G2792" t="s">
        <v>39</v>
      </c>
      <c r="H2792" t="s">
        <v>1072</v>
      </c>
      <c r="I2792">
        <v>135.99</v>
      </c>
      <c r="J2792">
        <v>1</v>
      </c>
      <c r="K2792">
        <v>36.72</v>
      </c>
    </row>
    <row r="2793" spans="1:11" x14ac:dyDescent="0.3">
      <c r="A2793" s="1">
        <v>42203</v>
      </c>
      <c r="B2793" s="3">
        <f t="shared" si="86"/>
        <v>7</v>
      </c>
      <c r="C2793" s="3">
        <f t="shared" si="87"/>
        <v>2015</v>
      </c>
      <c r="D2793" t="s">
        <v>486</v>
      </c>
      <c r="E2793" t="s">
        <v>148</v>
      </c>
      <c r="F2793" t="s">
        <v>33</v>
      </c>
      <c r="G2793" t="s">
        <v>46</v>
      </c>
      <c r="H2793" t="s">
        <v>1531</v>
      </c>
      <c r="I2793">
        <v>7.38</v>
      </c>
      <c r="J2793">
        <v>1</v>
      </c>
      <c r="K2793">
        <v>2.14</v>
      </c>
    </row>
    <row r="2794" spans="1:11" x14ac:dyDescent="0.3">
      <c r="A2794" s="1">
        <v>42204</v>
      </c>
      <c r="B2794" s="3">
        <f t="shared" si="86"/>
        <v>7</v>
      </c>
      <c r="C2794" s="3">
        <f t="shared" si="87"/>
        <v>2015</v>
      </c>
      <c r="D2794" t="s">
        <v>2163</v>
      </c>
      <c r="E2794" t="s">
        <v>94</v>
      </c>
      <c r="F2794" t="s">
        <v>10</v>
      </c>
      <c r="G2794" t="s">
        <v>19</v>
      </c>
      <c r="H2794" t="s">
        <v>2164</v>
      </c>
      <c r="I2794">
        <v>2.0299999999999998</v>
      </c>
      <c r="J2794">
        <v>1</v>
      </c>
      <c r="K2794">
        <v>-1.35</v>
      </c>
    </row>
    <row r="2795" spans="1:11" x14ac:dyDescent="0.3">
      <c r="A2795" s="1">
        <v>42205</v>
      </c>
      <c r="B2795" s="3">
        <f t="shared" si="86"/>
        <v>7</v>
      </c>
      <c r="C2795" s="3">
        <f t="shared" si="87"/>
        <v>2015</v>
      </c>
      <c r="D2795" t="s">
        <v>2165</v>
      </c>
      <c r="E2795" t="s">
        <v>128</v>
      </c>
      <c r="F2795" t="s">
        <v>10</v>
      </c>
      <c r="G2795" t="s">
        <v>17</v>
      </c>
      <c r="H2795" t="s">
        <v>1539</v>
      </c>
      <c r="I2795">
        <v>34.76</v>
      </c>
      <c r="J2795">
        <v>1</v>
      </c>
      <c r="K2795">
        <v>9.73</v>
      </c>
    </row>
    <row r="2796" spans="1:11" x14ac:dyDescent="0.3">
      <c r="A2796" s="1">
        <v>42205</v>
      </c>
      <c r="B2796" s="3">
        <f t="shared" si="86"/>
        <v>7</v>
      </c>
      <c r="C2796" s="3">
        <f t="shared" si="87"/>
        <v>2015</v>
      </c>
      <c r="D2796" t="s">
        <v>2165</v>
      </c>
      <c r="E2796" t="s">
        <v>128</v>
      </c>
      <c r="F2796" t="s">
        <v>38</v>
      </c>
      <c r="G2796" t="s">
        <v>51</v>
      </c>
      <c r="H2796" t="s">
        <v>1979</v>
      </c>
      <c r="I2796">
        <v>831.2</v>
      </c>
      <c r="J2796">
        <v>5</v>
      </c>
      <c r="K2796">
        <v>124.68</v>
      </c>
    </row>
    <row r="2797" spans="1:11" x14ac:dyDescent="0.3">
      <c r="A2797" s="1">
        <v>42205</v>
      </c>
      <c r="B2797" s="3">
        <f t="shared" si="86"/>
        <v>7</v>
      </c>
      <c r="C2797" s="3">
        <f t="shared" si="87"/>
        <v>2015</v>
      </c>
      <c r="D2797" t="s">
        <v>2165</v>
      </c>
      <c r="E2797" t="s">
        <v>128</v>
      </c>
      <c r="F2797" t="s">
        <v>10</v>
      </c>
      <c r="G2797" t="s">
        <v>11</v>
      </c>
      <c r="H2797" t="s">
        <v>1856</v>
      </c>
      <c r="I2797">
        <v>26.4</v>
      </c>
      <c r="J2797">
        <v>5</v>
      </c>
      <c r="K2797">
        <v>11.88</v>
      </c>
    </row>
    <row r="2798" spans="1:11" x14ac:dyDescent="0.3">
      <c r="A2798" s="1">
        <v>42205</v>
      </c>
      <c r="B2798" s="3">
        <f t="shared" si="86"/>
        <v>7</v>
      </c>
      <c r="C2798" s="3">
        <f t="shared" si="87"/>
        <v>2015</v>
      </c>
      <c r="D2798" t="s">
        <v>2165</v>
      </c>
      <c r="E2798" t="s">
        <v>128</v>
      </c>
      <c r="F2798" t="s">
        <v>10</v>
      </c>
      <c r="G2798" t="s">
        <v>62</v>
      </c>
      <c r="H2798" t="s">
        <v>2159</v>
      </c>
      <c r="I2798">
        <v>106.75</v>
      </c>
      <c r="J2798">
        <v>7</v>
      </c>
      <c r="K2798">
        <v>49.11</v>
      </c>
    </row>
    <row r="2799" spans="1:11" x14ac:dyDescent="0.3">
      <c r="A2799" s="1">
        <v>42205</v>
      </c>
      <c r="B2799" s="3">
        <f t="shared" si="86"/>
        <v>7</v>
      </c>
      <c r="C2799" s="3">
        <f t="shared" si="87"/>
        <v>2015</v>
      </c>
      <c r="D2799" t="s">
        <v>2165</v>
      </c>
      <c r="E2799" t="s">
        <v>128</v>
      </c>
      <c r="F2799" t="s">
        <v>10</v>
      </c>
      <c r="G2799" t="s">
        <v>11</v>
      </c>
      <c r="H2799" t="s">
        <v>2166</v>
      </c>
      <c r="I2799">
        <v>97.82</v>
      </c>
      <c r="J2799">
        <v>2</v>
      </c>
      <c r="K2799">
        <v>45.98</v>
      </c>
    </row>
    <row r="2800" spans="1:11" x14ac:dyDescent="0.3">
      <c r="A2800" s="1">
        <v>42205</v>
      </c>
      <c r="B2800" s="3">
        <f t="shared" si="86"/>
        <v>7</v>
      </c>
      <c r="C2800" s="3">
        <f t="shared" si="87"/>
        <v>2015</v>
      </c>
      <c r="D2800" t="s">
        <v>2165</v>
      </c>
      <c r="E2800" t="s">
        <v>128</v>
      </c>
      <c r="F2800" t="s">
        <v>10</v>
      </c>
      <c r="G2800" t="s">
        <v>17</v>
      </c>
      <c r="H2800" t="s">
        <v>622</v>
      </c>
      <c r="I2800">
        <v>141.4</v>
      </c>
      <c r="J2800">
        <v>5</v>
      </c>
      <c r="K2800">
        <v>38.18</v>
      </c>
    </row>
    <row r="2801" spans="1:11" x14ac:dyDescent="0.3">
      <c r="A2801" s="1">
        <v>42205</v>
      </c>
      <c r="B2801" s="3">
        <f t="shared" si="86"/>
        <v>7</v>
      </c>
      <c r="C2801" s="3">
        <f t="shared" si="87"/>
        <v>2015</v>
      </c>
      <c r="D2801" t="s">
        <v>888</v>
      </c>
      <c r="E2801" t="s">
        <v>14</v>
      </c>
      <c r="F2801" t="s">
        <v>10</v>
      </c>
      <c r="G2801" t="s">
        <v>19</v>
      </c>
      <c r="H2801" t="s">
        <v>898</v>
      </c>
      <c r="I2801">
        <v>2.88</v>
      </c>
      <c r="J2801">
        <v>5</v>
      </c>
      <c r="K2801">
        <v>-4.46</v>
      </c>
    </row>
    <row r="2802" spans="1:11" x14ac:dyDescent="0.3">
      <c r="A2802" s="1">
        <v>42205</v>
      </c>
      <c r="B2802" s="3">
        <f t="shared" si="86"/>
        <v>7</v>
      </c>
      <c r="C2802" s="3">
        <f t="shared" si="87"/>
        <v>2015</v>
      </c>
      <c r="D2802" t="s">
        <v>888</v>
      </c>
      <c r="E2802" t="s">
        <v>14</v>
      </c>
      <c r="F2802" t="s">
        <v>33</v>
      </c>
      <c r="G2802" t="s">
        <v>73</v>
      </c>
      <c r="H2802" t="s">
        <v>2167</v>
      </c>
      <c r="I2802">
        <v>384.94</v>
      </c>
      <c r="J2802">
        <v>4</v>
      </c>
      <c r="K2802">
        <v>-126.48</v>
      </c>
    </row>
    <row r="2803" spans="1:11" x14ac:dyDescent="0.3">
      <c r="A2803" s="1">
        <v>42205</v>
      </c>
      <c r="B2803" s="3">
        <f t="shared" si="86"/>
        <v>7</v>
      </c>
      <c r="C2803" s="3">
        <f t="shared" si="87"/>
        <v>2015</v>
      </c>
      <c r="D2803" t="s">
        <v>888</v>
      </c>
      <c r="E2803" t="s">
        <v>14</v>
      </c>
      <c r="F2803" t="s">
        <v>38</v>
      </c>
      <c r="G2803" t="s">
        <v>39</v>
      </c>
      <c r="H2803" t="s">
        <v>519</v>
      </c>
      <c r="I2803">
        <v>153.58000000000001</v>
      </c>
      <c r="J2803">
        <v>2</v>
      </c>
      <c r="K2803">
        <v>13.44</v>
      </c>
    </row>
    <row r="2804" spans="1:11" x14ac:dyDescent="0.3">
      <c r="A2804" s="1">
        <v>42205</v>
      </c>
      <c r="B2804" s="3">
        <f t="shared" si="86"/>
        <v>7</v>
      </c>
      <c r="C2804" s="3">
        <f t="shared" si="87"/>
        <v>2015</v>
      </c>
      <c r="D2804" t="s">
        <v>888</v>
      </c>
      <c r="E2804" t="s">
        <v>14</v>
      </c>
      <c r="F2804" t="s">
        <v>33</v>
      </c>
      <c r="G2804" t="s">
        <v>73</v>
      </c>
      <c r="H2804" t="s">
        <v>1603</v>
      </c>
      <c r="I2804">
        <v>913.43</v>
      </c>
      <c r="J2804">
        <v>5</v>
      </c>
      <c r="K2804">
        <v>-52.2</v>
      </c>
    </row>
    <row r="2805" spans="1:11" x14ac:dyDescent="0.3">
      <c r="A2805" s="1">
        <v>42208</v>
      </c>
      <c r="B2805" s="3">
        <f t="shared" si="86"/>
        <v>7</v>
      </c>
      <c r="C2805" s="3">
        <f t="shared" si="87"/>
        <v>2015</v>
      </c>
      <c r="D2805" t="s">
        <v>455</v>
      </c>
      <c r="E2805" t="s">
        <v>148</v>
      </c>
      <c r="F2805" t="s">
        <v>10</v>
      </c>
      <c r="G2805" t="s">
        <v>91</v>
      </c>
      <c r="H2805" t="s">
        <v>800</v>
      </c>
      <c r="I2805">
        <v>68.94</v>
      </c>
      <c r="J2805">
        <v>3</v>
      </c>
      <c r="K2805">
        <v>20.68</v>
      </c>
    </row>
    <row r="2806" spans="1:11" x14ac:dyDescent="0.3">
      <c r="A2806" s="1">
        <v>42208</v>
      </c>
      <c r="B2806" s="3">
        <f t="shared" si="86"/>
        <v>7</v>
      </c>
      <c r="C2806" s="3">
        <f t="shared" si="87"/>
        <v>2015</v>
      </c>
      <c r="D2806" t="s">
        <v>455</v>
      </c>
      <c r="E2806" t="s">
        <v>148</v>
      </c>
      <c r="F2806" t="s">
        <v>33</v>
      </c>
      <c r="G2806" t="s">
        <v>46</v>
      </c>
      <c r="H2806" t="s">
        <v>1544</v>
      </c>
      <c r="I2806">
        <v>128.82</v>
      </c>
      <c r="J2806">
        <v>3</v>
      </c>
      <c r="K2806">
        <v>50.24</v>
      </c>
    </row>
    <row r="2807" spans="1:11" x14ac:dyDescent="0.3">
      <c r="A2807" s="1">
        <v>42208</v>
      </c>
      <c r="B2807" s="3">
        <f t="shared" si="86"/>
        <v>7</v>
      </c>
      <c r="C2807" s="3">
        <f t="shared" si="87"/>
        <v>2015</v>
      </c>
      <c r="D2807" t="s">
        <v>49</v>
      </c>
      <c r="E2807" t="s">
        <v>148</v>
      </c>
      <c r="F2807" t="s">
        <v>10</v>
      </c>
      <c r="G2807" t="s">
        <v>19</v>
      </c>
      <c r="H2807" t="s">
        <v>1379</v>
      </c>
      <c r="I2807">
        <v>10.51</v>
      </c>
      <c r="J2807">
        <v>3</v>
      </c>
      <c r="K2807">
        <v>3.68</v>
      </c>
    </row>
    <row r="2808" spans="1:11" x14ac:dyDescent="0.3">
      <c r="A2808" s="1">
        <v>42209</v>
      </c>
      <c r="B2808" s="3">
        <f t="shared" si="86"/>
        <v>7</v>
      </c>
      <c r="C2808" s="3">
        <f t="shared" si="87"/>
        <v>2015</v>
      </c>
      <c r="D2808" t="s">
        <v>956</v>
      </c>
      <c r="E2808" t="s">
        <v>32</v>
      </c>
      <c r="F2808" t="s">
        <v>33</v>
      </c>
      <c r="G2808" t="s">
        <v>46</v>
      </c>
      <c r="H2808" t="s">
        <v>796</v>
      </c>
      <c r="I2808">
        <v>20.94</v>
      </c>
      <c r="J2808">
        <v>3</v>
      </c>
      <c r="K2808">
        <v>6.07</v>
      </c>
    </row>
    <row r="2809" spans="1:11" x14ac:dyDescent="0.3">
      <c r="A2809" s="1">
        <v>42209</v>
      </c>
      <c r="B2809" s="3">
        <f t="shared" si="86"/>
        <v>7</v>
      </c>
      <c r="C2809" s="3">
        <f t="shared" si="87"/>
        <v>2015</v>
      </c>
      <c r="D2809" t="s">
        <v>956</v>
      </c>
      <c r="E2809" t="s">
        <v>32</v>
      </c>
      <c r="F2809" t="s">
        <v>10</v>
      </c>
      <c r="G2809" t="s">
        <v>19</v>
      </c>
      <c r="H2809" t="s">
        <v>851</v>
      </c>
      <c r="I2809">
        <v>135.09</v>
      </c>
      <c r="J2809">
        <v>9</v>
      </c>
      <c r="K2809">
        <v>62.14</v>
      </c>
    </row>
    <row r="2810" spans="1:11" x14ac:dyDescent="0.3">
      <c r="A2810" s="1">
        <v>42209</v>
      </c>
      <c r="B2810" s="3">
        <f t="shared" si="86"/>
        <v>7</v>
      </c>
      <c r="C2810" s="3">
        <f t="shared" si="87"/>
        <v>2015</v>
      </c>
      <c r="D2810" t="s">
        <v>956</v>
      </c>
      <c r="E2810" t="s">
        <v>32</v>
      </c>
      <c r="F2810" t="s">
        <v>38</v>
      </c>
      <c r="G2810" t="s">
        <v>51</v>
      </c>
      <c r="H2810" t="s">
        <v>1991</v>
      </c>
      <c r="I2810">
        <v>279.86</v>
      </c>
      <c r="J2810">
        <v>14</v>
      </c>
      <c r="K2810">
        <v>64.37</v>
      </c>
    </row>
    <row r="2811" spans="1:11" x14ac:dyDescent="0.3">
      <c r="A2811" s="1">
        <v>42209</v>
      </c>
      <c r="B2811" s="3">
        <f t="shared" si="86"/>
        <v>7</v>
      </c>
      <c r="C2811" s="3">
        <f t="shared" si="87"/>
        <v>2015</v>
      </c>
      <c r="D2811" t="s">
        <v>956</v>
      </c>
      <c r="E2811" t="s">
        <v>32</v>
      </c>
      <c r="F2811" t="s">
        <v>10</v>
      </c>
      <c r="G2811" t="s">
        <v>19</v>
      </c>
      <c r="H2811" t="s">
        <v>851</v>
      </c>
      <c r="I2811">
        <v>90.06</v>
      </c>
      <c r="J2811">
        <v>6</v>
      </c>
      <c r="K2811">
        <v>41.43</v>
      </c>
    </row>
    <row r="2812" spans="1:11" x14ac:dyDescent="0.3">
      <c r="A2812" s="1">
        <v>42210</v>
      </c>
      <c r="B2812" s="3">
        <f t="shared" si="86"/>
        <v>7</v>
      </c>
      <c r="C2812" s="3">
        <f t="shared" si="87"/>
        <v>2015</v>
      </c>
      <c r="D2812" t="s">
        <v>768</v>
      </c>
      <c r="E2812" t="s">
        <v>22</v>
      </c>
      <c r="F2812" t="s">
        <v>10</v>
      </c>
      <c r="G2812" t="s">
        <v>19</v>
      </c>
      <c r="H2812" t="s">
        <v>1028</v>
      </c>
      <c r="I2812">
        <v>25.18</v>
      </c>
      <c r="J2812">
        <v>4</v>
      </c>
      <c r="K2812">
        <v>-18.46</v>
      </c>
    </row>
    <row r="2813" spans="1:11" x14ac:dyDescent="0.3">
      <c r="A2813" s="1">
        <v>42210</v>
      </c>
      <c r="B2813" s="3">
        <f t="shared" si="86"/>
        <v>7</v>
      </c>
      <c r="C2813" s="3">
        <f t="shared" si="87"/>
        <v>2015</v>
      </c>
      <c r="D2813" t="s">
        <v>920</v>
      </c>
      <c r="E2813" t="s">
        <v>163</v>
      </c>
      <c r="F2813" t="s">
        <v>10</v>
      </c>
      <c r="G2813" t="s">
        <v>42</v>
      </c>
      <c r="H2813" t="s">
        <v>233</v>
      </c>
      <c r="I2813">
        <v>9.42</v>
      </c>
      <c r="J2813">
        <v>2</v>
      </c>
      <c r="K2813">
        <v>0.47</v>
      </c>
    </row>
    <row r="2814" spans="1:11" x14ac:dyDescent="0.3">
      <c r="A2814" s="1">
        <v>42210</v>
      </c>
      <c r="B2814" s="3">
        <f t="shared" si="86"/>
        <v>7</v>
      </c>
      <c r="C2814" s="3">
        <f t="shared" si="87"/>
        <v>2015</v>
      </c>
      <c r="D2814" t="s">
        <v>920</v>
      </c>
      <c r="E2814" t="s">
        <v>163</v>
      </c>
      <c r="F2814" t="s">
        <v>10</v>
      </c>
      <c r="G2814" t="s">
        <v>11</v>
      </c>
      <c r="H2814" t="s">
        <v>2168</v>
      </c>
      <c r="I2814">
        <v>12.96</v>
      </c>
      <c r="J2814">
        <v>2</v>
      </c>
      <c r="K2814">
        <v>6.22</v>
      </c>
    </row>
    <row r="2815" spans="1:11" x14ac:dyDescent="0.3">
      <c r="A2815" s="1">
        <v>42210</v>
      </c>
      <c r="B2815" s="3">
        <f t="shared" si="86"/>
        <v>7</v>
      </c>
      <c r="C2815" s="3">
        <f t="shared" si="87"/>
        <v>2015</v>
      </c>
      <c r="D2815" t="s">
        <v>920</v>
      </c>
      <c r="E2815" t="s">
        <v>163</v>
      </c>
      <c r="F2815" t="s">
        <v>33</v>
      </c>
      <c r="G2815" t="s">
        <v>73</v>
      </c>
      <c r="H2815" t="s">
        <v>2169</v>
      </c>
      <c r="I2815">
        <v>704.9</v>
      </c>
      <c r="J2815">
        <v>5</v>
      </c>
      <c r="K2815">
        <v>56.39</v>
      </c>
    </row>
    <row r="2816" spans="1:11" x14ac:dyDescent="0.3">
      <c r="A2816" s="1">
        <v>42210</v>
      </c>
      <c r="B2816" s="3">
        <f t="shared" si="86"/>
        <v>7</v>
      </c>
      <c r="C2816" s="3">
        <f t="shared" si="87"/>
        <v>2015</v>
      </c>
      <c r="D2816" t="s">
        <v>920</v>
      </c>
      <c r="E2816" t="s">
        <v>163</v>
      </c>
      <c r="F2816" t="s">
        <v>33</v>
      </c>
      <c r="G2816" t="s">
        <v>34</v>
      </c>
      <c r="H2816" t="s">
        <v>1725</v>
      </c>
      <c r="I2816">
        <v>561.57000000000005</v>
      </c>
      <c r="J2816">
        <v>2</v>
      </c>
      <c r="K2816">
        <v>28.08</v>
      </c>
    </row>
    <row r="2817" spans="1:11" x14ac:dyDescent="0.3">
      <c r="A2817" s="1">
        <v>42210</v>
      </c>
      <c r="B2817" s="3">
        <f t="shared" si="86"/>
        <v>7</v>
      </c>
      <c r="C2817" s="3">
        <f t="shared" si="87"/>
        <v>2015</v>
      </c>
      <c r="D2817" t="s">
        <v>1890</v>
      </c>
      <c r="E2817" t="s">
        <v>487</v>
      </c>
      <c r="F2817" t="s">
        <v>10</v>
      </c>
      <c r="G2817" t="s">
        <v>62</v>
      </c>
      <c r="H2817" t="s">
        <v>1480</v>
      </c>
      <c r="I2817">
        <v>98.46</v>
      </c>
      <c r="J2817">
        <v>9</v>
      </c>
      <c r="K2817">
        <v>49.23</v>
      </c>
    </row>
    <row r="2818" spans="1:11" x14ac:dyDescent="0.3">
      <c r="A2818" s="1">
        <v>42210</v>
      </c>
      <c r="B2818" s="3">
        <f t="shared" ref="B2818:B2881" si="88">MONTH(A:A)</f>
        <v>7</v>
      </c>
      <c r="C2818" s="3">
        <f t="shared" ref="C2818:C2881" si="89">YEAR(A:A)</f>
        <v>2015</v>
      </c>
      <c r="D2818" t="s">
        <v>1890</v>
      </c>
      <c r="E2818" t="s">
        <v>487</v>
      </c>
      <c r="F2818" t="s">
        <v>33</v>
      </c>
      <c r="G2818" t="s">
        <v>144</v>
      </c>
      <c r="H2818" t="s">
        <v>789</v>
      </c>
      <c r="I2818">
        <v>358.58</v>
      </c>
      <c r="J2818">
        <v>2</v>
      </c>
      <c r="K2818">
        <v>39.44</v>
      </c>
    </row>
    <row r="2819" spans="1:11" x14ac:dyDescent="0.3">
      <c r="A2819" s="1">
        <v>42210</v>
      </c>
      <c r="B2819" s="3">
        <f t="shared" si="88"/>
        <v>7</v>
      </c>
      <c r="C2819" s="3">
        <f t="shared" si="89"/>
        <v>2015</v>
      </c>
      <c r="D2819" t="s">
        <v>1428</v>
      </c>
      <c r="E2819" t="s">
        <v>26</v>
      </c>
      <c r="F2819" t="s">
        <v>38</v>
      </c>
      <c r="G2819" t="s">
        <v>39</v>
      </c>
      <c r="H2819" t="s">
        <v>2170</v>
      </c>
      <c r="I2819">
        <v>623.96</v>
      </c>
      <c r="J2819">
        <v>5</v>
      </c>
      <c r="K2819">
        <v>39</v>
      </c>
    </row>
    <row r="2820" spans="1:11" x14ac:dyDescent="0.3">
      <c r="A2820" s="1">
        <v>42211</v>
      </c>
      <c r="B2820" s="3">
        <f t="shared" si="88"/>
        <v>7</v>
      </c>
      <c r="C2820" s="3">
        <f t="shared" si="89"/>
        <v>2015</v>
      </c>
      <c r="D2820" t="s">
        <v>878</v>
      </c>
      <c r="E2820" t="s">
        <v>94</v>
      </c>
      <c r="F2820" t="s">
        <v>33</v>
      </c>
      <c r="G2820" t="s">
        <v>144</v>
      </c>
      <c r="H2820" t="s">
        <v>1612</v>
      </c>
      <c r="I2820">
        <v>393.17</v>
      </c>
      <c r="J2820">
        <v>3</v>
      </c>
      <c r="K2820">
        <v>-204.45</v>
      </c>
    </row>
    <row r="2821" spans="1:11" x14ac:dyDescent="0.3">
      <c r="A2821" s="1">
        <v>42211</v>
      </c>
      <c r="B2821" s="3">
        <f t="shared" si="88"/>
        <v>7</v>
      </c>
      <c r="C2821" s="3">
        <f t="shared" si="89"/>
        <v>2015</v>
      </c>
      <c r="D2821" t="s">
        <v>1451</v>
      </c>
      <c r="E2821" t="s">
        <v>26</v>
      </c>
      <c r="F2821" t="s">
        <v>10</v>
      </c>
      <c r="G2821" t="s">
        <v>62</v>
      </c>
      <c r="H2821" t="s">
        <v>413</v>
      </c>
      <c r="I2821">
        <v>167.86</v>
      </c>
      <c r="J2821">
        <v>2</v>
      </c>
      <c r="K2821">
        <v>78.89</v>
      </c>
    </row>
    <row r="2822" spans="1:11" x14ac:dyDescent="0.3">
      <c r="A2822" s="1">
        <v>42211</v>
      </c>
      <c r="B2822" s="3">
        <f t="shared" si="88"/>
        <v>7</v>
      </c>
      <c r="C2822" s="3">
        <f t="shared" si="89"/>
        <v>2015</v>
      </c>
      <c r="D2822" t="s">
        <v>787</v>
      </c>
      <c r="E2822" t="s">
        <v>26</v>
      </c>
      <c r="F2822" t="s">
        <v>10</v>
      </c>
      <c r="G2822" t="s">
        <v>19</v>
      </c>
      <c r="H2822" t="s">
        <v>112</v>
      </c>
      <c r="I2822">
        <v>9.14</v>
      </c>
      <c r="J2822">
        <v>3</v>
      </c>
      <c r="K2822">
        <v>3.09</v>
      </c>
    </row>
    <row r="2823" spans="1:11" x14ac:dyDescent="0.3">
      <c r="A2823" s="1">
        <v>42211</v>
      </c>
      <c r="B2823" s="3">
        <f t="shared" si="88"/>
        <v>7</v>
      </c>
      <c r="C2823" s="3">
        <f t="shared" si="89"/>
        <v>2015</v>
      </c>
      <c r="D2823" t="s">
        <v>787</v>
      </c>
      <c r="E2823" t="s">
        <v>26</v>
      </c>
      <c r="F2823" t="s">
        <v>10</v>
      </c>
      <c r="G2823" t="s">
        <v>19</v>
      </c>
      <c r="H2823" t="s">
        <v>940</v>
      </c>
      <c r="I2823">
        <v>23.14</v>
      </c>
      <c r="J2823">
        <v>6</v>
      </c>
      <c r="K2823">
        <v>8.39</v>
      </c>
    </row>
    <row r="2824" spans="1:11" x14ac:dyDescent="0.3">
      <c r="A2824" s="1">
        <v>42211</v>
      </c>
      <c r="B2824" s="3">
        <f t="shared" si="88"/>
        <v>7</v>
      </c>
      <c r="C2824" s="3">
        <f t="shared" si="89"/>
        <v>2015</v>
      </c>
      <c r="D2824" t="s">
        <v>787</v>
      </c>
      <c r="E2824" t="s">
        <v>26</v>
      </c>
      <c r="F2824" t="s">
        <v>10</v>
      </c>
      <c r="G2824" t="s">
        <v>23</v>
      </c>
      <c r="H2824" t="s">
        <v>989</v>
      </c>
      <c r="I2824">
        <v>99.2</v>
      </c>
      <c r="J2824">
        <v>5</v>
      </c>
      <c r="K2824">
        <v>25.79</v>
      </c>
    </row>
    <row r="2825" spans="1:11" x14ac:dyDescent="0.3">
      <c r="A2825" s="1">
        <v>42211</v>
      </c>
      <c r="B2825" s="3">
        <f t="shared" si="88"/>
        <v>7</v>
      </c>
      <c r="C2825" s="3">
        <f t="shared" si="89"/>
        <v>2015</v>
      </c>
      <c r="D2825" t="s">
        <v>175</v>
      </c>
      <c r="E2825" t="s">
        <v>94</v>
      </c>
      <c r="F2825" t="s">
        <v>33</v>
      </c>
      <c r="G2825" t="s">
        <v>34</v>
      </c>
      <c r="H2825" t="s">
        <v>2131</v>
      </c>
      <c r="I2825">
        <v>266.35000000000002</v>
      </c>
      <c r="J2825">
        <v>3</v>
      </c>
      <c r="K2825">
        <v>13.32</v>
      </c>
    </row>
    <row r="2826" spans="1:11" x14ac:dyDescent="0.3">
      <c r="A2826" s="1">
        <v>42211</v>
      </c>
      <c r="B2826" s="3">
        <f t="shared" si="88"/>
        <v>7</v>
      </c>
      <c r="C2826" s="3">
        <f t="shared" si="89"/>
        <v>2015</v>
      </c>
      <c r="D2826" t="s">
        <v>306</v>
      </c>
      <c r="E2826" t="s">
        <v>22</v>
      </c>
      <c r="F2826" t="s">
        <v>10</v>
      </c>
      <c r="G2826" t="s">
        <v>11</v>
      </c>
      <c r="H2826" t="s">
        <v>133</v>
      </c>
      <c r="I2826">
        <v>10.37</v>
      </c>
      <c r="J2826">
        <v>2</v>
      </c>
      <c r="K2826">
        <v>3.63</v>
      </c>
    </row>
    <row r="2827" spans="1:11" x14ac:dyDescent="0.3">
      <c r="A2827" s="1">
        <v>42212</v>
      </c>
      <c r="B2827" s="3">
        <f t="shared" si="88"/>
        <v>7</v>
      </c>
      <c r="C2827" s="3">
        <f t="shared" si="89"/>
        <v>2015</v>
      </c>
      <c r="D2827" t="s">
        <v>634</v>
      </c>
      <c r="E2827" t="s">
        <v>32</v>
      </c>
      <c r="F2827" t="s">
        <v>38</v>
      </c>
      <c r="G2827" t="s">
        <v>39</v>
      </c>
      <c r="H2827" t="s">
        <v>1861</v>
      </c>
      <c r="I2827">
        <v>29.97</v>
      </c>
      <c r="J2827">
        <v>3</v>
      </c>
      <c r="K2827">
        <v>0.3</v>
      </c>
    </row>
    <row r="2828" spans="1:11" x14ac:dyDescent="0.3">
      <c r="A2828" s="1">
        <v>42215</v>
      </c>
      <c r="B2828" s="3">
        <f t="shared" si="88"/>
        <v>7</v>
      </c>
      <c r="C2828" s="3">
        <f t="shared" si="89"/>
        <v>2015</v>
      </c>
      <c r="D2828" t="s">
        <v>1451</v>
      </c>
      <c r="E2828" t="s">
        <v>26</v>
      </c>
      <c r="F2828" t="s">
        <v>38</v>
      </c>
      <c r="G2828" t="s">
        <v>51</v>
      </c>
      <c r="H2828" t="s">
        <v>83</v>
      </c>
      <c r="I2828">
        <v>209.93</v>
      </c>
      <c r="J2828">
        <v>7</v>
      </c>
      <c r="K2828">
        <v>92.37</v>
      </c>
    </row>
    <row r="2829" spans="1:11" x14ac:dyDescent="0.3">
      <c r="A2829" s="1">
        <v>42215</v>
      </c>
      <c r="B2829" s="3">
        <f t="shared" si="88"/>
        <v>7</v>
      </c>
      <c r="C2829" s="3">
        <f t="shared" si="89"/>
        <v>2015</v>
      </c>
      <c r="D2829" t="s">
        <v>1451</v>
      </c>
      <c r="E2829" t="s">
        <v>26</v>
      </c>
      <c r="F2829" t="s">
        <v>33</v>
      </c>
      <c r="G2829" t="s">
        <v>46</v>
      </c>
      <c r="H2829" t="s">
        <v>1154</v>
      </c>
      <c r="I2829">
        <v>5.28</v>
      </c>
      <c r="J2829">
        <v>3</v>
      </c>
      <c r="K2829">
        <v>2.3199999999999998</v>
      </c>
    </row>
    <row r="2830" spans="1:11" x14ac:dyDescent="0.3">
      <c r="A2830" s="1">
        <v>42215</v>
      </c>
      <c r="B2830" s="3">
        <f t="shared" si="88"/>
        <v>7</v>
      </c>
      <c r="C2830" s="3">
        <f t="shared" si="89"/>
        <v>2015</v>
      </c>
      <c r="D2830" t="s">
        <v>1451</v>
      </c>
      <c r="E2830" t="s">
        <v>26</v>
      </c>
      <c r="F2830" t="s">
        <v>10</v>
      </c>
      <c r="G2830" t="s">
        <v>19</v>
      </c>
      <c r="H2830" t="s">
        <v>786</v>
      </c>
      <c r="I2830">
        <v>10.92</v>
      </c>
      <c r="J2830">
        <v>3</v>
      </c>
      <c r="K2830">
        <v>4.0999999999999996</v>
      </c>
    </row>
    <row r="2831" spans="1:11" x14ac:dyDescent="0.3">
      <c r="A2831" s="1">
        <v>42215</v>
      </c>
      <c r="B2831" s="3">
        <f t="shared" si="88"/>
        <v>7</v>
      </c>
      <c r="C2831" s="3">
        <f t="shared" si="89"/>
        <v>2015</v>
      </c>
      <c r="D2831" t="s">
        <v>1185</v>
      </c>
      <c r="E2831" t="s">
        <v>9</v>
      </c>
      <c r="F2831" t="s">
        <v>10</v>
      </c>
      <c r="G2831" t="s">
        <v>17</v>
      </c>
      <c r="H2831" t="s">
        <v>1316</v>
      </c>
      <c r="I2831">
        <v>61.79</v>
      </c>
      <c r="J2831">
        <v>4</v>
      </c>
      <c r="K2831">
        <v>6.18</v>
      </c>
    </row>
    <row r="2832" spans="1:11" x14ac:dyDescent="0.3">
      <c r="A2832" s="1">
        <v>42215</v>
      </c>
      <c r="B2832" s="3">
        <f t="shared" si="88"/>
        <v>7</v>
      </c>
      <c r="C2832" s="3">
        <f t="shared" si="89"/>
        <v>2015</v>
      </c>
      <c r="D2832" t="s">
        <v>924</v>
      </c>
      <c r="E2832" t="s">
        <v>314</v>
      </c>
      <c r="F2832" t="s">
        <v>33</v>
      </c>
      <c r="G2832" t="s">
        <v>34</v>
      </c>
      <c r="H2832" t="s">
        <v>415</v>
      </c>
      <c r="I2832">
        <v>155.88</v>
      </c>
      <c r="J2832">
        <v>6</v>
      </c>
      <c r="K2832">
        <v>38.97</v>
      </c>
    </row>
    <row r="2833" spans="1:11" x14ac:dyDescent="0.3">
      <c r="A2833" s="1">
        <v>42216</v>
      </c>
      <c r="B2833" s="3">
        <f t="shared" si="88"/>
        <v>7</v>
      </c>
      <c r="C2833" s="3">
        <f t="shared" si="89"/>
        <v>2015</v>
      </c>
      <c r="D2833" t="s">
        <v>1147</v>
      </c>
      <c r="E2833" t="s">
        <v>148</v>
      </c>
      <c r="F2833" t="s">
        <v>38</v>
      </c>
      <c r="G2833" t="s">
        <v>51</v>
      </c>
      <c r="H2833" t="s">
        <v>1786</v>
      </c>
      <c r="I2833">
        <v>2309.65</v>
      </c>
      <c r="J2833">
        <v>7</v>
      </c>
      <c r="K2833">
        <v>762.18</v>
      </c>
    </row>
    <row r="2834" spans="1:11" x14ac:dyDescent="0.3">
      <c r="A2834" s="1">
        <v>42216</v>
      </c>
      <c r="B2834" s="3">
        <f t="shared" si="88"/>
        <v>7</v>
      </c>
      <c r="C2834" s="3">
        <f t="shared" si="89"/>
        <v>2015</v>
      </c>
      <c r="D2834" t="s">
        <v>1147</v>
      </c>
      <c r="E2834" t="s">
        <v>148</v>
      </c>
      <c r="F2834" t="s">
        <v>33</v>
      </c>
      <c r="G2834" t="s">
        <v>144</v>
      </c>
      <c r="H2834" t="s">
        <v>1459</v>
      </c>
      <c r="I2834">
        <v>1090.78</v>
      </c>
      <c r="J2834">
        <v>7</v>
      </c>
      <c r="K2834">
        <v>-290.88</v>
      </c>
    </row>
    <row r="2835" spans="1:11" x14ac:dyDescent="0.3">
      <c r="A2835" s="1">
        <v>42216</v>
      </c>
      <c r="B2835" s="3">
        <f t="shared" si="88"/>
        <v>7</v>
      </c>
      <c r="C2835" s="3">
        <f t="shared" si="89"/>
        <v>2015</v>
      </c>
      <c r="D2835" t="s">
        <v>1147</v>
      </c>
      <c r="E2835" t="s">
        <v>148</v>
      </c>
      <c r="F2835" t="s">
        <v>10</v>
      </c>
      <c r="G2835" t="s">
        <v>11</v>
      </c>
      <c r="H2835" t="s">
        <v>2171</v>
      </c>
      <c r="I2835">
        <v>19.440000000000001</v>
      </c>
      <c r="J2835">
        <v>3</v>
      </c>
      <c r="K2835">
        <v>9.33</v>
      </c>
    </row>
    <row r="2836" spans="1:11" x14ac:dyDescent="0.3">
      <c r="A2836" s="1">
        <v>42216</v>
      </c>
      <c r="B2836" s="3">
        <f t="shared" si="88"/>
        <v>7</v>
      </c>
      <c r="C2836" s="3">
        <f t="shared" si="89"/>
        <v>2015</v>
      </c>
      <c r="D2836" t="s">
        <v>1423</v>
      </c>
      <c r="E2836" t="s">
        <v>328</v>
      </c>
      <c r="F2836" t="s">
        <v>38</v>
      </c>
      <c r="G2836" t="s">
        <v>51</v>
      </c>
      <c r="H2836" t="s">
        <v>1938</v>
      </c>
      <c r="I2836">
        <v>239.7</v>
      </c>
      <c r="J2836">
        <v>6</v>
      </c>
      <c r="K2836">
        <v>105.47</v>
      </c>
    </row>
    <row r="2837" spans="1:11" x14ac:dyDescent="0.3">
      <c r="A2837" s="1">
        <v>42216</v>
      </c>
      <c r="B2837" s="3">
        <f t="shared" si="88"/>
        <v>7</v>
      </c>
      <c r="C2837" s="3">
        <f t="shared" si="89"/>
        <v>2015</v>
      </c>
      <c r="D2837" t="s">
        <v>1796</v>
      </c>
      <c r="E2837" t="s">
        <v>185</v>
      </c>
      <c r="F2837" t="s">
        <v>10</v>
      </c>
      <c r="G2837" t="s">
        <v>199</v>
      </c>
      <c r="H2837" t="s">
        <v>2055</v>
      </c>
      <c r="I2837">
        <v>52.59</v>
      </c>
      <c r="J2837">
        <v>3</v>
      </c>
      <c r="K2837">
        <v>15.78</v>
      </c>
    </row>
    <row r="2838" spans="1:11" x14ac:dyDescent="0.3">
      <c r="A2838" s="1">
        <v>42217</v>
      </c>
      <c r="B2838" s="3">
        <f t="shared" si="88"/>
        <v>8</v>
      </c>
      <c r="C2838" s="3">
        <f t="shared" si="89"/>
        <v>2015</v>
      </c>
      <c r="D2838" t="s">
        <v>499</v>
      </c>
      <c r="E2838" t="s">
        <v>26</v>
      </c>
      <c r="F2838" t="s">
        <v>10</v>
      </c>
      <c r="G2838" t="s">
        <v>23</v>
      </c>
      <c r="H2838" t="s">
        <v>540</v>
      </c>
      <c r="I2838">
        <v>6.72</v>
      </c>
      <c r="J2838">
        <v>4</v>
      </c>
      <c r="K2838">
        <v>3.36</v>
      </c>
    </row>
    <row r="2839" spans="1:11" x14ac:dyDescent="0.3">
      <c r="A2839" s="1">
        <v>42217</v>
      </c>
      <c r="B2839" s="3">
        <f t="shared" si="88"/>
        <v>8</v>
      </c>
      <c r="C2839" s="3">
        <f t="shared" si="89"/>
        <v>2015</v>
      </c>
      <c r="D2839" t="s">
        <v>499</v>
      </c>
      <c r="E2839" t="s">
        <v>26</v>
      </c>
      <c r="F2839" t="s">
        <v>33</v>
      </c>
      <c r="G2839" t="s">
        <v>144</v>
      </c>
      <c r="H2839" t="s">
        <v>182</v>
      </c>
      <c r="I2839">
        <v>1004.98</v>
      </c>
      <c r="J2839">
        <v>6</v>
      </c>
      <c r="K2839">
        <v>-175.87</v>
      </c>
    </row>
    <row r="2840" spans="1:11" x14ac:dyDescent="0.3">
      <c r="A2840" s="1">
        <v>42218</v>
      </c>
      <c r="B2840" s="3">
        <f t="shared" si="88"/>
        <v>8</v>
      </c>
      <c r="C2840" s="3">
        <f t="shared" si="89"/>
        <v>2015</v>
      </c>
      <c r="D2840" t="s">
        <v>838</v>
      </c>
      <c r="E2840" t="s">
        <v>163</v>
      </c>
      <c r="F2840" t="s">
        <v>10</v>
      </c>
      <c r="G2840" t="s">
        <v>19</v>
      </c>
      <c r="H2840" t="s">
        <v>2172</v>
      </c>
      <c r="I2840">
        <v>6.37</v>
      </c>
      <c r="J2840">
        <v>2</v>
      </c>
      <c r="K2840">
        <v>2.15</v>
      </c>
    </row>
    <row r="2841" spans="1:11" x14ac:dyDescent="0.3">
      <c r="A2841" s="1">
        <v>42218</v>
      </c>
      <c r="B2841" s="3">
        <f t="shared" si="88"/>
        <v>8</v>
      </c>
      <c r="C2841" s="3">
        <f t="shared" si="89"/>
        <v>2015</v>
      </c>
      <c r="D2841" t="s">
        <v>838</v>
      </c>
      <c r="E2841" t="s">
        <v>163</v>
      </c>
      <c r="F2841" t="s">
        <v>38</v>
      </c>
      <c r="G2841" t="s">
        <v>301</v>
      </c>
      <c r="H2841" t="s">
        <v>836</v>
      </c>
      <c r="I2841">
        <v>558.4</v>
      </c>
      <c r="J2841">
        <v>2</v>
      </c>
      <c r="K2841">
        <v>41.88</v>
      </c>
    </row>
    <row r="2842" spans="1:11" x14ac:dyDescent="0.3">
      <c r="A2842" s="1">
        <v>42218</v>
      </c>
      <c r="B2842" s="3">
        <f t="shared" si="88"/>
        <v>8</v>
      </c>
      <c r="C2842" s="3">
        <f t="shared" si="89"/>
        <v>2015</v>
      </c>
      <c r="D2842" t="s">
        <v>2173</v>
      </c>
      <c r="E2842" t="s">
        <v>1528</v>
      </c>
      <c r="F2842" t="s">
        <v>38</v>
      </c>
      <c r="G2842" t="s">
        <v>39</v>
      </c>
      <c r="H2842" t="s">
        <v>1952</v>
      </c>
      <c r="I2842">
        <v>128.85</v>
      </c>
      <c r="J2842">
        <v>3</v>
      </c>
      <c r="K2842">
        <v>3.87</v>
      </c>
    </row>
    <row r="2843" spans="1:11" x14ac:dyDescent="0.3">
      <c r="A2843" s="1">
        <v>42218</v>
      </c>
      <c r="B2843" s="3">
        <f t="shared" si="88"/>
        <v>8</v>
      </c>
      <c r="C2843" s="3">
        <f t="shared" si="89"/>
        <v>2015</v>
      </c>
      <c r="D2843" t="s">
        <v>2173</v>
      </c>
      <c r="E2843" t="s">
        <v>1528</v>
      </c>
      <c r="F2843" t="s">
        <v>10</v>
      </c>
      <c r="G2843" t="s">
        <v>11</v>
      </c>
      <c r="H2843" t="s">
        <v>2140</v>
      </c>
      <c r="I2843">
        <v>8.4</v>
      </c>
      <c r="J2843">
        <v>2</v>
      </c>
      <c r="K2843">
        <v>4.12</v>
      </c>
    </row>
    <row r="2844" spans="1:11" x14ac:dyDescent="0.3">
      <c r="A2844" s="1">
        <v>42218</v>
      </c>
      <c r="B2844" s="3">
        <f t="shared" si="88"/>
        <v>8</v>
      </c>
      <c r="C2844" s="3">
        <f t="shared" si="89"/>
        <v>2015</v>
      </c>
      <c r="D2844" t="s">
        <v>2173</v>
      </c>
      <c r="E2844" t="s">
        <v>1528</v>
      </c>
      <c r="F2844" t="s">
        <v>38</v>
      </c>
      <c r="G2844" t="s">
        <v>51</v>
      </c>
      <c r="H2844" t="s">
        <v>1077</v>
      </c>
      <c r="I2844">
        <v>199.98</v>
      </c>
      <c r="J2844">
        <v>2</v>
      </c>
      <c r="K2844">
        <v>83.99</v>
      </c>
    </row>
    <row r="2845" spans="1:11" x14ac:dyDescent="0.3">
      <c r="A2845" s="1">
        <v>42218</v>
      </c>
      <c r="B2845" s="3">
        <f t="shared" si="88"/>
        <v>8</v>
      </c>
      <c r="C2845" s="3">
        <f t="shared" si="89"/>
        <v>2015</v>
      </c>
      <c r="D2845" t="s">
        <v>2173</v>
      </c>
      <c r="E2845" t="s">
        <v>1528</v>
      </c>
      <c r="F2845" t="s">
        <v>33</v>
      </c>
      <c r="G2845" t="s">
        <v>34</v>
      </c>
      <c r="H2845" t="s">
        <v>1684</v>
      </c>
      <c r="I2845">
        <v>110.98</v>
      </c>
      <c r="J2845">
        <v>1</v>
      </c>
      <c r="K2845">
        <v>15.54</v>
      </c>
    </row>
    <row r="2846" spans="1:11" x14ac:dyDescent="0.3">
      <c r="A2846" s="1">
        <v>42218</v>
      </c>
      <c r="B2846" s="3">
        <f t="shared" si="88"/>
        <v>8</v>
      </c>
      <c r="C2846" s="3">
        <f t="shared" si="89"/>
        <v>2015</v>
      </c>
      <c r="D2846" t="s">
        <v>1692</v>
      </c>
      <c r="E2846" t="s">
        <v>90</v>
      </c>
      <c r="F2846" t="s">
        <v>33</v>
      </c>
      <c r="G2846" t="s">
        <v>144</v>
      </c>
      <c r="H2846" t="s">
        <v>145</v>
      </c>
      <c r="I2846">
        <v>277.5</v>
      </c>
      <c r="J2846">
        <v>4</v>
      </c>
      <c r="K2846">
        <v>-188.7</v>
      </c>
    </row>
    <row r="2847" spans="1:11" x14ac:dyDescent="0.3">
      <c r="A2847" s="1">
        <v>42221</v>
      </c>
      <c r="B2847" s="3">
        <f t="shared" si="88"/>
        <v>8</v>
      </c>
      <c r="C2847" s="3">
        <f t="shared" si="89"/>
        <v>2015</v>
      </c>
      <c r="D2847" t="s">
        <v>442</v>
      </c>
      <c r="E2847" t="s">
        <v>9</v>
      </c>
      <c r="F2847" t="s">
        <v>10</v>
      </c>
      <c r="G2847" t="s">
        <v>17</v>
      </c>
      <c r="H2847" t="s">
        <v>926</v>
      </c>
      <c r="I2847">
        <v>33.49</v>
      </c>
      <c r="J2847">
        <v>7</v>
      </c>
      <c r="K2847">
        <v>-1.26</v>
      </c>
    </row>
    <row r="2848" spans="1:11" x14ac:dyDescent="0.3">
      <c r="A2848" s="1">
        <v>42221</v>
      </c>
      <c r="B2848" s="3">
        <f t="shared" si="88"/>
        <v>8</v>
      </c>
      <c r="C2848" s="3">
        <f t="shared" si="89"/>
        <v>2015</v>
      </c>
      <c r="D2848" t="s">
        <v>442</v>
      </c>
      <c r="E2848" t="s">
        <v>9</v>
      </c>
      <c r="F2848" t="s">
        <v>10</v>
      </c>
      <c r="G2848" t="s">
        <v>199</v>
      </c>
      <c r="H2848" t="s">
        <v>1420</v>
      </c>
      <c r="I2848">
        <v>23.04</v>
      </c>
      <c r="J2848">
        <v>3</v>
      </c>
      <c r="K2848">
        <v>-4.9000000000000004</v>
      </c>
    </row>
    <row r="2849" spans="1:11" x14ac:dyDescent="0.3">
      <c r="A2849" s="1">
        <v>42221</v>
      </c>
      <c r="B2849" s="3">
        <f t="shared" si="88"/>
        <v>8</v>
      </c>
      <c r="C2849" s="3">
        <f t="shared" si="89"/>
        <v>2015</v>
      </c>
      <c r="D2849" t="s">
        <v>442</v>
      </c>
      <c r="E2849" t="s">
        <v>9</v>
      </c>
      <c r="F2849" t="s">
        <v>10</v>
      </c>
      <c r="G2849" t="s">
        <v>19</v>
      </c>
      <c r="H2849" t="s">
        <v>1376</v>
      </c>
      <c r="I2849">
        <v>1.36</v>
      </c>
      <c r="J2849">
        <v>1</v>
      </c>
      <c r="K2849">
        <v>-2.1800000000000002</v>
      </c>
    </row>
    <row r="2850" spans="1:11" x14ac:dyDescent="0.3">
      <c r="A2850" s="1">
        <v>42221</v>
      </c>
      <c r="B2850" s="3">
        <f t="shared" si="88"/>
        <v>8</v>
      </c>
      <c r="C2850" s="3">
        <f t="shared" si="89"/>
        <v>2015</v>
      </c>
      <c r="D2850" t="s">
        <v>442</v>
      </c>
      <c r="E2850" t="s">
        <v>9</v>
      </c>
      <c r="F2850" t="s">
        <v>33</v>
      </c>
      <c r="G2850" t="s">
        <v>46</v>
      </c>
      <c r="H2850" t="s">
        <v>1531</v>
      </c>
      <c r="I2850">
        <v>14.76</v>
      </c>
      <c r="J2850">
        <v>5</v>
      </c>
      <c r="K2850">
        <v>-11.44</v>
      </c>
    </row>
    <row r="2851" spans="1:11" x14ac:dyDescent="0.3">
      <c r="A2851" s="1">
        <v>42222</v>
      </c>
      <c r="B2851" s="3">
        <f t="shared" si="88"/>
        <v>8</v>
      </c>
      <c r="C2851" s="3">
        <f t="shared" si="89"/>
        <v>2015</v>
      </c>
      <c r="D2851" t="s">
        <v>891</v>
      </c>
      <c r="E2851" t="s">
        <v>9</v>
      </c>
      <c r="F2851" t="s">
        <v>10</v>
      </c>
      <c r="G2851" t="s">
        <v>11</v>
      </c>
      <c r="H2851" t="s">
        <v>2115</v>
      </c>
      <c r="I2851">
        <v>27.22</v>
      </c>
      <c r="J2851">
        <v>3</v>
      </c>
      <c r="K2851">
        <v>9.8699999999999992</v>
      </c>
    </row>
    <row r="2852" spans="1:11" x14ac:dyDescent="0.3">
      <c r="A2852" s="1">
        <v>42222</v>
      </c>
      <c r="B2852" s="3">
        <f t="shared" si="88"/>
        <v>8</v>
      </c>
      <c r="C2852" s="3">
        <f t="shared" si="89"/>
        <v>2015</v>
      </c>
      <c r="D2852" t="s">
        <v>1488</v>
      </c>
      <c r="E2852" t="s">
        <v>9</v>
      </c>
      <c r="F2852" t="s">
        <v>10</v>
      </c>
      <c r="G2852" t="s">
        <v>15</v>
      </c>
      <c r="H2852" t="s">
        <v>363</v>
      </c>
      <c r="I2852">
        <v>35.520000000000003</v>
      </c>
      <c r="J2852">
        <v>3</v>
      </c>
      <c r="K2852">
        <v>13.32</v>
      </c>
    </row>
    <row r="2853" spans="1:11" x14ac:dyDescent="0.3">
      <c r="A2853" s="1">
        <v>42222</v>
      </c>
      <c r="B2853" s="3">
        <f t="shared" si="88"/>
        <v>8</v>
      </c>
      <c r="C2853" s="3">
        <f t="shared" si="89"/>
        <v>2015</v>
      </c>
      <c r="D2853" t="s">
        <v>1488</v>
      </c>
      <c r="E2853" t="s">
        <v>9</v>
      </c>
      <c r="F2853" t="s">
        <v>10</v>
      </c>
      <c r="G2853" t="s">
        <v>19</v>
      </c>
      <c r="H2853" t="s">
        <v>427</v>
      </c>
      <c r="I2853">
        <v>6.23</v>
      </c>
      <c r="J2853">
        <v>5</v>
      </c>
      <c r="K2853">
        <v>-9.66</v>
      </c>
    </row>
    <row r="2854" spans="1:11" x14ac:dyDescent="0.3">
      <c r="A2854" s="1">
        <v>42222</v>
      </c>
      <c r="B2854" s="3">
        <f t="shared" si="88"/>
        <v>8</v>
      </c>
      <c r="C2854" s="3">
        <f t="shared" si="89"/>
        <v>2015</v>
      </c>
      <c r="D2854" t="s">
        <v>1488</v>
      </c>
      <c r="E2854" t="s">
        <v>9</v>
      </c>
      <c r="F2854" t="s">
        <v>10</v>
      </c>
      <c r="G2854" t="s">
        <v>11</v>
      </c>
      <c r="H2854" t="s">
        <v>1854</v>
      </c>
      <c r="I2854">
        <v>56.7</v>
      </c>
      <c r="J2854">
        <v>2</v>
      </c>
      <c r="K2854">
        <v>19.14</v>
      </c>
    </row>
    <row r="2855" spans="1:11" x14ac:dyDescent="0.3">
      <c r="A2855" s="1">
        <v>42222</v>
      </c>
      <c r="B2855" s="3">
        <f t="shared" si="88"/>
        <v>8</v>
      </c>
      <c r="C2855" s="3">
        <f t="shared" si="89"/>
        <v>2015</v>
      </c>
      <c r="D2855" t="s">
        <v>1488</v>
      </c>
      <c r="E2855" t="s">
        <v>9</v>
      </c>
      <c r="F2855" t="s">
        <v>33</v>
      </c>
      <c r="G2855" t="s">
        <v>73</v>
      </c>
      <c r="H2855" t="s">
        <v>2174</v>
      </c>
      <c r="I2855">
        <v>369.2</v>
      </c>
      <c r="J2855">
        <v>3</v>
      </c>
      <c r="K2855">
        <v>-114.02</v>
      </c>
    </row>
    <row r="2856" spans="1:11" x14ac:dyDescent="0.3">
      <c r="A2856" s="1">
        <v>42223</v>
      </c>
      <c r="B2856" s="3">
        <f t="shared" si="88"/>
        <v>8</v>
      </c>
      <c r="C2856" s="3">
        <f t="shared" si="89"/>
        <v>2015</v>
      </c>
      <c r="D2856" t="s">
        <v>872</v>
      </c>
      <c r="E2856" t="s">
        <v>509</v>
      </c>
      <c r="F2856" t="s">
        <v>10</v>
      </c>
      <c r="G2856" t="s">
        <v>19</v>
      </c>
      <c r="H2856" t="s">
        <v>558</v>
      </c>
      <c r="I2856">
        <v>3.3</v>
      </c>
      <c r="J2856">
        <v>1</v>
      </c>
      <c r="K2856">
        <v>1.1200000000000001</v>
      </c>
    </row>
    <row r="2857" spans="1:11" x14ac:dyDescent="0.3">
      <c r="A2857" s="1">
        <v>42223</v>
      </c>
      <c r="B2857" s="3">
        <f t="shared" si="88"/>
        <v>8</v>
      </c>
      <c r="C2857" s="3">
        <f t="shared" si="89"/>
        <v>2015</v>
      </c>
      <c r="D2857" t="s">
        <v>2175</v>
      </c>
      <c r="E2857" t="s">
        <v>26</v>
      </c>
      <c r="F2857" t="s">
        <v>10</v>
      </c>
      <c r="G2857" t="s">
        <v>19</v>
      </c>
      <c r="H2857" t="s">
        <v>2176</v>
      </c>
      <c r="I2857">
        <v>19.149999999999999</v>
      </c>
      <c r="J2857">
        <v>3</v>
      </c>
      <c r="K2857">
        <v>6.46</v>
      </c>
    </row>
    <row r="2858" spans="1:11" x14ac:dyDescent="0.3">
      <c r="A2858" s="1">
        <v>42223</v>
      </c>
      <c r="B2858" s="3">
        <f t="shared" si="88"/>
        <v>8</v>
      </c>
      <c r="C2858" s="3">
        <f t="shared" si="89"/>
        <v>2015</v>
      </c>
      <c r="D2858" t="s">
        <v>1411</v>
      </c>
      <c r="E2858" t="s">
        <v>185</v>
      </c>
      <c r="F2858" t="s">
        <v>10</v>
      </c>
      <c r="G2858" t="s">
        <v>19</v>
      </c>
      <c r="H2858" t="s">
        <v>1184</v>
      </c>
      <c r="I2858">
        <v>28.4</v>
      </c>
      <c r="J2858">
        <v>4</v>
      </c>
      <c r="K2858">
        <v>13.06</v>
      </c>
    </row>
    <row r="2859" spans="1:11" x14ac:dyDescent="0.3">
      <c r="A2859" s="1">
        <v>42223</v>
      </c>
      <c r="B2859" s="3">
        <f t="shared" si="88"/>
        <v>8</v>
      </c>
      <c r="C2859" s="3">
        <f t="shared" si="89"/>
        <v>2015</v>
      </c>
      <c r="D2859" t="s">
        <v>1411</v>
      </c>
      <c r="E2859" t="s">
        <v>185</v>
      </c>
      <c r="F2859" t="s">
        <v>33</v>
      </c>
      <c r="G2859" t="s">
        <v>46</v>
      </c>
      <c r="H2859" t="s">
        <v>2177</v>
      </c>
      <c r="I2859">
        <v>212.94</v>
      </c>
      <c r="J2859">
        <v>3</v>
      </c>
      <c r="K2859">
        <v>34.07</v>
      </c>
    </row>
    <row r="2860" spans="1:11" x14ac:dyDescent="0.3">
      <c r="A2860" s="1">
        <v>42223</v>
      </c>
      <c r="B2860" s="3">
        <f t="shared" si="88"/>
        <v>8</v>
      </c>
      <c r="C2860" s="3">
        <f t="shared" si="89"/>
        <v>2015</v>
      </c>
      <c r="D2860" t="s">
        <v>748</v>
      </c>
      <c r="E2860" t="s">
        <v>22</v>
      </c>
      <c r="F2860" t="s">
        <v>10</v>
      </c>
      <c r="G2860" t="s">
        <v>23</v>
      </c>
      <c r="H2860" t="s">
        <v>465</v>
      </c>
      <c r="I2860">
        <v>106.8</v>
      </c>
      <c r="J2860">
        <v>10</v>
      </c>
      <c r="K2860">
        <v>10.68</v>
      </c>
    </row>
    <row r="2861" spans="1:11" x14ac:dyDescent="0.3">
      <c r="A2861" s="1">
        <v>42223</v>
      </c>
      <c r="B2861" s="3">
        <f t="shared" si="88"/>
        <v>8</v>
      </c>
      <c r="C2861" s="3">
        <f t="shared" si="89"/>
        <v>2015</v>
      </c>
      <c r="D2861" t="s">
        <v>872</v>
      </c>
      <c r="E2861" t="s">
        <v>530</v>
      </c>
      <c r="F2861" t="s">
        <v>10</v>
      </c>
      <c r="G2861" t="s">
        <v>91</v>
      </c>
      <c r="H2861" t="s">
        <v>1386</v>
      </c>
      <c r="I2861">
        <v>77.58</v>
      </c>
      <c r="J2861">
        <v>9</v>
      </c>
      <c r="K2861">
        <v>20.170000000000002</v>
      </c>
    </row>
    <row r="2862" spans="1:11" x14ac:dyDescent="0.3">
      <c r="A2862" s="1">
        <v>42223</v>
      </c>
      <c r="B2862" s="3">
        <f t="shared" si="88"/>
        <v>8</v>
      </c>
      <c r="C2862" s="3">
        <f t="shared" si="89"/>
        <v>2015</v>
      </c>
      <c r="D2862" t="s">
        <v>2178</v>
      </c>
      <c r="E2862" t="s">
        <v>54</v>
      </c>
      <c r="F2862" t="s">
        <v>38</v>
      </c>
      <c r="G2862" t="s">
        <v>39</v>
      </c>
      <c r="H2862" t="s">
        <v>2179</v>
      </c>
      <c r="I2862">
        <v>494.97</v>
      </c>
      <c r="J2862">
        <v>3</v>
      </c>
      <c r="K2862">
        <v>148.49</v>
      </c>
    </row>
    <row r="2863" spans="1:11" x14ac:dyDescent="0.3">
      <c r="A2863" s="1">
        <v>42223</v>
      </c>
      <c r="B2863" s="3">
        <f t="shared" si="88"/>
        <v>8</v>
      </c>
      <c r="C2863" s="3">
        <f t="shared" si="89"/>
        <v>2015</v>
      </c>
      <c r="D2863" t="s">
        <v>2178</v>
      </c>
      <c r="E2863" t="s">
        <v>54</v>
      </c>
      <c r="F2863" t="s">
        <v>10</v>
      </c>
      <c r="G2863" t="s">
        <v>15</v>
      </c>
      <c r="H2863" t="s">
        <v>2180</v>
      </c>
      <c r="I2863">
        <v>25.06</v>
      </c>
      <c r="J2863">
        <v>2</v>
      </c>
      <c r="K2863">
        <v>11.78</v>
      </c>
    </row>
    <row r="2864" spans="1:11" x14ac:dyDescent="0.3">
      <c r="A2864" s="1">
        <v>42224</v>
      </c>
      <c r="B2864" s="3">
        <f t="shared" si="88"/>
        <v>8</v>
      </c>
      <c r="C2864" s="3">
        <f t="shared" si="89"/>
        <v>2015</v>
      </c>
      <c r="D2864" t="s">
        <v>1370</v>
      </c>
      <c r="E2864" t="s">
        <v>26</v>
      </c>
      <c r="F2864" t="s">
        <v>10</v>
      </c>
      <c r="G2864" t="s">
        <v>19</v>
      </c>
      <c r="H2864" t="s">
        <v>558</v>
      </c>
      <c r="I2864">
        <v>6.61</v>
      </c>
      <c r="J2864">
        <v>2</v>
      </c>
      <c r="K2864">
        <v>2.23</v>
      </c>
    </row>
    <row r="2865" spans="1:11" x14ac:dyDescent="0.3">
      <c r="A2865" s="1">
        <v>42224</v>
      </c>
      <c r="B2865" s="3">
        <f t="shared" si="88"/>
        <v>8</v>
      </c>
      <c r="C2865" s="3">
        <f t="shared" si="89"/>
        <v>2015</v>
      </c>
      <c r="D2865" t="s">
        <v>1370</v>
      </c>
      <c r="E2865" t="s">
        <v>26</v>
      </c>
      <c r="F2865" t="s">
        <v>10</v>
      </c>
      <c r="G2865" t="s">
        <v>19</v>
      </c>
      <c r="H2865" t="s">
        <v>786</v>
      </c>
      <c r="I2865">
        <v>7.28</v>
      </c>
      <c r="J2865">
        <v>2</v>
      </c>
      <c r="K2865">
        <v>2.73</v>
      </c>
    </row>
    <row r="2866" spans="1:11" x14ac:dyDescent="0.3">
      <c r="A2866" s="1">
        <v>42224</v>
      </c>
      <c r="B2866" s="3">
        <f t="shared" si="88"/>
        <v>8</v>
      </c>
      <c r="C2866" s="3">
        <f t="shared" si="89"/>
        <v>2015</v>
      </c>
      <c r="D2866" t="s">
        <v>1370</v>
      </c>
      <c r="E2866" t="s">
        <v>26</v>
      </c>
      <c r="F2866" t="s">
        <v>33</v>
      </c>
      <c r="G2866" t="s">
        <v>34</v>
      </c>
      <c r="H2866" t="s">
        <v>2181</v>
      </c>
      <c r="I2866">
        <v>144.78</v>
      </c>
      <c r="J2866">
        <v>1</v>
      </c>
      <c r="K2866">
        <v>10.86</v>
      </c>
    </row>
    <row r="2867" spans="1:11" x14ac:dyDescent="0.3">
      <c r="A2867" s="1">
        <v>42224</v>
      </c>
      <c r="B2867" s="3">
        <f t="shared" si="88"/>
        <v>8</v>
      </c>
      <c r="C2867" s="3">
        <f t="shared" si="89"/>
        <v>2015</v>
      </c>
      <c r="D2867" t="s">
        <v>2182</v>
      </c>
      <c r="E2867" t="s">
        <v>433</v>
      </c>
      <c r="F2867" t="s">
        <v>10</v>
      </c>
      <c r="G2867" t="s">
        <v>23</v>
      </c>
      <c r="H2867" t="s">
        <v>2183</v>
      </c>
      <c r="I2867">
        <v>39.659999999999997</v>
      </c>
      <c r="J2867">
        <v>2</v>
      </c>
      <c r="K2867">
        <v>11.9</v>
      </c>
    </row>
    <row r="2868" spans="1:11" x14ac:dyDescent="0.3">
      <c r="A2868" s="1">
        <v>42224</v>
      </c>
      <c r="B2868" s="3">
        <f t="shared" si="88"/>
        <v>8</v>
      </c>
      <c r="C2868" s="3">
        <f t="shared" si="89"/>
        <v>2015</v>
      </c>
      <c r="D2868" t="s">
        <v>2182</v>
      </c>
      <c r="E2868" t="s">
        <v>433</v>
      </c>
      <c r="F2868" t="s">
        <v>10</v>
      </c>
      <c r="G2868" t="s">
        <v>91</v>
      </c>
      <c r="H2868" t="s">
        <v>1680</v>
      </c>
      <c r="I2868">
        <v>113.92</v>
      </c>
      <c r="J2868">
        <v>2</v>
      </c>
      <c r="K2868">
        <v>33.04</v>
      </c>
    </row>
    <row r="2869" spans="1:11" x14ac:dyDescent="0.3">
      <c r="A2869" s="1">
        <v>42224</v>
      </c>
      <c r="B2869" s="3">
        <f t="shared" si="88"/>
        <v>8</v>
      </c>
      <c r="C2869" s="3">
        <f t="shared" si="89"/>
        <v>2015</v>
      </c>
      <c r="D2869" t="s">
        <v>2182</v>
      </c>
      <c r="E2869" t="s">
        <v>433</v>
      </c>
      <c r="F2869" t="s">
        <v>10</v>
      </c>
      <c r="G2869" t="s">
        <v>19</v>
      </c>
      <c r="H2869" t="s">
        <v>1135</v>
      </c>
      <c r="I2869">
        <v>447.86</v>
      </c>
      <c r="J2869">
        <v>7</v>
      </c>
      <c r="K2869">
        <v>210.49</v>
      </c>
    </row>
    <row r="2870" spans="1:11" x14ac:dyDescent="0.3">
      <c r="A2870" s="1">
        <v>42224</v>
      </c>
      <c r="B2870" s="3">
        <f t="shared" si="88"/>
        <v>8</v>
      </c>
      <c r="C2870" s="3">
        <f t="shared" si="89"/>
        <v>2015</v>
      </c>
      <c r="D2870" t="s">
        <v>436</v>
      </c>
      <c r="E2870" t="s">
        <v>148</v>
      </c>
      <c r="F2870" t="s">
        <v>38</v>
      </c>
      <c r="G2870" t="s">
        <v>51</v>
      </c>
      <c r="H2870" t="s">
        <v>197</v>
      </c>
      <c r="I2870">
        <v>79.989999999999995</v>
      </c>
      <c r="J2870">
        <v>1</v>
      </c>
      <c r="K2870">
        <v>28.8</v>
      </c>
    </row>
    <row r="2871" spans="1:11" x14ac:dyDescent="0.3">
      <c r="A2871" s="1">
        <v>42225</v>
      </c>
      <c r="B2871" s="3">
        <f t="shared" si="88"/>
        <v>8</v>
      </c>
      <c r="C2871" s="3">
        <f t="shared" si="89"/>
        <v>2015</v>
      </c>
      <c r="D2871" t="s">
        <v>588</v>
      </c>
      <c r="E2871" t="s">
        <v>109</v>
      </c>
      <c r="F2871" t="s">
        <v>10</v>
      </c>
      <c r="G2871" t="s">
        <v>23</v>
      </c>
      <c r="H2871" t="s">
        <v>893</v>
      </c>
      <c r="I2871">
        <v>2.2000000000000002</v>
      </c>
      <c r="J2871">
        <v>1</v>
      </c>
      <c r="K2871">
        <v>0.97</v>
      </c>
    </row>
    <row r="2872" spans="1:11" x14ac:dyDescent="0.3">
      <c r="A2872" s="1">
        <v>42225</v>
      </c>
      <c r="B2872" s="3">
        <f t="shared" si="88"/>
        <v>8</v>
      </c>
      <c r="C2872" s="3">
        <f t="shared" si="89"/>
        <v>2015</v>
      </c>
      <c r="D2872" t="s">
        <v>588</v>
      </c>
      <c r="E2872" t="s">
        <v>109</v>
      </c>
      <c r="F2872" t="s">
        <v>33</v>
      </c>
      <c r="G2872" t="s">
        <v>144</v>
      </c>
      <c r="H2872" t="s">
        <v>500</v>
      </c>
      <c r="I2872">
        <v>622.45000000000005</v>
      </c>
      <c r="J2872">
        <v>5</v>
      </c>
      <c r="K2872">
        <v>136.94</v>
      </c>
    </row>
    <row r="2873" spans="1:11" x14ac:dyDescent="0.3">
      <c r="A2873" s="1">
        <v>42225</v>
      </c>
      <c r="B2873" s="3">
        <f t="shared" si="88"/>
        <v>8</v>
      </c>
      <c r="C2873" s="3">
        <f t="shared" si="89"/>
        <v>2015</v>
      </c>
      <c r="D2873" t="s">
        <v>588</v>
      </c>
      <c r="E2873" t="s">
        <v>109</v>
      </c>
      <c r="F2873" t="s">
        <v>10</v>
      </c>
      <c r="G2873" t="s">
        <v>17</v>
      </c>
      <c r="H2873" t="s">
        <v>1755</v>
      </c>
      <c r="I2873">
        <v>21.98</v>
      </c>
      <c r="J2873">
        <v>1</v>
      </c>
      <c r="K2873">
        <v>0.22</v>
      </c>
    </row>
    <row r="2874" spans="1:11" x14ac:dyDescent="0.3">
      <c r="A2874" s="1">
        <v>42225</v>
      </c>
      <c r="B2874" s="3">
        <f t="shared" si="88"/>
        <v>8</v>
      </c>
      <c r="C2874" s="3">
        <f t="shared" si="89"/>
        <v>2015</v>
      </c>
      <c r="D2874" t="s">
        <v>666</v>
      </c>
      <c r="E2874" t="s">
        <v>148</v>
      </c>
      <c r="F2874" t="s">
        <v>38</v>
      </c>
      <c r="G2874" t="s">
        <v>39</v>
      </c>
      <c r="H2874" t="s">
        <v>1346</v>
      </c>
      <c r="I2874">
        <v>307.98</v>
      </c>
      <c r="J2874">
        <v>2</v>
      </c>
      <c r="K2874">
        <v>89.31</v>
      </c>
    </row>
    <row r="2875" spans="1:11" x14ac:dyDescent="0.3">
      <c r="A2875" s="1">
        <v>42225</v>
      </c>
      <c r="B2875" s="3">
        <f t="shared" si="88"/>
        <v>8</v>
      </c>
      <c r="C2875" s="3">
        <f t="shared" si="89"/>
        <v>2015</v>
      </c>
      <c r="D2875" t="s">
        <v>666</v>
      </c>
      <c r="E2875" t="s">
        <v>148</v>
      </c>
      <c r="F2875" t="s">
        <v>33</v>
      </c>
      <c r="G2875" t="s">
        <v>144</v>
      </c>
      <c r="H2875" t="s">
        <v>727</v>
      </c>
      <c r="I2875">
        <v>382.81</v>
      </c>
      <c r="J2875">
        <v>9</v>
      </c>
      <c r="K2875">
        <v>-153.12</v>
      </c>
    </row>
    <row r="2876" spans="1:11" x14ac:dyDescent="0.3">
      <c r="A2876" s="1">
        <v>42225</v>
      </c>
      <c r="B2876" s="3">
        <f t="shared" si="88"/>
        <v>8</v>
      </c>
      <c r="C2876" s="3">
        <f t="shared" si="89"/>
        <v>2015</v>
      </c>
      <c r="D2876" t="s">
        <v>666</v>
      </c>
      <c r="E2876" t="s">
        <v>148</v>
      </c>
      <c r="F2876" t="s">
        <v>10</v>
      </c>
      <c r="G2876" t="s">
        <v>17</v>
      </c>
      <c r="H2876" t="s">
        <v>1438</v>
      </c>
      <c r="I2876">
        <v>41.96</v>
      </c>
      <c r="J2876">
        <v>2</v>
      </c>
      <c r="K2876">
        <v>2.94</v>
      </c>
    </row>
    <row r="2877" spans="1:11" x14ac:dyDescent="0.3">
      <c r="A2877" s="1">
        <v>42225</v>
      </c>
      <c r="B2877" s="3">
        <f t="shared" si="88"/>
        <v>8</v>
      </c>
      <c r="C2877" s="3">
        <f t="shared" si="89"/>
        <v>2015</v>
      </c>
      <c r="D2877" t="s">
        <v>666</v>
      </c>
      <c r="E2877" t="s">
        <v>148</v>
      </c>
      <c r="F2877" t="s">
        <v>10</v>
      </c>
      <c r="G2877" t="s">
        <v>19</v>
      </c>
      <c r="H2877" t="s">
        <v>2126</v>
      </c>
      <c r="I2877">
        <v>1217.57</v>
      </c>
      <c r="J2877">
        <v>2</v>
      </c>
      <c r="K2877">
        <v>456.59</v>
      </c>
    </row>
    <row r="2878" spans="1:11" x14ac:dyDescent="0.3">
      <c r="A2878" s="1">
        <v>42225</v>
      </c>
      <c r="B2878" s="3">
        <f t="shared" si="88"/>
        <v>8</v>
      </c>
      <c r="C2878" s="3">
        <f t="shared" si="89"/>
        <v>2015</v>
      </c>
      <c r="D2878" t="s">
        <v>666</v>
      </c>
      <c r="E2878" t="s">
        <v>148</v>
      </c>
      <c r="F2878" t="s">
        <v>33</v>
      </c>
      <c r="G2878" t="s">
        <v>46</v>
      </c>
      <c r="H2878" t="s">
        <v>2184</v>
      </c>
      <c r="I2878">
        <v>47.04</v>
      </c>
      <c r="J2878">
        <v>3</v>
      </c>
      <c r="K2878">
        <v>18.350000000000001</v>
      </c>
    </row>
    <row r="2879" spans="1:11" x14ac:dyDescent="0.3">
      <c r="A2879" s="1">
        <v>42225</v>
      </c>
      <c r="B2879" s="3">
        <f t="shared" si="88"/>
        <v>8</v>
      </c>
      <c r="C2879" s="3">
        <f t="shared" si="89"/>
        <v>2015</v>
      </c>
      <c r="D2879" t="s">
        <v>666</v>
      </c>
      <c r="E2879" t="s">
        <v>148</v>
      </c>
      <c r="F2879" t="s">
        <v>33</v>
      </c>
      <c r="G2879" t="s">
        <v>46</v>
      </c>
      <c r="H2879" t="s">
        <v>1403</v>
      </c>
      <c r="I2879">
        <v>6.16</v>
      </c>
      <c r="J2879">
        <v>2</v>
      </c>
      <c r="K2879">
        <v>2.96</v>
      </c>
    </row>
    <row r="2880" spans="1:11" x14ac:dyDescent="0.3">
      <c r="A2880" s="1">
        <v>42225</v>
      </c>
      <c r="B2880" s="3">
        <f t="shared" si="88"/>
        <v>8</v>
      </c>
      <c r="C2880" s="3">
        <f t="shared" si="89"/>
        <v>2015</v>
      </c>
      <c r="D2880" t="s">
        <v>666</v>
      </c>
      <c r="E2880" t="s">
        <v>148</v>
      </c>
      <c r="F2880" t="s">
        <v>38</v>
      </c>
      <c r="G2880" t="s">
        <v>39</v>
      </c>
      <c r="H2880" t="s">
        <v>286</v>
      </c>
      <c r="I2880">
        <v>979.95</v>
      </c>
      <c r="J2880">
        <v>5</v>
      </c>
      <c r="K2880">
        <v>274.39</v>
      </c>
    </row>
    <row r="2881" spans="1:11" x14ac:dyDescent="0.3">
      <c r="A2881" s="1">
        <v>42225</v>
      </c>
      <c r="B2881" s="3">
        <f t="shared" si="88"/>
        <v>8</v>
      </c>
      <c r="C2881" s="3">
        <f t="shared" si="89"/>
        <v>2015</v>
      </c>
      <c r="D2881" t="s">
        <v>666</v>
      </c>
      <c r="E2881" t="s">
        <v>148</v>
      </c>
      <c r="F2881" t="s">
        <v>10</v>
      </c>
      <c r="G2881" t="s">
        <v>11</v>
      </c>
      <c r="H2881" t="s">
        <v>2185</v>
      </c>
      <c r="I2881">
        <v>143.69999999999999</v>
      </c>
      <c r="J2881">
        <v>3</v>
      </c>
      <c r="K2881">
        <v>68.98</v>
      </c>
    </row>
    <row r="2882" spans="1:11" x14ac:dyDescent="0.3">
      <c r="A2882" s="1">
        <v>42225</v>
      </c>
      <c r="B2882" s="3">
        <f t="shared" ref="B2882:B2945" si="90">MONTH(A:A)</f>
        <v>8</v>
      </c>
      <c r="C2882" s="3">
        <f t="shared" ref="C2882:C2945" si="91">YEAR(A:A)</f>
        <v>2015</v>
      </c>
      <c r="D2882" t="s">
        <v>666</v>
      </c>
      <c r="E2882" t="s">
        <v>148</v>
      </c>
      <c r="F2882" t="s">
        <v>10</v>
      </c>
      <c r="G2882" t="s">
        <v>42</v>
      </c>
      <c r="H2882" t="s">
        <v>1044</v>
      </c>
      <c r="I2882">
        <v>10.65</v>
      </c>
      <c r="J2882">
        <v>3</v>
      </c>
      <c r="K2882">
        <v>5.01</v>
      </c>
    </row>
    <row r="2883" spans="1:11" x14ac:dyDescent="0.3">
      <c r="A2883" s="1">
        <v>42225</v>
      </c>
      <c r="B2883" s="3">
        <f t="shared" si="90"/>
        <v>8</v>
      </c>
      <c r="C2883" s="3">
        <f t="shared" si="91"/>
        <v>2015</v>
      </c>
      <c r="D2883" t="s">
        <v>666</v>
      </c>
      <c r="E2883" t="s">
        <v>148</v>
      </c>
      <c r="F2883" t="s">
        <v>38</v>
      </c>
      <c r="G2883" t="s">
        <v>51</v>
      </c>
      <c r="H2883" t="s">
        <v>1801</v>
      </c>
      <c r="I2883">
        <v>247.8</v>
      </c>
      <c r="J2883">
        <v>4</v>
      </c>
      <c r="K2883">
        <v>34.69</v>
      </c>
    </row>
    <row r="2884" spans="1:11" x14ac:dyDescent="0.3">
      <c r="A2884" s="1">
        <v>42225</v>
      </c>
      <c r="B2884" s="3">
        <f t="shared" si="90"/>
        <v>8</v>
      </c>
      <c r="C2884" s="3">
        <f t="shared" si="91"/>
        <v>2015</v>
      </c>
      <c r="D2884" t="s">
        <v>497</v>
      </c>
      <c r="E2884" t="s">
        <v>122</v>
      </c>
      <c r="F2884" t="s">
        <v>10</v>
      </c>
      <c r="G2884" t="s">
        <v>15</v>
      </c>
      <c r="H2884" t="s">
        <v>583</v>
      </c>
      <c r="I2884">
        <v>4.6100000000000003</v>
      </c>
      <c r="J2884">
        <v>2</v>
      </c>
      <c r="K2884">
        <v>1.67</v>
      </c>
    </row>
    <row r="2885" spans="1:11" x14ac:dyDescent="0.3">
      <c r="A2885" s="1">
        <v>42225</v>
      </c>
      <c r="B2885" s="3">
        <f t="shared" si="90"/>
        <v>8</v>
      </c>
      <c r="C2885" s="3">
        <f t="shared" si="91"/>
        <v>2015</v>
      </c>
      <c r="D2885" t="s">
        <v>227</v>
      </c>
      <c r="E2885" t="s">
        <v>156</v>
      </c>
      <c r="F2885" t="s">
        <v>33</v>
      </c>
      <c r="G2885" t="s">
        <v>73</v>
      </c>
      <c r="H2885" t="s">
        <v>2167</v>
      </c>
      <c r="I2885">
        <v>687.4</v>
      </c>
      <c r="J2885">
        <v>5</v>
      </c>
      <c r="K2885">
        <v>48.12</v>
      </c>
    </row>
    <row r="2886" spans="1:11" x14ac:dyDescent="0.3">
      <c r="A2886" s="1">
        <v>42225</v>
      </c>
      <c r="B2886" s="3">
        <f t="shared" si="90"/>
        <v>8</v>
      </c>
      <c r="C2886" s="3">
        <f t="shared" si="91"/>
        <v>2015</v>
      </c>
      <c r="D2886" t="s">
        <v>1309</v>
      </c>
      <c r="E2886" t="s">
        <v>148</v>
      </c>
      <c r="F2886" t="s">
        <v>33</v>
      </c>
      <c r="G2886" t="s">
        <v>46</v>
      </c>
      <c r="H2886" t="s">
        <v>1569</v>
      </c>
      <c r="I2886">
        <v>10.02</v>
      </c>
      <c r="J2886">
        <v>3</v>
      </c>
      <c r="K2886">
        <v>4.41</v>
      </c>
    </row>
    <row r="2887" spans="1:11" x14ac:dyDescent="0.3">
      <c r="A2887" s="1">
        <v>42225</v>
      </c>
      <c r="B2887" s="3">
        <f t="shared" si="90"/>
        <v>8</v>
      </c>
      <c r="C2887" s="3">
        <f t="shared" si="91"/>
        <v>2015</v>
      </c>
      <c r="D2887" t="s">
        <v>1309</v>
      </c>
      <c r="E2887" t="s">
        <v>148</v>
      </c>
      <c r="F2887" t="s">
        <v>10</v>
      </c>
      <c r="G2887" t="s">
        <v>11</v>
      </c>
      <c r="H2887" t="s">
        <v>1696</v>
      </c>
      <c r="I2887">
        <v>144.12</v>
      </c>
      <c r="J2887">
        <v>3</v>
      </c>
      <c r="K2887">
        <v>69.180000000000007</v>
      </c>
    </row>
    <row r="2888" spans="1:11" x14ac:dyDescent="0.3">
      <c r="A2888" s="1">
        <v>42226</v>
      </c>
      <c r="B2888" s="3">
        <f t="shared" si="90"/>
        <v>8</v>
      </c>
      <c r="C2888" s="3">
        <f t="shared" si="91"/>
        <v>2015</v>
      </c>
      <c r="D2888" t="s">
        <v>1546</v>
      </c>
      <c r="E2888" t="s">
        <v>314</v>
      </c>
      <c r="F2888" t="s">
        <v>10</v>
      </c>
      <c r="G2888" t="s">
        <v>15</v>
      </c>
      <c r="H2888" t="s">
        <v>171</v>
      </c>
      <c r="I2888">
        <v>3.75</v>
      </c>
      <c r="J2888">
        <v>1</v>
      </c>
      <c r="K2888">
        <v>1.8</v>
      </c>
    </row>
    <row r="2889" spans="1:11" x14ac:dyDescent="0.3">
      <c r="A2889" s="1">
        <v>42226</v>
      </c>
      <c r="B2889" s="3">
        <f t="shared" si="90"/>
        <v>8</v>
      </c>
      <c r="C2889" s="3">
        <f t="shared" si="91"/>
        <v>2015</v>
      </c>
      <c r="D2889" t="s">
        <v>1546</v>
      </c>
      <c r="E2889" t="s">
        <v>314</v>
      </c>
      <c r="F2889" t="s">
        <v>10</v>
      </c>
      <c r="G2889" t="s">
        <v>15</v>
      </c>
      <c r="H2889" t="s">
        <v>1715</v>
      </c>
      <c r="I2889">
        <v>41.4</v>
      </c>
      <c r="J2889">
        <v>4</v>
      </c>
      <c r="K2889">
        <v>19.87</v>
      </c>
    </row>
    <row r="2890" spans="1:11" x14ac:dyDescent="0.3">
      <c r="A2890" s="1">
        <v>42226</v>
      </c>
      <c r="B2890" s="3">
        <f t="shared" si="90"/>
        <v>8</v>
      </c>
      <c r="C2890" s="3">
        <f t="shared" si="91"/>
        <v>2015</v>
      </c>
      <c r="D2890" t="s">
        <v>1546</v>
      </c>
      <c r="E2890" t="s">
        <v>314</v>
      </c>
      <c r="F2890" t="s">
        <v>10</v>
      </c>
      <c r="G2890" t="s">
        <v>23</v>
      </c>
      <c r="H2890" t="s">
        <v>405</v>
      </c>
      <c r="I2890">
        <v>29.79</v>
      </c>
      <c r="J2890">
        <v>3</v>
      </c>
      <c r="K2890">
        <v>12.51</v>
      </c>
    </row>
    <row r="2891" spans="1:11" x14ac:dyDescent="0.3">
      <c r="A2891" s="1">
        <v>42226</v>
      </c>
      <c r="B2891" s="3">
        <f t="shared" si="90"/>
        <v>8</v>
      </c>
      <c r="C2891" s="3">
        <f t="shared" si="91"/>
        <v>2015</v>
      </c>
      <c r="D2891" t="s">
        <v>1562</v>
      </c>
      <c r="E2891" t="s">
        <v>90</v>
      </c>
      <c r="F2891" t="s">
        <v>38</v>
      </c>
      <c r="G2891" t="s">
        <v>39</v>
      </c>
      <c r="H2891" t="s">
        <v>520</v>
      </c>
      <c r="I2891">
        <v>438.37</v>
      </c>
      <c r="J2891">
        <v>4</v>
      </c>
      <c r="K2891">
        <v>38.36</v>
      </c>
    </row>
    <row r="2892" spans="1:11" x14ac:dyDescent="0.3">
      <c r="A2892" s="1">
        <v>42226</v>
      </c>
      <c r="B2892" s="3">
        <f t="shared" si="90"/>
        <v>8</v>
      </c>
      <c r="C2892" s="3">
        <f t="shared" si="91"/>
        <v>2015</v>
      </c>
      <c r="D2892" t="s">
        <v>1562</v>
      </c>
      <c r="E2892" t="s">
        <v>90</v>
      </c>
      <c r="F2892" t="s">
        <v>38</v>
      </c>
      <c r="G2892" t="s">
        <v>39</v>
      </c>
      <c r="H2892" t="s">
        <v>1635</v>
      </c>
      <c r="I2892">
        <v>139.94</v>
      </c>
      <c r="J2892">
        <v>7</v>
      </c>
      <c r="K2892">
        <v>-31.49</v>
      </c>
    </row>
    <row r="2893" spans="1:11" x14ac:dyDescent="0.3">
      <c r="A2893" s="1">
        <v>42226</v>
      </c>
      <c r="B2893" s="3">
        <f t="shared" si="90"/>
        <v>8</v>
      </c>
      <c r="C2893" s="3">
        <f t="shared" si="91"/>
        <v>2015</v>
      </c>
      <c r="D2893" t="s">
        <v>1562</v>
      </c>
      <c r="E2893" t="s">
        <v>90</v>
      </c>
      <c r="F2893" t="s">
        <v>10</v>
      </c>
      <c r="G2893" t="s">
        <v>91</v>
      </c>
      <c r="H2893" t="s">
        <v>1277</v>
      </c>
      <c r="I2893">
        <v>133.47</v>
      </c>
      <c r="J2893">
        <v>4</v>
      </c>
      <c r="K2893">
        <v>15.02</v>
      </c>
    </row>
    <row r="2894" spans="1:11" x14ac:dyDescent="0.3">
      <c r="A2894" s="1">
        <v>42226</v>
      </c>
      <c r="B2894" s="3">
        <f t="shared" si="90"/>
        <v>8</v>
      </c>
      <c r="C2894" s="3">
        <f t="shared" si="91"/>
        <v>2015</v>
      </c>
      <c r="D2894" t="s">
        <v>2093</v>
      </c>
      <c r="E2894" t="s">
        <v>109</v>
      </c>
      <c r="F2894" t="s">
        <v>10</v>
      </c>
      <c r="G2894" t="s">
        <v>19</v>
      </c>
      <c r="H2894" t="s">
        <v>2186</v>
      </c>
      <c r="I2894">
        <v>64.75</v>
      </c>
      <c r="J2894">
        <v>5</v>
      </c>
      <c r="K2894">
        <v>29.14</v>
      </c>
    </row>
    <row r="2895" spans="1:11" x14ac:dyDescent="0.3">
      <c r="A2895" s="1">
        <v>42227</v>
      </c>
      <c r="B2895" s="3">
        <f t="shared" si="90"/>
        <v>8</v>
      </c>
      <c r="C2895" s="3">
        <f t="shared" si="91"/>
        <v>2015</v>
      </c>
      <c r="D2895" t="s">
        <v>716</v>
      </c>
      <c r="E2895" t="s">
        <v>244</v>
      </c>
      <c r="F2895" t="s">
        <v>33</v>
      </c>
      <c r="G2895" t="s">
        <v>46</v>
      </c>
      <c r="H2895" t="s">
        <v>338</v>
      </c>
      <c r="I2895">
        <v>46.15</v>
      </c>
      <c r="J2895">
        <v>3</v>
      </c>
      <c r="K2895">
        <v>12.11</v>
      </c>
    </row>
    <row r="2896" spans="1:11" x14ac:dyDescent="0.3">
      <c r="A2896" s="1">
        <v>42227</v>
      </c>
      <c r="B2896" s="3">
        <f t="shared" si="90"/>
        <v>8</v>
      </c>
      <c r="C2896" s="3">
        <f t="shared" si="91"/>
        <v>2015</v>
      </c>
      <c r="D2896" t="s">
        <v>2187</v>
      </c>
      <c r="E2896" t="s">
        <v>148</v>
      </c>
      <c r="F2896" t="s">
        <v>10</v>
      </c>
      <c r="G2896" t="s">
        <v>23</v>
      </c>
      <c r="H2896" t="s">
        <v>265</v>
      </c>
      <c r="I2896">
        <v>11.96</v>
      </c>
      <c r="J2896">
        <v>2</v>
      </c>
      <c r="K2896">
        <v>3.11</v>
      </c>
    </row>
    <row r="2897" spans="1:11" x14ac:dyDescent="0.3">
      <c r="A2897" s="1">
        <v>42227</v>
      </c>
      <c r="B2897" s="3">
        <f t="shared" si="90"/>
        <v>8</v>
      </c>
      <c r="C2897" s="3">
        <f t="shared" si="91"/>
        <v>2015</v>
      </c>
      <c r="D2897" t="s">
        <v>2187</v>
      </c>
      <c r="E2897" t="s">
        <v>148</v>
      </c>
      <c r="F2897" t="s">
        <v>38</v>
      </c>
      <c r="G2897" t="s">
        <v>39</v>
      </c>
      <c r="H2897" t="s">
        <v>86</v>
      </c>
      <c r="I2897">
        <v>138</v>
      </c>
      <c r="J2897">
        <v>2</v>
      </c>
      <c r="K2897">
        <v>34.5</v>
      </c>
    </row>
    <row r="2898" spans="1:11" x14ac:dyDescent="0.3">
      <c r="A2898" s="1">
        <v>42229</v>
      </c>
      <c r="B2898" s="3">
        <f t="shared" si="90"/>
        <v>8</v>
      </c>
      <c r="C2898" s="3">
        <f t="shared" si="91"/>
        <v>2015</v>
      </c>
      <c r="D2898" t="s">
        <v>1288</v>
      </c>
      <c r="E2898" t="s">
        <v>26</v>
      </c>
      <c r="F2898" t="s">
        <v>10</v>
      </c>
      <c r="G2898" t="s">
        <v>23</v>
      </c>
      <c r="H2898" t="s">
        <v>1602</v>
      </c>
      <c r="I2898">
        <v>50.8</v>
      </c>
      <c r="J2898">
        <v>5</v>
      </c>
      <c r="K2898">
        <v>13.21</v>
      </c>
    </row>
    <row r="2899" spans="1:11" x14ac:dyDescent="0.3">
      <c r="A2899" s="1">
        <v>42229</v>
      </c>
      <c r="B2899" s="3">
        <f t="shared" si="90"/>
        <v>8</v>
      </c>
      <c r="C2899" s="3">
        <f t="shared" si="91"/>
        <v>2015</v>
      </c>
      <c r="D2899" t="s">
        <v>1839</v>
      </c>
      <c r="E2899" t="s">
        <v>29</v>
      </c>
      <c r="F2899" t="s">
        <v>10</v>
      </c>
      <c r="G2899" t="s">
        <v>19</v>
      </c>
      <c r="H2899" t="s">
        <v>66</v>
      </c>
      <c r="I2899">
        <v>5.64</v>
      </c>
      <c r="J2899">
        <v>3</v>
      </c>
      <c r="K2899">
        <v>2.71</v>
      </c>
    </row>
    <row r="2900" spans="1:11" x14ac:dyDescent="0.3">
      <c r="A2900" s="1">
        <v>42229</v>
      </c>
      <c r="B2900" s="3">
        <f t="shared" si="90"/>
        <v>8</v>
      </c>
      <c r="C2900" s="3">
        <f t="shared" si="91"/>
        <v>2015</v>
      </c>
      <c r="D2900" t="s">
        <v>1780</v>
      </c>
      <c r="E2900" t="s">
        <v>128</v>
      </c>
      <c r="F2900" t="s">
        <v>10</v>
      </c>
      <c r="G2900" t="s">
        <v>19</v>
      </c>
      <c r="H2900" t="s">
        <v>422</v>
      </c>
      <c r="I2900">
        <v>11.36</v>
      </c>
      <c r="J2900">
        <v>4</v>
      </c>
      <c r="K2900">
        <v>5.57</v>
      </c>
    </row>
    <row r="2901" spans="1:11" x14ac:dyDescent="0.3">
      <c r="A2901" s="1">
        <v>42229</v>
      </c>
      <c r="B2901" s="3">
        <f t="shared" si="90"/>
        <v>8</v>
      </c>
      <c r="C2901" s="3">
        <f t="shared" si="91"/>
        <v>2015</v>
      </c>
      <c r="D2901" t="s">
        <v>142</v>
      </c>
      <c r="E2901" t="s">
        <v>22</v>
      </c>
      <c r="F2901" t="s">
        <v>10</v>
      </c>
      <c r="G2901" t="s">
        <v>17</v>
      </c>
      <c r="H2901" t="s">
        <v>1448</v>
      </c>
      <c r="I2901">
        <v>422.86</v>
      </c>
      <c r="J2901">
        <v>3</v>
      </c>
      <c r="K2901">
        <v>15.86</v>
      </c>
    </row>
    <row r="2902" spans="1:11" x14ac:dyDescent="0.3">
      <c r="A2902" s="1">
        <v>42229</v>
      </c>
      <c r="B2902" s="3">
        <f t="shared" si="90"/>
        <v>8</v>
      </c>
      <c r="C2902" s="3">
        <f t="shared" si="91"/>
        <v>2015</v>
      </c>
      <c r="D2902" t="s">
        <v>1272</v>
      </c>
      <c r="E2902" t="s">
        <v>26</v>
      </c>
      <c r="F2902" t="s">
        <v>33</v>
      </c>
      <c r="G2902" t="s">
        <v>46</v>
      </c>
      <c r="H2902" t="s">
        <v>123</v>
      </c>
      <c r="I2902">
        <v>31.56</v>
      </c>
      <c r="J2902">
        <v>3</v>
      </c>
      <c r="K2902">
        <v>10.41</v>
      </c>
    </row>
    <row r="2903" spans="1:11" x14ac:dyDescent="0.3">
      <c r="A2903" s="1">
        <v>42229</v>
      </c>
      <c r="B2903" s="3">
        <f t="shared" si="90"/>
        <v>8</v>
      </c>
      <c r="C2903" s="3">
        <f t="shared" si="91"/>
        <v>2015</v>
      </c>
      <c r="D2903" t="s">
        <v>874</v>
      </c>
      <c r="E2903" t="s">
        <v>244</v>
      </c>
      <c r="F2903" t="s">
        <v>10</v>
      </c>
      <c r="G2903" t="s">
        <v>23</v>
      </c>
      <c r="H2903" t="s">
        <v>2188</v>
      </c>
      <c r="I2903">
        <v>64.680000000000007</v>
      </c>
      <c r="J2903">
        <v>7</v>
      </c>
      <c r="K2903">
        <v>8.09</v>
      </c>
    </row>
    <row r="2904" spans="1:11" x14ac:dyDescent="0.3">
      <c r="A2904" s="1">
        <v>42231</v>
      </c>
      <c r="B2904" s="3">
        <f t="shared" si="90"/>
        <v>8</v>
      </c>
      <c r="C2904" s="3">
        <f t="shared" si="91"/>
        <v>2015</v>
      </c>
      <c r="D2904" t="s">
        <v>2189</v>
      </c>
      <c r="E2904" t="s">
        <v>26</v>
      </c>
      <c r="F2904" t="s">
        <v>10</v>
      </c>
      <c r="G2904" t="s">
        <v>17</v>
      </c>
      <c r="H2904" t="s">
        <v>1409</v>
      </c>
      <c r="I2904">
        <v>323.10000000000002</v>
      </c>
      <c r="J2904">
        <v>2</v>
      </c>
      <c r="K2904">
        <v>61.39</v>
      </c>
    </row>
    <row r="2905" spans="1:11" x14ac:dyDescent="0.3">
      <c r="A2905" s="1">
        <v>42231</v>
      </c>
      <c r="B2905" s="3">
        <f t="shared" si="90"/>
        <v>8</v>
      </c>
      <c r="C2905" s="3">
        <f t="shared" si="91"/>
        <v>2015</v>
      </c>
      <c r="D2905" t="s">
        <v>770</v>
      </c>
      <c r="E2905" t="s">
        <v>26</v>
      </c>
      <c r="F2905" t="s">
        <v>33</v>
      </c>
      <c r="G2905" t="s">
        <v>46</v>
      </c>
      <c r="H2905" t="s">
        <v>1019</v>
      </c>
      <c r="I2905">
        <v>104.23</v>
      </c>
      <c r="J2905">
        <v>7</v>
      </c>
      <c r="K2905">
        <v>28.14</v>
      </c>
    </row>
    <row r="2906" spans="1:11" x14ac:dyDescent="0.3">
      <c r="A2906" s="1">
        <v>42231</v>
      </c>
      <c r="B2906" s="3">
        <f t="shared" si="90"/>
        <v>8</v>
      </c>
      <c r="C2906" s="3">
        <f t="shared" si="91"/>
        <v>2015</v>
      </c>
      <c r="D2906" t="s">
        <v>770</v>
      </c>
      <c r="E2906" t="s">
        <v>26</v>
      </c>
      <c r="F2906" t="s">
        <v>10</v>
      </c>
      <c r="G2906" t="s">
        <v>17</v>
      </c>
      <c r="H2906" t="s">
        <v>2190</v>
      </c>
      <c r="I2906">
        <v>70.260000000000005</v>
      </c>
      <c r="J2906">
        <v>3</v>
      </c>
      <c r="K2906">
        <v>18.97</v>
      </c>
    </row>
    <row r="2907" spans="1:11" x14ac:dyDescent="0.3">
      <c r="A2907" s="1">
        <v>42232</v>
      </c>
      <c r="B2907" s="3">
        <f t="shared" si="90"/>
        <v>8</v>
      </c>
      <c r="C2907" s="3">
        <f t="shared" si="91"/>
        <v>2015</v>
      </c>
      <c r="D2907" t="s">
        <v>1660</v>
      </c>
      <c r="E2907" t="s">
        <v>94</v>
      </c>
      <c r="F2907" t="s">
        <v>10</v>
      </c>
      <c r="G2907" t="s">
        <v>23</v>
      </c>
      <c r="H2907" t="s">
        <v>2191</v>
      </c>
      <c r="I2907">
        <v>2.2999999999999998</v>
      </c>
      <c r="J2907">
        <v>1</v>
      </c>
      <c r="K2907">
        <v>0.26</v>
      </c>
    </row>
    <row r="2908" spans="1:11" x14ac:dyDescent="0.3">
      <c r="A2908" s="1">
        <v>42232</v>
      </c>
      <c r="B2908" s="3">
        <f t="shared" si="90"/>
        <v>8</v>
      </c>
      <c r="C2908" s="3">
        <f t="shared" si="91"/>
        <v>2015</v>
      </c>
      <c r="D2908" t="s">
        <v>1660</v>
      </c>
      <c r="E2908" t="s">
        <v>94</v>
      </c>
      <c r="F2908" t="s">
        <v>38</v>
      </c>
      <c r="G2908" t="s">
        <v>39</v>
      </c>
      <c r="H2908" t="s">
        <v>2192</v>
      </c>
      <c r="I2908">
        <v>1879.96</v>
      </c>
      <c r="J2908">
        <v>5</v>
      </c>
      <c r="K2908">
        <v>211.5</v>
      </c>
    </row>
    <row r="2909" spans="1:11" x14ac:dyDescent="0.3">
      <c r="A2909" s="1">
        <v>42232</v>
      </c>
      <c r="B2909" s="3">
        <f t="shared" si="90"/>
        <v>8</v>
      </c>
      <c r="C2909" s="3">
        <f t="shared" si="91"/>
        <v>2015</v>
      </c>
      <c r="D2909" t="s">
        <v>1660</v>
      </c>
      <c r="E2909" t="s">
        <v>94</v>
      </c>
      <c r="F2909" t="s">
        <v>10</v>
      </c>
      <c r="G2909" t="s">
        <v>11</v>
      </c>
      <c r="H2909" t="s">
        <v>263</v>
      </c>
      <c r="I2909">
        <v>313.02</v>
      </c>
      <c r="J2909">
        <v>8</v>
      </c>
      <c r="K2909">
        <v>105.65</v>
      </c>
    </row>
    <row r="2910" spans="1:11" x14ac:dyDescent="0.3">
      <c r="A2910" s="1">
        <v>42232</v>
      </c>
      <c r="B2910" s="3">
        <f t="shared" si="90"/>
        <v>8</v>
      </c>
      <c r="C2910" s="3">
        <f t="shared" si="91"/>
        <v>2015</v>
      </c>
      <c r="D2910" t="s">
        <v>1660</v>
      </c>
      <c r="E2910" t="s">
        <v>94</v>
      </c>
      <c r="F2910" t="s">
        <v>10</v>
      </c>
      <c r="G2910" t="s">
        <v>15</v>
      </c>
      <c r="H2910" t="s">
        <v>581</v>
      </c>
      <c r="I2910">
        <v>5.04</v>
      </c>
      <c r="J2910">
        <v>2</v>
      </c>
      <c r="K2910">
        <v>1.76</v>
      </c>
    </row>
    <row r="2911" spans="1:11" x14ac:dyDescent="0.3">
      <c r="A2911" s="1">
        <v>42232</v>
      </c>
      <c r="B2911" s="3">
        <f t="shared" si="90"/>
        <v>8</v>
      </c>
      <c r="C2911" s="3">
        <f t="shared" si="91"/>
        <v>2015</v>
      </c>
      <c r="D2911" t="s">
        <v>1790</v>
      </c>
      <c r="E2911" t="s">
        <v>22</v>
      </c>
      <c r="F2911" t="s">
        <v>38</v>
      </c>
      <c r="G2911" t="s">
        <v>39</v>
      </c>
      <c r="H2911" t="s">
        <v>2193</v>
      </c>
      <c r="I2911">
        <v>519.79</v>
      </c>
      <c r="J2911">
        <v>4</v>
      </c>
      <c r="K2911">
        <v>-112.62</v>
      </c>
    </row>
    <row r="2912" spans="1:11" x14ac:dyDescent="0.3">
      <c r="A2912" s="1">
        <v>42232</v>
      </c>
      <c r="B2912" s="3">
        <f t="shared" si="90"/>
        <v>8</v>
      </c>
      <c r="C2912" s="3">
        <f t="shared" si="91"/>
        <v>2015</v>
      </c>
      <c r="D2912" t="s">
        <v>1790</v>
      </c>
      <c r="E2912" t="s">
        <v>22</v>
      </c>
      <c r="F2912" t="s">
        <v>38</v>
      </c>
      <c r="G2912" t="s">
        <v>51</v>
      </c>
      <c r="H2912" t="s">
        <v>690</v>
      </c>
      <c r="I2912">
        <v>31.18</v>
      </c>
      <c r="J2912">
        <v>3</v>
      </c>
      <c r="K2912">
        <v>-5.46</v>
      </c>
    </row>
    <row r="2913" spans="1:11" x14ac:dyDescent="0.3">
      <c r="A2913" s="1">
        <v>42232</v>
      </c>
      <c r="B2913" s="3">
        <f t="shared" si="90"/>
        <v>8</v>
      </c>
      <c r="C2913" s="3">
        <f t="shared" si="91"/>
        <v>2015</v>
      </c>
      <c r="D2913" t="s">
        <v>1790</v>
      </c>
      <c r="E2913" t="s">
        <v>22</v>
      </c>
      <c r="F2913" t="s">
        <v>10</v>
      </c>
      <c r="G2913" t="s">
        <v>11</v>
      </c>
      <c r="H2913" t="s">
        <v>2194</v>
      </c>
      <c r="I2913">
        <v>10.37</v>
      </c>
      <c r="J2913">
        <v>2</v>
      </c>
      <c r="K2913">
        <v>3.63</v>
      </c>
    </row>
    <row r="2914" spans="1:11" x14ac:dyDescent="0.3">
      <c r="A2914" s="1">
        <v>42232</v>
      </c>
      <c r="B2914" s="3">
        <f t="shared" si="90"/>
        <v>8</v>
      </c>
      <c r="C2914" s="3">
        <f t="shared" si="91"/>
        <v>2015</v>
      </c>
      <c r="D2914" t="s">
        <v>1790</v>
      </c>
      <c r="E2914" t="s">
        <v>22</v>
      </c>
      <c r="F2914" t="s">
        <v>10</v>
      </c>
      <c r="G2914" t="s">
        <v>19</v>
      </c>
      <c r="H2914" t="s">
        <v>608</v>
      </c>
      <c r="I2914">
        <v>2.72</v>
      </c>
      <c r="J2914">
        <v>2</v>
      </c>
      <c r="K2914">
        <v>-1.91</v>
      </c>
    </row>
    <row r="2915" spans="1:11" x14ac:dyDescent="0.3">
      <c r="A2915" s="1">
        <v>42232</v>
      </c>
      <c r="B2915" s="3">
        <f t="shared" si="90"/>
        <v>8</v>
      </c>
      <c r="C2915" s="3">
        <f t="shared" si="91"/>
        <v>2015</v>
      </c>
      <c r="D2915" t="s">
        <v>1790</v>
      </c>
      <c r="E2915" t="s">
        <v>22</v>
      </c>
      <c r="F2915" t="s">
        <v>33</v>
      </c>
      <c r="G2915" t="s">
        <v>46</v>
      </c>
      <c r="H2915" t="s">
        <v>2195</v>
      </c>
      <c r="I2915">
        <v>254.35</v>
      </c>
      <c r="J2915">
        <v>3</v>
      </c>
      <c r="K2915">
        <v>0</v>
      </c>
    </row>
    <row r="2916" spans="1:11" x14ac:dyDescent="0.3">
      <c r="A2916" s="1">
        <v>42232</v>
      </c>
      <c r="B2916" s="3">
        <f t="shared" si="90"/>
        <v>8</v>
      </c>
      <c r="C2916" s="3">
        <f t="shared" si="91"/>
        <v>2015</v>
      </c>
      <c r="D2916" t="s">
        <v>1790</v>
      </c>
      <c r="E2916" t="s">
        <v>22</v>
      </c>
      <c r="F2916" t="s">
        <v>10</v>
      </c>
      <c r="G2916" t="s">
        <v>19</v>
      </c>
      <c r="H2916" t="s">
        <v>1490</v>
      </c>
      <c r="I2916">
        <v>3.76</v>
      </c>
      <c r="J2916">
        <v>3</v>
      </c>
      <c r="K2916">
        <v>-2.76</v>
      </c>
    </row>
    <row r="2917" spans="1:11" x14ac:dyDescent="0.3">
      <c r="A2917" s="1">
        <v>42232</v>
      </c>
      <c r="B2917" s="3">
        <f t="shared" si="90"/>
        <v>8</v>
      </c>
      <c r="C2917" s="3">
        <f t="shared" si="91"/>
        <v>2015</v>
      </c>
      <c r="D2917" t="s">
        <v>1790</v>
      </c>
      <c r="E2917" t="s">
        <v>22</v>
      </c>
      <c r="F2917" t="s">
        <v>10</v>
      </c>
      <c r="G2917" t="s">
        <v>11</v>
      </c>
      <c r="H2917" t="s">
        <v>1589</v>
      </c>
      <c r="I2917">
        <v>10.27</v>
      </c>
      <c r="J2917">
        <v>3</v>
      </c>
      <c r="K2917">
        <v>3.21</v>
      </c>
    </row>
    <row r="2918" spans="1:11" x14ac:dyDescent="0.3">
      <c r="A2918" s="1">
        <v>42232</v>
      </c>
      <c r="B2918" s="3">
        <f t="shared" si="90"/>
        <v>8</v>
      </c>
      <c r="C2918" s="3">
        <f t="shared" si="91"/>
        <v>2015</v>
      </c>
      <c r="D2918" t="s">
        <v>2196</v>
      </c>
      <c r="E2918" t="s">
        <v>22</v>
      </c>
      <c r="F2918" t="s">
        <v>10</v>
      </c>
      <c r="G2918" t="s">
        <v>17</v>
      </c>
      <c r="H2918" t="s">
        <v>1452</v>
      </c>
      <c r="I2918">
        <v>44.69</v>
      </c>
      <c r="J2918">
        <v>7</v>
      </c>
      <c r="K2918">
        <v>3.35</v>
      </c>
    </row>
    <row r="2919" spans="1:11" x14ac:dyDescent="0.3">
      <c r="A2919" s="1">
        <v>42232</v>
      </c>
      <c r="B2919" s="3">
        <f t="shared" si="90"/>
        <v>8</v>
      </c>
      <c r="C2919" s="3">
        <f t="shared" si="91"/>
        <v>2015</v>
      </c>
      <c r="D2919" t="s">
        <v>2196</v>
      </c>
      <c r="E2919" t="s">
        <v>22</v>
      </c>
      <c r="F2919" t="s">
        <v>33</v>
      </c>
      <c r="G2919" t="s">
        <v>73</v>
      </c>
      <c r="H2919" t="s">
        <v>2197</v>
      </c>
      <c r="I2919">
        <v>301.47000000000003</v>
      </c>
      <c r="J2919">
        <v>3</v>
      </c>
      <c r="K2919">
        <v>-205</v>
      </c>
    </row>
    <row r="2920" spans="1:11" x14ac:dyDescent="0.3">
      <c r="A2920" s="1">
        <v>42233</v>
      </c>
      <c r="B2920" s="3">
        <f t="shared" si="90"/>
        <v>8</v>
      </c>
      <c r="C2920" s="3">
        <f t="shared" si="91"/>
        <v>2015</v>
      </c>
      <c r="D2920" t="s">
        <v>2198</v>
      </c>
      <c r="E2920" t="s">
        <v>433</v>
      </c>
      <c r="F2920" t="s">
        <v>10</v>
      </c>
      <c r="G2920" t="s">
        <v>19</v>
      </c>
      <c r="H2920" t="s">
        <v>2199</v>
      </c>
      <c r="I2920">
        <v>52.2</v>
      </c>
      <c r="J2920">
        <v>9</v>
      </c>
      <c r="K2920">
        <v>23.49</v>
      </c>
    </row>
    <row r="2921" spans="1:11" x14ac:dyDescent="0.3">
      <c r="A2921" s="1">
        <v>42233</v>
      </c>
      <c r="B2921" s="3">
        <f t="shared" si="90"/>
        <v>8</v>
      </c>
      <c r="C2921" s="3">
        <f t="shared" si="91"/>
        <v>2015</v>
      </c>
      <c r="D2921" t="s">
        <v>767</v>
      </c>
      <c r="E2921" t="s">
        <v>94</v>
      </c>
      <c r="F2921" t="s">
        <v>38</v>
      </c>
      <c r="G2921" t="s">
        <v>51</v>
      </c>
      <c r="H2921" t="s">
        <v>672</v>
      </c>
      <c r="I2921">
        <v>30.08</v>
      </c>
      <c r="J2921">
        <v>2</v>
      </c>
      <c r="K2921">
        <v>-5.26</v>
      </c>
    </row>
    <row r="2922" spans="1:11" x14ac:dyDescent="0.3">
      <c r="A2922" s="1">
        <v>42233</v>
      </c>
      <c r="B2922" s="3">
        <f t="shared" si="90"/>
        <v>8</v>
      </c>
      <c r="C2922" s="3">
        <f t="shared" si="91"/>
        <v>2015</v>
      </c>
      <c r="D2922" t="s">
        <v>767</v>
      </c>
      <c r="E2922" t="s">
        <v>94</v>
      </c>
      <c r="F2922" t="s">
        <v>10</v>
      </c>
      <c r="G2922" t="s">
        <v>11</v>
      </c>
      <c r="H2922" t="s">
        <v>1095</v>
      </c>
      <c r="I2922">
        <v>36.29</v>
      </c>
      <c r="J2922">
        <v>7</v>
      </c>
      <c r="K2922">
        <v>12.7</v>
      </c>
    </row>
    <row r="2923" spans="1:11" x14ac:dyDescent="0.3">
      <c r="A2923" s="1">
        <v>42233</v>
      </c>
      <c r="B2923" s="3">
        <f t="shared" si="90"/>
        <v>8</v>
      </c>
      <c r="C2923" s="3">
        <f t="shared" si="91"/>
        <v>2015</v>
      </c>
      <c r="D2923" t="s">
        <v>767</v>
      </c>
      <c r="E2923" t="s">
        <v>94</v>
      </c>
      <c r="F2923" t="s">
        <v>10</v>
      </c>
      <c r="G2923" t="s">
        <v>23</v>
      </c>
      <c r="H2923" t="s">
        <v>2200</v>
      </c>
      <c r="I2923">
        <v>10.27</v>
      </c>
      <c r="J2923">
        <v>3</v>
      </c>
      <c r="K2923">
        <v>1.1599999999999999</v>
      </c>
    </row>
    <row r="2924" spans="1:11" x14ac:dyDescent="0.3">
      <c r="A2924" s="1">
        <v>42233</v>
      </c>
      <c r="B2924" s="3">
        <f t="shared" si="90"/>
        <v>8</v>
      </c>
      <c r="C2924" s="3">
        <f t="shared" si="91"/>
        <v>2015</v>
      </c>
      <c r="D2924" t="s">
        <v>767</v>
      </c>
      <c r="E2924" t="s">
        <v>94</v>
      </c>
      <c r="F2924" t="s">
        <v>38</v>
      </c>
      <c r="G2924" t="s">
        <v>51</v>
      </c>
      <c r="H2924" t="s">
        <v>1794</v>
      </c>
      <c r="I2924">
        <v>252.8</v>
      </c>
      <c r="J2924">
        <v>4</v>
      </c>
      <c r="K2924">
        <v>-31.6</v>
      </c>
    </row>
    <row r="2925" spans="1:11" x14ac:dyDescent="0.3">
      <c r="A2925" s="1">
        <v>42237</v>
      </c>
      <c r="B2925" s="3">
        <f t="shared" si="90"/>
        <v>8</v>
      </c>
      <c r="C2925" s="3">
        <f t="shared" si="91"/>
        <v>2015</v>
      </c>
      <c r="D2925" t="s">
        <v>1045</v>
      </c>
      <c r="E2925" t="s">
        <v>26</v>
      </c>
      <c r="F2925" t="s">
        <v>33</v>
      </c>
      <c r="G2925" t="s">
        <v>34</v>
      </c>
      <c r="H2925" t="s">
        <v>1071</v>
      </c>
      <c r="I2925">
        <v>544.01</v>
      </c>
      <c r="J2925">
        <v>3</v>
      </c>
      <c r="K2925">
        <v>40.799999999999997</v>
      </c>
    </row>
    <row r="2926" spans="1:11" x14ac:dyDescent="0.3">
      <c r="A2926" s="1">
        <v>42237</v>
      </c>
      <c r="B2926" s="3">
        <f t="shared" si="90"/>
        <v>8</v>
      </c>
      <c r="C2926" s="3">
        <f t="shared" si="91"/>
        <v>2015</v>
      </c>
      <c r="D2926" t="s">
        <v>1045</v>
      </c>
      <c r="E2926" t="s">
        <v>26</v>
      </c>
      <c r="F2926" t="s">
        <v>10</v>
      </c>
      <c r="G2926" t="s">
        <v>11</v>
      </c>
      <c r="H2926" t="s">
        <v>2201</v>
      </c>
      <c r="I2926">
        <v>59.94</v>
      </c>
      <c r="J2926">
        <v>3</v>
      </c>
      <c r="K2926">
        <v>28.17</v>
      </c>
    </row>
    <row r="2927" spans="1:11" x14ac:dyDescent="0.3">
      <c r="A2927" s="1">
        <v>42237</v>
      </c>
      <c r="B2927" s="3">
        <f t="shared" si="90"/>
        <v>8</v>
      </c>
      <c r="C2927" s="3">
        <f t="shared" si="91"/>
        <v>2015</v>
      </c>
      <c r="D2927" t="s">
        <v>1045</v>
      </c>
      <c r="E2927" t="s">
        <v>26</v>
      </c>
      <c r="F2927" t="s">
        <v>10</v>
      </c>
      <c r="G2927" t="s">
        <v>11</v>
      </c>
      <c r="H2927" t="s">
        <v>1611</v>
      </c>
      <c r="I2927">
        <v>23.92</v>
      </c>
      <c r="J2927">
        <v>4</v>
      </c>
      <c r="K2927">
        <v>11.72</v>
      </c>
    </row>
    <row r="2928" spans="1:11" x14ac:dyDescent="0.3">
      <c r="A2928" s="1">
        <v>42237</v>
      </c>
      <c r="B2928" s="3">
        <f t="shared" si="90"/>
        <v>8</v>
      </c>
      <c r="C2928" s="3">
        <f t="shared" si="91"/>
        <v>2015</v>
      </c>
      <c r="D2928" t="s">
        <v>1045</v>
      </c>
      <c r="E2928" t="s">
        <v>26</v>
      </c>
      <c r="F2928" t="s">
        <v>10</v>
      </c>
      <c r="G2928" t="s">
        <v>11</v>
      </c>
      <c r="H2928" t="s">
        <v>1844</v>
      </c>
      <c r="I2928">
        <v>4.28</v>
      </c>
      <c r="J2928">
        <v>1</v>
      </c>
      <c r="K2928">
        <v>1.93</v>
      </c>
    </row>
    <row r="2929" spans="1:11" x14ac:dyDescent="0.3">
      <c r="A2929" s="1">
        <v>42237</v>
      </c>
      <c r="B2929" s="3">
        <f t="shared" si="90"/>
        <v>8</v>
      </c>
      <c r="C2929" s="3">
        <f t="shared" si="91"/>
        <v>2015</v>
      </c>
      <c r="D2929" t="s">
        <v>588</v>
      </c>
      <c r="E2929" t="s">
        <v>26</v>
      </c>
      <c r="F2929" t="s">
        <v>33</v>
      </c>
      <c r="G2929" t="s">
        <v>73</v>
      </c>
      <c r="H2929" t="s">
        <v>2202</v>
      </c>
      <c r="I2929">
        <v>586.4</v>
      </c>
      <c r="J2929">
        <v>6</v>
      </c>
      <c r="K2929">
        <v>34.49</v>
      </c>
    </row>
    <row r="2930" spans="1:11" x14ac:dyDescent="0.3">
      <c r="A2930" s="1">
        <v>42237</v>
      </c>
      <c r="B2930" s="3">
        <f t="shared" si="90"/>
        <v>8</v>
      </c>
      <c r="C2930" s="3">
        <f t="shared" si="91"/>
        <v>2015</v>
      </c>
      <c r="D2930" t="s">
        <v>588</v>
      </c>
      <c r="E2930" t="s">
        <v>26</v>
      </c>
      <c r="F2930" t="s">
        <v>10</v>
      </c>
      <c r="G2930" t="s">
        <v>17</v>
      </c>
      <c r="H2930" t="s">
        <v>296</v>
      </c>
      <c r="I2930">
        <v>80.98</v>
      </c>
      <c r="J2930">
        <v>1</v>
      </c>
      <c r="K2930">
        <v>3.24</v>
      </c>
    </row>
    <row r="2931" spans="1:11" x14ac:dyDescent="0.3">
      <c r="A2931" s="1">
        <v>42237</v>
      </c>
      <c r="B2931" s="3">
        <f t="shared" si="90"/>
        <v>8</v>
      </c>
      <c r="C2931" s="3">
        <f t="shared" si="91"/>
        <v>2015</v>
      </c>
      <c r="D2931" t="s">
        <v>1735</v>
      </c>
      <c r="E2931" t="s">
        <v>77</v>
      </c>
      <c r="F2931" t="s">
        <v>10</v>
      </c>
      <c r="G2931" t="s">
        <v>19</v>
      </c>
      <c r="H2931" t="s">
        <v>951</v>
      </c>
      <c r="I2931">
        <v>12.83</v>
      </c>
      <c r="J2931">
        <v>2</v>
      </c>
      <c r="K2931">
        <v>-8.98</v>
      </c>
    </row>
    <row r="2932" spans="1:11" x14ac:dyDescent="0.3">
      <c r="A2932" s="1">
        <v>42237</v>
      </c>
      <c r="B2932" s="3">
        <f t="shared" si="90"/>
        <v>8</v>
      </c>
      <c r="C2932" s="3">
        <f t="shared" si="91"/>
        <v>2015</v>
      </c>
      <c r="D2932" t="s">
        <v>1735</v>
      </c>
      <c r="E2932" t="s">
        <v>77</v>
      </c>
      <c r="F2932" t="s">
        <v>33</v>
      </c>
      <c r="G2932" t="s">
        <v>34</v>
      </c>
      <c r="H2932" t="s">
        <v>293</v>
      </c>
      <c r="I2932">
        <v>598.46</v>
      </c>
      <c r="J2932">
        <v>3</v>
      </c>
      <c r="K2932">
        <v>-42.75</v>
      </c>
    </row>
    <row r="2933" spans="1:11" x14ac:dyDescent="0.3">
      <c r="A2933" s="1">
        <v>42237</v>
      </c>
      <c r="B2933" s="3">
        <f t="shared" si="90"/>
        <v>8</v>
      </c>
      <c r="C2933" s="3">
        <f t="shared" si="91"/>
        <v>2015</v>
      </c>
      <c r="D2933" t="s">
        <v>1735</v>
      </c>
      <c r="E2933" t="s">
        <v>77</v>
      </c>
      <c r="F2933" t="s">
        <v>33</v>
      </c>
      <c r="G2933" t="s">
        <v>46</v>
      </c>
      <c r="H2933" t="s">
        <v>1505</v>
      </c>
      <c r="I2933">
        <v>25.98</v>
      </c>
      <c r="J2933">
        <v>1</v>
      </c>
      <c r="K2933">
        <v>-3.9</v>
      </c>
    </row>
    <row r="2934" spans="1:11" x14ac:dyDescent="0.3">
      <c r="A2934" s="1">
        <v>42237</v>
      </c>
      <c r="B2934" s="3">
        <f t="shared" si="90"/>
        <v>8</v>
      </c>
      <c r="C2934" s="3">
        <f t="shared" si="91"/>
        <v>2015</v>
      </c>
      <c r="D2934" t="s">
        <v>1342</v>
      </c>
      <c r="E2934" t="s">
        <v>32</v>
      </c>
      <c r="F2934" t="s">
        <v>10</v>
      </c>
      <c r="G2934" t="s">
        <v>23</v>
      </c>
      <c r="H2934" t="s">
        <v>2203</v>
      </c>
      <c r="I2934">
        <v>17.52</v>
      </c>
      <c r="J2934">
        <v>3</v>
      </c>
      <c r="K2934">
        <v>8.23</v>
      </c>
    </row>
    <row r="2935" spans="1:11" x14ac:dyDescent="0.3">
      <c r="A2935" s="1">
        <v>42237</v>
      </c>
      <c r="B2935" s="3">
        <f t="shared" si="90"/>
        <v>8</v>
      </c>
      <c r="C2935" s="3">
        <f t="shared" si="91"/>
        <v>2015</v>
      </c>
      <c r="D2935" t="s">
        <v>1342</v>
      </c>
      <c r="E2935" t="s">
        <v>32</v>
      </c>
      <c r="F2935" t="s">
        <v>10</v>
      </c>
      <c r="G2935" t="s">
        <v>23</v>
      </c>
      <c r="H2935" t="s">
        <v>997</v>
      </c>
      <c r="I2935">
        <v>35.76</v>
      </c>
      <c r="J2935">
        <v>12</v>
      </c>
      <c r="K2935">
        <v>10.01</v>
      </c>
    </row>
    <row r="2936" spans="1:11" x14ac:dyDescent="0.3">
      <c r="A2936" s="1">
        <v>42237</v>
      </c>
      <c r="B2936" s="3">
        <f t="shared" si="90"/>
        <v>8</v>
      </c>
      <c r="C2936" s="3">
        <f t="shared" si="91"/>
        <v>2015</v>
      </c>
      <c r="D2936" t="s">
        <v>335</v>
      </c>
      <c r="E2936" t="s">
        <v>22</v>
      </c>
      <c r="F2936" t="s">
        <v>10</v>
      </c>
      <c r="G2936" t="s">
        <v>199</v>
      </c>
      <c r="H2936" t="s">
        <v>806</v>
      </c>
      <c r="I2936">
        <v>3.49</v>
      </c>
      <c r="J2936">
        <v>2</v>
      </c>
      <c r="K2936">
        <v>-0.7</v>
      </c>
    </row>
    <row r="2937" spans="1:11" x14ac:dyDescent="0.3">
      <c r="A2937" s="1">
        <v>42237</v>
      </c>
      <c r="B2937" s="3">
        <f t="shared" si="90"/>
        <v>8</v>
      </c>
      <c r="C2937" s="3">
        <f t="shared" si="91"/>
        <v>2015</v>
      </c>
      <c r="D2937" t="s">
        <v>335</v>
      </c>
      <c r="E2937" t="s">
        <v>22</v>
      </c>
      <c r="F2937" t="s">
        <v>38</v>
      </c>
      <c r="G2937" t="s">
        <v>51</v>
      </c>
      <c r="H2937" t="s">
        <v>1872</v>
      </c>
      <c r="I2937">
        <v>21.73</v>
      </c>
      <c r="J2937">
        <v>4</v>
      </c>
      <c r="K2937">
        <v>3.8</v>
      </c>
    </row>
    <row r="2938" spans="1:11" x14ac:dyDescent="0.3">
      <c r="A2938" s="1">
        <v>42237</v>
      </c>
      <c r="B2938" s="3">
        <f t="shared" si="90"/>
        <v>8</v>
      </c>
      <c r="C2938" s="3">
        <f t="shared" si="91"/>
        <v>2015</v>
      </c>
      <c r="D2938" t="s">
        <v>335</v>
      </c>
      <c r="E2938" t="s">
        <v>22</v>
      </c>
      <c r="F2938" t="s">
        <v>10</v>
      </c>
      <c r="G2938" t="s">
        <v>17</v>
      </c>
      <c r="H2938" t="s">
        <v>556</v>
      </c>
      <c r="I2938">
        <v>663.07</v>
      </c>
      <c r="J2938">
        <v>6</v>
      </c>
      <c r="K2938">
        <v>-165.77</v>
      </c>
    </row>
    <row r="2939" spans="1:11" x14ac:dyDescent="0.3">
      <c r="A2939" s="1">
        <v>42237</v>
      </c>
      <c r="B2939" s="3">
        <f t="shared" si="90"/>
        <v>8</v>
      </c>
      <c r="C2939" s="3">
        <f t="shared" si="91"/>
        <v>2015</v>
      </c>
      <c r="D2939" t="s">
        <v>335</v>
      </c>
      <c r="E2939" t="s">
        <v>22</v>
      </c>
      <c r="F2939" t="s">
        <v>10</v>
      </c>
      <c r="G2939" t="s">
        <v>19</v>
      </c>
      <c r="H2939" t="s">
        <v>665</v>
      </c>
      <c r="I2939">
        <v>99.59</v>
      </c>
      <c r="J2939">
        <v>2</v>
      </c>
      <c r="K2939">
        <v>-82.99</v>
      </c>
    </row>
    <row r="2940" spans="1:11" x14ac:dyDescent="0.3">
      <c r="A2940" s="1">
        <v>42237</v>
      </c>
      <c r="B2940" s="3">
        <f t="shared" si="90"/>
        <v>8</v>
      </c>
      <c r="C2940" s="3">
        <f t="shared" si="91"/>
        <v>2015</v>
      </c>
      <c r="D2940" t="s">
        <v>335</v>
      </c>
      <c r="E2940" t="s">
        <v>22</v>
      </c>
      <c r="F2940" t="s">
        <v>10</v>
      </c>
      <c r="G2940" t="s">
        <v>11</v>
      </c>
      <c r="H2940" t="s">
        <v>1604</v>
      </c>
      <c r="I2940">
        <v>49.57</v>
      </c>
      <c r="J2940">
        <v>2</v>
      </c>
      <c r="K2940">
        <v>15.49</v>
      </c>
    </row>
    <row r="2941" spans="1:11" x14ac:dyDescent="0.3">
      <c r="A2941" s="1">
        <v>42238</v>
      </c>
      <c r="B2941" s="3">
        <f t="shared" si="90"/>
        <v>8</v>
      </c>
      <c r="C2941" s="3">
        <f t="shared" si="91"/>
        <v>2015</v>
      </c>
      <c r="D2941" t="s">
        <v>2204</v>
      </c>
      <c r="E2941" t="s">
        <v>148</v>
      </c>
      <c r="F2941" t="s">
        <v>10</v>
      </c>
      <c r="G2941" t="s">
        <v>19</v>
      </c>
      <c r="H2941" t="s">
        <v>968</v>
      </c>
      <c r="I2941">
        <v>50.11</v>
      </c>
      <c r="J2941">
        <v>6</v>
      </c>
      <c r="K2941">
        <v>16.29</v>
      </c>
    </row>
    <row r="2942" spans="1:11" x14ac:dyDescent="0.3">
      <c r="A2942" s="1">
        <v>42238</v>
      </c>
      <c r="B2942" s="3">
        <f t="shared" si="90"/>
        <v>8</v>
      </c>
      <c r="C2942" s="3">
        <f t="shared" si="91"/>
        <v>2015</v>
      </c>
      <c r="D2942" t="s">
        <v>2205</v>
      </c>
      <c r="E2942" t="s">
        <v>148</v>
      </c>
      <c r="F2942" t="s">
        <v>10</v>
      </c>
      <c r="G2942" t="s">
        <v>23</v>
      </c>
      <c r="H2942" t="s">
        <v>270</v>
      </c>
      <c r="I2942">
        <v>16.52</v>
      </c>
      <c r="J2942">
        <v>4</v>
      </c>
      <c r="K2942">
        <v>7.6</v>
      </c>
    </row>
    <row r="2943" spans="1:11" x14ac:dyDescent="0.3">
      <c r="A2943" s="1">
        <v>42239</v>
      </c>
      <c r="B2943" s="3">
        <f t="shared" si="90"/>
        <v>8</v>
      </c>
      <c r="C2943" s="3">
        <f t="shared" si="91"/>
        <v>2015</v>
      </c>
      <c r="D2943" t="s">
        <v>682</v>
      </c>
      <c r="E2943" t="s">
        <v>14</v>
      </c>
      <c r="F2943" t="s">
        <v>10</v>
      </c>
      <c r="G2943" t="s">
        <v>199</v>
      </c>
      <c r="H2943" t="s">
        <v>2206</v>
      </c>
      <c r="I2943">
        <v>31.68</v>
      </c>
      <c r="J2943">
        <v>4</v>
      </c>
      <c r="K2943">
        <v>2.77</v>
      </c>
    </row>
    <row r="2944" spans="1:11" x14ac:dyDescent="0.3">
      <c r="A2944" s="1">
        <v>42239</v>
      </c>
      <c r="B2944" s="3">
        <f t="shared" si="90"/>
        <v>8</v>
      </c>
      <c r="C2944" s="3">
        <f t="shared" si="91"/>
        <v>2015</v>
      </c>
      <c r="D2944" t="s">
        <v>682</v>
      </c>
      <c r="E2944" t="s">
        <v>14</v>
      </c>
      <c r="F2944" t="s">
        <v>10</v>
      </c>
      <c r="G2944" t="s">
        <v>11</v>
      </c>
      <c r="H2944" t="s">
        <v>2207</v>
      </c>
      <c r="I2944">
        <v>10.37</v>
      </c>
      <c r="J2944">
        <v>2</v>
      </c>
      <c r="K2944">
        <v>3.63</v>
      </c>
    </row>
    <row r="2945" spans="1:11" x14ac:dyDescent="0.3">
      <c r="A2945" s="1">
        <v>42239</v>
      </c>
      <c r="B2945" s="3">
        <f t="shared" si="90"/>
        <v>8</v>
      </c>
      <c r="C2945" s="3">
        <f t="shared" si="91"/>
        <v>2015</v>
      </c>
      <c r="D2945" t="s">
        <v>682</v>
      </c>
      <c r="E2945" t="s">
        <v>14</v>
      </c>
      <c r="F2945" t="s">
        <v>10</v>
      </c>
      <c r="G2945" t="s">
        <v>42</v>
      </c>
      <c r="H2945" t="s">
        <v>159</v>
      </c>
      <c r="I2945">
        <v>12.03</v>
      </c>
      <c r="J2945">
        <v>8</v>
      </c>
      <c r="K2945">
        <v>2.2599999999999998</v>
      </c>
    </row>
    <row r="2946" spans="1:11" x14ac:dyDescent="0.3">
      <c r="A2946" s="1">
        <v>42239</v>
      </c>
      <c r="B2946" s="3">
        <f t="shared" ref="B2946:B3009" si="92">MONTH(A:A)</f>
        <v>8</v>
      </c>
      <c r="C2946" s="3">
        <f t="shared" ref="C2946:C3009" si="93">YEAR(A:A)</f>
        <v>2015</v>
      </c>
      <c r="D2946" t="s">
        <v>682</v>
      </c>
      <c r="E2946" t="s">
        <v>14</v>
      </c>
      <c r="F2946" t="s">
        <v>10</v>
      </c>
      <c r="G2946" t="s">
        <v>91</v>
      </c>
      <c r="H2946" t="s">
        <v>616</v>
      </c>
      <c r="I2946">
        <v>5.77</v>
      </c>
      <c r="J2946">
        <v>2</v>
      </c>
      <c r="K2946">
        <v>-13.55</v>
      </c>
    </row>
    <row r="2947" spans="1:11" x14ac:dyDescent="0.3">
      <c r="A2947" s="1">
        <v>42239</v>
      </c>
      <c r="B2947" s="3">
        <f t="shared" si="92"/>
        <v>8</v>
      </c>
      <c r="C2947" s="3">
        <f t="shared" si="93"/>
        <v>2015</v>
      </c>
      <c r="D2947" t="s">
        <v>2208</v>
      </c>
      <c r="E2947" t="s">
        <v>29</v>
      </c>
      <c r="F2947" t="s">
        <v>10</v>
      </c>
      <c r="G2947" t="s">
        <v>91</v>
      </c>
      <c r="H2947" t="s">
        <v>1834</v>
      </c>
      <c r="I2947">
        <v>542.94000000000005</v>
      </c>
      <c r="J2947">
        <v>3</v>
      </c>
      <c r="K2947">
        <v>152.02000000000001</v>
      </c>
    </row>
    <row r="2948" spans="1:11" x14ac:dyDescent="0.3">
      <c r="A2948" s="1">
        <v>42239</v>
      </c>
      <c r="B2948" s="3">
        <f t="shared" si="92"/>
        <v>8</v>
      </c>
      <c r="C2948" s="3">
        <f t="shared" si="93"/>
        <v>2015</v>
      </c>
      <c r="D2948" t="s">
        <v>2208</v>
      </c>
      <c r="E2948" t="s">
        <v>29</v>
      </c>
      <c r="F2948" t="s">
        <v>10</v>
      </c>
      <c r="G2948" t="s">
        <v>15</v>
      </c>
      <c r="H2948" t="s">
        <v>2209</v>
      </c>
      <c r="I2948">
        <v>8.64</v>
      </c>
      <c r="J2948">
        <v>3</v>
      </c>
      <c r="K2948">
        <v>4.2300000000000004</v>
      </c>
    </row>
    <row r="2949" spans="1:11" x14ac:dyDescent="0.3">
      <c r="A2949" s="1">
        <v>42239</v>
      </c>
      <c r="B2949" s="3">
        <f t="shared" si="92"/>
        <v>8</v>
      </c>
      <c r="C2949" s="3">
        <f t="shared" si="93"/>
        <v>2015</v>
      </c>
      <c r="D2949" t="s">
        <v>2208</v>
      </c>
      <c r="E2949" t="s">
        <v>29</v>
      </c>
      <c r="F2949" t="s">
        <v>10</v>
      </c>
      <c r="G2949" t="s">
        <v>11</v>
      </c>
      <c r="H2949" t="s">
        <v>712</v>
      </c>
      <c r="I2949">
        <v>193.8</v>
      </c>
      <c r="J2949">
        <v>5</v>
      </c>
      <c r="K2949">
        <v>94.96</v>
      </c>
    </row>
    <row r="2950" spans="1:11" x14ac:dyDescent="0.3">
      <c r="A2950" s="1">
        <v>42239</v>
      </c>
      <c r="B2950" s="3">
        <f t="shared" si="92"/>
        <v>8</v>
      </c>
      <c r="C2950" s="3">
        <f t="shared" si="93"/>
        <v>2015</v>
      </c>
      <c r="D2950" t="s">
        <v>2208</v>
      </c>
      <c r="E2950" t="s">
        <v>29</v>
      </c>
      <c r="F2950" t="s">
        <v>10</v>
      </c>
      <c r="G2950" t="s">
        <v>11</v>
      </c>
      <c r="H2950" t="s">
        <v>2068</v>
      </c>
      <c r="I2950">
        <v>21.4</v>
      </c>
      <c r="J2950">
        <v>5</v>
      </c>
      <c r="K2950">
        <v>9.6300000000000008</v>
      </c>
    </row>
    <row r="2951" spans="1:11" x14ac:dyDescent="0.3">
      <c r="A2951" s="1">
        <v>42239</v>
      </c>
      <c r="B2951" s="3">
        <f t="shared" si="92"/>
        <v>8</v>
      </c>
      <c r="C2951" s="3">
        <f t="shared" si="93"/>
        <v>2015</v>
      </c>
      <c r="D2951" t="s">
        <v>2208</v>
      </c>
      <c r="E2951" t="s">
        <v>29</v>
      </c>
      <c r="F2951" t="s">
        <v>10</v>
      </c>
      <c r="G2951" t="s">
        <v>11</v>
      </c>
      <c r="H2951" t="s">
        <v>2210</v>
      </c>
      <c r="I2951">
        <v>97.88</v>
      </c>
      <c r="J2951">
        <v>2</v>
      </c>
      <c r="K2951">
        <v>48.94</v>
      </c>
    </row>
    <row r="2952" spans="1:11" x14ac:dyDescent="0.3">
      <c r="A2952" s="1">
        <v>42239</v>
      </c>
      <c r="B2952" s="3">
        <f t="shared" si="92"/>
        <v>8</v>
      </c>
      <c r="C2952" s="3">
        <f t="shared" si="93"/>
        <v>2015</v>
      </c>
      <c r="D2952" t="s">
        <v>2208</v>
      </c>
      <c r="E2952" t="s">
        <v>29</v>
      </c>
      <c r="F2952" t="s">
        <v>38</v>
      </c>
      <c r="G2952" t="s">
        <v>51</v>
      </c>
      <c r="H2952" t="s">
        <v>1525</v>
      </c>
      <c r="I2952">
        <v>251.91</v>
      </c>
      <c r="J2952">
        <v>9</v>
      </c>
      <c r="K2952">
        <v>47.86</v>
      </c>
    </row>
    <row r="2953" spans="1:11" x14ac:dyDescent="0.3">
      <c r="A2953" s="1">
        <v>42239</v>
      </c>
      <c r="B2953" s="3">
        <f t="shared" si="92"/>
        <v>8</v>
      </c>
      <c r="C2953" s="3">
        <f t="shared" si="93"/>
        <v>2015</v>
      </c>
      <c r="D2953" t="s">
        <v>2208</v>
      </c>
      <c r="E2953" t="s">
        <v>29</v>
      </c>
      <c r="F2953" t="s">
        <v>10</v>
      </c>
      <c r="G2953" t="s">
        <v>91</v>
      </c>
      <c r="H2953" t="s">
        <v>1386</v>
      </c>
      <c r="I2953">
        <v>25.86</v>
      </c>
      <c r="J2953">
        <v>3</v>
      </c>
      <c r="K2953">
        <v>6.72</v>
      </c>
    </row>
    <row r="2954" spans="1:11" x14ac:dyDescent="0.3">
      <c r="A2954" s="1">
        <v>42240</v>
      </c>
      <c r="B2954" s="3">
        <f t="shared" si="92"/>
        <v>8</v>
      </c>
      <c r="C2954" s="3">
        <f t="shared" si="93"/>
        <v>2015</v>
      </c>
      <c r="D2954" t="s">
        <v>351</v>
      </c>
      <c r="E2954" t="s">
        <v>9</v>
      </c>
      <c r="F2954" t="s">
        <v>10</v>
      </c>
      <c r="G2954" t="s">
        <v>17</v>
      </c>
      <c r="H2954" t="s">
        <v>307</v>
      </c>
      <c r="I2954">
        <v>999.43</v>
      </c>
      <c r="J2954">
        <v>7</v>
      </c>
      <c r="K2954">
        <v>124.93</v>
      </c>
    </row>
    <row r="2955" spans="1:11" x14ac:dyDescent="0.3">
      <c r="A2955" s="1">
        <v>42240</v>
      </c>
      <c r="B2955" s="3">
        <f t="shared" si="92"/>
        <v>8</v>
      </c>
      <c r="C2955" s="3">
        <f t="shared" si="93"/>
        <v>2015</v>
      </c>
      <c r="D2955" t="s">
        <v>351</v>
      </c>
      <c r="E2955" t="s">
        <v>9</v>
      </c>
      <c r="F2955" t="s">
        <v>10</v>
      </c>
      <c r="G2955" t="s">
        <v>17</v>
      </c>
      <c r="H2955" t="s">
        <v>417</v>
      </c>
      <c r="I2955">
        <v>724.08</v>
      </c>
      <c r="J2955">
        <v>14</v>
      </c>
      <c r="K2955">
        <v>-135.77000000000001</v>
      </c>
    </row>
    <row r="2956" spans="1:11" x14ac:dyDescent="0.3">
      <c r="A2956" s="1">
        <v>42240</v>
      </c>
      <c r="B2956" s="3">
        <f t="shared" si="92"/>
        <v>8</v>
      </c>
      <c r="C2956" s="3">
        <f t="shared" si="93"/>
        <v>2015</v>
      </c>
      <c r="D2956" t="s">
        <v>351</v>
      </c>
      <c r="E2956" t="s">
        <v>9</v>
      </c>
      <c r="F2956" t="s">
        <v>33</v>
      </c>
      <c r="G2956" t="s">
        <v>144</v>
      </c>
      <c r="H2956" t="s">
        <v>1552</v>
      </c>
      <c r="I2956">
        <v>918.79</v>
      </c>
      <c r="J2956">
        <v>5</v>
      </c>
      <c r="K2956">
        <v>-118.13</v>
      </c>
    </row>
    <row r="2957" spans="1:11" x14ac:dyDescent="0.3">
      <c r="A2957" s="1">
        <v>42240</v>
      </c>
      <c r="B2957" s="3">
        <f t="shared" si="92"/>
        <v>8</v>
      </c>
      <c r="C2957" s="3">
        <f t="shared" si="93"/>
        <v>2015</v>
      </c>
      <c r="D2957" t="s">
        <v>351</v>
      </c>
      <c r="E2957" t="s">
        <v>9</v>
      </c>
      <c r="F2957" t="s">
        <v>10</v>
      </c>
      <c r="G2957" t="s">
        <v>19</v>
      </c>
      <c r="H2957" t="s">
        <v>608</v>
      </c>
      <c r="I2957">
        <v>2.72</v>
      </c>
      <c r="J2957">
        <v>3</v>
      </c>
      <c r="K2957">
        <v>-4.22</v>
      </c>
    </row>
    <row r="2958" spans="1:11" x14ac:dyDescent="0.3">
      <c r="A2958" s="1">
        <v>42240</v>
      </c>
      <c r="B2958" s="3">
        <f t="shared" si="92"/>
        <v>8</v>
      </c>
      <c r="C2958" s="3">
        <f t="shared" si="93"/>
        <v>2015</v>
      </c>
      <c r="D2958" t="s">
        <v>2103</v>
      </c>
      <c r="E2958" t="s">
        <v>148</v>
      </c>
      <c r="F2958" t="s">
        <v>33</v>
      </c>
      <c r="G2958" t="s">
        <v>144</v>
      </c>
      <c r="H2958" t="s">
        <v>740</v>
      </c>
      <c r="I2958">
        <v>284.36</v>
      </c>
      <c r="J2958">
        <v>2</v>
      </c>
      <c r="K2958">
        <v>-75.83</v>
      </c>
    </row>
    <row r="2959" spans="1:11" x14ac:dyDescent="0.3">
      <c r="A2959" s="1">
        <v>42240</v>
      </c>
      <c r="B2959" s="3">
        <f t="shared" si="92"/>
        <v>8</v>
      </c>
      <c r="C2959" s="3">
        <f t="shared" si="93"/>
        <v>2015</v>
      </c>
      <c r="D2959" t="s">
        <v>2103</v>
      </c>
      <c r="E2959" t="s">
        <v>148</v>
      </c>
      <c r="F2959" t="s">
        <v>38</v>
      </c>
      <c r="G2959" t="s">
        <v>51</v>
      </c>
      <c r="H2959" t="s">
        <v>52</v>
      </c>
      <c r="I2959">
        <v>26</v>
      </c>
      <c r="J2959">
        <v>2</v>
      </c>
      <c r="K2959">
        <v>11.7</v>
      </c>
    </row>
    <row r="2960" spans="1:11" x14ac:dyDescent="0.3">
      <c r="A2960" s="1">
        <v>42240</v>
      </c>
      <c r="B2960" s="3">
        <f t="shared" si="92"/>
        <v>8</v>
      </c>
      <c r="C2960" s="3">
        <f t="shared" si="93"/>
        <v>2015</v>
      </c>
      <c r="D2960" t="s">
        <v>2211</v>
      </c>
      <c r="E2960" t="s">
        <v>32</v>
      </c>
      <c r="F2960" t="s">
        <v>38</v>
      </c>
      <c r="G2960" t="s">
        <v>301</v>
      </c>
      <c r="H2960" t="s">
        <v>1881</v>
      </c>
      <c r="I2960">
        <v>3080</v>
      </c>
      <c r="J2960">
        <v>7</v>
      </c>
      <c r="K2960">
        <v>1416.8</v>
      </c>
    </row>
    <row r="2961" spans="1:11" x14ac:dyDescent="0.3">
      <c r="A2961" s="1">
        <v>42240</v>
      </c>
      <c r="B2961" s="3">
        <f t="shared" si="92"/>
        <v>8</v>
      </c>
      <c r="C2961" s="3">
        <f t="shared" si="93"/>
        <v>2015</v>
      </c>
      <c r="D2961" t="s">
        <v>2211</v>
      </c>
      <c r="E2961" t="s">
        <v>32</v>
      </c>
      <c r="F2961" t="s">
        <v>38</v>
      </c>
      <c r="G2961" t="s">
        <v>51</v>
      </c>
      <c r="H2961" t="s">
        <v>1991</v>
      </c>
      <c r="I2961">
        <v>79.959999999999994</v>
      </c>
      <c r="J2961">
        <v>4</v>
      </c>
      <c r="K2961">
        <v>18.39</v>
      </c>
    </row>
    <row r="2962" spans="1:11" x14ac:dyDescent="0.3">
      <c r="A2962" s="1">
        <v>42240</v>
      </c>
      <c r="B2962" s="3">
        <f t="shared" si="92"/>
        <v>8</v>
      </c>
      <c r="C2962" s="3">
        <f t="shared" si="93"/>
        <v>2015</v>
      </c>
      <c r="D2962" t="s">
        <v>2211</v>
      </c>
      <c r="E2962" t="s">
        <v>32</v>
      </c>
      <c r="F2962" t="s">
        <v>38</v>
      </c>
      <c r="G2962" t="s">
        <v>39</v>
      </c>
      <c r="H2962" t="s">
        <v>1939</v>
      </c>
      <c r="I2962">
        <v>587.97</v>
      </c>
      <c r="J2962">
        <v>3</v>
      </c>
      <c r="K2962">
        <v>170.51</v>
      </c>
    </row>
    <row r="2963" spans="1:11" x14ac:dyDescent="0.3">
      <c r="A2963" s="1">
        <v>42240</v>
      </c>
      <c r="B2963" s="3">
        <f t="shared" si="92"/>
        <v>8</v>
      </c>
      <c r="C2963" s="3">
        <f t="shared" si="93"/>
        <v>2015</v>
      </c>
      <c r="D2963" t="s">
        <v>232</v>
      </c>
      <c r="E2963" t="s">
        <v>148</v>
      </c>
      <c r="F2963" t="s">
        <v>33</v>
      </c>
      <c r="G2963" t="s">
        <v>46</v>
      </c>
      <c r="H2963" t="s">
        <v>59</v>
      </c>
      <c r="I2963">
        <v>14.91</v>
      </c>
      <c r="J2963">
        <v>3</v>
      </c>
      <c r="K2963">
        <v>4.62</v>
      </c>
    </row>
    <row r="2964" spans="1:11" x14ac:dyDescent="0.3">
      <c r="A2964" s="1">
        <v>42240</v>
      </c>
      <c r="B2964" s="3">
        <f t="shared" si="92"/>
        <v>8</v>
      </c>
      <c r="C2964" s="3">
        <f t="shared" si="93"/>
        <v>2015</v>
      </c>
      <c r="D2964" t="s">
        <v>1425</v>
      </c>
      <c r="E2964" t="s">
        <v>90</v>
      </c>
      <c r="F2964" t="s">
        <v>10</v>
      </c>
      <c r="G2964" t="s">
        <v>23</v>
      </c>
      <c r="H2964" t="s">
        <v>997</v>
      </c>
      <c r="I2964">
        <v>7.15</v>
      </c>
      <c r="J2964">
        <v>3</v>
      </c>
      <c r="K2964">
        <v>0.72</v>
      </c>
    </row>
    <row r="2965" spans="1:11" x14ac:dyDescent="0.3">
      <c r="A2965" s="1">
        <v>42240</v>
      </c>
      <c r="B2965" s="3">
        <f t="shared" si="92"/>
        <v>8</v>
      </c>
      <c r="C2965" s="3">
        <f t="shared" si="93"/>
        <v>2015</v>
      </c>
      <c r="D2965" t="s">
        <v>379</v>
      </c>
      <c r="E2965" t="s">
        <v>77</v>
      </c>
      <c r="F2965" t="s">
        <v>38</v>
      </c>
      <c r="G2965" t="s">
        <v>39</v>
      </c>
      <c r="H2965" t="s">
        <v>2212</v>
      </c>
      <c r="I2965">
        <v>26.98</v>
      </c>
      <c r="J2965">
        <v>3</v>
      </c>
      <c r="K2965">
        <v>4.05</v>
      </c>
    </row>
    <row r="2966" spans="1:11" x14ac:dyDescent="0.3">
      <c r="A2966" s="1">
        <v>42240</v>
      </c>
      <c r="B2966" s="3">
        <f t="shared" si="92"/>
        <v>8</v>
      </c>
      <c r="C2966" s="3">
        <f t="shared" si="93"/>
        <v>2015</v>
      </c>
      <c r="D2966" t="s">
        <v>379</v>
      </c>
      <c r="E2966" t="s">
        <v>77</v>
      </c>
      <c r="F2966" t="s">
        <v>10</v>
      </c>
      <c r="G2966" t="s">
        <v>15</v>
      </c>
      <c r="H2966" t="s">
        <v>2209</v>
      </c>
      <c r="I2966">
        <v>6.91</v>
      </c>
      <c r="J2966">
        <v>3</v>
      </c>
      <c r="K2966">
        <v>2.5099999999999998</v>
      </c>
    </row>
    <row r="2967" spans="1:11" x14ac:dyDescent="0.3">
      <c r="A2967" s="1">
        <v>42240</v>
      </c>
      <c r="B2967" s="3">
        <f t="shared" si="92"/>
        <v>8</v>
      </c>
      <c r="C2967" s="3">
        <f t="shared" si="93"/>
        <v>2015</v>
      </c>
      <c r="D2967" t="s">
        <v>379</v>
      </c>
      <c r="E2967" t="s">
        <v>77</v>
      </c>
      <c r="F2967" t="s">
        <v>10</v>
      </c>
      <c r="G2967" t="s">
        <v>17</v>
      </c>
      <c r="H2967" t="s">
        <v>1548</v>
      </c>
      <c r="I2967">
        <v>435.5</v>
      </c>
      <c r="J2967">
        <v>3</v>
      </c>
      <c r="K2967">
        <v>48.99</v>
      </c>
    </row>
    <row r="2968" spans="1:11" x14ac:dyDescent="0.3">
      <c r="A2968" s="1">
        <v>42241</v>
      </c>
      <c r="B2968" s="3">
        <f t="shared" si="92"/>
        <v>8</v>
      </c>
      <c r="C2968" s="3">
        <f t="shared" si="93"/>
        <v>2015</v>
      </c>
      <c r="D2968" t="s">
        <v>1534</v>
      </c>
      <c r="E2968" t="s">
        <v>26</v>
      </c>
      <c r="F2968" t="s">
        <v>33</v>
      </c>
      <c r="G2968" t="s">
        <v>34</v>
      </c>
      <c r="H2968" t="s">
        <v>1424</v>
      </c>
      <c r="I2968">
        <v>40.78</v>
      </c>
      <c r="J2968">
        <v>1</v>
      </c>
      <c r="K2968">
        <v>4.59</v>
      </c>
    </row>
    <row r="2969" spans="1:11" x14ac:dyDescent="0.3">
      <c r="A2969" s="1">
        <v>42241</v>
      </c>
      <c r="B2969" s="3">
        <f t="shared" si="92"/>
        <v>8</v>
      </c>
      <c r="C2969" s="3">
        <f t="shared" si="93"/>
        <v>2015</v>
      </c>
      <c r="D2969" t="s">
        <v>1534</v>
      </c>
      <c r="E2969" t="s">
        <v>26</v>
      </c>
      <c r="F2969" t="s">
        <v>10</v>
      </c>
      <c r="G2969" t="s">
        <v>91</v>
      </c>
      <c r="H2969" t="s">
        <v>420</v>
      </c>
      <c r="I2969">
        <v>105.96</v>
      </c>
      <c r="J2969">
        <v>4</v>
      </c>
      <c r="K2969">
        <v>29.67</v>
      </c>
    </row>
    <row r="2970" spans="1:11" x14ac:dyDescent="0.3">
      <c r="A2970" s="1">
        <v>42241</v>
      </c>
      <c r="B2970" s="3">
        <f t="shared" si="92"/>
        <v>8</v>
      </c>
      <c r="C2970" s="3">
        <f t="shared" si="93"/>
        <v>2015</v>
      </c>
      <c r="D2970" t="s">
        <v>830</v>
      </c>
      <c r="E2970" t="s">
        <v>9</v>
      </c>
      <c r="F2970" t="s">
        <v>33</v>
      </c>
      <c r="G2970" t="s">
        <v>46</v>
      </c>
      <c r="H2970" t="s">
        <v>1645</v>
      </c>
      <c r="I2970">
        <v>20.100000000000001</v>
      </c>
      <c r="J2970">
        <v>2</v>
      </c>
      <c r="K2970">
        <v>-16.59</v>
      </c>
    </row>
    <row r="2971" spans="1:11" x14ac:dyDescent="0.3">
      <c r="A2971" s="1">
        <v>42241</v>
      </c>
      <c r="B2971" s="3">
        <f t="shared" si="92"/>
        <v>8</v>
      </c>
      <c r="C2971" s="3">
        <f t="shared" si="93"/>
        <v>2015</v>
      </c>
      <c r="D2971" t="s">
        <v>830</v>
      </c>
      <c r="E2971" t="s">
        <v>9</v>
      </c>
      <c r="F2971" t="s">
        <v>10</v>
      </c>
      <c r="G2971" t="s">
        <v>19</v>
      </c>
      <c r="H2971" t="s">
        <v>1769</v>
      </c>
      <c r="I2971">
        <v>3.8</v>
      </c>
      <c r="J2971">
        <v>1</v>
      </c>
      <c r="K2971">
        <v>-6.08</v>
      </c>
    </row>
    <row r="2972" spans="1:11" x14ac:dyDescent="0.3">
      <c r="A2972" s="1">
        <v>42241</v>
      </c>
      <c r="B2972" s="3">
        <f t="shared" si="92"/>
        <v>8</v>
      </c>
      <c r="C2972" s="3">
        <f t="shared" si="93"/>
        <v>2015</v>
      </c>
      <c r="D2972" t="s">
        <v>830</v>
      </c>
      <c r="E2972" t="s">
        <v>9</v>
      </c>
      <c r="F2972" t="s">
        <v>33</v>
      </c>
      <c r="G2972" t="s">
        <v>46</v>
      </c>
      <c r="H2972" t="s">
        <v>2213</v>
      </c>
      <c r="I2972">
        <v>7.88</v>
      </c>
      <c r="J2972">
        <v>5</v>
      </c>
      <c r="K2972">
        <v>-3.94</v>
      </c>
    </row>
    <row r="2973" spans="1:11" x14ac:dyDescent="0.3">
      <c r="A2973" s="1">
        <v>42243</v>
      </c>
      <c r="B2973" s="3">
        <f t="shared" si="92"/>
        <v>8</v>
      </c>
      <c r="C2973" s="3">
        <f t="shared" si="93"/>
        <v>2015</v>
      </c>
      <c r="D2973" t="s">
        <v>1192</v>
      </c>
      <c r="E2973" t="s">
        <v>26</v>
      </c>
      <c r="F2973" t="s">
        <v>10</v>
      </c>
      <c r="G2973" t="s">
        <v>17</v>
      </c>
      <c r="H2973" t="s">
        <v>1409</v>
      </c>
      <c r="I2973">
        <v>484.65</v>
      </c>
      <c r="J2973">
        <v>3</v>
      </c>
      <c r="K2973">
        <v>92.08</v>
      </c>
    </row>
    <row r="2974" spans="1:11" x14ac:dyDescent="0.3">
      <c r="A2974" s="1">
        <v>42243</v>
      </c>
      <c r="B2974" s="3">
        <f t="shared" si="92"/>
        <v>8</v>
      </c>
      <c r="C2974" s="3">
        <f t="shared" si="93"/>
        <v>2015</v>
      </c>
      <c r="D2974" t="s">
        <v>1333</v>
      </c>
      <c r="E2974" t="s">
        <v>26</v>
      </c>
      <c r="F2974" t="s">
        <v>10</v>
      </c>
      <c r="G2974" t="s">
        <v>199</v>
      </c>
      <c r="H2974" t="s">
        <v>2214</v>
      </c>
      <c r="I2974">
        <v>32.94</v>
      </c>
      <c r="J2974">
        <v>3</v>
      </c>
      <c r="K2974">
        <v>9.2200000000000006</v>
      </c>
    </row>
    <row r="2975" spans="1:11" x14ac:dyDescent="0.3">
      <c r="A2975" s="1">
        <v>42243</v>
      </c>
      <c r="B2975" s="3">
        <f t="shared" si="92"/>
        <v>8</v>
      </c>
      <c r="C2975" s="3">
        <f t="shared" si="93"/>
        <v>2015</v>
      </c>
      <c r="D2975" t="s">
        <v>1333</v>
      </c>
      <c r="E2975" t="s">
        <v>26</v>
      </c>
      <c r="F2975" t="s">
        <v>10</v>
      </c>
      <c r="G2975" t="s">
        <v>11</v>
      </c>
      <c r="H2975" t="s">
        <v>2013</v>
      </c>
      <c r="I2975">
        <v>114.2</v>
      </c>
      <c r="J2975">
        <v>5</v>
      </c>
      <c r="K2975">
        <v>52.53</v>
      </c>
    </row>
    <row r="2976" spans="1:11" x14ac:dyDescent="0.3">
      <c r="A2976" s="1">
        <v>42243</v>
      </c>
      <c r="B2976" s="3">
        <f t="shared" si="92"/>
        <v>8</v>
      </c>
      <c r="C2976" s="3">
        <f t="shared" si="93"/>
        <v>2015</v>
      </c>
      <c r="D2976" t="s">
        <v>1333</v>
      </c>
      <c r="E2976" t="s">
        <v>26</v>
      </c>
      <c r="F2976" t="s">
        <v>10</v>
      </c>
      <c r="G2976" t="s">
        <v>15</v>
      </c>
      <c r="H2976" t="s">
        <v>2215</v>
      </c>
      <c r="I2976">
        <v>3.08</v>
      </c>
      <c r="J2976">
        <v>1</v>
      </c>
      <c r="K2976">
        <v>1.48</v>
      </c>
    </row>
    <row r="2977" spans="1:11" x14ac:dyDescent="0.3">
      <c r="A2977" s="1">
        <v>42243</v>
      </c>
      <c r="B2977" s="3">
        <f t="shared" si="92"/>
        <v>8</v>
      </c>
      <c r="C2977" s="3">
        <f t="shared" si="93"/>
        <v>2015</v>
      </c>
      <c r="D2977" t="s">
        <v>1792</v>
      </c>
      <c r="E2977" t="s">
        <v>26</v>
      </c>
      <c r="F2977" t="s">
        <v>10</v>
      </c>
      <c r="G2977" t="s">
        <v>19</v>
      </c>
      <c r="H2977" t="s">
        <v>681</v>
      </c>
      <c r="I2977">
        <v>5.0999999999999996</v>
      </c>
      <c r="J2977">
        <v>1</v>
      </c>
      <c r="K2977">
        <v>1.66</v>
      </c>
    </row>
    <row r="2978" spans="1:11" x14ac:dyDescent="0.3">
      <c r="A2978" s="1">
        <v>42244</v>
      </c>
      <c r="B2978" s="3">
        <f t="shared" si="92"/>
        <v>8</v>
      </c>
      <c r="C2978" s="3">
        <f t="shared" si="93"/>
        <v>2015</v>
      </c>
      <c r="D2978" t="s">
        <v>1513</v>
      </c>
      <c r="E2978" t="s">
        <v>14</v>
      </c>
      <c r="F2978" t="s">
        <v>38</v>
      </c>
      <c r="G2978" t="s">
        <v>602</v>
      </c>
      <c r="H2978" t="s">
        <v>915</v>
      </c>
      <c r="I2978">
        <v>2799.96</v>
      </c>
      <c r="J2978">
        <v>5</v>
      </c>
      <c r="K2978">
        <v>874.99</v>
      </c>
    </row>
    <row r="2979" spans="1:11" x14ac:dyDescent="0.3">
      <c r="A2979" s="1">
        <v>42244</v>
      </c>
      <c r="B2979" s="3">
        <f t="shared" si="92"/>
        <v>8</v>
      </c>
      <c r="C2979" s="3">
        <f t="shared" si="93"/>
        <v>2015</v>
      </c>
      <c r="D2979" t="s">
        <v>351</v>
      </c>
      <c r="E2979" t="s">
        <v>26</v>
      </c>
      <c r="F2979" t="s">
        <v>10</v>
      </c>
      <c r="G2979" t="s">
        <v>17</v>
      </c>
      <c r="H2979" t="s">
        <v>307</v>
      </c>
      <c r="I2979">
        <v>892.35</v>
      </c>
      <c r="J2979">
        <v>5</v>
      </c>
      <c r="K2979">
        <v>267.70999999999998</v>
      </c>
    </row>
    <row r="2980" spans="1:11" x14ac:dyDescent="0.3">
      <c r="A2980" s="1">
        <v>42244</v>
      </c>
      <c r="B2980" s="3">
        <f t="shared" si="92"/>
        <v>8</v>
      </c>
      <c r="C2980" s="3">
        <f t="shared" si="93"/>
        <v>2015</v>
      </c>
      <c r="D2980" t="s">
        <v>351</v>
      </c>
      <c r="E2980" t="s">
        <v>26</v>
      </c>
      <c r="F2980" t="s">
        <v>33</v>
      </c>
      <c r="G2980" t="s">
        <v>73</v>
      </c>
      <c r="H2980" t="s">
        <v>1879</v>
      </c>
      <c r="I2980">
        <v>307.67</v>
      </c>
      <c r="J2980">
        <v>2</v>
      </c>
      <c r="K2980">
        <v>28.96</v>
      </c>
    </row>
    <row r="2981" spans="1:11" x14ac:dyDescent="0.3">
      <c r="A2981" s="1">
        <v>42244</v>
      </c>
      <c r="B2981" s="3">
        <f t="shared" si="92"/>
        <v>8</v>
      </c>
      <c r="C2981" s="3">
        <f t="shared" si="93"/>
        <v>2015</v>
      </c>
      <c r="D2981" t="s">
        <v>351</v>
      </c>
      <c r="E2981" t="s">
        <v>26</v>
      </c>
      <c r="F2981" t="s">
        <v>10</v>
      </c>
      <c r="G2981" t="s">
        <v>17</v>
      </c>
      <c r="H2981" t="s">
        <v>296</v>
      </c>
      <c r="I2981">
        <v>728.82</v>
      </c>
      <c r="J2981">
        <v>9</v>
      </c>
      <c r="K2981">
        <v>29.15</v>
      </c>
    </row>
    <row r="2982" spans="1:11" x14ac:dyDescent="0.3">
      <c r="A2982" s="1">
        <v>42244</v>
      </c>
      <c r="B2982" s="3">
        <f t="shared" si="92"/>
        <v>8</v>
      </c>
      <c r="C2982" s="3">
        <f t="shared" si="93"/>
        <v>2015</v>
      </c>
      <c r="D2982" t="s">
        <v>351</v>
      </c>
      <c r="E2982" t="s">
        <v>26</v>
      </c>
      <c r="F2982" t="s">
        <v>10</v>
      </c>
      <c r="G2982" t="s">
        <v>19</v>
      </c>
      <c r="H2982" t="s">
        <v>262</v>
      </c>
      <c r="I2982">
        <v>41.36</v>
      </c>
      <c r="J2982">
        <v>5</v>
      </c>
      <c r="K2982">
        <v>13.96</v>
      </c>
    </row>
    <row r="2983" spans="1:11" x14ac:dyDescent="0.3">
      <c r="A2983" s="1">
        <v>42244</v>
      </c>
      <c r="B2983" s="3">
        <f t="shared" si="92"/>
        <v>8</v>
      </c>
      <c r="C2983" s="3">
        <f t="shared" si="93"/>
        <v>2015</v>
      </c>
      <c r="D2983" t="s">
        <v>351</v>
      </c>
      <c r="E2983" t="s">
        <v>26</v>
      </c>
      <c r="F2983" t="s">
        <v>38</v>
      </c>
      <c r="G2983" t="s">
        <v>39</v>
      </c>
      <c r="H2983" t="s">
        <v>1214</v>
      </c>
      <c r="I2983">
        <v>43.18</v>
      </c>
      <c r="J2983">
        <v>3</v>
      </c>
      <c r="K2983">
        <v>15.11</v>
      </c>
    </row>
    <row r="2984" spans="1:11" x14ac:dyDescent="0.3">
      <c r="A2984" s="1">
        <v>42244</v>
      </c>
      <c r="B2984" s="3">
        <f t="shared" si="92"/>
        <v>8</v>
      </c>
      <c r="C2984" s="3">
        <f t="shared" si="93"/>
        <v>2015</v>
      </c>
      <c r="D2984" t="s">
        <v>351</v>
      </c>
      <c r="E2984" t="s">
        <v>26</v>
      </c>
      <c r="F2984" t="s">
        <v>33</v>
      </c>
      <c r="G2984" t="s">
        <v>46</v>
      </c>
      <c r="H2984" t="s">
        <v>280</v>
      </c>
      <c r="I2984">
        <v>4.16</v>
      </c>
      <c r="J2984">
        <v>2</v>
      </c>
      <c r="K2984">
        <v>1.75</v>
      </c>
    </row>
    <row r="2985" spans="1:11" x14ac:dyDescent="0.3">
      <c r="A2985" s="1">
        <v>42244</v>
      </c>
      <c r="B2985" s="3">
        <f t="shared" si="92"/>
        <v>8</v>
      </c>
      <c r="C2985" s="3">
        <f t="shared" si="93"/>
        <v>2015</v>
      </c>
      <c r="D2985" t="s">
        <v>1973</v>
      </c>
      <c r="E2985" t="s">
        <v>9</v>
      </c>
      <c r="F2985" t="s">
        <v>38</v>
      </c>
      <c r="G2985" t="s">
        <v>39</v>
      </c>
      <c r="H2985" t="s">
        <v>2142</v>
      </c>
      <c r="I2985">
        <v>1099.96</v>
      </c>
      <c r="J2985">
        <v>5</v>
      </c>
      <c r="K2985">
        <v>82.5</v>
      </c>
    </row>
    <row r="2986" spans="1:11" x14ac:dyDescent="0.3">
      <c r="A2986" s="1">
        <v>42244</v>
      </c>
      <c r="B2986" s="3">
        <f t="shared" si="92"/>
        <v>8</v>
      </c>
      <c r="C2986" s="3">
        <f t="shared" si="93"/>
        <v>2015</v>
      </c>
      <c r="D2986" t="s">
        <v>1973</v>
      </c>
      <c r="E2986" t="s">
        <v>9</v>
      </c>
      <c r="F2986" t="s">
        <v>33</v>
      </c>
      <c r="G2986" t="s">
        <v>144</v>
      </c>
      <c r="H2986" t="s">
        <v>1332</v>
      </c>
      <c r="I2986">
        <v>103.48</v>
      </c>
      <c r="J2986">
        <v>1</v>
      </c>
      <c r="K2986">
        <v>-16.260000000000002</v>
      </c>
    </row>
    <row r="2987" spans="1:11" x14ac:dyDescent="0.3">
      <c r="A2987" s="1">
        <v>42244</v>
      </c>
      <c r="B2987" s="3">
        <f t="shared" si="92"/>
        <v>8</v>
      </c>
      <c r="C2987" s="3">
        <f t="shared" si="93"/>
        <v>2015</v>
      </c>
      <c r="D2987" t="s">
        <v>1400</v>
      </c>
      <c r="E2987" t="s">
        <v>612</v>
      </c>
      <c r="F2987" t="s">
        <v>10</v>
      </c>
      <c r="G2987" t="s">
        <v>17</v>
      </c>
      <c r="H2987" t="s">
        <v>724</v>
      </c>
      <c r="I2987">
        <v>470.36</v>
      </c>
      <c r="J2987">
        <v>11</v>
      </c>
      <c r="K2987">
        <v>122.29</v>
      </c>
    </row>
    <row r="2988" spans="1:11" x14ac:dyDescent="0.3">
      <c r="A2988" s="1">
        <v>42245</v>
      </c>
      <c r="B2988" s="3">
        <f t="shared" si="92"/>
        <v>8</v>
      </c>
      <c r="C2988" s="3">
        <f t="shared" si="93"/>
        <v>2015</v>
      </c>
      <c r="D2988" t="s">
        <v>1792</v>
      </c>
      <c r="E2988" t="s">
        <v>109</v>
      </c>
      <c r="F2988" t="s">
        <v>38</v>
      </c>
      <c r="G2988" t="s">
        <v>39</v>
      </c>
      <c r="H2988" t="s">
        <v>1550</v>
      </c>
      <c r="I2988">
        <v>131.97999999999999</v>
      </c>
      <c r="J2988">
        <v>2</v>
      </c>
      <c r="K2988">
        <v>35.630000000000003</v>
      </c>
    </row>
    <row r="2989" spans="1:11" x14ac:dyDescent="0.3">
      <c r="A2989" s="1">
        <v>42245</v>
      </c>
      <c r="B2989" s="3">
        <f t="shared" si="92"/>
        <v>8</v>
      </c>
      <c r="C2989" s="3">
        <f t="shared" si="93"/>
        <v>2015</v>
      </c>
      <c r="D2989" t="s">
        <v>1792</v>
      </c>
      <c r="E2989" t="s">
        <v>109</v>
      </c>
      <c r="F2989" t="s">
        <v>38</v>
      </c>
      <c r="G2989" t="s">
        <v>51</v>
      </c>
      <c r="H2989" t="s">
        <v>1067</v>
      </c>
      <c r="I2989">
        <v>114.52</v>
      </c>
      <c r="J2989">
        <v>7</v>
      </c>
      <c r="K2989">
        <v>11.45</v>
      </c>
    </row>
    <row r="2990" spans="1:11" x14ac:dyDescent="0.3">
      <c r="A2990" s="1">
        <v>42247</v>
      </c>
      <c r="B2990" s="3">
        <f t="shared" si="92"/>
        <v>8</v>
      </c>
      <c r="C2990" s="3">
        <f t="shared" si="93"/>
        <v>2015</v>
      </c>
      <c r="D2990" t="s">
        <v>600</v>
      </c>
      <c r="E2990" t="s">
        <v>26</v>
      </c>
      <c r="F2990" t="s">
        <v>10</v>
      </c>
      <c r="G2990" t="s">
        <v>11</v>
      </c>
      <c r="H2990" t="s">
        <v>492</v>
      </c>
      <c r="I2990">
        <v>58.32</v>
      </c>
      <c r="J2990">
        <v>9</v>
      </c>
      <c r="K2990">
        <v>27.99</v>
      </c>
    </row>
    <row r="2991" spans="1:11" x14ac:dyDescent="0.3">
      <c r="A2991" s="1">
        <v>42247</v>
      </c>
      <c r="B2991" s="3">
        <f t="shared" si="92"/>
        <v>8</v>
      </c>
      <c r="C2991" s="3">
        <f t="shared" si="93"/>
        <v>2015</v>
      </c>
      <c r="D2991" t="s">
        <v>474</v>
      </c>
      <c r="E2991" t="s">
        <v>26</v>
      </c>
      <c r="F2991" t="s">
        <v>33</v>
      </c>
      <c r="G2991" t="s">
        <v>73</v>
      </c>
      <c r="H2991" t="s">
        <v>1603</v>
      </c>
      <c r="I2991">
        <v>1552.83</v>
      </c>
      <c r="J2991">
        <v>7</v>
      </c>
      <c r="K2991">
        <v>200.95</v>
      </c>
    </row>
    <row r="2992" spans="1:11" x14ac:dyDescent="0.3">
      <c r="A2992" s="1">
        <v>42247</v>
      </c>
      <c r="B2992" s="3">
        <f t="shared" si="92"/>
        <v>8</v>
      </c>
      <c r="C2992" s="3">
        <f t="shared" si="93"/>
        <v>2015</v>
      </c>
      <c r="D2992" t="s">
        <v>474</v>
      </c>
      <c r="E2992" t="s">
        <v>26</v>
      </c>
      <c r="F2992" t="s">
        <v>10</v>
      </c>
      <c r="G2992" t="s">
        <v>19</v>
      </c>
      <c r="H2992" t="s">
        <v>367</v>
      </c>
      <c r="I2992">
        <v>137.24</v>
      </c>
      <c r="J2992">
        <v>5</v>
      </c>
      <c r="K2992">
        <v>46.32</v>
      </c>
    </row>
    <row r="2993" spans="1:11" x14ac:dyDescent="0.3">
      <c r="A2993" s="1">
        <v>42247</v>
      </c>
      <c r="B2993" s="3">
        <f t="shared" si="92"/>
        <v>8</v>
      </c>
      <c r="C2993" s="3">
        <f t="shared" si="93"/>
        <v>2015</v>
      </c>
      <c r="D2993" t="s">
        <v>474</v>
      </c>
      <c r="E2993" t="s">
        <v>26</v>
      </c>
      <c r="F2993" t="s">
        <v>38</v>
      </c>
      <c r="G2993" t="s">
        <v>51</v>
      </c>
      <c r="H2993" t="s">
        <v>1572</v>
      </c>
      <c r="I2993">
        <v>36.51</v>
      </c>
      <c r="J2993">
        <v>1</v>
      </c>
      <c r="K2993">
        <v>15.7</v>
      </c>
    </row>
    <row r="2994" spans="1:11" x14ac:dyDescent="0.3">
      <c r="A2994" s="1">
        <v>42247</v>
      </c>
      <c r="B2994" s="3">
        <f t="shared" si="92"/>
        <v>8</v>
      </c>
      <c r="C2994" s="3">
        <f t="shared" si="93"/>
        <v>2015</v>
      </c>
      <c r="D2994" t="s">
        <v>474</v>
      </c>
      <c r="E2994" t="s">
        <v>26</v>
      </c>
      <c r="F2994" t="s">
        <v>38</v>
      </c>
      <c r="G2994" t="s">
        <v>301</v>
      </c>
      <c r="H2994" t="s">
        <v>2216</v>
      </c>
      <c r="I2994">
        <v>239.98</v>
      </c>
      <c r="J2994">
        <v>3</v>
      </c>
      <c r="K2994">
        <v>80.989999999999995</v>
      </c>
    </row>
    <row r="2995" spans="1:11" x14ac:dyDescent="0.3">
      <c r="A2995" s="1">
        <v>42247</v>
      </c>
      <c r="B2995" s="3">
        <f t="shared" si="92"/>
        <v>8</v>
      </c>
      <c r="C2995" s="3">
        <f t="shared" si="93"/>
        <v>2015</v>
      </c>
      <c r="D2995" t="s">
        <v>130</v>
      </c>
      <c r="E2995" t="s">
        <v>9</v>
      </c>
      <c r="F2995" t="s">
        <v>10</v>
      </c>
      <c r="G2995" t="s">
        <v>11</v>
      </c>
      <c r="H2995" t="s">
        <v>853</v>
      </c>
      <c r="I2995">
        <v>20.96</v>
      </c>
      <c r="J2995">
        <v>4</v>
      </c>
      <c r="K2995">
        <v>6.81</v>
      </c>
    </row>
    <row r="2996" spans="1:11" x14ac:dyDescent="0.3">
      <c r="A2996" s="1">
        <v>42247</v>
      </c>
      <c r="B2996" s="3">
        <f t="shared" si="92"/>
        <v>8</v>
      </c>
      <c r="C2996" s="3">
        <f t="shared" si="93"/>
        <v>2015</v>
      </c>
      <c r="D2996" t="s">
        <v>1628</v>
      </c>
      <c r="E2996" t="s">
        <v>26</v>
      </c>
      <c r="F2996" t="s">
        <v>38</v>
      </c>
      <c r="G2996" t="s">
        <v>39</v>
      </c>
      <c r="H2996" t="s">
        <v>1579</v>
      </c>
      <c r="I2996">
        <v>555.96</v>
      </c>
      <c r="J2996">
        <v>5</v>
      </c>
      <c r="K2996">
        <v>41.7</v>
      </c>
    </row>
    <row r="2997" spans="1:11" x14ac:dyDescent="0.3">
      <c r="A2997" s="1">
        <v>42248</v>
      </c>
      <c r="B2997" s="3">
        <f t="shared" si="92"/>
        <v>9</v>
      </c>
      <c r="C2997" s="3">
        <f t="shared" si="93"/>
        <v>2015</v>
      </c>
      <c r="D2997" t="s">
        <v>1412</v>
      </c>
      <c r="E2997" t="s">
        <v>26</v>
      </c>
      <c r="F2997" t="s">
        <v>10</v>
      </c>
      <c r="G2997" t="s">
        <v>19</v>
      </c>
      <c r="H2997" t="s">
        <v>117</v>
      </c>
      <c r="I2997">
        <v>4.75</v>
      </c>
      <c r="J2997">
        <v>1</v>
      </c>
      <c r="K2997">
        <v>1.6</v>
      </c>
    </row>
    <row r="2998" spans="1:11" x14ac:dyDescent="0.3">
      <c r="A2998" s="1">
        <v>42248</v>
      </c>
      <c r="B2998" s="3">
        <f t="shared" si="92"/>
        <v>9</v>
      </c>
      <c r="C2998" s="3">
        <f t="shared" si="93"/>
        <v>2015</v>
      </c>
      <c r="D2998" t="s">
        <v>1412</v>
      </c>
      <c r="E2998" t="s">
        <v>26</v>
      </c>
      <c r="F2998" t="s">
        <v>38</v>
      </c>
      <c r="G2998" t="s">
        <v>602</v>
      </c>
      <c r="H2998" t="s">
        <v>633</v>
      </c>
      <c r="I2998">
        <v>959.98</v>
      </c>
      <c r="J2998">
        <v>2</v>
      </c>
      <c r="K2998">
        <v>335.99</v>
      </c>
    </row>
    <row r="2999" spans="1:11" x14ac:dyDescent="0.3">
      <c r="A2999" s="1">
        <v>42248</v>
      </c>
      <c r="B2999" s="3">
        <f t="shared" si="92"/>
        <v>9</v>
      </c>
      <c r="C2999" s="3">
        <f t="shared" si="93"/>
        <v>2015</v>
      </c>
      <c r="D2999" t="s">
        <v>1412</v>
      </c>
      <c r="E2999" t="s">
        <v>26</v>
      </c>
      <c r="F2999" t="s">
        <v>10</v>
      </c>
      <c r="G2999" t="s">
        <v>19</v>
      </c>
      <c r="H2999" t="s">
        <v>450</v>
      </c>
      <c r="I2999">
        <v>14.37</v>
      </c>
      <c r="J2999">
        <v>4</v>
      </c>
      <c r="K2999">
        <v>4.49</v>
      </c>
    </row>
    <row r="3000" spans="1:11" x14ac:dyDescent="0.3">
      <c r="A3000" s="1">
        <v>42248</v>
      </c>
      <c r="B3000" s="3">
        <f t="shared" si="92"/>
        <v>9</v>
      </c>
      <c r="C3000" s="3">
        <f t="shared" si="93"/>
        <v>2015</v>
      </c>
      <c r="D3000" t="s">
        <v>397</v>
      </c>
      <c r="E3000" t="s">
        <v>433</v>
      </c>
      <c r="F3000" t="s">
        <v>10</v>
      </c>
      <c r="G3000" t="s">
        <v>19</v>
      </c>
      <c r="H3000" t="s">
        <v>2217</v>
      </c>
      <c r="I3000">
        <v>114.6</v>
      </c>
      <c r="J3000">
        <v>5</v>
      </c>
      <c r="K3000">
        <v>51.57</v>
      </c>
    </row>
    <row r="3001" spans="1:11" x14ac:dyDescent="0.3">
      <c r="A3001" s="1">
        <v>42248</v>
      </c>
      <c r="B3001" s="3">
        <f t="shared" si="92"/>
        <v>9</v>
      </c>
      <c r="C3001" s="3">
        <f t="shared" si="93"/>
        <v>2015</v>
      </c>
      <c r="D3001" t="s">
        <v>397</v>
      </c>
      <c r="E3001" t="s">
        <v>433</v>
      </c>
      <c r="F3001" t="s">
        <v>33</v>
      </c>
      <c r="G3001" t="s">
        <v>34</v>
      </c>
      <c r="H3001" t="s">
        <v>1065</v>
      </c>
      <c r="I3001">
        <v>60.74</v>
      </c>
      <c r="J3001">
        <v>1</v>
      </c>
      <c r="K3001">
        <v>15.19</v>
      </c>
    </row>
    <row r="3002" spans="1:11" x14ac:dyDescent="0.3">
      <c r="A3002" s="1">
        <v>42248</v>
      </c>
      <c r="B3002" s="3">
        <f t="shared" si="92"/>
        <v>9</v>
      </c>
      <c r="C3002" s="3">
        <f t="shared" si="93"/>
        <v>2015</v>
      </c>
      <c r="D3002" t="s">
        <v>397</v>
      </c>
      <c r="E3002" t="s">
        <v>433</v>
      </c>
      <c r="F3002" t="s">
        <v>33</v>
      </c>
      <c r="G3002" t="s">
        <v>46</v>
      </c>
      <c r="H3002" t="s">
        <v>677</v>
      </c>
      <c r="I3002">
        <v>124.36</v>
      </c>
      <c r="J3002">
        <v>2</v>
      </c>
      <c r="K3002">
        <v>27.36</v>
      </c>
    </row>
    <row r="3003" spans="1:11" x14ac:dyDescent="0.3">
      <c r="A3003" s="1">
        <v>42248</v>
      </c>
      <c r="B3003" s="3">
        <f t="shared" si="92"/>
        <v>9</v>
      </c>
      <c r="C3003" s="3">
        <f t="shared" si="93"/>
        <v>2015</v>
      </c>
      <c r="D3003" t="s">
        <v>397</v>
      </c>
      <c r="E3003" t="s">
        <v>433</v>
      </c>
      <c r="F3003" t="s">
        <v>10</v>
      </c>
      <c r="G3003" t="s">
        <v>17</v>
      </c>
      <c r="H3003" t="s">
        <v>1548</v>
      </c>
      <c r="I3003">
        <v>1088.76</v>
      </c>
      <c r="J3003">
        <v>6</v>
      </c>
      <c r="K3003">
        <v>315.74</v>
      </c>
    </row>
    <row r="3004" spans="1:11" x14ac:dyDescent="0.3">
      <c r="A3004" s="1">
        <v>42250</v>
      </c>
      <c r="B3004" s="3">
        <f t="shared" si="92"/>
        <v>9</v>
      </c>
      <c r="C3004" s="3">
        <f t="shared" si="93"/>
        <v>2015</v>
      </c>
      <c r="D3004" t="s">
        <v>1654</v>
      </c>
      <c r="E3004" t="s">
        <v>244</v>
      </c>
      <c r="F3004" t="s">
        <v>10</v>
      </c>
      <c r="G3004" t="s">
        <v>62</v>
      </c>
      <c r="H3004" t="s">
        <v>2071</v>
      </c>
      <c r="I3004">
        <v>200.98</v>
      </c>
      <c r="J3004">
        <v>7</v>
      </c>
      <c r="K3004">
        <v>62.81</v>
      </c>
    </row>
    <row r="3005" spans="1:11" x14ac:dyDescent="0.3">
      <c r="A3005" s="1">
        <v>42250</v>
      </c>
      <c r="B3005" s="3">
        <f t="shared" si="92"/>
        <v>9</v>
      </c>
      <c r="C3005" s="3">
        <f t="shared" si="93"/>
        <v>2015</v>
      </c>
      <c r="D3005" t="s">
        <v>402</v>
      </c>
      <c r="E3005" t="s">
        <v>22</v>
      </c>
      <c r="F3005" t="s">
        <v>10</v>
      </c>
      <c r="G3005" t="s">
        <v>17</v>
      </c>
      <c r="H3005" t="s">
        <v>1315</v>
      </c>
      <c r="I3005">
        <v>36.340000000000003</v>
      </c>
      <c r="J3005">
        <v>3</v>
      </c>
      <c r="K3005">
        <v>-7.27</v>
      </c>
    </row>
    <row r="3006" spans="1:11" x14ac:dyDescent="0.3">
      <c r="A3006" s="1">
        <v>42250</v>
      </c>
      <c r="B3006" s="3">
        <f t="shared" si="92"/>
        <v>9</v>
      </c>
      <c r="C3006" s="3">
        <f t="shared" si="93"/>
        <v>2015</v>
      </c>
      <c r="D3006" t="s">
        <v>402</v>
      </c>
      <c r="E3006" t="s">
        <v>22</v>
      </c>
      <c r="F3006" t="s">
        <v>10</v>
      </c>
      <c r="G3006" t="s">
        <v>199</v>
      </c>
      <c r="H3006" t="s">
        <v>460</v>
      </c>
      <c r="I3006">
        <v>666.25</v>
      </c>
      <c r="J3006">
        <v>1</v>
      </c>
      <c r="K3006">
        <v>-149.91</v>
      </c>
    </row>
    <row r="3007" spans="1:11" x14ac:dyDescent="0.3">
      <c r="A3007" s="1">
        <v>42250</v>
      </c>
      <c r="B3007" s="3">
        <f t="shared" si="92"/>
        <v>9</v>
      </c>
      <c r="C3007" s="3">
        <f t="shared" si="93"/>
        <v>2015</v>
      </c>
      <c r="D3007" t="s">
        <v>402</v>
      </c>
      <c r="E3007" t="s">
        <v>22</v>
      </c>
      <c r="F3007" t="s">
        <v>10</v>
      </c>
      <c r="G3007" t="s">
        <v>62</v>
      </c>
      <c r="H3007" t="s">
        <v>1480</v>
      </c>
      <c r="I3007">
        <v>52.51</v>
      </c>
      <c r="J3007">
        <v>6</v>
      </c>
      <c r="K3007">
        <v>19.690000000000001</v>
      </c>
    </row>
    <row r="3008" spans="1:11" x14ac:dyDescent="0.3">
      <c r="A3008" s="1">
        <v>42250</v>
      </c>
      <c r="B3008" s="3">
        <f t="shared" si="92"/>
        <v>9</v>
      </c>
      <c r="C3008" s="3">
        <f t="shared" si="93"/>
        <v>2015</v>
      </c>
      <c r="D3008" t="s">
        <v>2052</v>
      </c>
      <c r="E3008" t="s">
        <v>26</v>
      </c>
      <c r="F3008" t="s">
        <v>10</v>
      </c>
      <c r="G3008" t="s">
        <v>17</v>
      </c>
      <c r="H3008" t="s">
        <v>2218</v>
      </c>
      <c r="I3008">
        <v>31.44</v>
      </c>
      <c r="J3008">
        <v>3</v>
      </c>
      <c r="K3008">
        <v>8.49</v>
      </c>
    </row>
    <row r="3009" spans="1:11" x14ac:dyDescent="0.3">
      <c r="A3009" s="1">
        <v>42250</v>
      </c>
      <c r="B3009" s="3">
        <f t="shared" si="92"/>
        <v>9</v>
      </c>
      <c r="C3009" s="3">
        <f t="shared" si="93"/>
        <v>2015</v>
      </c>
      <c r="D3009" t="s">
        <v>2052</v>
      </c>
      <c r="E3009" t="s">
        <v>26</v>
      </c>
      <c r="F3009" t="s">
        <v>38</v>
      </c>
      <c r="G3009" t="s">
        <v>51</v>
      </c>
      <c r="H3009" t="s">
        <v>1421</v>
      </c>
      <c r="I3009">
        <v>17.899999999999999</v>
      </c>
      <c r="J3009">
        <v>2</v>
      </c>
      <c r="K3009">
        <v>3.4</v>
      </c>
    </row>
    <row r="3010" spans="1:11" x14ac:dyDescent="0.3">
      <c r="A3010" s="1">
        <v>42250</v>
      </c>
      <c r="B3010" s="3">
        <f t="shared" ref="B3010:B3073" si="94">MONTH(A:A)</f>
        <v>9</v>
      </c>
      <c r="C3010" s="3">
        <f t="shared" ref="C3010:C3073" si="95">YEAR(A:A)</f>
        <v>2015</v>
      </c>
      <c r="D3010" t="s">
        <v>2052</v>
      </c>
      <c r="E3010" t="s">
        <v>26</v>
      </c>
      <c r="F3010" t="s">
        <v>38</v>
      </c>
      <c r="G3010" t="s">
        <v>51</v>
      </c>
      <c r="H3010" t="s">
        <v>2033</v>
      </c>
      <c r="I3010">
        <v>129.44999999999999</v>
      </c>
      <c r="J3010">
        <v>5</v>
      </c>
      <c r="K3010">
        <v>46.6</v>
      </c>
    </row>
    <row r="3011" spans="1:11" x14ac:dyDescent="0.3">
      <c r="A3011" s="1">
        <v>42250</v>
      </c>
      <c r="B3011" s="3">
        <f t="shared" si="94"/>
        <v>9</v>
      </c>
      <c r="C3011" s="3">
        <f t="shared" si="95"/>
        <v>2015</v>
      </c>
      <c r="D3011" t="s">
        <v>1294</v>
      </c>
      <c r="E3011" t="s">
        <v>612</v>
      </c>
      <c r="F3011" t="s">
        <v>10</v>
      </c>
      <c r="G3011" t="s">
        <v>91</v>
      </c>
      <c r="H3011" t="s">
        <v>113</v>
      </c>
      <c r="I3011">
        <v>137.62</v>
      </c>
      <c r="J3011">
        <v>2</v>
      </c>
      <c r="K3011">
        <v>60.55</v>
      </c>
    </row>
    <row r="3012" spans="1:11" x14ac:dyDescent="0.3">
      <c r="A3012" s="1">
        <v>42250</v>
      </c>
      <c r="B3012" s="3">
        <f t="shared" si="94"/>
        <v>9</v>
      </c>
      <c r="C3012" s="3">
        <f t="shared" si="95"/>
        <v>2015</v>
      </c>
      <c r="D3012" t="s">
        <v>1294</v>
      </c>
      <c r="E3012" t="s">
        <v>612</v>
      </c>
      <c r="F3012" t="s">
        <v>38</v>
      </c>
      <c r="G3012" t="s">
        <v>39</v>
      </c>
      <c r="H3012" t="s">
        <v>1601</v>
      </c>
      <c r="I3012">
        <v>100.49</v>
      </c>
      <c r="J3012">
        <v>1</v>
      </c>
      <c r="K3012">
        <v>25.12</v>
      </c>
    </row>
    <row r="3013" spans="1:11" x14ac:dyDescent="0.3">
      <c r="A3013" s="1">
        <v>42250</v>
      </c>
      <c r="B3013" s="3">
        <f t="shared" si="94"/>
        <v>9</v>
      </c>
      <c r="C3013" s="3">
        <f t="shared" si="95"/>
        <v>2015</v>
      </c>
      <c r="D3013" t="s">
        <v>1294</v>
      </c>
      <c r="E3013" t="s">
        <v>148</v>
      </c>
      <c r="F3013" t="s">
        <v>10</v>
      </c>
      <c r="G3013" t="s">
        <v>17</v>
      </c>
      <c r="H3013" t="s">
        <v>2147</v>
      </c>
      <c r="I3013">
        <v>120.33</v>
      </c>
      <c r="J3013">
        <v>1</v>
      </c>
      <c r="K3013">
        <v>31.29</v>
      </c>
    </row>
    <row r="3014" spans="1:11" x14ac:dyDescent="0.3">
      <c r="A3014" s="1">
        <v>42250</v>
      </c>
      <c r="B3014" s="3">
        <f t="shared" si="94"/>
        <v>9</v>
      </c>
      <c r="C3014" s="3">
        <f t="shared" si="95"/>
        <v>2015</v>
      </c>
      <c r="D3014" t="s">
        <v>1043</v>
      </c>
      <c r="E3014" t="s">
        <v>26</v>
      </c>
      <c r="F3014" t="s">
        <v>33</v>
      </c>
      <c r="G3014" t="s">
        <v>34</v>
      </c>
      <c r="H3014" t="s">
        <v>963</v>
      </c>
      <c r="I3014">
        <v>129.57</v>
      </c>
      <c r="J3014">
        <v>2</v>
      </c>
      <c r="K3014">
        <v>-12.96</v>
      </c>
    </row>
    <row r="3015" spans="1:11" x14ac:dyDescent="0.3">
      <c r="A3015" s="1">
        <v>42250</v>
      </c>
      <c r="B3015" s="3">
        <f t="shared" si="94"/>
        <v>9</v>
      </c>
      <c r="C3015" s="3">
        <f t="shared" si="95"/>
        <v>2015</v>
      </c>
      <c r="D3015" t="s">
        <v>1043</v>
      </c>
      <c r="E3015" t="s">
        <v>26</v>
      </c>
      <c r="F3015" t="s">
        <v>10</v>
      </c>
      <c r="G3015" t="s">
        <v>19</v>
      </c>
      <c r="H3015" t="s">
        <v>1385</v>
      </c>
      <c r="I3015">
        <v>6.37</v>
      </c>
      <c r="J3015">
        <v>2</v>
      </c>
      <c r="K3015">
        <v>2.15</v>
      </c>
    </row>
    <row r="3016" spans="1:11" x14ac:dyDescent="0.3">
      <c r="A3016" s="1">
        <v>42250</v>
      </c>
      <c r="B3016" s="3">
        <f t="shared" si="94"/>
        <v>9</v>
      </c>
      <c r="C3016" s="3">
        <f t="shared" si="95"/>
        <v>2015</v>
      </c>
      <c r="D3016" t="s">
        <v>1743</v>
      </c>
      <c r="E3016" t="s">
        <v>94</v>
      </c>
      <c r="F3016" t="s">
        <v>33</v>
      </c>
      <c r="G3016" t="s">
        <v>46</v>
      </c>
      <c r="H3016" t="s">
        <v>2035</v>
      </c>
      <c r="I3016">
        <v>238.15</v>
      </c>
      <c r="J3016">
        <v>3</v>
      </c>
      <c r="K3016">
        <v>89.31</v>
      </c>
    </row>
    <row r="3017" spans="1:11" x14ac:dyDescent="0.3">
      <c r="A3017" s="1">
        <v>42250</v>
      </c>
      <c r="B3017" s="3">
        <f t="shared" si="94"/>
        <v>9</v>
      </c>
      <c r="C3017" s="3">
        <f t="shared" si="95"/>
        <v>2015</v>
      </c>
      <c r="D3017" t="s">
        <v>680</v>
      </c>
      <c r="E3017" t="s">
        <v>109</v>
      </c>
      <c r="F3017" t="s">
        <v>10</v>
      </c>
      <c r="G3017" t="s">
        <v>15</v>
      </c>
      <c r="H3017" t="s">
        <v>392</v>
      </c>
      <c r="I3017">
        <v>7.5</v>
      </c>
      <c r="J3017">
        <v>2</v>
      </c>
      <c r="K3017">
        <v>3.6</v>
      </c>
    </row>
    <row r="3018" spans="1:11" x14ac:dyDescent="0.3">
      <c r="A3018" s="1">
        <v>42251</v>
      </c>
      <c r="B3018" s="3">
        <f t="shared" si="94"/>
        <v>9</v>
      </c>
      <c r="C3018" s="3">
        <f t="shared" si="95"/>
        <v>2015</v>
      </c>
      <c r="D3018" t="s">
        <v>1121</v>
      </c>
      <c r="E3018" t="s">
        <v>29</v>
      </c>
      <c r="F3018" t="s">
        <v>10</v>
      </c>
      <c r="G3018" t="s">
        <v>11</v>
      </c>
      <c r="H3018" t="s">
        <v>2219</v>
      </c>
      <c r="I3018">
        <v>279.89999999999998</v>
      </c>
      <c r="J3018">
        <v>5</v>
      </c>
      <c r="K3018">
        <v>137.15</v>
      </c>
    </row>
    <row r="3019" spans="1:11" x14ac:dyDescent="0.3">
      <c r="A3019" s="1">
        <v>42251</v>
      </c>
      <c r="B3019" s="3">
        <f t="shared" si="94"/>
        <v>9</v>
      </c>
      <c r="C3019" s="3">
        <f t="shared" si="95"/>
        <v>2015</v>
      </c>
      <c r="D3019" t="s">
        <v>1121</v>
      </c>
      <c r="E3019" t="s">
        <v>29</v>
      </c>
      <c r="F3019" t="s">
        <v>38</v>
      </c>
      <c r="G3019" t="s">
        <v>51</v>
      </c>
      <c r="H3019" t="s">
        <v>2220</v>
      </c>
      <c r="I3019">
        <v>619.95000000000005</v>
      </c>
      <c r="J3019">
        <v>5</v>
      </c>
      <c r="K3019">
        <v>111.59</v>
      </c>
    </row>
    <row r="3020" spans="1:11" x14ac:dyDescent="0.3">
      <c r="A3020" s="1">
        <v>42251</v>
      </c>
      <c r="B3020" s="3">
        <f t="shared" si="94"/>
        <v>9</v>
      </c>
      <c r="C3020" s="3">
        <f t="shared" si="95"/>
        <v>2015</v>
      </c>
      <c r="D3020" t="s">
        <v>1121</v>
      </c>
      <c r="E3020" t="s">
        <v>29</v>
      </c>
      <c r="F3020" t="s">
        <v>10</v>
      </c>
      <c r="G3020" t="s">
        <v>11</v>
      </c>
      <c r="H3020" t="s">
        <v>1551</v>
      </c>
      <c r="I3020">
        <v>4.3600000000000003</v>
      </c>
      <c r="J3020">
        <v>2</v>
      </c>
      <c r="K3020">
        <v>2.0499999999999998</v>
      </c>
    </row>
    <row r="3021" spans="1:11" x14ac:dyDescent="0.3">
      <c r="A3021" s="1">
        <v>42251</v>
      </c>
      <c r="B3021" s="3">
        <f t="shared" si="94"/>
        <v>9</v>
      </c>
      <c r="C3021" s="3">
        <f t="shared" si="95"/>
        <v>2015</v>
      </c>
      <c r="D3021" t="s">
        <v>1121</v>
      </c>
      <c r="E3021" t="s">
        <v>29</v>
      </c>
      <c r="F3021" t="s">
        <v>10</v>
      </c>
      <c r="G3021" t="s">
        <v>62</v>
      </c>
      <c r="H3021" t="s">
        <v>769</v>
      </c>
      <c r="I3021">
        <v>15.28</v>
      </c>
      <c r="J3021">
        <v>2</v>
      </c>
      <c r="K3021">
        <v>7.49</v>
      </c>
    </row>
    <row r="3022" spans="1:11" x14ac:dyDescent="0.3">
      <c r="A3022" s="1">
        <v>42251</v>
      </c>
      <c r="B3022" s="3">
        <f t="shared" si="94"/>
        <v>9</v>
      </c>
      <c r="C3022" s="3">
        <f t="shared" si="95"/>
        <v>2015</v>
      </c>
      <c r="D3022" t="s">
        <v>451</v>
      </c>
      <c r="E3022" t="s">
        <v>90</v>
      </c>
      <c r="F3022" t="s">
        <v>10</v>
      </c>
      <c r="G3022" t="s">
        <v>19</v>
      </c>
      <c r="H3022" t="s">
        <v>1566</v>
      </c>
      <c r="I3022">
        <v>9.76</v>
      </c>
      <c r="J3022">
        <v>2</v>
      </c>
      <c r="K3022">
        <v>-6.83</v>
      </c>
    </row>
    <row r="3023" spans="1:11" x14ac:dyDescent="0.3">
      <c r="A3023" s="1">
        <v>42251</v>
      </c>
      <c r="B3023" s="3">
        <f t="shared" si="94"/>
        <v>9</v>
      </c>
      <c r="C3023" s="3">
        <f t="shared" si="95"/>
        <v>2015</v>
      </c>
      <c r="D3023" t="s">
        <v>588</v>
      </c>
      <c r="E3023" t="s">
        <v>9</v>
      </c>
      <c r="F3023" t="s">
        <v>38</v>
      </c>
      <c r="G3023" t="s">
        <v>51</v>
      </c>
      <c r="H3023" t="s">
        <v>635</v>
      </c>
      <c r="I3023">
        <v>134.38</v>
      </c>
      <c r="J3023">
        <v>3</v>
      </c>
      <c r="K3023">
        <v>6.72</v>
      </c>
    </row>
    <row r="3024" spans="1:11" x14ac:dyDescent="0.3">
      <c r="A3024" s="1">
        <v>42251</v>
      </c>
      <c r="B3024" s="3">
        <f t="shared" si="94"/>
        <v>9</v>
      </c>
      <c r="C3024" s="3">
        <f t="shared" si="95"/>
        <v>2015</v>
      </c>
      <c r="D3024" t="s">
        <v>2198</v>
      </c>
      <c r="E3024" t="s">
        <v>22</v>
      </c>
      <c r="F3024" t="s">
        <v>10</v>
      </c>
      <c r="G3024" t="s">
        <v>19</v>
      </c>
      <c r="H3024" t="s">
        <v>681</v>
      </c>
      <c r="I3024">
        <v>7.66</v>
      </c>
      <c r="J3024">
        <v>4</v>
      </c>
      <c r="K3024">
        <v>-6.12</v>
      </c>
    </row>
    <row r="3025" spans="1:11" x14ac:dyDescent="0.3">
      <c r="A3025" s="1">
        <v>42252</v>
      </c>
      <c r="B3025" s="3">
        <f t="shared" si="94"/>
        <v>9</v>
      </c>
      <c r="C3025" s="3">
        <f t="shared" si="95"/>
        <v>2015</v>
      </c>
      <c r="D3025" t="s">
        <v>1004</v>
      </c>
      <c r="E3025" t="s">
        <v>26</v>
      </c>
      <c r="F3025" t="s">
        <v>33</v>
      </c>
      <c r="G3025" t="s">
        <v>73</v>
      </c>
      <c r="H3025" t="s">
        <v>1716</v>
      </c>
      <c r="I3025">
        <v>411.33</v>
      </c>
      <c r="J3025">
        <v>4</v>
      </c>
      <c r="K3025">
        <v>-4.84</v>
      </c>
    </row>
    <row r="3026" spans="1:11" x14ac:dyDescent="0.3">
      <c r="A3026" s="1">
        <v>42252</v>
      </c>
      <c r="B3026" s="3">
        <f t="shared" si="94"/>
        <v>9</v>
      </c>
      <c r="C3026" s="3">
        <f t="shared" si="95"/>
        <v>2015</v>
      </c>
      <c r="D3026" t="s">
        <v>1004</v>
      </c>
      <c r="E3026" t="s">
        <v>26</v>
      </c>
      <c r="F3026" t="s">
        <v>10</v>
      </c>
      <c r="G3026" t="s">
        <v>19</v>
      </c>
      <c r="H3026" t="s">
        <v>2026</v>
      </c>
      <c r="I3026">
        <v>28.75</v>
      </c>
      <c r="J3026">
        <v>6</v>
      </c>
      <c r="K3026">
        <v>9.6999999999999993</v>
      </c>
    </row>
    <row r="3027" spans="1:11" x14ac:dyDescent="0.3">
      <c r="A3027" s="1">
        <v>42252</v>
      </c>
      <c r="B3027" s="3">
        <f t="shared" si="94"/>
        <v>9</v>
      </c>
      <c r="C3027" s="3">
        <f t="shared" si="95"/>
        <v>2015</v>
      </c>
      <c r="D3027" t="s">
        <v>1004</v>
      </c>
      <c r="E3027" t="s">
        <v>26</v>
      </c>
      <c r="F3027" t="s">
        <v>33</v>
      </c>
      <c r="G3027" t="s">
        <v>73</v>
      </c>
      <c r="H3027" t="s">
        <v>1705</v>
      </c>
      <c r="I3027">
        <v>293.2</v>
      </c>
      <c r="J3027">
        <v>3</v>
      </c>
      <c r="K3027">
        <v>-20.7</v>
      </c>
    </row>
    <row r="3028" spans="1:11" x14ac:dyDescent="0.3">
      <c r="A3028" s="1">
        <v>42252</v>
      </c>
      <c r="B3028" s="3">
        <f t="shared" si="94"/>
        <v>9</v>
      </c>
      <c r="C3028" s="3">
        <f t="shared" si="95"/>
        <v>2015</v>
      </c>
      <c r="D3028" t="s">
        <v>2221</v>
      </c>
      <c r="E3028" t="s">
        <v>9</v>
      </c>
      <c r="F3028" t="s">
        <v>10</v>
      </c>
      <c r="G3028" t="s">
        <v>19</v>
      </c>
      <c r="H3028" t="s">
        <v>1566</v>
      </c>
      <c r="I3028">
        <v>16.27</v>
      </c>
      <c r="J3028">
        <v>5</v>
      </c>
      <c r="K3028">
        <v>-25.22</v>
      </c>
    </row>
    <row r="3029" spans="1:11" x14ac:dyDescent="0.3">
      <c r="A3029" s="1">
        <v>42252</v>
      </c>
      <c r="B3029" s="3">
        <f t="shared" si="94"/>
        <v>9</v>
      </c>
      <c r="C3029" s="3">
        <f t="shared" si="95"/>
        <v>2015</v>
      </c>
      <c r="D3029" t="s">
        <v>2221</v>
      </c>
      <c r="E3029" t="s">
        <v>9</v>
      </c>
      <c r="F3029" t="s">
        <v>10</v>
      </c>
      <c r="G3029" t="s">
        <v>199</v>
      </c>
      <c r="H3029" t="s">
        <v>1420</v>
      </c>
      <c r="I3029">
        <v>69.12</v>
      </c>
      <c r="J3029">
        <v>9</v>
      </c>
      <c r="K3029">
        <v>-14.69</v>
      </c>
    </row>
    <row r="3030" spans="1:11" x14ac:dyDescent="0.3">
      <c r="A3030" s="1">
        <v>42252</v>
      </c>
      <c r="B3030" s="3">
        <f t="shared" si="94"/>
        <v>9</v>
      </c>
      <c r="C3030" s="3">
        <f t="shared" si="95"/>
        <v>2015</v>
      </c>
      <c r="D3030" t="s">
        <v>2221</v>
      </c>
      <c r="E3030" t="s">
        <v>9</v>
      </c>
      <c r="F3030" t="s">
        <v>10</v>
      </c>
      <c r="G3030" t="s">
        <v>19</v>
      </c>
      <c r="H3030" t="s">
        <v>48</v>
      </c>
      <c r="I3030">
        <v>4.47</v>
      </c>
      <c r="J3030">
        <v>3</v>
      </c>
      <c r="K3030">
        <v>-7.82</v>
      </c>
    </row>
    <row r="3031" spans="1:11" x14ac:dyDescent="0.3">
      <c r="A3031" s="1">
        <v>42252</v>
      </c>
      <c r="B3031" s="3">
        <f t="shared" si="94"/>
        <v>9</v>
      </c>
      <c r="C3031" s="3">
        <f t="shared" si="95"/>
        <v>2015</v>
      </c>
      <c r="D3031" t="s">
        <v>1790</v>
      </c>
      <c r="E3031" t="s">
        <v>314</v>
      </c>
      <c r="F3031" t="s">
        <v>33</v>
      </c>
      <c r="G3031" t="s">
        <v>46</v>
      </c>
      <c r="H3031" t="s">
        <v>1403</v>
      </c>
      <c r="I3031">
        <v>6.16</v>
      </c>
      <c r="J3031">
        <v>2</v>
      </c>
      <c r="K3031">
        <v>2.96</v>
      </c>
    </row>
    <row r="3032" spans="1:11" x14ac:dyDescent="0.3">
      <c r="A3032" s="1">
        <v>42252</v>
      </c>
      <c r="B3032" s="3">
        <f t="shared" si="94"/>
        <v>9</v>
      </c>
      <c r="C3032" s="3">
        <f t="shared" si="95"/>
        <v>2015</v>
      </c>
      <c r="D3032" t="s">
        <v>1790</v>
      </c>
      <c r="E3032" t="s">
        <v>314</v>
      </c>
      <c r="F3032" t="s">
        <v>10</v>
      </c>
      <c r="G3032" t="s">
        <v>11</v>
      </c>
      <c r="H3032" t="s">
        <v>935</v>
      </c>
      <c r="I3032">
        <v>36.840000000000003</v>
      </c>
      <c r="J3032">
        <v>3</v>
      </c>
      <c r="K3032">
        <v>17.309999999999999</v>
      </c>
    </row>
    <row r="3033" spans="1:11" x14ac:dyDescent="0.3">
      <c r="A3033" s="1">
        <v>42252</v>
      </c>
      <c r="B3033" s="3">
        <f t="shared" si="94"/>
        <v>9</v>
      </c>
      <c r="C3033" s="3">
        <f t="shared" si="95"/>
        <v>2015</v>
      </c>
      <c r="D3033" t="s">
        <v>1825</v>
      </c>
      <c r="E3033" t="s">
        <v>54</v>
      </c>
      <c r="F3033" t="s">
        <v>33</v>
      </c>
      <c r="G3033" t="s">
        <v>46</v>
      </c>
      <c r="H3033" t="s">
        <v>2222</v>
      </c>
      <c r="I3033">
        <v>67.959999999999994</v>
      </c>
      <c r="J3033">
        <v>4</v>
      </c>
      <c r="K3033">
        <v>12.23</v>
      </c>
    </row>
    <row r="3034" spans="1:11" x14ac:dyDescent="0.3">
      <c r="A3034" s="1">
        <v>42253</v>
      </c>
      <c r="B3034" s="3">
        <f t="shared" si="94"/>
        <v>9</v>
      </c>
      <c r="C3034" s="3">
        <f t="shared" si="95"/>
        <v>2015</v>
      </c>
      <c r="D3034" t="s">
        <v>568</v>
      </c>
      <c r="E3034" t="s">
        <v>163</v>
      </c>
      <c r="F3034" t="s">
        <v>10</v>
      </c>
      <c r="G3034" t="s">
        <v>19</v>
      </c>
      <c r="H3034" t="s">
        <v>969</v>
      </c>
      <c r="I3034">
        <v>6.1</v>
      </c>
      <c r="J3034">
        <v>2</v>
      </c>
      <c r="K3034">
        <v>2.13</v>
      </c>
    </row>
    <row r="3035" spans="1:11" x14ac:dyDescent="0.3">
      <c r="A3035" s="1">
        <v>42253</v>
      </c>
      <c r="B3035" s="3">
        <f t="shared" si="94"/>
        <v>9</v>
      </c>
      <c r="C3035" s="3">
        <f t="shared" si="95"/>
        <v>2015</v>
      </c>
      <c r="D3035" t="s">
        <v>568</v>
      </c>
      <c r="E3035" t="s">
        <v>163</v>
      </c>
      <c r="F3035" t="s">
        <v>33</v>
      </c>
      <c r="G3035" t="s">
        <v>46</v>
      </c>
      <c r="H3035" t="s">
        <v>2223</v>
      </c>
      <c r="I3035">
        <v>191.82</v>
      </c>
      <c r="J3035">
        <v>3</v>
      </c>
      <c r="K3035">
        <v>74.81</v>
      </c>
    </row>
    <row r="3036" spans="1:11" x14ac:dyDescent="0.3">
      <c r="A3036" s="1">
        <v>42253</v>
      </c>
      <c r="B3036" s="3">
        <f t="shared" si="94"/>
        <v>9</v>
      </c>
      <c r="C3036" s="3">
        <f t="shared" si="95"/>
        <v>2015</v>
      </c>
      <c r="D3036" t="s">
        <v>1911</v>
      </c>
      <c r="E3036" t="s">
        <v>26</v>
      </c>
      <c r="F3036" t="s">
        <v>38</v>
      </c>
      <c r="G3036" t="s">
        <v>51</v>
      </c>
      <c r="H3036" t="s">
        <v>1910</v>
      </c>
      <c r="I3036">
        <v>46.32</v>
      </c>
      <c r="J3036">
        <v>4</v>
      </c>
      <c r="K3036">
        <v>18.059999999999999</v>
      </c>
    </row>
    <row r="3037" spans="1:11" x14ac:dyDescent="0.3">
      <c r="A3037" s="1">
        <v>42253</v>
      </c>
      <c r="B3037" s="3">
        <f t="shared" si="94"/>
        <v>9</v>
      </c>
      <c r="C3037" s="3">
        <f t="shared" si="95"/>
        <v>2015</v>
      </c>
      <c r="D3037" t="s">
        <v>2224</v>
      </c>
      <c r="E3037" t="s">
        <v>148</v>
      </c>
      <c r="F3037" t="s">
        <v>33</v>
      </c>
      <c r="G3037" t="s">
        <v>34</v>
      </c>
      <c r="H3037" t="s">
        <v>1596</v>
      </c>
      <c r="I3037">
        <v>271.76</v>
      </c>
      <c r="J3037">
        <v>2</v>
      </c>
      <c r="K3037">
        <v>60.39</v>
      </c>
    </row>
    <row r="3038" spans="1:11" x14ac:dyDescent="0.3">
      <c r="A3038" s="1">
        <v>42253</v>
      </c>
      <c r="B3038" s="3">
        <f t="shared" si="94"/>
        <v>9</v>
      </c>
      <c r="C3038" s="3">
        <f t="shared" si="95"/>
        <v>2015</v>
      </c>
      <c r="D3038" t="s">
        <v>175</v>
      </c>
      <c r="E3038" t="s">
        <v>119</v>
      </c>
      <c r="F3038" t="s">
        <v>10</v>
      </c>
      <c r="G3038" t="s">
        <v>42</v>
      </c>
      <c r="H3038" t="s">
        <v>1783</v>
      </c>
      <c r="I3038">
        <v>7.24</v>
      </c>
      <c r="J3038">
        <v>5</v>
      </c>
      <c r="K3038">
        <v>1.18</v>
      </c>
    </row>
    <row r="3039" spans="1:11" x14ac:dyDescent="0.3">
      <c r="A3039" s="1">
        <v>42253</v>
      </c>
      <c r="B3039" s="3">
        <f t="shared" si="94"/>
        <v>9</v>
      </c>
      <c r="C3039" s="3">
        <f t="shared" si="95"/>
        <v>2015</v>
      </c>
      <c r="D3039" t="s">
        <v>1698</v>
      </c>
      <c r="E3039" t="s">
        <v>122</v>
      </c>
      <c r="F3039" t="s">
        <v>10</v>
      </c>
      <c r="G3039" t="s">
        <v>19</v>
      </c>
      <c r="H3039" t="s">
        <v>2225</v>
      </c>
      <c r="I3039">
        <v>3.44</v>
      </c>
      <c r="J3039">
        <v>1</v>
      </c>
      <c r="K3039">
        <v>-2.5299999999999998</v>
      </c>
    </row>
    <row r="3040" spans="1:11" x14ac:dyDescent="0.3">
      <c r="A3040" s="1">
        <v>42253</v>
      </c>
      <c r="B3040" s="3">
        <f t="shared" si="94"/>
        <v>9</v>
      </c>
      <c r="C3040" s="3">
        <f t="shared" si="95"/>
        <v>2015</v>
      </c>
      <c r="D3040" t="s">
        <v>80</v>
      </c>
      <c r="E3040" t="s">
        <v>148</v>
      </c>
      <c r="F3040" t="s">
        <v>10</v>
      </c>
      <c r="G3040" t="s">
        <v>91</v>
      </c>
      <c r="H3040" t="s">
        <v>1249</v>
      </c>
      <c r="I3040">
        <v>8.39</v>
      </c>
      <c r="J3040">
        <v>1</v>
      </c>
      <c r="K3040">
        <v>2.1</v>
      </c>
    </row>
    <row r="3041" spans="1:11" x14ac:dyDescent="0.3">
      <c r="A3041" s="1">
        <v>42253</v>
      </c>
      <c r="B3041" s="3">
        <f t="shared" si="94"/>
        <v>9</v>
      </c>
      <c r="C3041" s="3">
        <f t="shared" si="95"/>
        <v>2015</v>
      </c>
      <c r="D3041" t="s">
        <v>80</v>
      </c>
      <c r="E3041" t="s">
        <v>148</v>
      </c>
      <c r="F3041" t="s">
        <v>38</v>
      </c>
      <c r="G3041" t="s">
        <v>39</v>
      </c>
      <c r="H3041" t="s">
        <v>2062</v>
      </c>
      <c r="I3041">
        <v>337.98</v>
      </c>
      <c r="J3041">
        <v>2</v>
      </c>
      <c r="K3041">
        <v>101.39</v>
      </c>
    </row>
    <row r="3042" spans="1:11" x14ac:dyDescent="0.3">
      <c r="A3042" s="1">
        <v>42253</v>
      </c>
      <c r="B3042" s="3">
        <f t="shared" si="94"/>
        <v>9</v>
      </c>
      <c r="C3042" s="3">
        <f t="shared" si="95"/>
        <v>2015</v>
      </c>
      <c r="D3042" t="s">
        <v>1094</v>
      </c>
      <c r="E3042" t="s">
        <v>54</v>
      </c>
      <c r="F3042" t="s">
        <v>10</v>
      </c>
      <c r="G3042" t="s">
        <v>19</v>
      </c>
      <c r="H3042" t="s">
        <v>1159</v>
      </c>
      <c r="I3042">
        <v>46.62</v>
      </c>
      <c r="J3042">
        <v>9</v>
      </c>
      <c r="K3042">
        <v>21.45</v>
      </c>
    </row>
    <row r="3043" spans="1:11" x14ac:dyDescent="0.3">
      <c r="A3043" s="1">
        <v>42253</v>
      </c>
      <c r="B3043" s="3">
        <f t="shared" si="94"/>
        <v>9</v>
      </c>
      <c r="C3043" s="3">
        <f t="shared" si="95"/>
        <v>2015</v>
      </c>
      <c r="D3043" t="s">
        <v>2125</v>
      </c>
      <c r="E3043" t="s">
        <v>61</v>
      </c>
      <c r="F3043" t="s">
        <v>33</v>
      </c>
      <c r="G3043" t="s">
        <v>144</v>
      </c>
      <c r="H3043" t="s">
        <v>472</v>
      </c>
      <c r="I3043">
        <v>85.98</v>
      </c>
      <c r="J3043">
        <v>1</v>
      </c>
      <c r="K3043">
        <v>22.35</v>
      </c>
    </row>
    <row r="3044" spans="1:11" x14ac:dyDescent="0.3">
      <c r="A3044" s="1">
        <v>42254</v>
      </c>
      <c r="B3044" s="3">
        <f t="shared" si="94"/>
        <v>9</v>
      </c>
      <c r="C3044" s="3">
        <f t="shared" si="95"/>
        <v>2015</v>
      </c>
      <c r="D3044" t="s">
        <v>1451</v>
      </c>
      <c r="E3044" t="s">
        <v>26</v>
      </c>
      <c r="F3044" t="s">
        <v>10</v>
      </c>
      <c r="G3044" t="s">
        <v>17</v>
      </c>
      <c r="H3044" t="s">
        <v>1644</v>
      </c>
      <c r="I3044">
        <v>671.93</v>
      </c>
      <c r="J3044">
        <v>7</v>
      </c>
      <c r="K3044">
        <v>20.16</v>
      </c>
    </row>
    <row r="3045" spans="1:11" x14ac:dyDescent="0.3">
      <c r="A3045" s="1">
        <v>42254</v>
      </c>
      <c r="B3045" s="3">
        <f t="shared" si="94"/>
        <v>9</v>
      </c>
      <c r="C3045" s="3">
        <f t="shared" si="95"/>
        <v>2015</v>
      </c>
      <c r="D3045" t="s">
        <v>977</v>
      </c>
      <c r="E3045" t="s">
        <v>9</v>
      </c>
      <c r="F3045" t="s">
        <v>33</v>
      </c>
      <c r="G3045" t="s">
        <v>34</v>
      </c>
      <c r="H3045" t="s">
        <v>1023</v>
      </c>
      <c r="I3045">
        <v>47.52</v>
      </c>
      <c r="J3045">
        <v>2</v>
      </c>
      <c r="K3045">
        <v>-2.04</v>
      </c>
    </row>
    <row r="3046" spans="1:11" x14ac:dyDescent="0.3">
      <c r="A3046" s="1">
        <v>42254</v>
      </c>
      <c r="B3046" s="3">
        <f t="shared" si="94"/>
        <v>9</v>
      </c>
      <c r="C3046" s="3">
        <f t="shared" si="95"/>
        <v>2015</v>
      </c>
      <c r="D3046" t="s">
        <v>1250</v>
      </c>
      <c r="E3046" t="s">
        <v>148</v>
      </c>
      <c r="F3046" t="s">
        <v>10</v>
      </c>
      <c r="G3046" t="s">
        <v>17</v>
      </c>
      <c r="H3046" t="s">
        <v>250</v>
      </c>
      <c r="I3046">
        <v>13.96</v>
      </c>
      <c r="J3046">
        <v>2</v>
      </c>
      <c r="K3046">
        <v>0.28000000000000003</v>
      </c>
    </row>
    <row r="3047" spans="1:11" x14ac:dyDescent="0.3">
      <c r="A3047" s="1">
        <v>42254</v>
      </c>
      <c r="B3047" s="3">
        <f t="shared" si="94"/>
        <v>9</v>
      </c>
      <c r="C3047" s="3">
        <f t="shared" si="95"/>
        <v>2015</v>
      </c>
      <c r="D3047" t="s">
        <v>1250</v>
      </c>
      <c r="E3047" t="s">
        <v>148</v>
      </c>
      <c r="F3047" t="s">
        <v>33</v>
      </c>
      <c r="G3047" t="s">
        <v>144</v>
      </c>
      <c r="H3047" t="s">
        <v>2226</v>
      </c>
      <c r="I3047">
        <v>27.41</v>
      </c>
      <c r="J3047">
        <v>3</v>
      </c>
      <c r="K3047">
        <v>-14.16</v>
      </c>
    </row>
    <row r="3048" spans="1:11" x14ac:dyDescent="0.3">
      <c r="A3048" s="1">
        <v>42254</v>
      </c>
      <c r="B3048" s="3">
        <f t="shared" si="94"/>
        <v>9</v>
      </c>
      <c r="C3048" s="3">
        <f t="shared" si="95"/>
        <v>2015</v>
      </c>
      <c r="D3048" t="s">
        <v>1229</v>
      </c>
      <c r="E3048" t="s">
        <v>22</v>
      </c>
      <c r="F3048" t="s">
        <v>10</v>
      </c>
      <c r="G3048" t="s">
        <v>19</v>
      </c>
      <c r="H3048" t="s">
        <v>2227</v>
      </c>
      <c r="I3048">
        <v>9.52</v>
      </c>
      <c r="J3048">
        <v>1</v>
      </c>
      <c r="K3048">
        <v>-6.98</v>
      </c>
    </row>
    <row r="3049" spans="1:11" x14ac:dyDescent="0.3">
      <c r="A3049" s="1">
        <v>42254</v>
      </c>
      <c r="B3049" s="3">
        <f t="shared" si="94"/>
        <v>9</v>
      </c>
      <c r="C3049" s="3">
        <f t="shared" si="95"/>
        <v>2015</v>
      </c>
      <c r="D3049" t="s">
        <v>1229</v>
      </c>
      <c r="E3049" t="s">
        <v>22</v>
      </c>
      <c r="F3049" t="s">
        <v>38</v>
      </c>
      <c r="G3049" t="s">
        <v>39</v>
      </c>
      <c r="H3049" t="s">
        <v>749</v>
      </c>
      <c r="I3049">
        <v>791.96</v>
      </c>
      <c r="J3049">
        <v>6</v>
      </c>
      <c r="K3049">
        <v>-131.99</v>
      </c>
    </row>
    <row r="3050" spans="1:11" x14ac:dyDescent="0.3">
      <c r="A3050" s="1">
        <v>42254</v>
      </c>
      <c r="B3050" s="3">
        <f t="shared" si="94"/>
        <v>9</v>
      </c>
      <c r="C3050" s="3">
        <f t="shared" si="95"/>
        <v>2015</v>
      </c>
      <c r="D3050" t="s">
        <v>1229</v>
      </c>
      <c r="E3050" t="s">
        <v>22</v>
      </c>
      <c r="F3050" t="s">
        <v>10</v>
      </c>
      <c r="G3050" t="s">
        <v>19</v>
      </c>
      <c r="H3050" t="s">
        <v>704</v>
      </c>
      <c r="I3050">
        <v>4.92</v>
      </c>
      <c r="J3050">
        <v>3</v>
      </c>
      <c r="K3050">
        <v>-3.94</v>
      </c>
    </row>
    <row r="3051" spans="1:11" x14ac:dyDescent="0.3">
      <c r="A3051" s="1">
        <v>42254</v>
      </c>
      <c r="B3051" s="3">
        <f t="shared" si="94"/>
        <v>9</v>
      </c>
      <c r="C3051" s="3">
        <f t="shared" si="95"/>
        <v>2015</v>
      </c>
      <c r="D3051" t="s">
        <v>1185</v>
      </c>
      <c r="E3051" t="s">
        <v>244</v>
      </c>
      <c r="F3051" t="s">
        <v>10</v>
      </c>
      <c r="G3051" t="s">
        <v>23</v>
      </c>
      <c r="H3051" t="s">
        <v>804</v>
      </c>
      <c r="I3051">
        <v>140.74</v>
      </c>
      <c r="J3051">
        <v>4</v>
      </c>
      <c r="K3051">
        <v>12.31</v>
      </c>
    </row>
    <row r="3052" spans="1:11" x14ac:dyDescent="0.3">
      <c r="A3052" s="1">
        <v>42254</v>
      </c>
      <c r="B3052" s="3">
        <f t="shared" si="94"/>
        <v>9</v>
      </c>
      <c r="C3052" s="3">
        <f t="shared" si="95"/>
        <v>2015</v>
      </c>
      <c r="D3052" t="s">
        <v>1442</v>
      </c>
      <c r="E3052" t="s">
        <v>148</v>
      </c>
      <c r="F3052" t="s">
        <v>38</v>
      </c>
      <c r="G3052" t="s">
        <v>51</v>
      </c>
      <c r="H3052" t="s">
        <v>2001</v>
      </c>
      <c r="I3052">
        <v>559.92999999999995</v>
      </c>
      <c r="J3052">
        <v>7</v>
      </c>
      <c r="K3052">
        <v>167.98</v>
      </c>
    </row>
    <row r="3053" spans="1:11" x14ac:dyDescent="0.3">
      <c r="A3053" s="1">
        <v>42254</v>
      </c>
      <c r="B3053" s="3">
        <f t="shared" si="94"/>
        <v>9</v>
      </c>
      <c r="C3053" s="3">
        <f t="shared" si="95"/>
        <v>2015</v>
      </c>
      <c r="D3053" t="s">
        <v>1094</v>
      </c>
      <c r="E3053" t="s">
        <v>148</v>
      </c>
      <c r="F3053" t="s">
        <v>10</v>
      </c>
      <c r="G3053" t="s">
        <v>17</v>
      </c>
      <c r="H3053" t="s">
        <v>2190</v>
      </c>
      <c r="I3053">
        <v>70.260000000000005</v>
      </c>
      <c r="J3053">
        <v>3</v>
      </c>
      <c r="K3053">
        <v>18.97</v>
      </c>
    </row>
    <row r="3054" spans="1:11" x14ac:dyDescent="0.3">
      <c r="A3054" s="1">
        <v>42254</v>
      </c>
      <c r="B3054" s="3">
        <f t="shared" si="94"/>
        <v>9</v>
      </c>
      <c r="C3054" s="3">
        <f t="shared" si="95"/>
        <v>2015</v>
      </c>
      <c r="D3054" t="s">
        <v>1094</v>
      </c>
      <c r="E3054" t="s">
        <v>148</v>
      </c>
      <c r="F3054" t="s">
        <v>38</v>
      </c>
      <c r="G3054" t="s">
        <v>51</v>
      </c>
      <c r="H3054" t="s">
        <v>2228</v>
      </c>
      <c r="I3054">
        <v>90</v>
      </c>
      <c r="J3054">
        <v>5</v>
      </c>
      <c r="K3054">
        <v>16.2</v>
      </c>
    </row>
    <row r="3055" spans="1:11" x14ac:dyDescent="0.3">
      <c r="A3055" s="1">
        <v>42254</v>
      </c>
      <c r="B3055" s="3">
        <f t="shared" si="94"/>
        <v>9</v>
      </c>
      <c r="C3055" s="3">
        <f t="shared" si="95"/>
        <v>2015</v>
      </c>
      <c r="D3055" t="s">
        <v>1094</v>
      </c>
      <c r="E3055" t="s">
        <v>148</v>
      </c>
      <c r="F3055" t="s">
        <v>10</v>
      </c>
      <c r="G3055" t="s">
        <v>19</v>
      </c>
      <c r="H3055" t="s">
        <v>112</v>
      </c>
      <c r="I3055">
        <v>6.1</v>
      </c>
      <c r="J3055">
        <v>2</v>
      </c>
      <c r="K3055">
        <v>2.06</v>
      </c>
    </row>
    <row r="3056" spans="1:11" x14ac:dyDescent="0.3">
      <c r="A3056" s="1">
        <v>42254</v>
      </c>
      <c r="B3056" s="3">
        <f t="shared" si="94"/>
        <v>9</v>
      </c>
      <c r="C3056" s="3">
        <f t="shared" si="95"/>
        <v>2015</v>
      </c>
      <c r="D3056" t="s">
        <v>1094</v>
      </c>
      <c r="E3056" t="s">
        <v>148</v>
      </c>
      <c r="F3056" t="s">
        <v>33</v>
      </c>
      <c r="G3056" t="s">
        <v>144</v>
      </c>
      <c r="H3056" t="s">
        <v>1188</v>
      </c>
      <c r="I3056">
        <v>481.18</v>
      </c>
      <c r="J3056">
        <v>2</v>
      </c>
      <c r="K3056">
        <v>-120.29</v>
      </c>
    </row>
    <row r="3057" spans="1:11" x14ac:dyDescent="0.3">
      <c r="A3057" s="1">
        <v>42254</v>
      </c>
      <c r="B3057" s="3">
        <f t="shared" si="94"/>
        <v>9</v>
      </c>
      <c r="C3057" s="3">
        <f t="shared" si="95"/>
        <v>2015</v>
      </c>
      <c r="D3057" t="s">
        <v>1094</v>
      </c>
      <c r="E3057" t="s">
        <v>148</v>
      </c>
      <c r="F3057" t="s">
        <v>10</v>
      </c>
      <c r="G3057" t="s">
        <v>42</v>
      </c>
      <c r="H3057" t="s">
        <v>1783</v>
      </c>
      <c r="I3057">
        <v>7.24</v>
      </c>
      <c r="J3057">
        <v>4</v>
      </c>
      <c r="K3057">
        <v>2.39</v>
      </c>
    </row>
    <row r="3058" spans="1:11" x14ac:dyDescent="0.3">
      <c r="A3058" s="1">
        <v>42255</v>
      </c>
      <c r="B3058" s="3">
        <f t="shared" si="94"/>
        <v>9</v>
      </c>
      <c r="C3058" s="3">
        <f t="shared" si="95"/>
        <v>2015</v>
      </c>
      <c r="D3058" t="s">
        <v>2229</v>
      </c>
      <c r="E3058" t="s">
        <v>26</v>
      </c>
      <c r="F3058" t="s">
        <v>10</v>
      </c>
      <c r="G3058" t="s">
        <v>11</v>
      </c>
      <c r="H3058" t="s">
        <v>2097</v>
      </c>
      <c r="I3058">
        <v>26.4</v>
      </c>
      <c r="J3058">
        <v>5</v>
      </c>
      <c r="K3058">
        <v>11.88</v>
      </c>
    </row>
    <row r="3059" spans="1:11" x14ac:dyDescent="0.3">
      <c r="A3059" s="1">
        <v>42255</v>
      </c>
      <c r="B3059" s="3">
        <f t="shared" si="94"/>
        <v>9</v>
      </c>
      <c r="C3059" s="3">
        <f t="shared" si="95"/>
        <v>2015</v>
      </c>
      <c r="D3059" t="s">
        <v>2229</v>
      </c>
      <c r="E3059" t="s">
        <v>26</v>
      </c>
      <c r="F3059" t="s">
        <v>10</v>
      </c>
      <c r="G3059" t="s">
        <v>17</v>
      </c>
      <c r="H3059" t="s">
        <v>250</v>
      </c>
      <c r="I3059">
        <v>41.88</v>
      </c>
      <c r="J3059">
        <v>6</v>
      </c>
      <c r="K3059">
        <v>0.84</v>
      </c>
    </row>
    <row r="3060" spans="1:11" x14ac:dyDescent="0.3">
      <c r="A3060" s="1">
        <v>42255</v>
      </c>
      <c r="B3060" s="3">
        <f t="shared" si="94"/>
        <v>9</v>
      </c>
      <c r="C3060" s="3">
        <f t="shared" si="95"/>
        <v>2015</v>
      </c>
      <c r="D3060" t="s">
        <v>658</v>
      </c>
      <c r="E3060" t="s">
        <v>487</v>
      </c>
      <c r="F3060" t="s">
        <v>33</v>
      </c>
      <c r="G3060" t="s">
        <v>46</v>
      </c>
      <c r="H3060" t="s">
        <v>871</v>
      </c>
      <c r="I3060">
        <v>21.36</v>
      </c>
      <c r="J3060">
        <v>8</v>
      </c>
      <c r="K3060">
        <v>8.1199999999999992</v>
      </c>
    </row>
    <row r="3061" spans="1:11" x14ac:dyDescent="0.3">
      <c r="A3061" s="1">
        <v>42257</v>
      </c>
      <c r="B3061" s="3">
        <f t="shared" si="94"/>
        <v>9</v>
      </c>
      <c r="C3061" s="3">
        <f t="shared" si="95"/>
        <v>2015</v>
      </c>
      <c r="D3061" t="s">
        <v>977</v>
      </c>
      <c r="E3061" t="s">
        <v>26</v>
      </c>
      <c r="F3061" t="s">
        <v>10</v>
      </c>
      <c r="G3061" t="s">
        <v>199</v>
      </c>
      <c r="H3061" t="s">
        <v>471</v>
      </c>
      <c r="I3061">
        <v>51.52</v>
      </c>
      <c r="J3061">
        <v>4</v>
      </c>
      <c r="K3061">
        <v>1.55</v>
      </c>
    </row>
    <row r="3062" spans="1:11" x14ac:dyDescent="0.3">
      <c r="A3062" s="1">
        <v>42257</v>
      </c>
      <c r="B3062" s="3">
        <f t="shared" si="94"/>
        <v>9</v>
      </c>
      <c r="C3062" s="3">
        <f t="shared" si="95"/>
        <v>2015</v>
      </c>
      <c r="D3062" t="s">
        <v>258</v>
      </c>
      <c r="E3062" t="s">
        <v>839</v>
      </c>
      <c r="F3062" t="s">
        <v>10</v>
      </c>
      <c r="G3062" t="s">
        <v>11</v>
      </c>
      <c r="H3062" t="s">
        <v>1523</v>
      </c>
      <c r="I3062">
        <v>14.94</v>
      </c>
      <c r="J3062">
        <v>3</v>
      </c>
      <c r="K3062">
        <v>7.02</v>
      </c>
    </row>
    <row r="3063" spans="1:11" x14ac:dyDescent="0.3">
      <c r="A3063" s="1">
        <v>42257</v>
      </c>
      <c r="B3063" s="3">
        <f t="shared" si="94"/>
        <v>9</v>
      </c>
      <c r="C3063" s="3">
        <f t="shared" si="95"/>
        <v>2015</v>
      </c>
      <c r="D3063" t="s">
        <v>524</v>
      </c>
      <c r="E3063" t="s">
        <v>433</v>
      </c>
      <c r="F3063" t="s">
        <v>10</v>
      </c>
      <c r="G3063" t="s">
        <v>91</v>
      </c>
      <c r="H3063" t="s">
        <v>439</v>
      </c>
      <c r="I3063">
        <v>61.96</v>
      </c>
      <c r="J3063">
        <v>2</v>
      </c>
      <c r="K3063">
        <v>16.11</v>
      </c>
    </row>
    <row r="3064" spans="1:11" x14ac:dyDescent="0.3">
      <c r="A3064" s="1">
        <v>42257</v>
      </c>
      <c r="B3064" s="3">
        <f t="shared" si="94"/>
        <v>9</v>
      </c>
      <c r="C3064" s="3">
        <f t="shared" si="95"/>
        <v>2015</v>
      </c>
      <c r="D3064" t="s">
        <v>524</v>
      </c>
      <c r="E3064" t="s">
        <v>433</v>
      </c>
      <c r="F3064" t="s">
        <v>33</v>
      </c>
      <c r="G3064" t="s">
        <v>73</v>
      </c>
      <c r="H3064" t="s">
        <v>1879</v>
      </c>
      <c r="I3064">
        <v>361.96</v>
      </c>
      <c r="J3064">
        <v>2</v>
      </c>
      <c r="K3064">
        <v>83.25</v>
      </c>
    </row>
    <row r="3065" spans="1:11" x14ac:dyDescent="0.3">
      <c r="A3065" s="1">
        <v>42257</v>
      </c>
      <c r="B3065" s="3">
        <f t="shared" si="94"/>
        <v>9</v>
      </c>
      <c r="C3065" s="3">
        <f t="shared" si="95"/>
        <v>2015</v>
      </c>
      <c r="D3065" t="s">
        <v>524</v>
      </c>
      <c r="E3065" t="s">
        <v>433</v>
      </c>
      <c r="F3065" t="s">
        <v>10</v>
      </c>
      <c r="G3065" t="s">
        <v>11</v>
      </c>
      <c r="H3065" t="s">
        <v>1323</v>
      </c>
      <c r="I3065">
        <v>278.82</v>
      </c>
      <c r="J3065">
        <v>9</v>
      </c>
      <c r="K3065">
        <v>125.47</v>
      </c>
    </row>
    <row r="3066" spans="1:11" x14ac:dyDescent="0.3">
      <c r="A3066" s="1">
        <v>42257</v>
      </c>
      <c r="B3066" s="3">
        <f t="shared" si="94"/>
        <v>9</v>
      </c>
      <c r="C3066" s="3">
        <f t="shared" si="95"/>
        <v>2015</v>
      </c>
      <c r="D3066" t="s">
        <v>1737</v>
      </c>
      <c r="E3066" t="s">
        <v>163</v>
      </c>
      <c r="F3066" t="s">
        <v>10</v>
      </c>
      <c r="G3066" t="s">
        <v>17</v>
      </c>
      <c r="H3066" t="s">
        <v>2230</v>
      </c>
      <c r="I3066">
        <v>353.88</v>
      </c>
      <c r="J3066">
        <v>6</v>
      </c>
      <c r="K3066">
        <v>17.690000000000001</v>
      </c>
    </row>
    <row r="3067" spans="1:11" x14ac:dyDescent="0.3">
      <c r="A3067" s="1">
        <v>42257</v>
      </c>
      <c r="B3067" s="3">
        <f t="shared" si="94"/>
        <v>9</v>
      </c>
      <c r="C3067" s="3">
        <f t="shared" si="95"/>
        <v>2015</v>
      </c>
      <c r="D3067" t="s">
        <v>2231</v>
      </c>
      <c r="E3067" t="s">
        <v>148</v>
      </c>
      <c r="F3067" t="s">
        <v>10</v>
      </c>
      <c r="G3067" t="s">
        <v>23</v>
      </c>
      <c r="H3067" t="s">
        <v>2232</v>
      </c>
      <c r="I3067">
        <v>6.08</v>
      </c>
      <c r="J3067">
        <v>2</v>
      </c>
      <c r="K3067">
        <v>2.0699999999999998</v>
      </c>
    </row>
    <row r="3068" spans="1:11" x14ac:dyDescent="0.3">
      <c r="A3068" s="1">
        <v>42257</v>
      </c>
      <c r="B3068" s="3">
        <f t="shared" si="94"/>
        <v>9</v>
      </c>
      <c r="C3068" s="3">
        <f t="shared" si="95"/>
        <v>2015</v>
      </c>
      <c r="D3068" t="s">
        <v>1326</v>
      </c>
      <c r="E3068" t="s">
        <v>26</v>
      </c>
      <c r="F3068" t="s">
        <v>33</v>
      </c>
      <c r="G3068" t="s">
        <v>46</v>
      </c>
      <c r="H3068" t="s">
        <v>1904</v>
      </c>
      <c r="I3068">
        <v>106.68</v>
      </c>
      <c r="J3068">
        <v>6</v>
      </c>
      <c r="K3068">
        <v>33.07</v>
      </c>
    </row>
    <row r="3069" spans="1:11" x14ac:dyDescent="0.3">
      <c r="A3069" s="1">
        <v>42257</v>
      </c>
      <c r="B3069" s="3">
        <f t="shared" si="94"/>
        <v>9</v>
      </c>
      <c r="C3069" s="3">
        <f t="shared" si="95"/>
        <v>2015</v>
      </c>
      <c r="D3069" t="s">
        <v>1867</v>
      </c>
      <c r="E3069" t="s">
        <v>9</v>
      </c>
      <c r="F3069" t="s">
        <v>33</v>
      </c>
      <c r="G3069" t="s">
        <v>34</v>
      </c>
      <c r="H3069" t="s">
        <v>725</v>
      </c>
      <c r="I3069">
        <v>179.89</v>
      </c>
      <c r="J3069">
        <v>1</v>
      </c>
      <c r="K3069">
        <v>-2.57</v>
      </c>
    </row>
    <row r="3070" spans="1:11" x14ac:dyDescent="0.3">
      <c r="A3070" s="1">
        <v>42258</v>
      </c>
      <c r="B3070" s="3">
        <f t="shared" si="94"/>
        <v>9</v>
      </c>
      <c r="C3070" s="3">
        <f t="shared" si="95"/>
        <v>2015</v>
      </c>
      <c r="D3070" t="s">
        <v>767</v>
      </c>
      <c r="E3070" t="s">
        <v>26</v>
      </c>
      <c r="F3070" t="s">
        <v>10</v>
      </c>
      <c r="G3070" t="s">
        <v>23</v>
      </c>
      <c r="H3070" t="s">
        <v>2233</v>
      </c>
      <c r="I3070">
        <v>181.35</v>
      </c>
      <c r="J3070">
        <v>9</v>
      </c>
      <c r="K3070">
        <v>48.96</v>
      </c>
    </row>
    <row r="3071" spans="1:11" x14ac:dyDescent="0.3">
      <c r="A3071" s="1">
        <v>42258</v>
      </c>
      <c r="B3071" s="3">
        <f t="shared" si="94"/>
        <v>9</v>
      </c>
      <c r="C3071" s="3">
        <f t="shared" si="95"/>
        <v>2015</v>
      </c>
      <c r="D3071" t="s">
        <v>767</v>
      </c>
      <c r="E3071" t="s">
        <v>26</v>
      </c>
      <c r="F3071" t="s">
        <v>10</v>
      </c>
      <c r="G3071" t="s">
        <v>15</v>
      </c>
      <c r="H3071" t="s">
        <v>2209</v>
      </c>
      <c r="I3071">
        <v>8.64</v>
      </c>
      <c r="J3071">
        <v>3</v>
      </c>
      <c r="K3071">
        <v>4.2300000000000004</v>
      </c>
    </row>
    <row r="3072" spans="1:11" x14ac:dyDescent="0.3">
      <c r="A3072" s="1">
        <v>42258</v>
      </c>
      <c r="B3072" s="3">
        <f t="shared" si="94"/>
        <v>9</v>
      </c>
      <c r="C3072" s="3">
        <f t="shared" si="95"/>
        <v>2015</v>
      </c>
      <c r="D3072" t="s">
        <v>636</v>
      </c>
      <c r="E3072" t="s">
        <v>26</v>
      </c>
      <c r="F3072" t="s">
        <v>10</v>
      </c>
      <c r="G3072" t="s">
        <v>23</v>
      </c>
      <c r="H3072" t="s">
        <v>1252</v>
      </c>
      <c r="I3072">
        <v>265.86</v>
      </c>
      <c r="J3072">
        <v>7</v>
      </c>
      <c r="K3072">
        <v>79.760000000000005</v>
      </c>
    </row>
    <row r="3073" spans="1:11" x14ac:dyDescent="0.3">
      <c r="A3073" s="1">
        <v>42258</v>
      </c>
      <c r="B3073" s="3">
        <f t="shared" si="94"/>
        <v>9</v>
      </c>
      <c r="C3073" s="3">
        <f t="shared" si="95"/>
        <v>2015</v>
      </c>
      <c r="D3073" t="s">
        <v>911</v>
      </c>
      <c r="E3073" t="s">
        <v>148</v>
      </c>
      <c r="F3073" t="s">
        <v>33</v>
      </c>
      <c r="G3073" t="s">
        <v>46</v>
      </c>
      <c r="H3073" t="s">
        <v>1395</v>
      </c>
      <c r="I3073">
        <v>210.68</v>
      </c>
      <c r="J3073">
        <v>2</v>
      </c>
      <c r="K3073">
        <v>50.56</v>
      </c>
    </row>
    <row r="3074" spans="1:11" x14ac:dyDescent="0.3">
      <c r="A3074" s="1">
        <v>42258</v>
      </c>
      <c r="B3074" s="3">
        <f t="shared" ref="B3074:B3137" si="96">MONTH(A:A)</f>
        <v>9</v>
      </c>
      <c r="C3074" s="3">
        <f t="shared" ref="C3074:C3137" si="97">YEAR(A:A)</f>
        <v>2015</v>
      </c>
      <c r="D3074" t="s">
        <v>911</v>
      </c>
      <c r="E3074" t="s">
        <v>148</v>
      </c>
      <c r="F3074" t="s">
        <v>10</v>
      </c>
      <c r="G3074" t="s">
        <v>17</v>
      </c>
      <c r="H3074" t="s">
        <v>1464</v>
      </c>
      <c r="I3074">
        <v>78.8</v>
      </c>
      <c r="J3074">
        <v>1</v>
      </c>
      <c r="K3074">
        <v>1.58</v>
      </c>
    </row>
    <row r="3075" spans="1:11" x14ac:dyDescent="0.3">
      <c r="A3075" s="1">
        <v>42258</v>
      </c>
      <c r="B3075" s="3">
        <f t="shared" si="96"/>
        <v>9</v>
      </c>
      <c r="C3075" s="3">
        <f t="shared" si="97"/>
        <v>2015</v>
      </c>
      <c r="D3075" t="s">
        <v>911</v>
      </c>
      <c r="E3075" t="s">
        <v>148</v>
      </c>
      <c r="F3075" t="s">
        <v>38</v>
      </c>
      <c r="G3075" t="s">
        <v>51</v>
      </c>
      <c r="H3075" t="s">
        <v>2234</v>
      </c>
      <c r="I3075">
        <v>19.989999999999998</v>
      </c>
      <c r="J3075">
        <v>1</v>
      </c>
      <c r="K3075">
        <v>6.8</v>
      </c>
    </row>
    <row r="3076" spans="1:11" x14ac:dyDescent="0.3">
      <c r="A3076" s="1">
        <v>42258</v>
      </c>
      <c r="B3076" s="3">
        <f t="shared" si="96"/>
        <v>9</v>
      </c>
      <c r="C3076" s="3">
        <f t="shared" si="97"/>
        <v>2015</v>
      </c>
      <c r="D3076" t="s">
        <v>911</v>
      </c>
      <c r="E3076" t="s">
        <v>148</v>
      </c>
      <c r="F3076" t="s">
        <v>10</v>
      </c>
      <c r="G3076" t="s">
        <v>17</v>
      </c>
      <c r="H3076" t="s">
        <v>1439</v>
      </c>
      <c r="I3076">
        <v>772.68</v>
      </c>
      <c r="J3076">
        <v>4</v>
      </c>
      <c r="K3076">
        <v>108.18</v>
      </c>
    </row>
    <row r="3077" spans="1:11" x14ac:dyDescent="0.3">
      <c r="A3077" s="1">
        <v>42258</v>
      </c>
      <c r="B3077" s="3">
        <f t="shared" si="96"/>
        <v>9</v>
      </c>
      <c r="C3077" s="3">
        <f t="shared" si="97"/>
        <v>2015</v>
      </c>
      <c r="D3077" t="s">
        <v>582</v>
      </c>
      <c r="E3077" t="s">
        <v>277</v>
      </c>
      <c r="F3077" t="s">
        <v>33</v>
      </c>
      <c r="G3077" t="s">
        <v>46</v>
      </c>
      <c r="H3077" t="s">
        <v>2235</v>
      </c>
      <c r="I3077">
        <v>24.64</v>
      </c>
      <c r="J3077">
        <v>4</v>
      </c>
      <c r="K3077">
        <v>4</v>
      </c>
    </row>
    <row r="3078" spans="1:11" x14ac:dyDescent="0.3">
      <c r="A3078" s="1">
        <v>42258</v>
      </c>
      <c r="B3078" s="3">
        <f t="shared" si="96"/>
        <v>9</v>
      </c>
      <c r="C3078" s="3">
        <f t="shared" si="97"/>
        <v>2015</v>
      </c>
      <c r="D3078" t="s">
        <v>2116</v>
      </c>
      <c r="E3078" t="s">
        <v>176</v>
      </c>
      <c r="F3078" t="s">
        <v>10</v>
      </c>
      <c r="G3078" t="s">
        <v>15</v>
      </c>
      <c r="H3078" t="s">
        <v>2236</v>
      </c>
      <c r="I3078">
        <v>31.05</v>
      </c>
      <c r="J3078">
        <v>3</v>
      </c>
      <c r="K3078">
        <v>14.9</v>
      </c>
    </row>
    <row r="3079" spans="1:11" x14ac:dyDescent="0.3">
      <c r="A3079" s="1">
        <v>42258</v>
      </c>
      <c r="B3079" s="3">
        <f t="shared" si="96"/>
        <v>9</v>
      </c>
      <c r="C3079" s="3">
        <f t="shared" si="97"/>
        <v>2015</v>
      </c>
      <c r="D3079" t="s">
        <v>2116</v>
      </c>
      <c r="E3079" t="s">
        <v>176</v>
      </c>
      <c r="F3079" t="s">
        <v>33</v>
      </c>
      <c r="G3079" t="s">
        <v>46</v>
      </c>
      <c r="H3079" t="s">
        <v>1454</v>
      </c>
      <c r="I3079">
        <v>8.92</v>
      </c>
      <c r="J3079">
        <v>4</v>
      </c>
      <c r="K3079">
        <v>3.92</v>
      </c>
    </row>
    <row r="3080" spans="1:11" x14ac:dyDescent="0.3">
      <c r="A3080" s="1">
        <v>42258</v>
      </c>
      <c r="B3080" s="3">
        <f t="shared" si="96"/>
        <v>9</v>
      </c>
      <c r="C3080" s="3">
        <f t="shared" si="97"/>
        <v>2015</v>
      </c>
      <c r="D3080" t="s">
        <v>2116</v>
      </c>
      <c r="E3080" t="s">
        <v>176</v>
      </c>
      <c r="F3080" t="s">
        <v>10</v>
      </c>
      <c r="G3080" t="s">
        <v>19</v>
      </c>
      <c r="H3080" t="s">
        <v>164</v>
      </c>
      <c r="I3080">
        <v>209.6</v>
      </c>
      <c r="J3080">
        <v>4</v>
      </c>
      <c r="K3080">
        <v>96.42</v>
      </c>
    </row>
    <row r="3081" spans="1:11" x14ac:dyDescent="0.3">
      <c r="A3081" s="1">
        <v>42258</v>
      </c>
      <c r="B3081" s="3">
        <f t="shared" si="96"/>
        <v>9</v>
      </c>
      <c r="C3081" s="3">
        <f t="shared" si="97"/>
        <v>2015</v>
      </c>
      <c r="D3081" t="s">
        <v>2116</v>
      </c>
      <c r="E3081" t="s">
        <v>176</v>
      </c>
      <c r="F3081" t="s">
        <v>10</v>
      </c>
      <c r="G3081" t="s">
        <v>91</v>
      </c>
      <c r="H3081" t="s">
        <v>850</v>
      </c>
      <c r="I3081">
        <v>111.04</v>
      </c>
      <c r="J3081">
        <v>4</v>
      </c>
      <c r="K3081">
        <v>29.98</v>
      </c>
    </row>
    <row r="3082" spans="1:11" x14ac:dyDescent="0.3">
      <c r="A3082" s="1">
        <v>42258</v>
      </c>
      <c r="B3082" s="3">
        <f t="shared" si="96"/>
        <v>9</v>
      </c>
      <c r="C3082" s="3">
        <f t="shared" si="97"/>
        <v>2015</v>
      </c>
      <c r="D3082" t="s">
        <v>2116</v>
      </c>
      <c r="E3082" t="s">
        <v>176</v>
      </c>
      <c r="F3082" t="s">
        <v>10</v>
      </c>
      <c r="G3082" t="s">
        <v>11</v>
      </c>
      <c r="H3082" t="s">
        <v>2237</v>
      </c>
      <c r="I3082">
        <v>38.880000000000003</v>
      </c>
      <c r="J3082">
        <v>6</v>
      </c>
      <c r="K3082">
        <v>18.66</v>
      </c>
    </row>
    <row r="3083" spans="1:11" x14ac:dyDescent="0.3">
      <c r="A3083" s="1">
        <v>42259</v>
      </c>
      <c r="B3083" s="3">
        <f t="shared" si="96"/>
        <v>9</v>
      </c>
      <c r="C3083" s="3">
        <f t="shared" si="97"/>
        <v>2015</v>
      </c>
      <c r="D3083" t="s">
        <v>650</v>
      </c>
      <c r="E3083" t="s">
        <v>148</v>
      </c>
      <c r="F3083" t="s">
        <v>38</v>
      </c>
      <c r="G3083" t="s">
        <v>602</v>
      </c>
      <c r="H3083" t="s">
        <v>2238</v>
      </c>
      <c r="I3083">
        <v>479.98</v>
      </c>
      <c r="J3083">
        <v>2</v>
      </c>
      <c r="K3083">
        <v>60</v>
      </c>
    </row>
    <row r="3084" spans="1:11" x14ac:dyDescent="0.3">
      <c r="A3084" s="1">
        <v>42259</v>
      </c>
      <c r="B3084" s="3">
        <f t="shared" si="96"/>
        <v>9</v>
      </c>
      <c r="C3084" s="3">
        <f t="shared" si="97"/>
        <v>2015</v>
      </c>
      <c r="D3084" t="s">
        <v>650</v>
      </c>
      <c r="E3084" t="s">
        <v>148</v>
      </c>
      <c r="F3084" t="s">
        <v>10</v>
      </c>
      <c r="G3084" t="s">
        <v>15</v>
      </c>
      <c r="H3084" t="s">
        <v>1701</v>
      </c>
      <c r="I3084">
        <v>12.6</v>
      </c>
      <c r="J3084">
        <v>4</v>
      </c>
      <c r="K3084">
        <v>6.05</v>
      </c>
    </row>
    <row r="3085" spans="1:11" x14ac:dyDescent="0.3">
      <c r="A3085" s="1">
        <v>42259</v>
      </c>
      <c r="B3085" s="3">
        <f t="shared" si="96"/>
        <v>9</v>
      </c>
      <c r="C3085" s="3">
        <f t="shared" si="97"/>
        <v>2015</v>
      </c>
      <c r="D3085" t="s">
        <v>216</v>
      </c>
      <c r="E3085" t="s">
        <v>148</v>
      </c>
      <c r="F3085" t="s">
        <v>10</v>
      </c>
      <c r="G3085" t="s">
        <v>23</v>
      </c>
      <c r="H3085" t="s">
        <v>352</v>
      </c>
      <c r="I3085">
        <v>9.26</v>
      </c>
      <c r="J3085">
        <v>2</v>
      </c>
      <c r="K3085">
        <v>3.06</v>
      </c>
    </row>
    <row r="3086" spans="1:11" x14ac:dyDescent="0.3">
      <c r="A3086" s="1">
        <v>42259</v>
      </c>
      <c r="B3086" s="3">
        <f t="shared" si="96"/>
        <v>9</v>
      </c>
      <c r="C3086" s="3">
        <f t="shared" si="97"/>
        <v>2015</v>
      </c>
      <c r="D3086" t="s">
        <v>216</v>
      </c>
      <c r="E3086" t="s">
        <v>148</v>
      </c>
      <c r="F3086" t="s">
        <v>10</v>
      </c>
      <c r="G3086" t="s">
        <v>17</v>
      </c>
      <c r="H3086" t="s">
        <v>1373</v>
      </c>
      <c r="I3086">
        <v>105.98</v>
      </c>
      <c r="J3086">
        <v>2</v>
      </c>
      <c r="K3086">
        <v>4.24</v>
      </c>
    </row>
    <row r="3087" spans="1:11" x14ac:dyDescent="0.3">
      <c r="A3087" s="1">
        <v>42259</v>
      </c>
      <c r="B3087" s="3">
        <f t="shared" si="96"/>
        <v>9</v>
      </c>
      <c r="C3087" s="3">
        <f t="shared" si="97"/>
        <v>2015</v>
      </c>
      <c r="D3087" t="s">
        <v>216</v>
      </c>
      <c r="E3087" t="s">
        <v>148</v>
      </c>
      <c r="F3087" t="s">
        <v>10</v>
      </c>
      <c r="G3087" t="s">
        <v>42</v>
      </c>
      <c r="H3087" t="s">
        <v>1795</v>
      </c>
      <c r="I3087">
        <v>1.24</v>
      </c>
      <c r="J3087">
        <v>1</v>
      </c>
      <c r="K3087">
        <v>0.57999999999999996</v>
      </c>
    </row>
    <row r="3088" spans="1:11" x14ac:dyDescent="0.3">
      <c r="A3088" s="1">
        <v>42259</v>
      </c>
      <c r="B3088" s="3">
        <f t="shared" si="96"/>
        <v>9</v>
      </c>
      <c r="C3088" s="3">
        <f t="shared" si="97"/>
        <v>2015</v>
      </c>
      <c r="D3088" t="s">
        <v>216</v>
      </c>
      <c r="E3088" t="s">
        <v>148</v>
      </c>
      <c r="F3088" t="s">
        <v>10</v>
      </c>
      <c r="G3088" t="s">
        <v>15</v>
      </c>
      <c r="H3088" t="s">
        <v>1715</v>
      </c>
      <c r="I3088">
        <v>20.7</v>
      </c>
      <c r="J3088">
        <v>2</v>
      </c>
      <c r="K3088">
        <v>9.94</v>
      </c>
    </row>
    <row r="3089" spans="1:11" x14ac:dyDescent="0.3">
      <c r="A3089" s="1">
        <v>42259</v>
      </c>
      <c r="B3089" s="3">
        <f t="shared" si="96"/>
        <v>9</v>
      </c>
      <c r="C3089" s="3">
        <f t="shared" si="97"/>
        <v>2015</v>
      </c>
      <c r="D3089" t="s">
        <v>216</v>
      </c>
      <c r="E3089" t="s">
        <v>148</v>
      </c>
      <c r="F3089" t="s">
        <v>10</v>
      </c>
      <c r="G3089" t="s">
        <v>11</v>
      </c>
      <c r="H3089" t="s">
        <v>2239</v>
      </c>
      <c r="I3089">
        <v>28.9</v>
      </c>
      <c r="J3089">
        <v>5</v>
      </c>
      <c r="K3089">
        <v>14.16</v>
      </c>
    </row>
    <row r="3090" spans="1:11" x14ac:dyDescent="0.3">
      <c r="A3090" s="1">
        <v>42259</v>
      </c>
      <c r="B3090" s="3">
        <f t="shared" si="96"/>
        <v>9</v>
      </c>
      <c r="C3090" s="3">
        <f t="shared" si="97"/>
        <v>2015</v>
      </c>
      <c r="D3090" t="s">
        <v>216</v>
      </c>
      <c r="E3090" t="s">
        <v>148</v>
      </c>
      <c r="F3090" t="s">
        <v>10</v>
      </c>
      <c r="G3090" t="s">
        <v>62</v>
      </c>
      <c r="H3090" t="s">
        <v>97</v>
      </c>
      <c r="I3090">
        <v>27.18</v>
      </c>
      <c r="J3090">
        <v>1</v>
      </c>
      <c r="K3090">
        <v>12.77</v>
      </c>
    </row>
    <row r="3091" spans="1:11" x14ac:dyDescent="0.3">
      <c r="A3091" s="1">
        <v>42259</v>
      </c>
      <c r="B3091" s="3">
        <f t="shared" si="96"/>
        <v>9</v>
      </c>
      <c r="C3091" s="3">
        <f t="shared" si="97"/>
        <v>2015</v>
      </c>
      <c r="D3091" t="s">
        <v>1830</v>
      </c>
      <c r="E3091" t="s">
        <v>163</v>
      </c>
      <c r="F3091" t="s">
        <v>38</v>
      </c>
      <c r="G3091" t="s">
        <v>51</v>
      </c>
      <c r="H3091" t="s">
        <v>1242</v>
      </c>
      <c r="I3091">
        <v>21.98</v>
      </c>
      <c r="J3091">
        <v>2</v>
      </c>
      <c r="K3091">
        <v>8.57</v>
      </c>
    </row>
    <row r="3092" spans="1:11" x14ac:dyDescent="0.3">
      <c r="A3092" s="1">
        <v>42260</v>
      </c>
      <c r="B3092" s="3">
        <f t="shared" si="96"/>
        <v>9</v>
      </c>
      <c r="C3092" s="3">
        <f t="shared" si="97"/>
        <v>2015</v>
      </c>
      <c r="D3092" t="s">
        <v>1458</v>
      </c>
      <c r="E3092" t="s">
        <v>128</v>
      </c>
      <c r="F3092" t="s">
        <v>38</v>
      </c>
      <c r="G3092" t="s">
        <v>51</v>
      </c>
      <c r="H3092" t="s">
        <v>1007</v>
      </c>
      <c r="I3092">
        <v>199.96</v>
      </c>
      <c r="J3092">
        <v>4</v>
      </c>
      <c r="K3092">
        <v>16</v>
      </c>
    </row>
    <row r="3093" spans="1:11" x14ac:dyDescent="0.3">
      <c r="A3093" s="1">
        <v>42260</v>
      </c>
      <c r="B3093" s="3">
        <f t="shared" si="96"/>
        <v>9</v>
      </c>
      <c r="C3093" s="3">
        <f t="shared" si="97"/>
        <v>2015</v>
      </c>
      <c r="D3093" t="s">
        <v>1458</v>
      </c>
      <c r="E3093" t="s">
        <v>128</v>
      </c>
      <c r="F3093" t="s">
        <v>33</v>
      </c>
      <c r="G3093" t="s">
        <v>34</v>
      </c>
      <c r="H3093" t="s">
        <v>659</v>
      </c>
      <c r="I3093">
        <v>1516.2</v>
      </c>
      <c r="J3093">
        <v>7</v>
      </c>
      <c r="K3093">
        <v>394.21</v>
      </c>
    </row>
    <row r="3094" spans="1:11" x14ac:dyDescent="0.3">
      <c r="A3094" s="1">
        <v>42260</v>
      </c>
      <c r="B3094" s="3">
        <f t="shared" si="96"/>
        <v>9</v>
      </c>
      <c r="C3094" s="3">
        <f t="shared" si="97"/>
        <v>2015</v>
      </c>
      <c r="D3094" t="s">
        <v>591</v>
      </c>
      <c r="E3094" t="s">
        <v>22</v>
      </c>
      <c r="F3094" t="s">
        <v>10</v>
      </c>
      <c r="G3094" t="s">
        <v>19</v>
      </c>
      <c r="H3094" t="s">
        <v>466</v>
      </c>
      <c r="I3094">
        <v>2.41</v>
      </c>
      <c r="J3094">
        <v>1</v>
      </c>
      <c r="K3094">
        <v>-2.0099999999999998</v>
      </c>
    </row>
    <row r="3095" spans="1:11" x14ac:dyDescent="0.3">
      <c r="A3095" s="1">
        <v>42260</v>
      </c>
      <c r="B3095" s="3">
        <f t="shared" si="96"/>
        <v>9</v>
      </c>
      <c r="C3095" s="3">
        <f t="shared" si="97"/>
        <v>2015</v>
      </c>
      <c r="D3095" t="s">
        <v>2111</v>
      </c>
      <c r="E3095" t="s">
        <v>29</v>
      </c>
      <c r="F3095" t="s">
        <v>33</v>
      </c>
      <c r="G3095" t="s">
        <v>46</v>
      </c>
      <c r="H3095" t="s">
        <v>1774</v>
      </c>
      <c r="I3095">
        <v>129.93</v>
      </c>
      <c r="J3095">
        <v>3</v>
      </c>
      <c r="K3095">
        <v>12.99</v>
      </c>
    </row>
    <row r="3096" spans="1:11" x14ac:dyDescent="0.3">
      <c r="A3096" s="1">
        <v>42260</v>
      </c>
      <c r="B3096" s="3">
        <f t="shared" si="96"/>
        <v>9</v>
      </c>
      <c r="C3096" s="3">
        <f t="shared" si="97"/>
        <v>2015</v>
      </c>
      <c r="D3096" t="s">
        <v>2111</v>
      </c>
      <c r="E3096" t="s">
        <v>29</v>
      </c>
      <c r="F3096" t="s">
        <v>10</v>
      </c>
      <c r="G3096" t="s">
        <v>11</v>
      </c>
      <c r="H3096" t="s">
        <v>746</v>
      </c>
      <c r="I3096">
        <v>69.930000000000007</v>
      </c>
      <c r="J3096">
        <v>7</v>
      </c>
      <c r="K3096">
        <v>31.47</v>
      </c>
    </row>
    <row r="3097" spans="1:11" x14ac:dyDescent="0.3">
      <c r="A3097" s="1">
        <v>42260</v>
      </c>
      <c r="B3097" s="3">
        <f t="shared" si="96"/>
        <v>9</v>
      </c>
      <c r="C3097" s="3">
        <f t="shared" si="97"/>
        <v>2015</v>
      </c>
      <c r="D3097" t="s">
        <v>1004</v>
      </c>
      <c r="E3097" t="s">
        <v>14</v>
      </c>
      <c r="F3097" t="s">
        <v>10</v>
      </c>
      <c r="G3097" t="s">
        <v>62</v>
      </c>
      <c r="H3097" t="s">
        <v>63</v>
      </c>
      <c r="I3097">
        <v>7.82</v>
      </c>
      <c r="J3097">
        <v>1</v>
      </c>
      <c r="K3097">
        <v>2.93</v>
      </c>
    </row>
    <row r="3098" spans="1:11" x14ac:dyDescent="0.3">
      <c r="A3098" s="1">
        <v>42260</v>
      </c>
      <c r="B3098" s="3">
        <f t="shared" si="96"/>
        <v>9</v>
      </c>
      <c r="C3098" s="3">
        <f t="shared" si="97"/>
        <v>2015</v>
      </c>
      <c r="D3098" t="s">
        <v>1004</v>
      </c>
      <c r="E3098" t="s">
        <v>14</v>
      </c>
      <c r="F3098" t="s">
        <v>33</v>
      </c>
      <c r="G3098" t="s">
        <v>34</v>
      </c>
      <c r="H3098" t="s">
        <v>1065</v>
      </c>
      <c r="I3098">
        <v>170.07</v>
      </c>
      <c r="J3098">
        <v>4</v>
      </c>
      <c r="K3098">
        <v>-12.15</v>
      </c>
    </row>
    <row r="3099" spans="1:11" x14ac:dyDescent="0.3">
      <c r="A3099" s="1">
        <v>42260</v>
      </c>
      <c r="B3099" s="3">
        <f t="shared" si="96"/>
        <v>9</v>
      </c>
      <c r="C3099" s="3">
        <f t="shared" si="97"/>
        <v>2015</v>
      </c>
      <c r="D3099" t="s">
        <v>1527</v>
      </c>
      <c r="E3099" t="s">
        <v>244</v>
      </c>
      <c r="F3099" t="s">
        <v>10</v>
      </c>
      <c r="G3099" t="s">
        <v>19</v>
      </c>
      <c r="H3099" t="s">
        <v>2240</v>
      </c>
      <c r="I3099">
        <v>13.09</v>
      </c>
      <c r="J3099">
        <v>4</v>
      </c>
      <c r="K3099">
        <v>-10.039999999999999</v>
      </c>
    </row>
    <row r="3100" spans="1:11" x14ac:dyDescent="0.3">
      <c r="A3100" s="1">
        <v>42260</v>
      </c>
      <c r="B3100" s="3">
        <f t="shared" si="96"/>
        <v>9</v>
      </c>
      <c r="C3100" s="3">
        <f t="shared" si="97"/>
        <v>2015</v>
      </c>
      <c r="D3100" t="s">
        <v>2241</v>
      </c>
      <c r="E3100" t="s">
        <v>26</v>
      </c>
      <c r="F3100" t="s">
        <v>33</v>
      </c>
      <c r="G3100" t="s">
        <v>46</v>
      </c>
      <c r="H3100" t="s">
        <v>2014</v>
      </c>
      <c r="I3100">
        <v>131.88</v>
      </c>
      <c r="J3100">
        <v>7</v>
      </c>
      <c r="K3100">
        <v>55.39</v>
      </c>
    </row>
    <row r="3101" spans="1:11" x14ac:dyDescent="0.3">
      <c r="A3101" s="1">
        <v>42260</v>
      </c>
      <c r="B3101" s="3">
        <f t="shared" si="96"/>
        <v>9</v>
      </c>
      <c r="C3101" s="3">
        <f t="shared" si="97"/>
        <v>2015</v>
      </c>
      <c r="D3101" t="s">
        <v>2241</v>
      </c>
      <c r="E3101" t="s">
        <v>26</v>
      </c>
      <c r="F3101" t="s">
        <v>10</v>
      </c>
      <c r="G3101" t="s">
        <v>19</v>
      </c>
      <c r="H3101" t="s">
        <v>578</v>
      </c>
      <c r="I3101">
        <v>25.03</v>
      </c>
      <c r="J3101">
        <v>3</v>
      </c>
      <c r="K3101">
        <v>7.82</v>
      </c>
    </row>
    <row r="3102" spans="1:11" x14ac:dyDescent="0.3">
      <c r="A3102" s="1">
        <v>42260</v>
      </c>
      <c r="B3102" s="3">
        <f t="shared" si="96"/>
        <v>9</v>
      </c>
      <c r="C3102" s="3">
        <f t="shared" si="97"/>
        <v>2015</v>
      </c>
      <c r="D3102" t="s">
        <v>2241</v>
      </c>
      <c r="E3102" t="s">
        <v>26</v>
      </c>
      <c r="F3102" t="s">
        <v>33</v>
      </c>
      <c r="G3102" t="s">
        <v>34</v>
      </c>
      <c r="H3102" t="s">
        <v>917</v>
      </c>
      <c r="I3102">
        <v>717.72</v>
      </c>
      <c r="J3102">
        <v>3</v>
      </c>
      <c r="K3102">
        <v>71.77</v>
      </c>
    </row>
    <row r="3103" spans="1:11" x14ac:dyDescent="0.3">
      <c r="A3103" s="1">
        <v>42260</v>
      </c>
      <c r="B3103" s="3">
        <f t="shared" si="96"/>
        <v>9</v>
      </c>
      <c r="C3103" s="3">
        <f t="shared" si="97"/>
        <v>2015</v>
      </c>
      <c r="D3103" t="s">
        <v>2241</v>
      </c>
      <c r="E3103" t="s">
        <v>26</v>
      </c>
      <c r="F3103" t="s">
        <v>33</v>
      </c>
      <c r="G3103" t="s">
        <v>46</v>
      </c>
      <c r="H3103" t="s">
        <v>1638</v>
      </c>
      <c r="I3103">
        <v>207.35</v>
      </c>
      <c r="J3103">
        <v>5</v>
      </c>
      <c r="K3103">
        <v>24.88</v>
      </c>
    </row>
    <row r="3104" spans="1:11" x14ac:dyDescent="0.3">
      <c r="A3104" s="1">
        <v>42260</v>
      </c>
      <c r="B3104" s="3">
        <f t="shared" si="96"/>
        <v>9</v>
      </c>
      <c r="C3104" s="3">
        <f t="shared" si="97"/>
        <v>2015</v>
      </c>
      <c r="D3104" t="s">
        <v>2241</v>
      </c>
      <c r="E3104" t="s">
        <v>26</v>
      </c>
      <c r="F3104" t="s">
        <v>33</v>
      </c>
      <c r="G3104" t="s">
        <v>46</v>
      </c>
      <c r="H3104" t="s">
        <v>1019</v>
      </c>
      <c r="I3104">
        <v>44.67</v>
      </c>
      <c r="J3104">
        <v>3</v>
      </c>
      <c r="K3104">
        <v>12.06</v>
      </c>
    </row>
    <row r="3105" spans="1:11" x14ac:dyDescent="0.3">
      <c r="A3105" s="1">
        <v>42260</v>
      </c>
      <c r="B3105" s="3">
        <f t="shared" si="96"/>
        <v>9</v>
      </c>
      <c r="C3105" s="3">
        <f t="shared" si="97"/>
        <v>2015</v>
      </c>
      <c r="D3105" t="s">
        <v>2241</v>
      </c>
      <c r="E3105" t="s">
        <v>26</v>
      </c>
      <c r="F3105" t="s">
        <v>10</v>
      </c>
      <c r="G3105" t="s">
        <v>11</v>
      </c>
      <c r="H3105" t="s">
        <v>2242</v>
      </c>
      <c r="I3105">
        <v>209.7</v>
      </c>
      <c r="J3105">
        <v>2</v>
      </c>
      <c r="K3105">
        <v>100.66</v>
      </c>
    </row>
    <row r="3106" spans="1:11" x14ac:dyDescent="0.3">
      <c r="A3106" s="1">
        <v>42261</v>
      </c>
      <c r="B3106" s="3">
        <f t="shared" si="96"/>
        <v>9</v>
      </c>
      <c r="C3106" s="3">
        <f t="shared" si="97"/>
        <v>2015</v>
      </c>
      <c r="D3106" t="s">
        <v>382</v>
      </c>
      <c r="E3106" t="s">
        <v>295</v>
      </c>
      <c r="F3106" t="s">
        <v>33</v>
      </c>
      <c r="G3106" t="s">
        <v>144</v>
      </c>
      <c r="H3106" t="s">
        <v>1495</v>
      </c>
      <c r="I3106">
        <v>912.75</v>
      </c>
      <c r="J3106">
        <v>5</v>
      </c>
      <c r="K3106">
        <v>118.66</v>
      </c>
    </row>
    <row r="3107" spans="1:11" x14ac:dyDescent="0.3">
      <c r="A3107" s="1">
        <v>42261</v>
      </c>
      <c r="B3107" s="3">
        <f t="shared" si="96"/>
        <v>9</v>
      </c>
      <c r="C3107" s="3">
        <f t="shared" si="97"/>
        <v>2015</v>
      </c>
      <c r="D3107" t="s">
        <v>1248</v>
      </c>
      <c r="E3107" t="s">
        <v>26</v>
      </c>
      <c r="F3107" t="s">
        <v>33</v>
      </c>
      <c r="G3107" t="s">
        <v>144</v>
      </c>
      <c r="H3107" t="s">
        <v>727</v>
      </c>
      <c r="I3107">
        <v>170.14</v>
      </c>
      <c r="J3107">
        <v>3</v>
      </c>
      <c r="K3107">
        <v>-8.51</v>
      </c>
    </row>
    <row r="3108" spans="1:11" x14ac:dyDescent="0.3">
      <c r="A3108" s="1">
        <v>42261</v>
      </c>
      <c r="B3108" s="3">
        <f t="shared" si="96"/>
        <v>9</v>
      </c>
      <c r="C3108" s="3">
        <f t="shared" si="97"/>
        <v>2015</v>
      </c>
      <c r="D3108" t="s">
        <v>1947</v>
      </c>
      <c r="E3108" t="s">
        <v>69</v>
      </c>
      <c r="F3108" t="s">
        <v>10</v>
      </c>
      <c r="G3108" t="s">
        <v>17</v>
      </c>
      <c r="H3108" t="s">
        <v>728</v>
      </c>
      <c r="I3108">
        <v>269.49</v>
      </c>
      <c r="J3108">
        <v>3</v>
      </c>
      <c r="K3108">
        <v>5.39</v>
      </c>
    </row>
    <row r="3109" spans="1:11" x14ac:dyDescent="0.3">
      <c r="A3109" s="1">
        <v>42261</v>
      </c>
      <c r="B3109" s="3">
        <f t="shared" si="96"/>
        <v>9</v>
      </c>
      <c r="C3109" s="3">
        <f t="shared" si="97"/>
        <v>2015</v>
      </c>
      <c r="D3109" t="s">
        <v>365</v>
      </c>
      <c r="E3109" t="s">
        <v>148</v>
      </c>
      <c r="F3109" t="s">
        <v>10</v>
      </c>
      <c r="G3109" t="s">
        <v>17</v>
      </c>
      <c r="H3109" t="s">
        <v>373</v>
      </c>
      <c r="I3109">
        <v>991.2</v>
      </c>
      <c r="J3109">
        <v>6</v>
      </c>
      <c r="K3109">
        <v>257.70999999999998</v>
      </c>
    </row>
    <row r="3110" spans="1:11" x14ac:dyDescent="0.3">
      <c r="A3110" s="1">
        <v>42261</v>
      </c>
      <c r="B3110" s="3">
        <f t="shared" si="96"/>
        <v>9</v>
      </c>
      <c r="C3110" s="3">
        <f t="shared" si="97"/>
        <v>2015</v>
      </c>
      <c r="D3110" t="s">
        <v>365</v>
      </c>
      <c r="E3110" t="s">
        <v>148</v>
      </c>
      <c r="F3110" t="s">
        <v>38</v>
      </c>
      <c r="G3110" t="s">
        <v>602</v>
      </c>
      <c r="H3110" t="s">
        <v>1088</v>
      </c>
      <c r="I3110">
        <v>879.98</v>
      </c>
      <c r="J3110">
        <v>2</v>
      </c>
      <c r="K3110">
        <v>329.99</v>
      </c>
    </row>
    <row r="3111" spans="1:11" x14ac:dyDescent="0.3">
      <c r="A3111" s="1">
        <v>42261</v>
      </c>
      <c r="B3111" s="3">
        <f t="shared" si="96"/>
        <v>9</v>
      </c>
      <c r="C3111" s="3">
        <f t="shared" si="97"/>
        <v>2015</v>
      </c>
      <c r="D3111" t="s">
        <v>365</v>
      </c>
      <c r="E3111" t="s">
        <v>148</v>
      </c>
      <c r="F3111" t="s">
        <v>10</v>
      </c>
      <c r="G3111" t="s">
        <v>19</v>
      </c>
      <c r="H3111" t="s">
        <v>204</v>
      </c>
      <c r="I3111">
        <v>12.96</v>
      </c>
      <c r="J3111">
        <v>9</v>
      </c>
      <c r="K3111">
        <v>4.54</v>
      </c>
    </row>
    <row r="3112" spans="1:11" x14ac:dyDescent="0.3">
      <c r="A3112" s="1">
        <v>42261</v>
      </c>
      <c r="B3112" s="3">
        <f t="shared" si="96"/>
        <v>9</v>
      </c>
      <c r="C3112" s="3">
        <f t="shared" si="97"/>
        <v>2015</v>
      </c>
      <c r="D3112" t="s">
        <v>2173</v>
      </c>
      <c r="E3112" t="s">
        <v>394</v>
      </c>
      <c r="F3112" t="s">
        <v>10</v>
      </c>
      <c r="G3112" t="s">
        <v>19</v>
      </c>
      <c r="H3112" t="s">
        <v>1279</v>
      </c>
      <c r="I3112">
        <v>25.9</v>
      </c>
      <c r="J3112">
        <v>5</v>
      </c>
      <c r="K3112">
        <v>12.69</v>
      </c>
    </row>
    <row r="3113" spans="1:11" x14ac:dyDescent="0.3">
      <c r="A3113" s="1">
        <v>42262</v>
      </c>
      <c r="B3113" s="3">
        <f t="shared" si="96"/>
        <v>9</v>
      </c>
      <c r="C3113" s="3">
        <f t="shared" si="97"/>
        <v>2015</v>
      </c>
      <c r="D3113" t="s">
        <v>1695</v>
      </c>
      <c r="E3113" t="s">
        <v>122</v>
      </c>
      <c r="F3113" t="s">
        <v>10</v>
      </c>
      <c r="G3113" t="s">
        <v>11</v>
      </c>
      <c r="H3113" t="s">
        <v>1095</v>
      </c>
      <c r="I3113">
        <v>15.55</v>
      </c>
      <c r="J3113">
        <v>3</v>
      </c>
      <c r="K3113">
        <v>5.44</v>
      </c>
    </row>
    <row r="3114" spans="1:11" x14ac:dyDescent="0.3">
      <c r="A3114" s="1">
        <v>42262</v>
      </c>
      <c r="B3114" s="3">
        <f t="shared" si="96"/>
        <v>9</v>
      </c>
      <c r="C3114" s="3">
        <f t="shared" si="97"/>
        <v>2015</v>
      </c>
      <c r="D3114" t="s">
        <v>1695</v>
      </c>
      <c r="E3114" t="s">
        <v>122</v>
      </c>
      <c r="F3114" t="s">
        <v>33</v>
      </c>
      <c r="G3114" t="s">
        <v>46</v>
      </c>
      <c r="H3114" t="s">
        <v>116</v>
      </c>
      <c r="I3114">
        <v>15.71</v>
      </c>
      <c r="J3114">
        <v>4</v>
      </c>
      <c r="K3114">
        <v>2.5499999999999998</v>
      </c>
    </row>
    <row r="3115" spans="1:11" x14ac:dyDescent="0.3">
      <c r="A3115" s="1">
        <v>42262</v>
      </c>
      <c r="B3115" s="3">
        <f t="shared" si="96"/>
        <v>9</v>
      </c>
      <c r="C3115" s="3">
        <f t="shared" si="97"/>
        <v>2015</v>
      </c>
      <c r="D3115" t="s">
        <v>1695</v>
      </c>
      <c r="E3115" t="s">
        <v>122</v>
      </c>
      <c r="F3115" t="s">
        <v>10</v>
      </c>
      <c r="G3115" t="s">
        <v>17</v>
      </c>
      <c r="H3115" t="s">
        <v>1330</v>
      </c>
      <c r="I3115">
        <v>24.67</v>
      </c>
      <c r="J3115">
        <v>2</v>
      </c>
      <c r="K3115">
        <v>2.16</v>
      </c>
    </row>
    <row r="3116" spans="1:11" x14ac:dyDescent="0.3">
      <c r="A3116" s="1">
        <v>42262</v>
      </c>
      <c r="B3116" s="3">
        <f t="shared" si="96"/>
        <v>9</v>
      </c>
      <c r="C3116" s="3">
        <f t="shared" si="97"/>
        <v>2015</v>
      </c>
      <c r="D3116" t="s">
        <v>1695</v>
      </c>
      <c r="E3116" t="s">
        <v>122</v>
      </c>
      <c r="F3116" t="s">
        <v>33</v>
      </c>
      <c r="G3116" t="s">
        <v>46</v>
      </c>
      <c r="H3116" t="s">
        <v>2039</v>
      </c>
      <c r="I3116">
        <v>55.97</v>
      </c>
      <c r="J3116">
        <v>1</v>
      </c>
      <c r="K3116">
        <v>-2.1</v>
      </c>
    </row>
    <row r="3117" spans="1:11" x14ac:dyDescent="0.3">
      <c r="A3117" s="1">
        <v>42262</v>
      </c>
      <c r="B3117" s="3">
        <f t="shared" si="96"/>
        <v>9</v>
      </c>
      <c r="C3117" s="3">
        <f t="shared" si="97"/>
        <v>2015</v>
      </c>
      <c r="D3117" t="s">
        <v>629</v>
      </c>
      <c r="E3117" t="s">
        <v>128</v>
      </c>
      <c r="F3117" t="s">
        <v>10</v>
      </c>
      <c r="G3117" t="s">
        <v>17</v>
      </c>
      <c r="H3117" t="s">
        <v>67</v>
      </c>
      <c r="I3117">
        <v>190.86</v>
      </c>
      <c r="J3117">
        <v>2</v>
      </c>
      <c r="K3117">
        <v>11.45</v>
      </c>
    </row>
    <row r="3118" spans="1:11" x14ac:dyDescent="0.3">
      <c r="A3118" s="1">
        <v>42262</v>
      </c>
      <c r="B3118" s="3">
        <f t="shared" si="96"/>
        <v>9</v>
      </c>
      <c r="C3118" s="3">
        <f t="shared" si="97"/>
        <v>2015</v>
      </c>
      <c r="D3118" t="s">
        <v>629</v>
      </c>
      <c r="E3118" t="s">
        <v>128</v>
      </c>
      <c r="F3118" t="s">
        <v>10</v>
      </c>
      <c r="G3118" t="s">
        <v>23</v>
      </c>
      <c r="H3118" t="s">
        <v>2232</v>
      </c>
      <c r="I3118">
        <v>24.32</v>
      </c>
      <c r="J3118">
        <v>8</v>
      </c>
      <c r="K3118">
        <v>8.27</v>
      </c>
    </row>
    <row r="3119" spans="1:11" x14ac:dyDescent="0.3">
      <c r="A3119" s="1">
        <v>42262</v>
      </c>
      <c r="B3119" s="3">
        <f t="shared" si="96"/>
        <v>9</v>
      </c>
      <c r="C3119" s="3">
        <f t="shared" si="97"/>
        <v>2015</v>
      </c>
      <c r="D3119" t="s">
        <v>2243</v>
      </c>
      <c r="E3119" t="s">
        <v>148</v>
      </c>
      <c r="F3119" t="s">
        <v>10</v>
      </c>
      <c r="G3119" t="s">
        <v>19</v>
      </c>
      <c r="H3119" t="s">
        <v>2074</v>
      </c>
      <c r="I3119">
        <v>79.87</v>
      </c>
      <c r="J3119">
        <v>3</v>
      </c>
      <c r="K3119">
        <v>29.95</v>
      </c>
    </row>
    <row r="3120" spans="1:11" x14ac:dyDescent="0.3">
      <c r="A3120" s="1">
        <v>42262</v>
      </c>
      <c r="B3120" s="3">
        <f t="shared" si="96"/>
        <v>9</v>
      </c>
      <c r="C3120" s="3">
        <f t="shared" si="97"/>
        <v>2015</v>
      </c>
      <c r="D3120" t="s">
        <v>2243</v>
      </c>
      <c r="E3120" t="s">
        <v>148</v>
      </c>
      <c r="F3120" t="s">
        <v>33</v>
      </c>
      <c r="G3120" t="s">
        <v>73</v>
      </c>
      <c r="H3120" t="s">
        <v>2160</v>
      </c>
      <c r="I3120">
        <v>46.38</v>
      </c>
      <c r="J3120">
        <v>1</v>
      </c>
      <c r="K3120">
        <v>1.1599999999999999</v>
      </c>
    </row>
    <row r="3121" spans="1:11" x14ac:dyDescent="0.3">
      <c r="A3121" s="1">
        <v>42262</v>
      </c>
      <c r="B3121" s="3">
        <f t="shared" si="96"/>
        <v>9</v>
      </c>
      <c r="C3121" s="3">
        <f t="shared" si="97"/>
        <v>2015</v>
      </c>
      <c r="D3121" t="s">
        <v>2243</v>
      </c>
      <c r="E3121" t="s">
        <v>148</v>
      </c>
      <c r="F3121" t="s">
        <v>10</v>
      </c>
      <c r="G3121" t="s">
        <v>11</v>
      </c>
      <c r="H3121" t="s">
        <v>327</v>
      </c>
      <c r="I3121">
        <v>12.96</v>
      </c>
      <c r="J3121">
        <v>2</v>
      </c>
      <c r="K3121">
        <v>6.22</v>
      </c>
    </row>
    <row r="3122" spans="1:11" x14ac:dyDescent="0.3">
      <c r="A3122" s="1">
        <v>42262</v>
      </c>
      <c r="B3122" s="3">
        <f t="shared" si="96"/>
        <v>9</v>
      </c>
      <c r="C3122" s="3">
        <f t="shared" si="97"/>
        <v>2015</v>
      </c>
      <c r="D3122" t="s">
        <v>847</v>
      </c>
      <c r="E3122" t="s">
        <v>487</v>
      </c>
      <c r="F3122" t="s">
        <v>33</v>
      </c>
      <c r="G3122" t="s">
        <v>144</v>
      </c>
      <c r="H3122" t="s">
        <v>1188</v>
      </c>
      <c r="I3122">
        <v>801.96</v>
      </c>
      <c r="J3122">
        <v>2</v>
      </c>
      <c r="K3122">
        <v>200.49</v>
      </c>
    </row>
    <row r="3123" spans="1:11" x14ac:dyDescent="0.3">
      <c r="A3123" s="1">
        <v>42262</v>
      </c>
      <c r="B3123" s="3">
        <f t="shared" si="96"/>
        <v>9</v>
      </c>
      <c r="C3123" s="3">
        <f t="shared" si="97"/>
        <v>2015</v>
      </c>
      <c r="D3123" t="s">
        <v>847</v>
      </c>
      <c r="E3123" t="s">
        <v>487</v>
      </c>
      <c r="F3123" t="s">
        <v>38</v>
      </c>
      <c r="G3123" t="s">
        <v>39</v>
      </c>
      <c r="H3123" t="s">
        <v>2244</v>
      </c>
      <c r="I3123">
        <v>59.97</v>
      </c>
      <c r="J3123">
        <v>3</v>
      </c>
      <c r="K3123">
        <v>0</v>
      </c>
    </row>
    <row r="3124" spans="1:11" x14ac:dyDescent="0.3">
      <c r="A3124" s="1">
        <v>42262</v>
      </c>
      <c r="B3124" s="3">
        <f t="shared" si="96"/>
        <v>9</v>
      </c>
      <c r="C3124" s="3">
        <f t="shared" si="97"/>
        <v>2015</v>
      </c>
      <c r="D3124" t="s">
        <v>847</v>
      </c>
      <c r="E3124" t="s">
        <v>487</v>
      </c>
      <c r="F3124" t="s">
        <v>33</v>
      </c>
      <c r="G3124" t="s">
        <v>34</v>
      </c>
      <c r="H3124" t="s">
        <v>2158</v>
      </c>
      <c r="I3124">
        <v>1056.8599999999999</v>
      </c>
      <c r="J3124">
        <v>7</v>
      </c>
      <c r="K3124">
        <v>306.49</v>
      </c>
    </row>
    <row r="3125" spans="1:11" x14ac:dyDescent="0.3">
      <c r="A3125" s="1">
        <v>42262</v>
      </c>
      <c r="B3125" s="3">
        <f t="shared" si="96"/>
        <v>9</v>
      </c>
      <c r="C3125" s="3">
        <f t="shared" si="97"/>
        <v>2015</v>
      </c>
      <c r="D3125" t="s">
        <v>2245</v>
      </c>
      <c r="E3125" t="s">
        <v>22</v>
      </c>
      <c r="F3125" t="s">
        <v>10</v>
      </c>
      <c r="G3125" t="s">
        <v>19</v>
      </c>
      <c r="H3125" t="s">
        <v>928</v>
      </c>
      <c r="I3125">
        <v>3.58</v>
      </c>
      <c r="J3125">
        <v>4</v>
      </c>
      <c r="K3125">
        <v>-2.86</v>
      </c>
    </row>
    <row r="3126" spans="1:11" x14ac:dyDescent="0.3">
      <c r="A3126" s="1">
        <v>42262</v>
      </c>
      <c r="B3126" s="3">
        <f t="shared" si="96"/>
        <v>9</v>
      </c>
      <c r="C3126" s="3">
        <f t="shared" si="97"/>
        <v>2015</v>
      </c>
      <c r="D3126" t="s">
        <v>2245</v>
      </c>
      <c r="E3126" t="s">
        <v>22</v>
      </c>
      <c r="F3126" t="s">
        <v>10</v>
      </c>
      <c r="G3126" t="s">
        <v>17</v>
      </c>
      <c r="H3126" t="s">
        <v>907</v>
      </c>
      <c r="I3126">
        <v>147.18</v>
      </c>
      <c r="J3126">
        <v>2</v>
      </c>
      <c r="K3126">
        <v>-29.44</v>
      </c>
    </row>
    <row r="3127" spans="1:11" x14ac:dyDescent="0.3">
      <c r="A3127" s="1">
        <v>42263</v>
      </c>
      <c r="B3127" s="3">
        <f t="shared" si="96"/>
        <v>9</v>
      </c>
      <c r="C3127" s="3">
        <f t="shared" si="97"/>
        <v>2015</v>
      </c>
      <c r="D3127" t="s">
        <v>155</v>
      </c>
      <c r="E3127" t="s">
        <v>54</v>
      </c>
      <c r="F3127" t="s">
        <v>10</v>
      </c>
      <c r="G3127" t="s">
        <v>62</v>
      </c>
      <c r="H3127" t="s">
        <v>63</v>
      </c>
      <c r="I3127">
        <v>31.12</v>
      </c>
      <c r="J3127">
        <v>4</v>
      </c>
      <c r="K3127">
        <v>14.63</v>
      </c>
    </row>
    <row r="3128" spans="1:11" x14ac:dyDescent="0.3">
      <c r="A3128" s="1">
        <v>42264</v>
      </c>
      <c r="B3128" s="3">
        <f t="shared" si="96"/>
        <v>9</v>
      </c>
      <c r="C3128" s="3">
        <f t="shared" si="97"/>
        <v>2015</v>
      </c>
      <c r="D3128" t="s">
        <v>1476</v>
      </c>
      <c r="E3128" t="s">
        <v>22</v>
      </c>
      <c r="F3128" t="s">
        <v>33</v>
      </c>
      <c r="G3128" t="s">
        <v>73</v>
      </c>
      <c r="H3128" t="s">
        <v>2246</v>
      </c>
      <c r="I3128">
        <v>3083.43</v>
      </c>
      <c r="J3128">
        <v>7</v>
      </c>
      <c r="K3128">
        <v>-1665.05</v>
      </c>
    </row>
    <row r="3129" spans="1:11" x14ac:dyDescent="0.3">
      <c r="A3129" s="1">
        <v>42264</v>
      </c>
      <c r="B3129" s="3">
        <f t="shared" si="96"/>
        <v>9</v>
      </c>
      <c r="C3129" s="3">
        <f t="shared" si="97"/>
        <v>2015</v>
      </c>
      <c r="D3129" t="s">
        <v>1476</v>
      </c>
      <c r="E3129" t="s">
        <v>22</v>
      </c>
      <c r="F3129" t="s">
        <v>10</v>
      </c>
      <c r="G3129" t="s">
        <v>19</v>
      </c>
      <c r="H3129" t="s">
        <v>1227</v>
      </c>
      <c r="I3129">
        <v>9.6199999999999992</v>
      </c>
      <c r="J3129">
        <v>2</v>
      </c>
      <c r="K3129">
        <v>-7.05</v>
      </c>
    </row>
    <row r="3130" spans="1:11" x14ac:dyDescent="0.3">
      <c r="A3130" s="1">
        <v>42264</v>
      </c>
      <c r="B3130" s="3">
        <f t="shared" si="96"/>
        <v>9</v>
      </c>
      <c r="C3130" s="3">
        <f t="shared" si="97"/>
        <v>2015</v>
      </c>
      <c r="D3130" t="s">
        <v>1476</v>
      </c>
      <c r="E3130" t="s">
        <v>22</v>
      </c>
      <c r="F3130" t="s">
        <v>33</v>
      </c>
      <c r="G3130" t="s">
        <v>46</v>
      </c>
      <c r="H3130" t="s">
        <v>2152</v>
      </c>
      <c r="I3130">
        <v>124.2</v>
      </c>
      <c r="J3130">
        <v>3</v>
      </c>
      <c r="K3130">
        <v>15.53</v>
      </c>
    </row>
    <row r="3131" spans="1:11" x14ac:dyDescent="0.3">
      <c r="A3131" s="1">
        <v>42264</v>
      </c>
      <c r="B3131" s="3">
        <f t="shared" si="96"/>
        <v>9</v>
      </c>
      <c r="C3131" s="3">
        <f t="shared" si="97"/>
        <v>2015</v>
      </c>
      <c r="D3131" t="s">
        <v>1476</v>
      </c>
      <c r="E3131" t="s">
        <v>22</v>
      </c>
      <c r="F3131" t="s">
        <v>10</v>
      </c>
      <c r="G3131" t="s">
        <v>62</v>
      </c>
      <c r="H3131" t="s">
        <v>395</v>
      </c>
      <c r="I3131">
        <v>3.26</v>
      </c>
      <c r="J3131">
        <v>2</v>
      </c>
      <c r="K3131">
        <v>1.1000000000000001</v>
      </c>
    </row>
    <row r="3132" spans="1:11" x14ac:dyDescent="0.3">
      <c r="A3132" s="1">
        <v>42264</v>
      </c>
      <c r="B3132" s="3">
        <f t="shared" si="96"/>
        <v>9</v>
      </c>
      <c r="C3132" s="3">
        <f t="shared" si="97"/>
        <v>2015</v>
      </c>
      <c r="D3132" t="s">
        <v>1476</v>
      </c>
      <c r="E3132" t="s">
        <v>22</v>
      </c>
      <c r="F3132" t="s">
        <v>10</v>
      </c>
      <c r="G3132" t="s">
        <v>23</v>
      </c>
      <c r="H3132" t="s">
        <v>1200</v>
      </c>
      <c r="I3132">
        <v>86.3</v>
      </c>
      <c r="J3132">
        <v>6</v>
      </c>
      <c r="K3132">
        <v>9.7100000000000009</v>
      </c>
    </row>
    <row r="3133" spans="1:11" x14ac:dyDescent="0.3">
      <c r="A3133" s="1">
        <v>42264</v>
      </c>
      <c r="B3133" s="3">
        <f t="shared" si="96"/>
        <v>9</v>
      </c>
      <c r="C3133" s="3">
        <f t="shared" si="97"/>
        <v>2015</v>
      </c>
      <c r="D3133" t="s">
        <v>1476</v>
      </c>
      <c r="E3133" t="s">
        <v>22</v>
      </c>
      <c r="F3133" t="s">
        <v>10</v>
      </c>
      <c r="G3133" t="s">
        <v>19</v>
      </c>
      <c r="H3133" t="s">
        <v>574</v>
      </c>
      <c r="I3133">
        <v>6.86</v>
      </c>
      <c r="J3133">
        <v>6</v>
      </c>
      <c r="K3133">
        <v>-5.72</v>
      </c>
    </row>
    <row r="3134" spans="1:11" x14ac:dyDescent="0.3">
      <c r="A3134" s="1">
        <v>42264</v>
      </c>
      <c r="B3134" s="3">
        <f t="shared" si="96"/>
        <v>9</v>
      </c>
      <c r="C3134" s="3">
        <f t="shared" si="97"/>
        <v>2015</v>
      </c>
      <c r="D3134" t="s">
        <v>1476</v>
      </c>
      <c r="E3134" t="s">
        <v>22</v>
      </c>
      <c r="F3134" t="s">
        <v>10</v>
      </c>
      <c r="G3134" t="s">
        <v>23</v>
      </c>
      <c r="H3134" t="s">
        <v>1529</v>
      </c>
      <c r="I3134">
        <v>15.76</v>
      </c>
      <c r="J3134">
        <v>2</v>
      </c>
      <c r="K3134">
        <v>3.55</v>
      </c>
    </row>
    <row r="3135" spans="1:11" x14ac:dyDescent="0.3">
      <c r="A3135" s="1">
        <v>42264</v>
      </c>
      <c r="B3135" s="3">
        <f t="shared" si="96"/>
        <v>9</v>
      </c>
      <c r="C3135" s="3">
        <f t="shared" si="97"/>
        <v>2015</v>
      </c>
      <c r="D3135" t="s">
        <v>2247</v>
      </c>
      <c r="E3135" t="s">
        <v>26</v>
      </c>
      <c r="F3135" t="s">
        <v>10</v>
      </c>
      <c r="G3135" t="s">
        <v>11</v>
      </c>
      <c r="H3135" t="s">
        <v>1202</v>
      </c>
      <c r="I3135">
        <v>32.4</v>
      </c>
      <c r="J3135">
        <v>5</v>
      </c>
      <c r="K3135">
        <v>15.55</v>
      </c>
    </row>
    <row r="3136" spans="1:11" x14ac:dyDescent="0.3">
      <c r="A3136" s="1">
        <v>42264</v>
      </c>
      <c r="B3136" s="3">
        <f t="shared" si="96"/>
        <v>9</v>
      </c>
      <c r="C3136" s="3">
        <f t="shared" si="97"/>
        <v>2015</v>
      </c>
      <c r="D3136" t="s">
        <v>1501</v>
      </c>
      <c r="E3136" t="s">
        <v>9</v>
      </c>
      <c r="F3136" t="s">
        <v>33</v>
      </c>
      <c r="G3136" t="s">
        <v>46</v>
      </c>
      <c r="H3136" t="s">
        <v>2248</v>
      </c>
      <c r="I3136">
        <v>21.94</v>
      </c>
      <c r="J3136">
        <v>2</v>
      </c>
      <c r="K3136">
        <v>-10.42</v>
      </c>
    </row>
    <row r="3137" spans="1:11" x14ac:dyDescent="0.3">
      <c r="A3137" s="1">
        <v>42264</v>
      </c>
      <c r="B3137" s="3">
        <f t="shared" si="96"/>
        <v>9</v>
      </c>
      <c r="C3137" s="3">
        <f t="shared" si="97"/>
        <v>2015</v>
      </c>
      <c r="D3137" t="s">
        <v>1501</v>
      </c>
      <c r="E3137" t="s">
        <v>9</v>
      </c>
      <c r="F3137" t="s">
        <v>10</v>
      </c>
      <c r="G3137" t="s">
        <v>19</v>
      </c>
      <c r="H3137" t="s">
        <v>1958</v>
      </c>
      <c r="I3137">
        <v>6.59</v>
      </c>
      <c r="J3137">
        <v>3</v>
      </c>
      <c r="K3137">
        <v>-10.210000000000001</v>
      </c>
    </row>
    <row r="3138" spans="1:11" x14ac:dyDescent="0.3">
      <c r="A3138" s="1">
        <v>42264</v>
      </c>
      <c r="B3138" s="3">
        <f t="shared" ref="B3138:B3201" si="98">MONTH(A:A)</f>
        <v>9</v>
      </c>
      <c r="C3138" s="3">
        <f t="shared" ref="C3138:C3201" si="99">YEAR(A:A)</f>
        <v>2015</v>
      </c>
      <c r="D3138" t="s">
        <v>1496</v>
      </c>
      <c r="E3138" t="s">
        <v>148</v>
      </c>
      <c r="F3138" t="s">
        <v>33</v>
      </c>
      <c r="G3138" t="s">
        <v>144</v>
      </c>
      <c r="H3138" t="s">
        <v>1225</v>
      </c>
      <c r="I3138">
        <v>344.22</v>
      </c>
      <c r="J3138">
        <v>2</v>
      </c>
      <c r="K3138">
        <v>-103.27</v>
      </c>
    </row>
    <row r="3139" spans="1:11" x14ac:dyDescent="0.3">
      <c r="A3139" s="1">
        <v>42264</v>
      </c>
      <c r="B3139" s="3">
        <f t="shared" si="98"/>
        <v>9</v>
      </c>
      <c r="C3139" s="3">
        <f t="shared" si="99"/>
        <v>2015</v>
      </c>
      <c r="D3139" t="s">
        <v>2182</v>
      </c>
      <c r="E3139" t="s">
        <v>122</v>
      </c>
      <c r="F3139" t="s">
        <v>38</v>
      </c>
      <c r="G3139" t="s">
        <v>51</v>
      </c>
      <c r="H3139" t="s">
        <v>651</v>
      </c>
      <c r="I3139">
        <v>87.17</v>
      </c>
      <c r="J3139">
        <v>3</v>
      </c>
      <c r="K3139">
        <v>10.9</v>
      </c>
    </row>
    <row r="3140" spans="1:11" x14ac:dyDescent="0.3">
      <c r="A3140" s="1">
        <v>42264</v>
      </c>
      <c r="B3140" s="3">
        <f t="shared" si="98"/>
        <v>9</v>
      </c>
      <c r="C3140" s="3">
        <f t="shared" si="99"/>
        <v>2015</v>
      </c>
      <c r="D3140" t="s">
        <v>1787</v>
      </c>
      <c r="E3140" t="s">
        <v>163</v>
      </c>
      <c r="F3140" t="s">
        <v>10</v>
      </c>
      <c r="G3140" t="s">
        <v>19</v>
      </c>
      <c r="H3140" t="s">
        <v>578</v>
      </c>
      <c r="I3140">
        <v>25.03</v>
      </c>
      <c r="J3140">
        <v>3</v>
      </c>
      <c r="K3140">
        <v>7.82</v>
      </c>
    </row>
    <row r="3141" spans="1:11" x14ac:dyDescent="0.3">
      <c r="A3141" s="1">
        <v>42264</v>
      </c>
      <c r="B3141" s="3">
        <f t="shared" si="98"/>
        <v>9</v>
      </c>
      <c r="C3141" s="3">
        <f t="shared" si="99"/>
        <v>2015</v>
      </c>
      <c r="D3141" t="s">
        <v>617</v>
      </c>
      <c r="E3141" t="s">
        <v>148</v>
      </c>
      <c r="F3141" t="s">
        <v>10</v>
      </c>
      <c r="G3141" t="s">
        <v>17</v>
      </c>
      <c r="H3141" t="s">
        <v>1779</v>
      </c>
      <c r="I3141">
        <v>14.9</v>
      </c>
      <c r="J3141">
        <v>5</v>
      </c>
      <c r="K3141">
        <v>1.04</v>
      </c>
    </row>
    <row r="3142" spans="1:11" x14ac:dyDescent="0.3">
      <c r="A3142" s="1">
        <v>42264</v>
      </c>
      <c r="B3142" s="3">
        <f t="shared" si="98"/>
        <v>9</v>
      </c>
      <c r="C3142" s="3">
        <f t="shared" si="99"/>
        <v>2015</v>
      </c>
      <c r="D3142" t="s">
        <v>617</v>
      </c>
      <c r="E3142" t="s">
        <v>148</v>
      </c>
      <c r="F3142" t="s">
        <v>10</v>
      </c>
      <c r="G3142" t="s">
        <v>15</v>
      </c>
      <c r="H3142" t="s">
        <v>1024</v>
      </c>
      <c r="I3142">
        <v>87.71</v>
      </c>
      <c r="J3142">
        <v>7</v>
      </c>
      <c r="K3142">
        <v>41.22</v>
      </c>
    </row>
    <row r="3143" spans="1:11" x14ac:dyDescent="0.3">
      <c r="A3143" s="1">
        <v>42264</v>
      </c>
      <c r="B3143" s="3">
        <f t="shared" si="98"/>
        <v>9</v>
      </c>
      <c r="C3143" s="3">
        <f t="shared" si="99"/>
        <v>2015</v>
      </c>
      <c r="D3143" t="s">
        <v>617</v>
      </c>
      <c r="E3143" t="s">
        <v>148</v>
      </c>
      <c r="F3143" t="s">
        <v>33</v>
      </c>
      <c r="G3143" t="s">
        <v>34</v>
      </c>
      <c r="H3143" t="s">
        <v>1684</v>
      </c>
      <c r="I3143">
        <v>199.76</v>
      </c>
      <c r="J3143">
        <v>2</v>
      </c>
      <c r="K3143">
        <v>8.8800000000000008</v>
      </c>
    </row>
    <row r="3144" spans="1:11" x14ac:dyDescent="0.3">
      <c r="A3144" s="1">
        <v>42264</v>
      </c>
      <c r="B3144" s="3">
        <f t="shared" si="98"/>
        <v>9</v>
      </c>
      <c r="C3144" s="3">
        <f t="shared" si="99"/>
        <v>2015</v>
      </c>
      <c r="D3144" t="s">
        <v>617</v>
      </c>
      <c r="E3144" t="s">
        <v>148</v>
      </c>
      <c r="F3144" t="s">
        <v>10</v>
      </c>
      <c r="G3144" t="s">
        <v>17</v>
      </c>
      <c r="H3144" t="s">
        <v>1000</v>
      </c>
      <c r="I3144">
        <v>94.6</v>
      </c>
      <c r="J3144">
        <v>4</v>
      </c>
      <c r="K3144">
        <v>27.43</v>
      </c>
    </row>
    <row r="3145" spans="1:11" x14ac:dyDescent="0.3">
      <c r="A3145" s="1">
        <v>42264</v>
      </c>
      <c r="B3145" s="3">
        <f t="shared" si="98"/>
        <v>9</v>
      </c>
      <c r="C3145" s="3">
        <f t="shared" si="99"/>
        <v>2015</v>
      </c>
      <c r="D3145" t="s">
        <v>617</v>
      </c>
      <c r="E3145" t="s">
        <v>148</v>
      </c>
      <c r="F3145" t="s">
        <v>33</v>
      </c>
      <c r="G3145" t="s">
        <v>73</v>
      </c>
      <c r="H3145" t="s">
        <v>2246</v>
      </c>
      <c r="I3145">
        <v>4228.7</v>
      </c>
      <c r="J3145">
        <v>6</v>
      </c>
      <c r="K3145">
        <v>158.58000000000001</v>
      </c>
    </row>
    <row r="3146" spans="1:11" x14ac:dyDescent="0.3">
      <c r="A3146" s="1">
        <v>42264</v>
      </c>
      <c r="B3146" s="3">
        <f t="shared" si="98"/>
        <v>9</v>
      </c>
      <c r="C3146" s="3">
        <f t="shared" si="99"/>
        <v>2015</v>
      </c>
      <c r="D3146" t="s">
        <v>617</v>
      </c>
      <c r="E3146" t="s">
        <v>148</v>
      </c>
      <c r="F3146" t="s">
        <v>33</v>
      </c>
      <c r="G3146" t="s">
        <v>73</v>
      </c>
      <c r="H3146" t="s">
        <v>1343</v>
      </c>
      <c r="I3146">
        <v>2003.92</v>
      </c>
      <c r="J3146">
        <v>5</v>
      </c>
      <c r="K3146">
        <v>-25.05</v>
      </c>
    </row>
    <row r="3147" spans="1:11" x14ac:dyDescent="0.3">
      <c r="A3147" s="1">
        <v>42264</v>
      </c>
      <c r="B3147" s="3">
        <f t="shared" si="98"/>
        <v>9</v>
      </c>
      <c r="C3147" s="3">
        <f t="shared" si="99"/>
        <v>2015</v>
      </c>
      <c r="D3147" t="s">
        <v>617</v>
      </c>
      <c r="E3147" t="s">
        <v>148</v>
      </c>
      <c r="F3147" t="s">
        <v>38</v>
      </c>
      <c r="G3147" t="s">
        <v>39</v>
      </c>
      <c r="H3147" t="s">
        <v>1707</v>
      </c>
      <c r="I3147">
        <v>209.97</v>
      </c>
      <c r="J3147">
        <v>3</v>
      </c>
      <c r="K3147">
        <v>58.79</v>
      </c>
    </row>
    <row r="3148" spans="1:11" x14ac:dyDescent="0.3">
      <c r="A3148" s="1">
        <v>42264</v>
      </c>
      <c r="B3148" s="3">
        <f t="shared" si="98"/>
        <v>9</v>
      </c>
      <c r="C3148" s="3">
        <f t="shared" si="99"/>
        <v>2015</v>
      </c>
      <c r="D3148" t="s">
        <v>617</v>
      </c>
      <c r="E3148" t="s">
        <v>148</v>
      </c>
      <c r="F3148" t="s">
        <v>38</v>
      </c>
      <c r="G3148" t="s">
        <v>51</v>
      </c>
      <c r="H3148" t="s">
        <v>1786</v>
      </c>
      <c r="I3148">
        <v>659.9</v>
      </c>
      <c r="J3148">
        <v>2</v>
      </c>
      <c r="K3148">
        <v>217.77</v>
      </c>
    </row>
    <row r="3149" spans="1:11" x14ac:dyDescent="0.3">
      <c r="A3149" s="1">
        <v>42264</v>
      </c>
      <c r="B3149" s="3">
        <f t="shared" si="98"/>
        <v>9</v>
      </c>
      <c r="C3149" s="3">
        <f t="shared" si="99"/>
        <v>2015</v>
      </c>
      <c r="D3149" t="s">
        <v>617</v>
      </c>
      <c r="E3149" t="s">
        <v>148</v>
      </c>
      <c r="F3149" t="s">
        <v>10</v>
      </c>
      <c r="G3149" t="s">
        <v>11</v>
      </c>
      <c r="H3149" t="s">
        <v>456</v>
      </c>
      <c r="I3149">
        <v>110.96</v>
      </c>
      <c r="J3149">
        <v>2</v>
      </c>
      <c r="K3149">
        <v>53.26</v>
      </c>
    </row>
    <row r="3150" spans="1:11" x14ac:dyDescent="0.3">
      <c r="A3150" s="1">
        <v>42264</v>
      </c>
      <c r="B3150" s="3">
        <f t="shared" si="98"/>
        <v>9</v>
      </c>
      <c r="C3150" s="3">
        <f t="shared" si="99"/>
        <v>2015</v>
      </c>
      <c r="D3150" t="s">
        <v>617</v>
      </c>
      <c r="E3150" t="s">
        <v>148</v>
      </c>
      <c r="F3150" t="s">
        <v>38</v>
      </c>
      <c r="G3150" t="s">
        <v>39</v>
      </c>
      <c r="H3150" t="s">
        <v>1788</v>
      </c>
      <c r="I3150">
        <v>67.8</v>
      </c>
      <c r="J3150">
        <v>4</v>
      </c>
      <c r="K3150">
        <v>1.36</v>
      </c>
    </row>
    <row r="3151" spans="1:11" x14ac:dyDescent="0.3">
      <c r="A3151" s="1">
        <v>42265</v>
      </c>
      <c r="B3151" s="3">
        <f t="shared" si="98"/>
        <v>9</v>
      </c>
      <c r="C3151" s="3">
        <f t="shared" si="99"/>
        <v>2015</v>
      </c>
      <c r="D3151" t="s">
        <v>428</v>
      </c>
      <c r="E3151" t="s">
        <v>26</v>
      </c>
      <c r="F3151" t="s">
        <v>10</v>
      </c>
      <c r="G3151" t="s">
        <v>11</v>
      </c>
      <c r="H3151" t="s">
        <v>1149</v>
      </c>
      <c r="I3151">
        <v>160.72</v>
      </c>
      <c r="J3151">
        <v>14</v>
      </c>
      <c r="K3151">
        <v>78.75</v>
      </c>
    </row>
    <row r="3152" spans="1:11" x14ac:dyDescent="0.3">
      <c r="A3152" s="1">
        <v>42265</v>
      </c>
      <c r="B3152" s="3">
        <f t="shared" si="98"/>
        <v>9</v>
      </c>
      <c r="C3152" s="3">
        <f t="shared" si="99"/>
        <v>2015</v>
      </c>
      <c r="D3152" t="s">
        <v>428</v>
      </c>
      <c r="E3152" t="s">
        <v>26</v>
      </c>
      <c r="F3152" t="s">
        <v>10</v>
      </c>
      <c r="G3152" t="s">
        <v>11</v>
      </c>
      <c r="H3152" t="s">
        <v>2249</v>
      </c>
      <c r="I3152">
        <v>19.920000000000002</v>
      </c>
      <c r="J3152">
        <v>4</v>
      </c>
      <c r="K3152">
        <v>9.76</v>
      </c>
    </row>
    <row r="3153" spans="1:11" x14ac:dyDescent="0.3">
      <c r="A3153" s="1">
        <v>42265</v>
      </c>
      <c r="B3153" s="3">
        <f t="shared" si="98"/>
        <v>9</v>
      </c>
      <c r="C3153" s="3">
        <f t="shared" si="99"/>
        <v>2015</v>
      </c>
      <c r="D3153" t="s">
        <v>428</v>
      </c>
      <c r="E3153" t="s">
        <v>26</v>
      </c>
      <c r="F3153" t="s">
        <v>10</v>
      </c>
      <c r="G3153" t="s">
        <v>199</v>
      </c>
      <c r="H3153" t="s">
        <v>1291</v>
      </c>
      <c r="I3153">
        <v>7.3</v>
      </c>
      <c r="J3153">
        <v>2</v>
      </c>
      <c r="K3153">
        <v>2.19</v>
      </c>
    </row>
    <row r="3154" spans="1:11" x14ac:dyDescent="0.3">
      <c r="A3154" s="1">
        <v>42265</v>
      </c>
      <c r="B3154" s="3">
        <f t="shared" si="98"/>
        <v>9</v>
      </c>
      <c r="C3154" s="3">
        <f t="shared" si="99"/>
        <v>2015</v>
      </c>
      <c r="D3154" t="s">
        <v>1537</v>
      </c>
      <c r="E3154" t="s">
        <v>530</v>
      </c>
      <c r="F3154" t="s">
        <v>10</v>
      </c>
      <c r="G3154" t="s">
        <v>17</v>
      </c>
      <c r="H3154" t="s">
        <v>1591</v>
      </c>
      <c r="I3154">
        <v>41.96</v>
      </c>
      <c r="J3154">
        <v>2</v>
      </c>
      <c r="K3154">
        <v>7.97</v>
      </c>
    </row>
    <row r="3155" spans="1:11" x14ac:dyDescent="0.3">
      <c r="A3155" s="1">
        <v>42265</v>
      </c>
      <c r="B3155" s="3">
        <f t="shared" si="98"/>
        <v>9</v>
      </c>
      <c r="C3155" s="3">
        <f t="shared" si="99"/>
        <v>2015</v>
      </c>
      <c r="D3155" t="s">
        <v>1537</v>
      </c>
      <c r="E3155" t="s">
        <v>530</v>
      </c>
      <c r="F3155" t="s">
        <v>10</v>
      </c>
      <c r="G3155" t="s">
        <v>17</v>
      </c>
      <c r="H3155" t="s">
        <v>837</v>
      </c>
      <c r="I3155">
        <v>636.86</v>
      </c>
      <c r="J3155">
        <v>7</v>
      </c>
      <c r="K3155">
        <v>0</v>
      </c>
    </row>
    <row r="3156" spans="1:11" x14ac:dyDescent="0.3">
      <c r="A3156" s="1">
        <v>42265</v>
      </c>
      <c r="B3156" s="3">
        <f t="shared" si="98"/>
        <v>9</v>
      </c>
      <c r="C3156" s="3">
        <f t="shared" si="99"/>
        <v>2015</v>
      </c>
      <c r="D3156" t="s">
        <v>1537</v>
      </c>
      <c r="E3156" t="s">
        <v>530</v>
      </c>
      <c r="F3156" t="s">
        <v>38</v>
      </c>
      <c r="G3156" t="s">
        <v>39</v>
      </c>
      <c r="H3156" t="s">
        <v>357</v>
      </c>
      <c r="I3156">
        <v>499.99</v>
      </c>
      <c r="J3156">
        <v>1</v>
      </c>
      <c r="K3156">
        <v>130</v>
      </c>
    </row>
    <row r="3157" spans="1:11" x14ac:dyDescent="0.3">
      <c r="A3157" s="1">
        <v>42265</v>
      </c>
      <c r="B3157" s="3">
        <f t="shared" si="98"/>
        <v>9</v>
      </c>
      <c r="C3157" s="3">
        <f t="shared" si="99"/>
        <v>2015</v>
      </c>
      <c r="D3157" t="s">
        <v>1537</v>
      </c>
      <c r="E3157" t="s">
        <v>530</v>
      </c>
      <c r="F3157" t="s">
        <v>38</v>
      </c>
      <c r="G3157" t="s">
        <v>39</v>
      </c>
      <c r="H3157" t="s">
        <v>932</v>
      </c>
      <c r="I3157">
        <v>1259.93</v>
      </c>
      <c r="J3157">
        <v>7</v>
      </c>
      <c r="K3157">
        <v>327.58</v>
      </c>
    </row>
    <row r="3158" spans="1:11" x14ac:dyDescent="0.3">
      <c r="A3158" s="1">
        <v>42265</v>
      </c>
      <c r="B3158" s="3">
        <f t="shared" si="98"/>
        <v>9</v>
      </c>
      <c r="C3158" s="3">
        <f t="shared" si="99"/>
        <v>2015</v>
      </c>
      <c r="D3158" t="s">
        <v>1537</v>
      </c>
      <c r="E3158" t="s">
        <v>530</v>
      </c>
      <c r="F3158" t="s">
        <v>10</v>
      </c>
      <c r="G3158" t="s">
        <v>19</v>
      </c>
      <c r="H3158" t="s">
        <v>1566</v>
      </c>
      <c r="I3158">
        <v>65.08</v>
      </c>
      <c r="J3158">
        <v>4</v>
      </c>
      <c r="K3158">
        <v>31.89</v>
      </c>
    </row>
    <row r="3159" spans="1:11" x14ac:dyDescent="0.3">
      <c r="A3159" s="1">
        <v>42265</v>
      </c>
      <c r="B3159" s="3">
        <f t="shared" si="98"/>
        <v>9</v>
      </c>
      <c r="C3159" s="3">
        <f t="shared" si="99"/>
        <v>2015</v>
      </c>
      <c r="D3159" t="s">
        <v>582</v>
      </c>
      <c r="E3159" t="s">
        <v>26</v>
      </c>
      <c r="F3159" t="s">
        <v>10</v>
      </c>
      <c r="G3159" t="s">
        <v>23</v>
      </c>
      <c r="H3159" t="s">
        <v>2203</v>
      </c>
      <c r="I3159">
        <v>11.68</v>
      </c>
      <c r="J3159">
        <v>2</v>
      </c>
      <c r="K3159">
        <v>5.49</v>
      </c>
    </row>
    <row r="3160" spans="1:11" x14ac:dyDescent="0.3">
      <c r="A3160" s="1">
        <v>42265</v>
      </c>
      <c r="B3160" s="3">
        <f t="shared" si="98"/>
        <v>9</v>
      </c>
      <c r="C3160" s="3">
        <f t="shared" si="99"/>
        <v>2015</v>
      </c>
      <c r="D3160" t="s">
        <v>582</v>
      </c>
      <c r="E3160" t="s">
        <v>26</v>
      </c>
      <c r="F3160" t="s">
        <v>10</v>
      </c>
      <c r="G3160" t="s">
        <v>199</v>
      </c>
      <c r="H3160" t="s">
        <v>2250</v>
      </c>
      <c r="I3160">
        <v>16.899999999999999</v>
      </c>
      <c r="J3160">
        <v>2</v>
      </c>
      <c r="K3160">
        <v>5.07</v>
      </c>
    </row>
    <row r="3161" spans="1:11" x14ac:dyDescent="0.3">
      <c r="A3161" s="1">
        <v>42265</v>
      </c>
      <c r="B3161" s="3">
        <f t="shared" si="98"/>
        <v>9</v>
      </c>
      <c r="C3161" s="3">
        <f t="shared" si="99"/>
        <v>2015</v>
      </c>
      <c r="D3161" t="s">
        <v>582</v>
      </c>
      <c r="E3161" t="s">
        <v>26</v>
      </c>
      <c r="F3161" t="s">
        <v>33</v>
      </c>
      <c r="G3161" t="s">
        <v>46</v>
      </c>
      <c r="H3161" t="s">
        <v>912</v>
      </c>
      <c r="I3161">
        <v>24.4</v>
      </c>
      <c r="J3161">
        <v>2</v>
      </c>
      <c r="K3161">
        <v>10.25</v>
      </c>
    </row>
    <row r="3162" spans="1:11" x14ac:dyDescent="0.3">
      <c r="A3162" s="1">
        <v>42265</v>
      </c>
      <c r="B3162" s="3">
        <f t="shared" si="98"/>
        <v>9</v>
      </c>
      <c r="C3162" s="3">
        <f t="shared" si="99"/>
        <v>2015</v>
      </c>
      <c r="D3162" t="s">
        <v>2251</v>
      </c>
      <c r="E3162" t="s">
        <v>122</v>
      </c>
      <c r="F3162" t="s">
        <v>38</v>
      </c>
      <c r="G3162" t="s">
        <v>51</v>
      </c>
      <c r="H3162" t="s">
        <v>1848</v>
      </c>
      <c r="I3162">
        <v>717.12</v>
      </c>
      <c r="J3162">
        <v>9</v>
      </c>
      <c r="K3162">
        <v>152.38999999999999</v>
      </c>
    </row>
    <row r="3163" spans="1:11" x14ac:dyDescent="0.3">
      <c r="A3163" s="1">
        <v>42265</v>
      </c>
      <c r="B3163" s="3">
        <f t="shared" si="98"/>
        <v>9</v>
      </c>
      <c r="C3163" s="3">
        <f t="shared" si="99"/>
        <v>2015</v>
      </c>
      <c r="D3163" t="s">
        <v>2252</v>
      </c>
      <c r="E3163" t="s">
        <v>163</v>
      </c>
      <c r="F3163" t="s">
        <v>10</v>
      </c>
      <c r="G3163" t="s">
        <v>11</v>
      </c>
      <c r="H3163" t="s">
        <v>1607</v>
      </c>
      <c r="I3163">
        <v>18.54</v>
      </c>
      <c r="J3163">
        <v>2</v>
      </c>
      <c r="K3163">
        <v>8.7100000000000009</v>
      </c>
    </row>
    <row r="3164" spans="1:11" x14ac:dyDescent="0.3">
      <c r="A3164" s="1">
        <v>42265</v>
      </c>
      <c r="B3164" s="3">
        <f t="shared" si="98"/>
        <v>9</v>
      </c>
      <c r="C3164" s="3">
        <f t="shared" si="99"/>
        <v>2015</v>
      </c>
      <c r="D3164" t="s">
        <v>2253</v>
      </c>
      <c r="E3164" t="s">
        <v>26</v>
      </c>
      <c r="F3164" t="s">
        <v>10</v>
      </c>
      <c r="G3164" t="s">
        <v>17</v>
      </c>
      <c r="H3164" t="s">
        <v>1593</v>
      </c>
      <c r="I3164">
        <v>443.92</v>
      </c>
      <c r="J3164">
        <v>4</v>
      </c>
      <c r="K3164">
        <v>8.8800000000000008</v>
      </c>
    </row>
    <row r="3165" spans="1:11" x14ac:dyDescent="0.3">
      <c r="A3165" s="1">
        <v>42266</v>
      </c>
      <c r="B3165" s="3">
        <f t="shared" si="98"/>
        <v>9</v>
      </c>
      <c r="C3165" s="3">
        <f t="shared" si="99"/>
        <v>2015</v>
      </c>
      <c r="D3165" t="s">
        <v>1556</v>
      </c>
      <c r="E3165" t="s">
        <v>54</v>
      </c>
      <c r="F3165" t="s">
        <v>33</v>
      </c>
      <c r="G3165" t="s">
        <v>73</v>
      </c>
      <c r="H3165" t="s">
        <v>81</v>
      </c>
      <c r="I3165">
        <v>61.96</v>
      </c>
      <c r="J3165">
        <v>2</v>
      </c>
      <c r="K3165">
        <v>4.34</v>
      </c>
    </row>
    <row r="3166" spans="1:11" x14ac:dyDescent="0.3">
      <c r="A3166" s="1">
        <v>42266</v>
      </c>
      <c r="B3166" s="3">
        <f t="shared" si="98"/>
        <v>9</v>
      </c>
      <c r="C3166" s="3">
        <f t="shared" si="99"/>
        <v>2015</v>
      </c>
      <c r="D3166" t="s">
        <v>240</v>
      </c>
      <c r="E3166" t="s">
        <v>29</v>
      </c>
      <c r="F3166" t="s">
        <v>38</v>
      </c>
      <c r="G3166" t="s">
        <v>51</v>
      </c>
      <c r="H3166" t="s">
        <v>2254</v>
      </c>
      <c r="I3166">
        <v>66.36</v>
      </c>
      <c r="J3166">
        <v>4</v>
      </c>
      <c r="K3166">
        <v>23.23</v>
      </c>
    </row>
    <row r="3167" spans="1:11" x14ac:dyDescent="0.3">
      <c r="A3167" s="1">
        <v>42266</v>
      </c>
      <c r="B3167" s="3">
        <f t="shared" si="98"/>
        <v>9</v>
      </c>
      <c r="C3167" s="3">
        <f t="shared" si="99"/>
        <v>2015</v>
      </c>
      <c r="D3167" t="s">
        <v>1906</v>
      </c>
      <c r="E3167" t="s">
        <v>26</v>
      </c>
      <c r="F3167" t="s">
        <v>10</v>
      </c>
      <c r="G3167" t="s">
        <v>11</v>
      </c>
      <c r="H3167" t="s">
        <v>1149</v>
      </c>
      <c r="I3167">
        <v>22.96</v>
      </c>
      <c r="J3167">
        <v>2</v>
      </c>
      <c r="K3167">
        <v>11.25</v>
      </c>
    </row>
    <row r="3168" spans="1:11" x14ac:dyDescent="0.3">
      <c r="A3168" s="1">
        <v>42266</v>
      </c>
      <c r="B3168" s="3">
        <f t="shared" si="98"/>
        <v>9</v>
      </c>
      <c r="C3168" s="3">
        <f t="shared" si="99"/>
        <v>2015</v>
      </c>
      <c r="D3168" t="s">
        <v>236</v>
      </c>
      <c r="E3168" t="s">
        <v>148</v>
      </c>
      <c r="F3168" t="s">
        <v>38</v>
      </c>
      <c r="G3168" t="s">
        <v>39</v>
      </c>
      <c r="H3168" t="s">
        <v>1987</v>
      </c>
      <c r="I3168">
        <v>279.86</v>
      </c>
      <c r="J3168">
        <v>14</v>
      </c>
      <c r="K3168">
        <v>134.33000000000001</v>
      </c>
    </row>
    <row r="3169" spans="1:11" x14ac:dyDescent="0.3">
      <c r="A3169" s="1">
        <v>42266</v>
      </c>
      <c r="B3169" s="3">
        <f t="shared" si="98"/>
        <v>9</v>
      </c>
      <c r="C3169" s="3">
        <f t="shared" si="99"/>
        <v>2015</v>
      </c>
      <c r="D3169" t="s">
        <v>575</v>
      </c>
      <c r="E3169" t="s">
        <v>398</v>
      </c>
      <c r="F3169" t="s">
        <v>10</v>
      </c>
      <c r="G3169" t="s">
        <v>23</v>
      </c>
      <c r="H3169" t="s">
        <v>2255</v>
      </c>
      <c r="I3169">
        <v>8.4</v>
      </c>
      <c r="J3169">
        <v>5</v>
      </c>
      <c r="K3169">
        <v>2.1800000000000002</v>
      </c>
    </row>
    <row r="3170" spans="1:11" x14ac:dyDescent="0.3">
      <c r="A3170" s="1">
        <v>42266</v>
      </c>
      <c r="B3170" s="3">
        <f t="shared" si="98"/>
        <v>9</v>
      </c>
      <c r="C3170" s="3">
        <f t="shared" si="99"/>
        <v>2015</v>
      </c>
      <c r="D3170" t="s">
        <v>2114</v>
      </c>
      <c r="E3170" t="s">
        <v>26</v>
      </c>
      <c r="F3170" t="s">
        <v>33</v>
      </c>
      <c r="G3170" t="s">
        <v>46</v>
      </c>
      <c r="H3170" t="s">
        <v>1284</v>
      </c>
      <c r="I3170">
        <v>60.84</v>
      </c>
      <c r="J3170">
        <v>3</v>
      </c>
      <c r="K3170">
        <v>19.47</v>
      </c>
    </row>
    <row r="3171" spans="1:11" x14ac:dyDescent="0.3">
      <c r="A3171" s="1">
        <v>42267</v>
      </c>
      <c r="B3171" s="3">
        <f t="shared" si="98"/>
        <v>9</v>
      </c>
      <c r="C3171" s="3">
        <f t="shared" si="99"/>
        <v>2015</v>
      </c>
      <c r="D3171" t="s">
        <v>663</v>
      </c>
      <c r="E3171" t="s">
        <v>433</v>
      </c>
      <c r="F3171" t="s">
        <v>10</v>
      </c>
      <c r="G3171" t="s">
        <v>19</v>
      </c>
      <c r="H3171" t="s">
        <v>1408</v>
      </c>
      <c r="I3171">
        <v>37.68</v>
      </c>
      <c r="J3171">
        <v>6</v>
      </c>
      <c r="K3171">
        <v>16.96</v>
      </c>
    </row>
    <row r="3172" spans="1:11" x14ac:dyDescent="0.3">
      <c r="A3172" s="1">
        <v>42267</v>
      </c>
      <c r="B3172" s="3">
        <f t="shared" si="98"/>
        <v>9</v>
      </c>
      <c r="C3172" s="3">
        <f t="shared" si="99"/>
        <v>2015</v>
      </c>
      <c r="D3172" t="s">
        <v>1575</v>
      </c>
      <c r="E3172" t="s">
        <v>148</v>
      </c>
      <c r="F3172" t="s">
        <v>10</v>
      </c>
      <c r="G3172" t="s">
        <v>11</v>
      </c>
      <c r="H3172" t="s">
        <v>935</v>
      </c>
      <c r="I3172">
        <v>61.4</v>
      </c>
      <c r="J3172">
        <v>5</v>
      </c>
      <c r="K3172">
        <v>28.86</v>
      </c>
    </row>
    <row r="3173" spans="1:11" x14ac:dyDescent="0.3">
      <c r="A3173" s="1">
        <v>42267</v>
      </c>
      <c r="B3173" s="3">
        <f t="shared" si="98"/>
        <v>9</v>
      </c>
      <c r="C3173" s="3">
        <f t="shared" si="99"/>
        <v>2015</v>
      </c>
      <c r="D3173" t="s">
        <v>1575</v>
      </c>
      <c r="E3173" t="s">
        <v>148</v>
      </c>
      <c r="F3173" t="s">
        <v>10</v>
      </c>
      <c r="G3173" t="s">
        <v>19</v>
      </c>
      <c r="H3173" t="s">
        <v>2256</v>
      </c>
      <c r="I3173">
        <v>24.45</v>
      </c>
      <c r="J3173">
        <v>2</v>
      </c>
      <c r="K3173">
        <v>8.86</v>
      </c>
    </row>
    <row r="3174" spans="1:11" x14ac:dyDescent="0.3">
      <c r="A3174" s="1">
        <v>42267</v>
      </c>
      <c r="B3174" s="3">
        <f t="shared" si="98"/>
        <v>9</v>
      </c>
      <c r="C3174" s="3">
        <f t="shared" si="99"/>
        <v>2015</v>
      </c>
      <c r="D3174" t="s">
        <v>1573</v>
      </c>
      <c r="E3174" t="s">
        <v>119</v>
      </c>
      <c r="F3174" t="s">
        <v>10</v>
      </c>
      <c r="G3174" t="s">
        <v>19</v>
      </c>
      <c r="H3174" t="s">
        <v>2126</v>
      </c>
      <c r="I3174">
        <v>1369.76</v>
      </c>
      <c r="J3174">
        <v>6</v>
      </c>
      <c r="K3174">
        <v>-913.18</v>
      </c>
    </row>
    <row r="3175" spans="1:11" x14ac:dyDescent="0.3">
      <c r="A3175" s="1">
        <v>42267</v>
      </c>
      <c r="B3175" s="3">
        <f t="shared" si="98"/>
        <v>9</v>
      </c>
      <c r="C3175" s="3">
        <f t="shared" si="99"/>
        <v>2015</v>
      </c>
      <c r="D3175" t="s">
        <v>1573</v>
      </c>
      <c r="E3175" t="s">
        <v>119</v>
      </c>
      <c r="F3175" t="s">
        <v>10</v>
      </c>
      <c r="G3175" t="s">
        <v>17</v>
      </c>
      <c r="H3175" t="s">
        <v>907</v>
      </c>
      <c r="I3175">
        <v>294.37</v>
      </c>
      <c r="J3175">
        <v>4</v>
      </c>
      <c r="K3175">
        <v>-58.87</v>
      </c>
    </row>
    <row r="3176" spans="1:11" x14ac:dyDescent="0.3">
      <c r="A3176" s="1">
        <v>42267</v>
      </c>
      <c r="B3176" s="3">
        <f t="shared" si="98"/>
        <v>9</v>
      </c>
      <c r="C3176" s="3">
        <f t="shared" si="99"/>
        <v>2015</v>
      </c>
      <c r="D3176" t="s">
        <v>1527</v>
      </c>
      <c r="E3176" t="s">
        <v>125</v>
      </c>
      <c r="F3176" t="s">
        <v>10</v>
      </c>
      <c r="G3176" t="s">
        <v>19</v>
      </c>
      <c r="H3176" t="s">
        <v>1279</v>
      </c>
      <c r="I3176">
        <v>45.58</v>
      </c>
      <c r="J3176">
        <v>11</v>
      </c>
      <c r="K3176">
        <v>16.52</v>
      </c>
    </row>
    <row r="3177" spans="1:11" x14ac:dyDescent="0.3">
      <c r="A3177" s="1">
        <v>42267</v>
      </c>
      <c r="B3177" s="3">
        <f t="shared" si="98"/>
        <v>9</v>
      </c>
      <c r="C3177" s="3">
        <f t="shared" si="99"/>
        <v>2015</v>
      </c>
      <c r="D3177" t="s">
        <v>2020</v>
      </c>
      <c r="E3177" t="s">
        <v>14</v>
      </c>
      <c r="F3177" t="s">
        <v>10</v>
      </c>
      <c r="G3177" t="s">
        <v>19</v>
      </c>
      <c r="H3177" t="s">
        <v>1119</v>
      </c>
      <c r="I3177">
        <v>2.81</v>
      </c>
      <c r="J3177">
        <v>3</v>
      </c>
      <c r="K3177">
        <v>-4.49</v>
      </c>
    </row>
    <row r="3178" spans="1:11" x14ac:dyDescent="0.3">
      <c r="A3178" s="1">
        <v>42268</v>
      </c>
      <c r="B3178" s="3">
        <f t="shared" si="98"/>
        <v>9</v>
      </c>
      <c r="C3178" s="3">
        <f t="shared" si="99"/>
        <v>2015</v>
      </c>
      <c r="D3178" t="s">
        <v>2063</v>
      </c>
      <c r="E3178" t="s">
        <v>9</v>
      </c>
      <c r="F3178" t="s">
        <v>38</v>
      </c>
      <c r="G3178" t="s">
        <v>39</v>
      </c>
      <c r="H3178" t="s">
        <v>2062</v>
      </c>
      <c r="I3178">
        <v>946.34</v>
      </c>
      <c r="J3178">
        <v>7</v>
      </c>
      <c r="K3178">
        <v>118.29</v>
      </c>
    </row>
    <row r="3179" spans="1:11" x14ac:dyDescent="0.3">
      <c r="A3179" s="1">
        <v>42268</v>
      </c>
      <c r="B3179" s="3">
        <f t="shared" si="98"/>
        <v>9</v>
      </c>
      <c r="C3179" s="3">
        <f t="shared" si="99"/>
        <v>2015</v>
      </c>
      <c r="D3179" t="s">
        <v>2063</v>
      </c>
      <c r="E3179" t="s">
        <v>9</v>
      </c>
      <c r="F3179" t="s">
        <v>38</v>
      </c>
      <c r="G3179" t="s">
        <v>51</v>
      </c>
      <c r="H3179" t="s">
        <v>242</v>
      </c>
      <c r="I3179">
        <v>151.19999999999999</v>
      </c>
      <c r="J3179">
        <v>3</v>
      </c>
      <c r="K3179">
        <v>32.130000000000003</v>
      </c>
    </row>
    <row r="3180" spans="1:11" x14ac:dyDescent="0.3">
      <c r="A3180" s="1">
        <v>42268</v>
      </c>
      <c r="B3180" s="3">
        <f t="shared" si="98"/>
        <v>9</v>
      </c>
      <c r="C3180" s="3">
        <f t="shared" si="99"/>
        <v>2015</v>
      </c>
      <c r="D3180" t="s">
        <v>2063</v>
      </c>
      <c r="E3180" t="s">
        <v>9</v>
      </c>
      <c r="F3180" t="s">
        <v>33</v>
      </c>
      <c r="G3180" t="s">
        <v>46</v>
      </c>
      <c r="H3180" t="s">
        <v>1403</v>
      </c>
      <c r="I3180">
        <v>4.93</v>
      </c>
      <c r="J3180">
        <v>4</v>
      </c>
      <c r="K3180">
        <v>-1.48</v>
      </c>
    </row>
    <row r="3181" spans="1:11" x14ac:dyDescent="0.3">
      <c r="A3181" s="1">
        <v>42268</v>
      </c>
      <c r="B3181" s="3">
        <f t="shared" si="98"/>
        <v>9</v>
      </c>
      <c r="C3181" s="3">
        <f t="shared" si="99"/>
        <v>2015</v>
      </c>
      <c r="D3181" t="s">
        <v>1063</v>
      </c>
      <c r="E3181" t="s">
        <v>163</v>
      </c>
      <c r="F3181" t="s">
        <v>10</v>
      </c>
      <c r="G3181" t="s">
        <v>17</v>
      </c>
      <c r="H3181" t="s">
        <v>114</v>
      </c>
      <c r="I3181">
        <v>199.74</v>
      </c>
      <c r="J3181">
        <v>6</v>
      </c>
      <c r="K3181">
        <v>47.94</v>
      </c>
    </row>
    <row r="3182" spans="1:11" x14ac:dyDescent="0.3">
      <c r="A3182" s="1">
        <v>42268</v>
      </c>
      <c r="B3182" s="3">
        <f t="shared" si="98"/>
        <v>9</v>
      </c>
      <c r="C3182" s="3">
        <f t="shared" si="99"/>
        <v>2015</v>
      </c>
      <c r="D3182" t="s">
        <v>158</v>
      </c>
      <c r="E3182" t="s">
        <v>26</v>
      </c>
      <c r="F3182" t="s">
        <v>33</v>
      </c>
      <c r="G3182" t="s">
        <v>34</v>
      </c>
      <c r="H3182" t="s">
        <v>993</v>
      </c>
      <c r="I3182">
        <v>601.54</v>
      </c>
      <c r="J3182">
        <v>4</v>
      </c>
      <c r="K3182">
        <v>0</v>
      </c>
    </row>
    <row r="3183" spans="1:11" x14ac:dyDescent="0.3">
      <c r="A3183" s="1">
        <v>42268</v>
      </c>
      <c r="B3183" s="3">
        <f t="shared" si="98"/>
        <v>9</v>
      </c>
      <c r="C3183" s="3">
        <f t="shared" si="99"/>
        <v>2015</v>
      </c>
      <c r="D3183" t="s">
        <v>158</v>
      </c>
      <c r="E3183" t="s">
        <v>26</v>
      </c>
      <c r="F3183" t="s">
        <v>10</v>
      </c>
      <c r="G3183" t="s">
        <v>42</v>
      </c>
      <c r="H3183" t="s">
        <v>1507</v>
      </c>
      <c r="I3183">
        <v>7.9</v>
      </c>
      <c r="J3183">
        <v>2</v>
      </c>
      <c r="K3183">
        <v>2.5299999999999998</v>
      </c>
    </row>
    <row r="3184" spans="1:11" x14ac:dyDescent="0.3">
      <c r="A3184" s="1">
        <v>42268</v>
      </c>
      <c r="B3184" s="3">
        <f t="shared" si="98"/>
        <v>9</v>
      </c>
      <c r="C3184" s="3">
        <f t="shared" si="99"/>
        <v>2015</v>
      </c>
      <c r="D3184" t="s">
        <v>1413</v>
      </c>
      <c r="E3184" t="s">
        <v>109</v>
      </c>
      <c r="F3184" t="s">
        <v>33</v>
      </c>
      <c r="G3184" t="s">
        <v>73</v>
      </c>
      <c r="H3184" t="s">
        <v>1093</v>
      </c>
      <c r="I3184">
        <v>194.32</v>
      </c>
      <c r="J3184">
        <v>4</v>
      </c>
      <c r="K3184">
        <v>31.09</v>
      </c>
    </row>
    <row r="3185" spans="1:11" x14ac:dyDescent="0.3">
      <c r="A3185" s="1">
        <v>42268</v>
      </c>
      <c r="B3185" s="3">
        <f t="shared" si="98"/>
        <v>9</v>
      </c>
      <c r="C3185" s="3">
        <f t="shared" si="99"/>
        <v>2015</v>
      </c>
      <c r="D3185" t="s">
        <v>1413</v>
      </c>
      <c r="E3185" t="s">
        <v>109</v>
      </c>
      <c r="F3185" t="s">
        <v>10</v>
      </c>
      <c r="G3185" t="s">
        <v>23</v>
      </c>
      <c r="H3185" t="s">
        <v>278</v>
      </c>
      <c r="I3185">
        <v>25.99</v>
      </c>
      <c r="J3185">
        <v>1</v>
      </c>
      <c r="K3185">
        <v>7.54</v>
      </c>
    </row>
    <row r="3186" spans="1:11" x14ac:dyDescent="0.3">
      <c r="A3186" s="1">
        <v>42268</v>
      </c>
      <c r="B3186" s="3">
        <f t="shared" si="98"/>
        <v>9</v>
      </c>
      <c r="C3186" s="3">
        <f t="shared" si="99"/>
        <v>2015</v>
      </c>
      <c r="D3186" t="s">
        <v>1114</v>
      </c>
      <c r="E3186" t="s">
        <v>433</v>
      </c>
      <c r="F3186" t="s">
        <v>33</v>
      </c>
      <c r="G3186" t="s">
        <v>46</v>
      </c>
      <c r="H3186" t="s">
        <v>1275</v>
      </c>
      <c r="I3186">
        <v>85.3</v>
      </c>
      <c r="J3186">
        <v>2</v>
      </c>
      <c r="K3186">
        <v>14.5</v>
      </c>
    </row>
    <row r="3187" spans="1:11" x14ac:dyDescent="0.3">
      <c r="A3187" s="1">
        <v>42268</v>
      </c>
      <c r="B3187" s="3">
        <f t="shared" si="98"/>
        <v>9</v>
      </c>
      <c r="C3187" s="3">
        <f t="shared" si="99"/>
        <v>2015</v>
      </c>
      <c r="D3187" t="s">
        <v>455</v>
      </c>
      <c r="E3187" t="s">
        <v>433</v>
      </c>
      <c r="F3187" t="s">
        <v>38</v>
      </c>
      <c r="G3187" t="s">
        <v>39</v>
      </c>
      <c r="H3187" t="s">
        <v>312</v>
      </c>
      <c r="I3187">
        <v>589.9</v>
      </c>
      <c r="J3187">
        <v>2</v>
      </c>
      <c r="K3187">
        <v>147.47999999999999</v>
      </c>
    </row>
    <row r="3188" spans="1:11" x14ac:dyDescent="0.3">
      <c r="A3188" s="1">
        <v>42268</v>
      </c>
      <c r="B3188" s="3">
        <f t="shared" si="98"/>
        <v>9</v>
      </c>
      <c r="C3188" s="3">
        <f t="shared" si="99"/>
        <v>2015</v>
      </c>
      <c r="D3188" t="s">
        <v>455</v>
      </c>
      <c r="E3188" t="s">
        <v>433</v>
      </c>
      <c r="F3188" t="s">
        <v>33</v>
      </c>
      <c r="G3188" t="s">
        <v>34</v>
      </c>
      <c r="H3188" t="s">
        <v>2181</v>
      </c>
      <c r="I3188">
        <v>542.94000000000005</v>
      </c>
      <c r="J3188">
        <v>3</v>
      </c>
      <c r="K3188">
        <v>141.16</v>
      </c>
    </row>
    <row r="3189" spans="1:11" x14ac:dyDescent="0.3">
      <c r="A3189" s="1">
        <v>42268</v>
      </c>
      <c r="B3189" s="3">
        <f t="shared" si="98"/>
        <v>9</v>
      </c>
      <c r="C3189" s="3">
        <f t="shared" si="99"/>
        <v>2015</v>
      </c>
      <c r="D3189" t="s">
        <v>2110</v>
      </c>
      <c r="E3189" t="s">
        <v>69</v>
      </c>
      <c r="F3189" t="s">
        <v>33</v>
      </c>
      <c r="G3189" t="s">
        <v>34</v>
      </c>
      <c r="H3189" t="s">
        <v>2044</v>
      </c>
      <c r="I3189">
        <v>1690.04</v>
      </c>
      <c r="J3189">
        <v>4</v>
      </c>
      <c r="K3189">
        <v>422.51</v>
      </c>
    </row>
    <row r="3190" spans="1:11" x14ac:dyDescent="0.3">
      <c r="A3190" s="1">
        <v>42268</v>
      </c>
      <c r="B3190" s="3">
        <f t="shared" si="98"/>
        <v>9</v>
      </c>
      <c r="C3190" s="3">
        <f t="shared" si="99"/>
        <v>2015</v>
      </c>
      <c r="D3190" t="s">
        <v>2110</v>
      </c>
      <c r="E3190" t="s">
        <v>69</v>
      </c>
      <c r="F3190" t="s">
        <v>10</v>
      </c>
      <c r="G3190" t="s">
        <v>17</v>
      </c>
      <c r="H3190" t="s">
        <v>842</v>
      </c>
      <c r="I3190">
        <v>85.96</v>
      </c>
      <c r="J3190">
        <v>7</v>
      </c>
      <c r="K3190">
        <v>24.07</v>
      </c>
    </row>
    <row r="3191" spans="1:11" x14ac:dyDescent="0.3">
      <c r="A3191" s="1">
        <v>42268</v>
      </c>
      <c r="B3191" s="3">
        <f t="shared" si="98"/>
        <v>9</v>
      </c>
      <c r="C3191" s="3">
        <f t="shared" si="99"/>
        <v>2015</v>
      </c>
      <c r="D3191" t="s">
        <v>2110</v>
      </c>
      <c r="E3191" t="s">
        <v>69</v>
      </c>
      <c r="F3191" t="s">
        <v>10</v>
      </c>
      <c r="G3191" t="s">
        <v>62</v>
      </c>
      <c r="H3191" t="s">
        <v>1318</v>
      </c>
      <c r="I3191">
        <v>121.96</v>
      </c>
      <c r="J3191">
        <v>2</v>
      </c>
      <c r="K3191">
        <v>57.32</v>
      </c>
    </row>
    <row r="3192" spans="1:11" x14ac:dyDescent="0.3">
      <c r="A3192" s="1">
        <v>42268</v>
      </c>
      <c r="B3192" s="3">
        <f t="shared" si="98"/>
        <v>9</v>
      </c>
      <c r="C3192" s="3">
        <f t="shared" si="99"/>
        <v>2015</v>
      </c>
      <c r="D3192" t="s">
        <v>2110</v>
      </c>
      <c r="E3192" t="s">
        <v>69</v>
      </c>
      <c r="F3192" t="s">
        <v>10</v>
      </c>
      <c r="G3192" t="s">
        <v>11</v>
      </c>
      <c r="H3192" t="s">
        <v>2257</v>
      </c>
      <c r="I3192">
        <v>23.92</v>
      </c>
      <c r="J3192">
        <v>4</v>
      </c>
      <c r="K3192">
        <v>11.72</v>
      </c>
    </row>
    <row r="3193" spans="1:11" x14ac:dyDescent="0.3">
      <c r="A3193" s="1">
        <v>42268</v>
      </c>
      <c r="B3193" s="3">
        <f t="shared" si="98"/>
        <v>9</v>
      </c>
      <c r="C3193" s="3">
        <f t="shared" si="99"/>
        <v>2015</v>
      </c>
      <c r="D3193" t="s">
        <v>2110</v>
      </c>
      <c r="E3193" t="s">
        <v>69</v>
      </c>
      <c r="F3193" t="s">
        <v>10</v>
      </c>
      <c r="G3193" t="s">
        <v>17</v>
      </c>
      <c r="H3193" t="s">
        <v>908</v>
      </c>
      <c r="I3193">
        <v>63.96</v>
      </c>
      <c r="J3193">
        <v>2</v>
      </c>
      <c r="K3193">
        <v>6.4</v>
      </c>
    </row>
    <row r="3194" spans="1:11" x14ac:dyDescent="0.3">
      <c r="A3194" s="1">
        <v>42268</v>
      </c>
      <c r="B3194" s="3">
        <f t="shared" si="98"/>
        <v>9</v>
      </c>
      <c r="C3194" s="3">
        <f t="shared" si="99"/>
        <v>2015</v>
      </c>
      <c r="D3194" t="s">
        <v>2110</v>
      </c>
      <c r="E3194" t="s">
        <v>69</v>
      </c>
      <c r="F3194" t="s">
        <v>38</v>
      </c>
      <c r="G3194" t="s">
        <v>39</v>
      </c>
      <c r="H3194" t="s">
        <v>832</v>
      </c>
      <c r="I3194">
        <v>629.95000000000005</v>
      </c>
      <c r="J3194">
        <v>5</v>
      </c>
      <c r="K3194">
        <v>176.39</v>
      </c>
    </row>
    <row r="3195" spans="1:11" x14ac:dyDescent="0.3">
      <c r="A3195" s="1">
        <v>42268</v>
      </c>
      <c r="B3195" s="3">
        <f t="shared" si="98"/>
        <v>9</v>
      </c>
      <c r="C3195" s="3">
        <f t="shared" si="99"/>
        <v>2015</v>
      </c>
      <c r="D3195" t="s">
        <v>2110</v>
      </c>
      <c r="E3195" t="s">
        <v>69</v>
      </c>
      <c r="F3195" t="s">
        <v>38</v>
      </c>
      <c r="G3195" t="s">
        <v>39</v>
      </c>
      <c r="H3195" t="s">
        <v>750</v>
      </c>
      <c r="I3195">
        <v>113.73</v>
      </c>
      <c r="J3195">
        <v>3</v>
      </c>
      <c r="K3195">
        <v>32.979999999999997</v>
      </c>
    </row>
    <row r="3196" spans="1:11" x14ac:dyDescent="0.3">
      <c r="A3196" s="1">
        <v>42268</v>
      </c>
      <c r="B3196" s="3">
        <f t="shared" si="98"/>
        <v>9</v>
      </c>
      <c r="C3196" s="3">
        <f t="shared" si="99"/>
        <v>2015</v>
      </c>
      <c r="D3196" t="s">
        <v>2110</v>
      </c>
      <c r="E3196" t="s">
        <v>69</v>
      </c>
      <c r="F3196" t="s">
        <v>10</v>
      </c>
      <c r="G3196" t="s">
        <v>19</v>
      </c>
      <c r="H3196" t="s">
        <v>1224</v>
      </c>
      <c r="I3196">
        <v>14.6</v>
      </c>
      <c r="J3196">
        <v>2</v>
      </c>
      <c r="K3196">
        <v>6.86</v>
      </c>
    </row>
    <row r="3197" spans="1:11" x14ac:dyDescent="0.3">
      <c r="A3197" s="1">
        <v>42268</v>
      </c>
      <c r="B3197" s="3">
        <f t="shared" si="98"/>
        <v>9</v>
      </c>
      <c r="C3197" s="3">
        <f t="shared" si="99"/>
        <v>2015</v>
      </c>
      <c r="D3197" t="s">
        <v>2110</v>
      </c>
      <c r="E3197" t="s">
        <v>69</v>
      </c>
      <c r="F3197" t="s">
        <v>10</v>
      </c>
      <c r="G3197" t="s">
        <v>17</v>
      </c>
      <c r="H3197" t="s">
        <v>1593</v>
      </c>
      <c r="I3197">
        <v>887.84</v>
      </c>
      <c r="J3197">
        <v>8</v>
      </c>
      <c r="K3197">
        <v>17.760000000000002</v>
      </c>
    </row>
    <row r="3198" spans="1:11" x14ac:dyDescent="0.3">
      <c r="A3198" s="1">
        <v>42269</v>
      </c>
      <c r="B3198" s="3">
        <f t="shared" si="98"/>
        <v>9</v>
      </c>
      <c r="C3198" s="3">
        <f t="shared" si="99"/>
        <v>2015</v>
      </c>
      <c r="D3198" t="s">
        <v>1266</v>
      </c>
      <c r="E3198" t="s">
        <v>26</v>
      </c>
      <c r="F3198" t="s">
        <v>33</v>
      </c>
      <c r="G3198" t="s">
        <v>46</v>
      </c>
      <c r="H3198" t="s">
        <v>1396</v>
      </c>
      <c r="I3198">
        <v>204.6</v>
      </c>
      <c r="J3198">
        <v>2</v>
      </c>
      <c r="K3198">
        <v>53.2</v>
      </c>
    </row>
    <row r="3199" spans="1:11" x14ac:dyDescent="0.3">
      <c r="A3199" s="1">
        <v>42269</v>
      </c>
      <c r="B3199" s="3">
        <f t="shared" si="98"/>
        <v>9</v>
      </c>
      <c r="C3199" s="3">
        <f t="shared" si="99"/>
        <v>2015</v>
      </c>
      <c r="D3199" t="s">
        <v>219</v>
      </c>
      <c r="E3199" t="s">
        <v>54</v>
      </c>
      <c r="F3199" t="s">
        <v>10</v>
      </c>
      <c r="G3199" t="s">
        <v>11</v>
      </c>
      <c r="H3199" t="s">
        <v>1729</v>
      </c>
      <c r="I3199">
        <v>32.4</v>
      </c>
      <c r="J3199">
        <v>5</v>
      </c>
      <c r="K3199">
        <v>15.55</v>
      </c>
    </row>
    <row r="3200" spans="1:11" x14ac:dyDescent="0.3">
      <c r="A3200" s="1">
        <v>42269</v>
      </c>
      <c r="B3200" s="3">
        <f t="shared" si="98"/>
        <v>9</v>
      </c>
      <c r="C3200" s="3">
        <f t="shared" si="99"/>
        <v>2015</v>
      </c>
      <c r="D3200" t="s">
        <v>219</v>
      </c>
      <c r="E3200" t="s">
        <v>54</v>
      </c>
      <c r="F3200" t="s">
        <v>33</v>
      </c>
      <c r="G3200" t="s">
        <v>46</v>
      </c>
      <c r="H3200" t="s">
        <v>1836</v>
      </c>
      <c r="I3200">
        <v>47.98</v>
      </c>
      <c r="J3200">
        <v>2</v>
      </c>
      <c r="K3200">
        <v>11.04</v>
      </c>
    </row>
    <row r="3201" spans="1:11" x14ac:dyDescent="0.3">
      <c r="A3201" s="1">
        <v>42269</v>
      </c>
      <c r="B3201" s="3">
        <f t="shared" si="98"/>
        <v>9</v>
      </c>
      <c r="C3201" s="3">
        <f t="shared" si="99"/>
        <v>2015</v>
      </c>
      <c r="D3201" t="s">
        <v>2258</v>
      </c>
      <c r="E3201" t="s">
        <v>119</v>
      </c>
      <c r="F3201" t="s">
        <v>10</v>
      </c>
      <c r="G3201" t="s">
        <v>15</v>
      </c>
      <c r="H3201" t="s">
        <v>2259</v>
      </c>
      <c r="I3201">
        <v>12</v>
      </c>
      <c r="J3201">
        <v>4</v>
      </c>
      <c r="K3201">
        <v>4.2</v>
      </c>
    </row>
    <row r="3202" spans="1:11" x14ac:dyDescent="0.3">
      <c r="A3202" s="1">
        <v>42269</v>
      </c>
      <c r="B3202" s="3">
        <f t="shared" ref="B3202:B3265" si="100">MONTH(A:A)</f>
        <v>9</v>
      </c>
      <c r="C3202" s="3">
        <f t="shared" ref="C3202:C3265" si="101">YEAR(A:A)</f>
        <v>2015</v>
      </c>
      <c r="D3202" t="s">
        <v>2258</v>
      </c>
      <c r="E3202" t="s">
        <v>119</v>
      </c>
      <c r="F3202" t="s">
        <v>10</v>
      </c>
      <c r="G3202" t="s">
        <v>17</v>
      </c>
      <c r="H3202" t="s">
        <v>1571</v>
      </c>
      <c r="I3202">
        <v>720.06</v>
      </c>
      <c r="J3202">
        <v>4</v>
      </c>
      <c r="K3202">
        <v>-63.01</v>
      </c>
    </row>
    <row r="3203" spans="1:11" x14ac:dyDescent="0.3">
      <c r="A3203" s="1">
        <v>42269</v>
      </c>
      <c r="B3203" s="3">
        <f t="shared" si="100"/>
        <v>9</v>
      </c>
      <c r="C3203" s="3">
        <f t="shared" si="101"/>
        <v>2015</v>
      </c>
      <c r="D3203" t="s">
        <v>2258</v>
      </c>
      <c r="E3203" t="s">
        <v>119</v>
      </c>
      <c r="F3203" t="s">
        <v>10</v>
      </c>
      <c r="G3203" t="s">
        <v>17</v>
      </c>
      <c r="H3203" t="s">
        <v>1059</v>
      </c>
      <c r="I3203">
        <v>25.42</v>
      </c>
      <c r="J3203">
        <v>1</v>
      </c>
      <c r="K3203">
        <v>-4.7699999999999996</v>
      </c>
    </row>
    <row r="3204" spans="1:11" x14ac:dyDescent="0.3">
      <c r="A3204" s="1">
        <v>42269</v>
      </c>
      <c r="B3204" s="3">
        <f t="shared" si="100"/>
        <v>9</v>
      </c>
      <c r="C3204" s="3">
        <f t="shared" si="101"/>
        <v>2015</v>
      </c>
      <c r="D3204" t="s">
        <v>2258</v>
      </c>
      <c r="E3204" t="s">
        <v>119</v>
      </c>
      <c r="F3204" t="s">
        <v>10</v>
      </c>
      <c r="G3204" t="s">
        <v>23</v>
      </c>
      <c r="H3204" t="s">
        <v>1623</v>
      </c>
      <c r="I3204">
        <v>2.82</v>
      </c>
      <c r="J3204">
        <v>2</v>
      </c>
      <c r="K3204">
        <v>0.32</v>
      </c>
    </row>
    <row r="3205" spans="1:11" x14ac:dyDescent="0.3">
      <c r="A3205" s="1">
        <v>42269</v>
      </c>
      <c r="B3205" s="3">
        <f t="shared" si="100"/>
        <v>9</v>
      </c>
      <c r="C3205" s="3">
        <f t="shared" si="101"/>
        <v>2015</v>
      </c>
      <c r="D3205" t="s">
        <v>2258</v>
      </c>
      <c r="E3205" t="s">
        <v>119</v>
      </c>
      <c r="F3205" t="s">
        <v>10</v>
      </c>
      <c r="G3205" t="s">
        <v>19</v>
      </c>
      <c r="H3205" t="s">
        <v>431</v>
      </c>
      <c r="I3205">
        <v>3.2</v>
      </c>
      <c r="J3205">
        <v>2</v>
      </c>
      <c r="K3205">
        <v>-2.56</v>
      </c>
    </row>
    <row r="3206" spans="1:11" x14ac:dyDescent="0.3">
      <c r="A3206" s="1">
        <v>42269</v>
      </c>
      <c r="B3206" s="3">
        <f t="shared" si="100"/>
        <v>9</v>
      </c>
      <c r="C3206" s="3">
        <f t="shared" si="101"/>
        <v>2015</v>
      </c>
      <c r="D3206" t="s">
        <v>808</v>
      </c>
      <c r="E3206" t="s">
        <v>22</v>
      </c>
      <c r="F3206" t="s">
        <v>10</v>
      </c>
      <c r="G3206" t="s">
        <v>199</v>
      </c>
      <c r="H3206" t="s">
        <v>1457</v>
      </c>
      <c r="I3206">
        <v>55.6</v>
      </c>
      <c r="J3206">
        <v>5</v>
      </c>
      <c r="K3206">
        <v>6.26</v>
      </c>
    </row>
    <row r="3207" spans="1:11" x14ac:dyDescent="0.3">
      <c r="A3207" s="1">
        <v>42269</v>
      </c>
      <c r="B3207" s="3">
        <f t="shared" si="100"/>
        <v>9</v>
      </c>
      <c r="C3207" s="3">
        <f t="shared" si="101"/>
        <v>2015</v>
      </c>
      <c r="D3207" t="s">
        <v>808</v>
      </c>
      <c r="E3207" t="s">
        <v>22</v>
      </c>
      <c r="F3207" t="s">
        <v>38</v>
      </c>
      <c r="G3207" t="s">
        <v>51</v>
      </c>
      <c r="H3207" t="s">
        <v>1627</v>
      </c>
      <c r="I3207">
        <v>617.98</v>
      </c>
      <c r="J3207">
        <v>3</v>
      </c>
      <c r="K3207">
        <v>-7.72</v>
      </c>
    </row>
    <row r="3208" spans="1:11" x14ac:dyDescent="0.3">
      <c r="A3208" s="1">
        <v>42269</v>
      </c>
      <c r="B3208" s="3">
        <f t="shared" si="100"/>
        <v>9</v>
      </c>
      <c r="C3208" s="3">
        <f t="shared" si="101"/>
        <v>2015</v>
      </c>
      <c r="D3208" t="s">
        <v>118</v>
      </c>
      <c r="E3208" t="s">
        <v>26</v>
      </c>
      <c r="F3208" t="s">
        <v>10</v>
      </c>
      <c r="G3208" t="s">
        <v>91</v>
      </c>
      <c r="H3208" t="s">
        <v>1273</v>
      </c>
      <c r="I3208">
        <v>61.44</v>
      </c>
      <c r="J3208">
        <v>3</v>
      </c>
      <c r="K3208">
        <v>16.59</v>
      </c>
    </row>
    <row r="3209" spans="1:11" x14ac:dyDescent="0.3">
      <c r="A3209" s="1">
        <v>42271</v>
      </c>
      <c r="B3209" s="3">
        <f t="shared" si="100"/>
        <v>9</v>
      </c>
      <c r="C3209" s="3">
        <f t="shared" si="101"/>
        <v>2015</v>
      </c>
      <c r="D3209" t="s">
        <v>1288</v>
      </c>
      <c r="E3209" t="s">
        <v>22</v>
      </c>
      <c r="F3209" t="s">
        <v>10</v>
      </c>
      <c r="G3209" t="s">
        <v>23</v>
      </c>
      <c r="H3209" t="s">
        <v>1269</v>
      </c>
      <c r="I3209">
        <v>6.85</v>
      </c>
      <c r="J3209">
        <v>2</v>
      </c>
      <c r="K3209">
        <v>0.6</v>
      </c>
    </row>
    <row r="3210" spans="1:11" x14ac:dyDescent="0.3">
      <c r="A3210" s="1">
        <v>42271</v>
      </c>
      <c r="B3210" s="3">
        <f t="shared" si="100"/>
        <v>9</v>
      </c>
      <c r="C3210" s="3">
        <f t="shared" si="101"/>
        <v>2015</v>
      </c>
      <c r="D3210" t="s">
        <v>1250</v>
      </c>
      <c r="E3210" t="s">
        <v>61</v>
      </c>
      <c r="F3210" t="s">
        <v>33</v>
      </c>
      <c r="G3210" t="s">
        <v>34</v>
      </c>
      <c r="H3210" t="s">
        <v>234</v>
      </c>
      <c r="I3210">
        <v>517.5</v>
      </c>
      <c r="J3210">
        <v>6</v>
      </c>
      <c r="K3210">
        <v>155.25</v>
      </c>
    </row>
    <row r="3211" spans="1:11" x14ac:dyDescent="0.3">
      <c r="A3211" s="1">
        <v>42271</v>
      </c>
      <c r="B3211" s="3">
        <f t="shared" si="100"/>
        <v>9</v>
      </c>
      <c r="C3211" s="3">
        <f t="shared" si="101"/>
        <v>2015</v>
      </c>
      <c r="D3211" t="s">
        <v>1142</v>
      </c>
      <c r="E3211" t="s">
        <v>394</v>
      </c>
      <c r="F3211" t="s">
        <v>10</v>
      </c>
      <c r="G3211" t="s">
        <v>19</v>
      </c>
      <c r="H3211" t="s">
        <v>574</v>
      </c>
      <c r="I3211">
        <v>15.24</v>
      </c>
      <c r="J3211">
        <v>4</v>
      </c>
      <c r="K3211">
        <v>6.86</v>
      </c>
    </row>
    <row r="3212" spans="1:11" x14ac:dyDescent="0.3">
      <c r="A3212" s="1">
        <v>42271</v>
      </c>
      <c r="B3212" s="3">
        <f t="shared" si="100"/>
        <v>9</v>
      </c>
      <c r="C3212" s="3">
        <f t="shared" si="101"/>
        <v>2015</v>
      </c>
      <c r="D3212" t="s">
        <v>1142</v>
      </c>
      <c r="E3212" t="s">
        <v>394</v>
      </c>
      <c r="F3212" t="s">
        <v>33</v>
      </c>
      <c r="G3212" t="s">
        <v>34</v>
      </c>
      <c r="H3212" t="s">
        <v>722</v>
      </c>
      <c r="I3212">
        <v>1408.1</v>
      </c>
      <c r="J3212">
        <v>10</v>
      </c>
      <c r="K3212">
        <v>394.27</v>
      </c>
    </row>
    <row r="3213" spans="1:11" x14ac:dyDescent="0.3">
      <c r="A3213" s="1">
        <v>42271</v>
      </c>
      <c r="B3213" s="3">
        <f t="shared" si="100"/>
        <v>9</v>
      </c>
      <c r="C3213" s="3">
        <f t="shared" si="101"/>
        <v>2015</v>
      </c>
      <c r="D3213" t="s">
        <v>1671</v>
      </c>
      <c r="E3213" t="s">
        <v>839</v>
      </c>
      <c r="F3213" t="s">
        <v>38</v>
      </c>
      <c r="G3213" t="s">
        <v>39</v>
      </c>
      <c r="H3213" t="s">
        <v>2260</v>
      </c>
      <c r="I3213">
        <v>821.94</v>
      </c>
      <c r="J3213">
        <v>6</v>
      </c>
      <c r="K3213">
        <v>213.7</v>
      </c>
    </row>
    <row r="3214" spans="1:11" x14ac:dyDescent="0.3">
      <c r="A3214" s="1">
        <v>42271</v>
      </c>
      <c r="B3214" s="3">
        <f t="shared" si="100"/>
        <v>9</v>
      </c>
      <c r="C3214" s="3">
        <f t="shared" si="101"/>
        <v>2015</v>
      </c>
      <c r="D3214" t="s">
        <v>944</v>
      </c>
      <c r="E3214" t="s">
        <v>163</v>
      </c>
      <c r="F3214" t="s">
        <v>10</v>
      </c>
      <c r="G3214" t="s">
        <v>23</v>
      </c>
      <c r="H3214" t="s">
        <v>1200</v>
      </c>
      <c r="I3214">
        <v>35.96</v>
      </c>
      <c r="J3214">
        <v>2</v>
      </c>
      <c r="K3214">
        <v>10.43</v>
      </c>
    </row>
    <row r="3215" spans="1:11" x14ac:dyDescent="0.3">
      <c r="A3215" s="1">
        <v>42271</v>
      </c>
      <c r="B3215" s="3">
        <f t="shared" si="100"/>
        <v>9</v>
      </c>
      <c r="C3215" s="3">
        <f t="shared" si="101"/>
        <v>2015</v>
      </c>
      <c r="D3215" t="s">
        <v>944</v>
      </c>
      <c r="E3215" t="s">
        <v>163</v>
      </c>
      <c r="F3215" t="s">
        <v>10</v>
      </c>
      <c r="G3215" t="s">
        <v>19</v>
      </c>
      <c r="H3215" t="s">
        <v>427</v>
      </c>
      <c r="I3215">
        <v>14.95</v>
      </c>
      <c r="J3215">
        <v>3</v>
      </c>
      <c r="K3215">
        <v>5.42</v>
      </c>
    </row>
    <row r="3216" spans="1:11" x14ac:dyDescent="0.3">
      <c r="A3216" s="1">
        <v>42271</v>
      </c>
      <c r="B3216" s="3">
        <f t="shared" si="100"/>
        <v>9</v>
      </c>
      <c r="C3216" s="3">
        <f t="shared" si="101"/>
        <v>2015</v>
      </c>
      <c r="D3216" t="s">
        <v>2198</v>
      </c>
      <c r="E3216" t="s">
        <v>26</v>
      </c>
      <c r="F3216" t="s">
        <v>33</v>
      </c>
      <c r="G3216" t="s">
        <v>46</v>
      </c>
      <c r="H3216" t="s">
        <v>59</v>
      </c>
      <c r="I3216">
        <v>14.91</v>
      </c>
      <c r="J3216">
        <v>3</v>
      </c>
      <c r="K3216">
        <v>4.62</v>
      </c>
    </row>
    <row r="3217" spans="1:11" x14ac:dyDescent="0.3">
      <c r="A3217" s="1">
        <v>42271</v>
      </c>
      <c r="B3217" s="3">
        <f t="shared" si="100"/>
        <v>9</v>
      </c>
      <c r="C3217" s="3">
        <f t="shared" si="101"/>
        <v>2015</v>
      </c>
      <c r="D3217" t="s">
        <v>2198</v>
      </c>
      <c r="E3217" t="s">
        <v>26</v>
      </c>
      <c r="F3217" t="s">
        <v>10</v>
      </c>
      <c r="G3217" t="s">
        <v>91</v>
      </c>
      <c r="H3217" t="s">
        <v>1852</v>
      </c>
      <c r="I3217">
        <v>1158.1199999999999</v>
      </c>
      <c r="J3217">
        <v>4</v>
      </c>
      <c r="K3217">
        <v>335.85</v>
      </c>
    </row>
    <row r="3218" spans="1:11" x14ac:dyDescent="0.3">
      <c r="A3218" s="1">
        <v>42271</v>
      </c>
      <c r="B3218" s="3">
        <f t="shared" si="100"/>
        <v>9</v>
      </c>
      <c r="C3218" s="3">
        <f t="shared" si="101"/>
        <v>2015</v>
      </c>
      <c r="D3218" t="s">
        <v>2261</v>
      </c>
      <c r="E3218" t="s">
        <v>94</v>
      </c>
      <c r="F3218" t="s">
        <v>38</v>
      </c>
      <c r="G3218" t="s">
        <v>39</v>
      </c>
      <c r="H3218" t="s">
        <v>1763</v>
      </c>
      <c r="I3218">
        <v>35.119999999999997</v>
      </c>
      <c r="J3218">
        <v>2</v>
      </c>
      <c r="K3218">
        <v>13.17</v>
      </c>
    </row>
    <row r="3219" spans="1:11" x14ac:dyDescent="0.3">
      <c r="A3219" s="1">
        <v>42271</v>
      </c>
      <c r="B3219" s="3">
        <f t="shared" si="100"/>
        <v>9</v>
      </c>
      <c r="C3219" s="3">
        <f t="shared" si="101"/>
        <v>2015</v>
      </c>
      <c r="D3219" t="s">
        <v>404</v>
      </c>
      <c r="E3219" t="s">
        <v>94</v>
      </c>
      <c r="F3219" t="s">
        <v>10</v>
      </c>
      <c r="G3219" t="s">
        <v>23</v>
      </c>
      <c r="H3219" t="s">
        <v>146</v>
      </c>
      <c r="I3219">
        <v>14.58</v>
      </c>
      <c r="J3219">
        <v>2</v>
      </c>
      <c r="K3219">
        <v>2.37</v>
      </c>
    </row>
    <row r="3220" spans="1:11" x14ac:dyDescent="0.3">
      <c r="A3220" s="1">
        <v>42271</v>
      </c>
      <c r="B3220" s="3">
        <f t="shared" si="100"/>
        <v>9</v>
      </c>
      <c r="C3220" s="3">
        <f t="shared" si="101"/>
        <v>2015</v>
      </c>
      <c r="D3220" t="s">
        <v>404</v>
      </c>
      <c r="E3220" t="s">
        <v>94</v>
      </c>
      <c r="F3220" t="s">
        <v>38</v>
      </c>
      <c r="G3220" t="s">
        <v>51</v>
      </c>
      <c r="H3220" t="s">
        <v>1659</v>
      </c>
      <c r="I3220">
        <v>23.2</v>
      </c>
      <c r="J3220">
        <v>2</v>
      </c>
      <c r="K3220">
        <v>1.45</v>
      </c>
    </row>
    <row r="3221" spans="1:11" x14ac:dyDescent="0.3">
      <c r="A3221" s="1">
        <v>42271</v>
      </c>
      <c r="B3221" s="3">
        <f t="shared" si="100"/>
        <v>9</v>
      </c>
      <c r="C3221" s="3">
        <f t="shared" si="101"/>
        <v>2015</v>
      </c>
      <c r="D3221" t="s">
        <v>404</v>
      </c>
      <c r="E3221" t="s">
        <v>94</v>
      </c>
      <c r="F3221" t="s">
        <v>10</v>
      </c>
      <c r="G3221" t="s">
        <v>23</v>
      </c>
      <c r="H3221" t="s">
        <v>705</v>
      </c>
      <c r="I3221">
        <v>16.46</v>
      </c>
      <c r="J3221">
        <v>7</v>
      </c>
      <c r="K3221">
        <v>1.85</v>
      </c>
    </row>
    <row r="3222" spans="1:11" x14ac:dyDescent="0.3">
      <c r="A3222" s="1">
        <v>42271</v>
      </c>
      <c r="B3222" s="3">
        <f t="shared" si="100"/>
        <v>9</v>
      </c>
      <c r="C3222" s="3">
        <f t="shared" si="101"/>
        <v>2015</v>
      </c>
      <c r="D3222" t="s">
        <v>1083</v>
      </c>
      <c r="E3222" t="s">
        <v>77</v>
      </c>
      <c r="F3222" t="s">
        <v>10</v>
      </c>
      <c r="G3222" t="s">
        <v>19</v>
      </c>
      <c r="H3222" t="s">
        <v>1489</v>
      </c>
      <c r="I3222">
        <v>6.73</v>
      </c>
      <c r="J3222">
        <v>6</v>
      </c>
      <c r="K3222">
        <v>-4.49</v>
      </c>
    </row>
    <row r="3223" spans="1:11" x14ac:dyDescent="0.3">
      <c r="A3223" s="1">
        <v>42271</v>
      </c>
      <c r="B3223" s="3">
        <f t="shared" si="100"/>
        <v>9</v>
      </c>
      <c r="C3223" s="3">
        <f t="shared" si="101"/>
        <v>2015</v>
      </c>
      <c r="D3223" t="s">
        <v>1083</v>
      </c>
      <c r="E3223" t="s">
        <v>77</v>
      </c>
      <c r="F3223" t="s">
        <v>10</v>
      </c>
      <c r="G3223" t="s">
        <v>17</v>
      </c>
      <c r="H3223" t="s">
        <v>1964</v>
      </c>
      <c r="I3223">
        <v>33.57</v>
      </c>
      <c r="J3223">
        <v>2</v>
      </c>
      <c r="K3223">
        <v>1.68</v>
      </c>
    </row>
    <row r="3224" spans="1:11" x14ac:dyDescent="0.3">
      <c r="A3224" s="1">
        <v>42271</v>
      </c>
      <c r="B3224" s="3">
        <f t="shared" si="100"/>
        <v>9</v>
      </c>
      <c r="C3224" s="3">
        <f t="shared" si="101"/>
        <v>2015</v>
      </c>
      <c r="D3224" t="s">
        <v>1083</v>
      </c>
      <c r="E3224" t="s">
        <v>77</v>
      </c>
      <c r="F3224" t="s">
        <v>10</v>
      </c>
      <c r="G3224" t="s">
        <v>62</v>
      </c>
      <c r="H3224" t="s">
        <v>2262</v>
      </c>
      <c r="I3224">
        <v>15.84</v>
      </c>
      <c r="J3224">
        <v>2</v>
      </c>
      <c r="K3224">
        <v>5.54</v>
      </c>
    </row>
    <row r="3225" spans="1:11" x14ac:dyDescent="0.3">
      <c r="A3225" s="1">
        <v>42271</v>
      </c>
      <c r="B3225" s="3">
        <f t="shared" si="100"/>
        <v>9</v>
      </c>
      <c r="C3225" s="3">
        <f t="shared" si="101"/>
        <v>2015</v>
      </c>
      <c r="D3225" t="s">
        <v>1083</v>
      </c>
      <c r="E3225" t="s">
        <v>77</v>
      </c>
      <c r="F3225" t="s">
        <v>10</v>
      </c>
      <c r="G3225" t="s">
        <v>15</v>
      </c>
      <c r="H3225" t="s">
        <v>1499</v>
      </c>
      <c r="I3225">
        <v>24.42</v>
      </c>
      <c r="J3225">
        <v>1</v>
      </c>
      <c r="K3225">
        <v>7.94</v>
      </c>
    </row>
    <row r="3226" spans="1:11" x14ac:dyDescent="0.3">
      <c r="A3226" s="1">
        <v>42271</v>
      </c>
      <c r="B3226" s="3">
        <f t="shared" si="100"/>
        <v>9</v>
      </c>
      <c r="C3226" s="3">
        <f t="shared" si="101"/>
        <v>2015</v>
      </c>
      <c r="D3226" t="s">
        <v>1083</v>
      </c>
      <c r="E3226" t="s">
        <v>77</v>
      </c>
      <c r="F3226" t="s">
        <v>10</v>
      </c>
      <c r="G3226" t="s">
        <v>23</v>
      </c>
      <c r="H3226" t="s">
        <v>576</v>
      </c>
      <c r="I3226">
        <v>17.12</v>
      </c>
      <c r="J3226">
        <v>5</v>
      </c>
      <c r="K3226">
        <v>1.93</v>
      </c>
    </row>
    <row r="3227" spans="1:11" x14ac:dyDescent="0.3">
      <c r="A3227" s="1">
        <v>42271</v>
      </c>
      <c r="B3227" s="3">
        <f t="shared" si="100"/>
        <v>9</v>
      </c>
      <c r="C3227" s="3">
        <f t="shared" si="101"/>
        <v>2015</v>
      </c>
      <c r="D3227" t="s">
        <v>1622</v>
      </c>
      <c r="E3227" t="s">
        <v>148</v>
      </c>
      <c r="F3227" t="s">
        <v>10</v>
      </c>
      <c r="G3227" t="s">
        <v>62</v>
      </c>
      <c r="H3227" t="s">
        <v>2263</v>
      </c>
      <c r="I3227">
        <v>39.979999999999997</v>
      </c>
      <c r="J3227">
        <v>1</v>
      </c>
      <c r="K3227">
        <v>17.989999999999998</v>
      </c>
    </row>
    <row r="3228" spans="1:11" x14ac:dyDescent="0.3">
      <c r="A3228" s="1">
        <v>42272</v>
      </c>
      <c r="B3228" s="3">
        <f t="shared" si="100"/>
        <v>9</v>
      </c>
      <c r="C3228" s="3">
        <f t="shared" si="101"/>
        <v>2015</v>
      </c>
      <c r="D3228" t="s">
        <v>621</v>
      </c>
      <c r="E3228" t="s">
        <v>295</v>
      </c>
      <c r="F3228" t="s">
        <v>33</v>
      </c>
      <c r="G3228" t="s">
        <v>144</v>
      </c>
      <c r="H3228" t="s">
        <v>1702</v>
      </c>
      <c r="I3228">
        <v>1044.6300000000001</v>
      </c>
      <c r="J3228">
        <v>3</v>
      </c>
      <c r="K3228">
        <v>240.26</v>
      </c>
    </row>
    <row r="3229" spans="1:11" x14ac:dyDescent="0.3">
      <c r="A3229" s="1">
        <v>42272</v>
      </c>
      <c r="B3229" s="3">
        <f t="shared" si="100"/>
        <v>9</v>
      </c>
      <c r="C3229" s="3">
        <f t="shared" si="101"/>
        <v>2015</v>
      </c>
      <c r="D3229" t="s">
        <v>13</v>
      </c>
      <c r="E3229" t="s">
        <v>176</v>
      </c>
      <c r="F3229" t="s">
        <v>38</v>
      </c>
      <c r="G3229" t="s">
        <v>51</v>
      </c>
      <c r="H3229" t="s">
        <v>1021</v>
      </c>
      <c r="I3229">
        <v>63.96</v>
      </c>
      <c r="J3229">
        <v>4</v>
      </c>
      <c r="K3229">
        <v>19.829999999999998</v>
      </c>
    </row>
    <row r="3230" spans="1:11" x14ac:dyDescent="0.3">
      <c r="A3230" s="1">
        <v>42272</v>
      </c>
      <c r="B3230" s="3">
        <f t="shared" si="100"/>
        <v>9</v>
      </c>
      <c r="C3230" s="3">
        <f t="shared" si="101"/>
        <v>2015</v>
      </c>
      <c r="D3230" t="s">
        <v>13</v>
      </c>
      <c r="E3230" t="s">
        <v>176</v>
      </c>
      <c r="F3230" t="s">
        <v>10</v>
      </c>
      <c r="G3230" t="s">
        <v>19</v>
      </c>
      <c r="H3230" t="s">
        <v>940</v>
      </c>
      <c r="I3230">
        <v>14.46</v>
      </c>
      <c r="J3230">
        <v>3</v>
      </c>
      <c r="K3230">
        <v>7.09</v>
      </c>
    </row>
    <row r="3231" spans="1:11" x14ac:dyDescent="0.3">
      <c r="A3231" s="1">
        <v>42272</v>
      </c>
      <c r="B3231" s="3">
        <f t="shared" si="100"/>
        <v>9</v>
      </c>
      <c r="C3231" s="3">
        <f t="shared" si="101"/>
        <v>2015</v>
      </c>
      <c r="D3231" t="s">
        <v>13</v>
      </c>
      <c r="E3231" t="s">
        <v>176</v>
      </c>
      <c r="F3231" t="s">
        <v>38</v>
      </c>
      <c r="G3231" t="s">
        <v>39</v>
      </c>
      <c r="H3231" t="s">
        <v>720</v>
      </c>
      <c r="I3231">
        <v>104.98</v>
      </c>
      <c r="J3231">
        <v>2</v>
      </c>
      <c r="K3231">
        <v>52.49</v>
      </c>
    </row>
    <row r="3232" spans="1:11" x14ac:dyDescent="0.3">
      <c r="A3232" s="1">
        <v>42272</v>
      </c>
      <c r="B3232" s="3">
        <f t="shared" si="100"/>
        <v>9</v>
      </c>
      <c r="C3232" s="3">
        <f t="shared" si="101"/>
        <v>2015</v>
      </c>
      <c r="D3232" t="s">
        <v>1527</v>
      </c>
      <c r="E3232" t="s">
        <v>26</v>
      </c>
      <c r="F3232" t="s">
        <v>10</v>
      </c>
      <c r="G3232" t="s">
        <v>62</v>
      </c>
      <c r="H3232" t="s">
        <v>784</v>
      </c>
      <c r="I3232">
        <v>17.48</v>
      </c>
      <c r="J3232">
        <v>2</v>
      </c>
      <c r="K3232">
        <v>8.2200000000000006</v>
      </c>
    </row>
    <row r="3233" spans="1:11" x14ac:dyDescent="0.3">
      <c r="A3233" s="1">
        <v>42272</v>
      </c>
      <c r="B3233" s="3">
        <f t="shared" si="100"/>
        <v>9</v>
      </c>
      <c r="C3233" s="3">
        <f t="shared" si="101"/>
        <v>2015</v>
      </c>
      <c r="D3233" t="s">
        <v>1340</v>
      </c>
      <c r="E3233" t="s">
        <v>684</v>
      </c>
      <c r="F3233" t="s">
        <v>10</v>
      </c>
      <c r="G3233" t="s">
        <v>19</v>
      </c>
      <c r="H3233" t="s">
        <v>367</v>
      </c>
      <c r="I3233">
        <v>68.62</v>
      </c>
      <c r="J3233">
        <v>2</v>
      </c>
      <c r="K3233">
        <v>32.25</v>
      </c>
    </row>
    <row r="3234" spans="1:11" x14ac:dyDescent="0.3">
      <c r="A3234" s="1">
        <v>42272</v>
      </c>
      <c r="B3234" s="3">
        <f t="shared" si="100"/>
        <v>9</v>
      </c>
      <c r="C3234" s="3">
        <f t="shared" si="101"/>
        <v>2015</v>
      </c>
      <c r="D3234" t="s">
        <v>2264</v>
      </c>
      <c r="E3234" t="s">
        <v>148</v>
      </c>
      <c r="F3234" t="s">
        <v>38</v>
      </c>
      <c r="G3234" t="s">
        <v>51</v>
      </c>
      <c r="H3234" t="s">
        <v>485</v>
      </c>
      <c r="I3234">
        <v>899.91</v>
      </c>
      <c r="J3234">
        <v>9</v>
      </c>
      <c r="K3234">
        <v>395.96</v>
      </c>
    </row>
    <row r="3235" spans="1:11" x14ac:dyDescent="0.3">
      <c r="A3235" s="1">
        <v>42272</v>
      </c>
      <c r="B3235" s="3">
        <f t="shared" si="100"/>
        <v>9</v>
      </c>
      <c r="C3235" s="3">
        <f t="shared" si="101"/>
        <v>2015</v>
      </c>
      <c r="D3235" t="s">
        <v>82</v>
      </c>
      <c r="E3235" t="s">
        <v>612</v>
      </c>
      <c r="F3235" t="s">
        <v>10</v>
      </c>
      <c r="G3235" t="s">
        <v>19</v>
      </c>
      <c r="H3235" t="s">
        <v>1256</v>
      </c>
      <c r="I3235">
        <v>10.76</v>
      </c>
      <c r="J3235">
        <v>2</v>
      </c>
      <c r="K3235">
        <v>5.16</v>
      </c>
    </row>
    <row r="3236" spans="1:11" x14ac:dyDescent="0.3">
      <c r="A3236" s="1">
        <v>42272</v>
      </c>
      <c r="B3236" s="3">
        <f t="shared" si="100"/>
        <v>9</v>
      </c>
      <c r="C3236" s="3">
        <f t="shared" si="101"/>
        <v>2015</v>
      </c>
      <c r="D3236" t="s">
        <v>82</v>
      </c>
      <c r="E3236" t="s">
        <v>612</v>
      </c>
      <c r="F3236" t="s">
        <v>10</v>
      </c>
      <c r="G3236" t="s">
        <v>11</v>
      </c>
      <c r="H3236" t="s">
        <v>1772</v>
      </c>
      <c r="I3236">
        <v>45.68</v>
      </c>
      <c r="J3236">
        <v>2</v>
      </c>
      <c r="K3236">
        <v>21.01</v>
      </c>
    </row>
    <row r="3237" spans="1:11" x14ac:dyDescent="0.3">
      <c r="A3237" s="1">
        <v>42272</v>
      </c>
      <c r="B3237" s="3">
        <f t="shared" si="100"/>
        <v>9</v>
      </c>
      <c r="C3237" s="3">
        <f t="shared" si="101"/>
        <v>2015</v>
      </c>
      <c r="D3237" t="s">
        <v>82</v>
      </c>
      <c r="E3237" t="s">
        <v>612</v>
      </c>
      <c r="F3237" t="s">
        <v>10</v>
      </c>
      <c r="G3237" t="s">
        <v>23</v>
      </c>
      <c r="H3237" t="s">
        <v>1134</v>
      </c>
      <c r="I3237">
        <v>6.7</v>
      </c>
      <c r="J3237">
        <v>1</v>
      </c>
      <c r="K3237">
        <v>2.21</v>
      </c>
    </row>
    <row r="3238" spans="1:11" x14ac:dyDescent="0.3">
      <c r="A3238" s="1">
        <v>42272</v>
      </c>
      <c r="B3238" s="3">
        <f t="shared" si="100"/>
        <v>9</v>
      </c>
      <c r="C3238" s="3">
        <f t="shared" si="101"/>
        <v>2015</v>
      </c>
      <c r="D3238" t="s">
        <v>1940</v>
      </c>
      <c r="E3238" t="s">
        <v>14</v>
      </c>
      <c r="F3238" t="s">
        <v>10</v>
      </c>
      <c r="G3238" t="s">
        <v>23</v>
      </c>
      <c r="H3238" t="s">
        <v>1068</v>
      </c>
      <c r="I3238">
        <v>128.74</v>
      </c>
      <c r="J3238">
        <v>7</v>
      </c>
      <c r="K3238">
        <v>12.87</v>
      </c>
    </row>
    <row r="3239" spans="1:11" x14ac:dyDescent="0.3">
      <c r="A3239" s="1">
        <v>42272</v>
      </c>
      <c r="B3239" s="3">
        <f t="shared" si="100"/>
        <v>9</v>
      </c>
      <c r="C3239" s="3">
        <f t="shared" si="101"/>
        <v>2015</v>
      </c>
      <c r="D3239" t="s">
        <v>1770</v>
      </c>
      <c r="E3239" t="s">
        <v>163</v>
      </c>
      <c r="F3239" t="s">
        <v>33</v>
      </c>
      <c r="G3239" t="s">
        <v>34</v>
      </c>
      <c r="H3239" t="s">
        <v>1255</v>
      </c>
      <c r="I3239">
        <v>307.14</v>
      </c>
      <c r="J3239">
        <v>4</v>
      </c>
      <c r="K3239">
        <v>-11.52</v>
      </c>
    </row>
    <row r="3240" spans="1:11" x14ac:dyDescent="0.3">
      <c r="A3240" s="1">
        <v>42272</v>
      </c>
      <c r="B3240" s="3">
        <f t="shared" si="100"/>
        <v>9</v>
      </c>
      <c r="C3240" s="3">
        <f t="shared" si="101"/>
        <v>2015</v>
      </c>
      <c r="D3240" t="s">
        <v>1770</v>
      </c>
      <c r="E3240" t="s">
        <v>163</v>
      </c>
      <c r="F3240" t="s">
        <v>10</v>
      </c>
      <c r="G3240" t="s">
        <v>15</v>
      </c>
      <c r="H3240" t="s">
        <v>1401</v>
      </c>
      <c r="I3240">
        <v>12.6</v>
      </c>
      <c r="J3240">
        <v>2</v>
      </c>
      <c r="K3240">
        <v>5.8</v>
      </c>
    </row>
    <row r="3241" spans="1:11" x14ac:dyDescent="0.3">
      <c r="A3241" s="1">
        <v>42272</v>
      </c>
      <c r="B3241" s="3">
        <f t="shared" si="100"/>
        <v>9</v>
      </c>
      <c r="C3241" s="3">
        <f t="shared" si="101"/>
        <v>2015</v>
      </c>
      <c r="D3241" t="s">
        <v>1770</v>
      </c>
      <c r="E3241" t="s">
        <v>163</v>
      </c>
      <c r="F3241" t="s">
        <v>38</v>
      </c>
      <c r="G3241" t="s">
        <v>51</v>
      </c>
      <c r="H3241" t="s">
        <v>998</v>
      </c>
      <c r="I3241">
        <v>159.97999999999999</v>
      </c>
      <c r="J3241">
        <v>2</v>
      </c>
      <c r="K3241">
        <v>57.59</v>
      </c>
    </row>
    <row r="3242" spans="1:11" x14ac:dyDescent="0.3">
      <c r="A3242" s="1">
        <v>42272</v>
      </c>
      <c r="B3242" s="3">
        <f t="shared" si="100"/>
        <v>9</v>
      </c>
      <c r="C3242" s="3">
        <f t="shared" si="101"/>
        <v>2015</v>
      </c>
      <c r="D3242" t="s">
        <v>196</v>
      </c>
      <c r="E3242" t="s">
        <v>119</v>
      </c>
      <c r="F3242" t="s">
        <v>10</v>
      </c>
      <c r="G3242" t="s">
        <v>19</v>
      </c>
      <c r="H3242" t="s">
        <v>845</v>
      </c>
      <c r="I3242">
        <v>6.34</v>
      </c>
      <c r="J3242">
        <v>4</v>
      </c>
      <c r="K3242">
        <v>-4.6500000000000004</v>
      </c>
    </row>
    <row r="3243" spans="1:11" x14ac:dyDescent="0.3">
      <c r="A3243" s="1">
        <v>42272</v>
      </c>
      <c r="B3243" s="3">
        <f t="shared" si="100"/>
        <v>9</v>
      </c>
      <c r="C3243" s="3">
        <f t="shared" si="101"/>
        <v>2015</v>
      </c>
      <c r="D3243" t="s">
        <v>196</v>
      </c>
      <c r="E3243" t="s">
        <v>119</v>
      </c>
      <c r="F3243" t="s">
        <v>10</v>
      </c>
      <c r="G3243" t="s">
        <v>11</v>
      </c>
      <c r="H3243" t="s">
        <v>1261</v>
      </c>
      <c r="I3243">
        <v>10.48</v>
      </c>
      <c r="J3243">
        <v>1</v>
      </c>
      <c r="K3243">
        <v>3.8</v>
      </c>
    </row>
    <row r="3244" spans="1:11" x14ac:dyDescent="0.3">
      <c r="A3244" s="1">
        <v>42272</v>
      </c>
      <c r="B3244" s="3">
        <f t="shared" si="100"/>
        <v>9</v>
      </c>
      <c r="C3244" s="3">
        <f t="shared" si="101"/>
        <v>2015</v>
      </c>
      <c r="D3244" t="s">
        <v>196</v>
      </c>
      <c r="E3244" t="s">
        <v>119</v>
      </c>
      <c r="F3244" t="s">
        <v>10</v>
      </c>
      <c r="G3244" t="s">
        <v>19</v>
      </c>
      <c r="H3244" t="s">
        <v>1042</v>
      </c>
      <c r="I3244">
        <v>2.4700000000000002</v>
      </c>
      <c r="J3244">
        <v>1</v>
      </c>
      <c r="K3244">
        <v>-1.81</v>
      </c>
    </row>
    <row r="3245" spans="1:11" x14ac:dyDescent="0.3">
      <c r="A3245" s="1">
        <v>42272</v>
      </c>
      <c r="B3245" s="3">
        <f t="shared" si="100"/>
        <v>9</v>
      </c>
      <c r="C3245" s="3">
        <f t="shared" si="101"/>
        <v>2015</v>
      </c>
      <c r="D3245" t="s">
        <v>196</v>
      </c>
      <c r="E3245" t="s">
        <v>119</v>
      </c>
      <c r="F3245" t="s">
        <v>10</v>
      </c>
      <c r="G3245" t="s">
        <v>19</v>
      </c>
      <c r="H3245" t="s">
        <v>979</v>
      </c>
      <c r="I3245">
        <v>3.26</v>
      </c>
      <c r="J3245">
        <v>2</v>
      </c>
      <c r="K3245">
        <v>-2.2799999999999998</v>
      </c>
    </row>
    <row r="3246" spans="1:11" x14ac:dyDescent="0.3">
      <c r="A3246" s="1">
        <v>42272</v>
      </c>
      <c r="B3246" s="3">
        <f t="shared" si="100"/>
        <v>9</v>
      </c>
      <c r="C3246" s="3">
        <f t="shared" si="101"/>
        <v>2015</v>
      </c>
      <c r="D3246" t="s">
        <v>790</v>
      </c>
      <c r="E3246" t="s">
        <v>148</v>
      </c>
      <c r="F3246" t="s">
        <v>33</v>
      </c>
      <c r="G3246" t="s">
        <v>34</v>
      </c>
      <c r="H3246" t="s">
        <v>2265</v>
      </c>
      <c r="I3246">
        <v>102.58</v>
      </c>
      <c r="J3246">
        <v>1</v>
      </c>
      <c r="K3246">
        <v>6.84</v>
      </c>
    </row>
    <row r="3247" spans="1:11" x14ac:dyDescent="0.3">
      <c r="A3247" s="1">
        <v>42272</v>
      </c>
      <c r="B3247" s="3">
        <f t="shared" si="100"/>
        <v>9</v>
      </c>
      <c r="C3247" s="3">
        <f t="shared" si="101"/>
        <v>2015</v>
      </c>
      <c r="D3247" t="s">
        <v>790</v>
      </c>
      <c r="E3247" t="s">
        <v>148</v>
      </c>
      <c r="F3247" t="s">
        <v>10</v>
      </c>
      <c r="G3247" t="s">
        <v>11</v>
      </c>
      <c r="H3247" t="s">
        <v>78</v>
      </c>
      <c r="I3247">
        <v>20.04</v>
      </c>
      <c r="J3247">
        <v>3</v>
      </c>
      <c r="K3247">
        <v>9.6199999999999992</v>
      </c>
    </row>
    <row r="3248" spans="1:11" x14ac:dyDescent="0.3">
      <c r="A3248" s="1">
        <v>42272</v>
      </c>
      <c r="B3248" s="3">
        <f t="shared" si="100"/>
        <v>9</v>
      </c>
      <c r="C3248" s="3">
        <f t="shared" si="101"/>
        <v>2015</v>
      </c>
      <c r="D3248" t="s">
        <v>777</v>
      </c>
      <c r="E3248" t="s">
        <v>22</v>
      </c>
      <c r="F3248" t="s">
        <v>10</v>
      </c>
      <c r="G3248" t="s">
        <v>19</v>
      </c>
      <c r="H3248" t="s">
        <v>1312</v>
      </c>
      <c r="I3248">
        <v>2.95</v>
      </c>
      <c r="J3248">
        <v>2</v>
      </c>
      <c r="K3248">
        <v>-2.06</v>
      </c>
    </row>
    <row r="3249" spans="1:11" x14ac:dyDescent="0.3">
      <c r="A3249" s="1">
        <v>42273</v>
      </c>
      <c r="B3249" s="3">
        <f t="shared" si="100"/>
        <v>9</v>
      </c>
      <c r="C3249" s="3">
        <f t="shared" si="101"/>
        <v>2015</v>
      </c>
      <c r="D3249" t="s">
        <v>767</v>
      </c>
      <c r="E3249" t="s">
        <v>9</v>
      </c>
      <c r="F3249" t="s">
        <v>10</v>
      </c>
      <c r="G3249" t="s">
        <v>19</v>
      </c>
      <c r="H3249" t="s">
        <v>2266</v>
      </c>
      <c r="I3249">
        <v>2.08</v>
      </c>
      <c r="J3249">
        <v>5</v>
      </c>
      <c r="K3249">
        <v>-3.43</v>
      </c>
    </row>
    <row r="3250" spans="1:11" x14ac:dyDescent="0.3">
      <c r="A3250" s="1">
        <v>42273</v>
      </c>
      <c r="B3250" s="3">
        <f t="shared" si="100"/>
        <v>9</v>
      </c>
      <c r="C3250" s="3">
        <f t="shared" si="101"/>
        <v>2015</v>
      </c>
      <c r="D3250" t="s">
        <v>767</v>
      </c>
      <c r="E3250" t="s">
        <v>9</v>
      </c>
      <c r="F3250" t="s">
        <v>38</v>
      </c>
      <c r="G3250" t="s">
        <v>39</v>
      </c>
      <c r="H3250" t="s">
        <v>1418</v>
      </c>
      <c r="I3250">
        <v>1114.4000000000001</v>
      </c>
      <c r="J3250">
        <v>7</v>
      </c>
      <c r="K3250">
        <v>376.11</v>
      </c>
    </row>
    <row r="3251" spans="1:11" x14ac:dyDescent="0.3">
      <c r="A3251" s="1">
        <v>42273</v>
      </c>
      <c r="B3251" s="3">
        <f t="shared" si="100"/>
        <v>9</v>
      </c>
      <c r="C3251" s="3">
        <f t="shared" si="101"/>
        <v>2015</v>
      </c>
      <c r="D3251" t="s">
        <v>1476</v>
      </c>
      <c r="E3251" t="s">
        <v>90</v>
      </c>
      <c r="F3251" t="s">
        <v>10</v>
      </c>
      <c r="G3251" t="s">
        <v>11</v>
      </c>
      <c r="H3251" t="s">
        <v>624</v>
      </c>
      <c r="I3251">
        <v>141.76</v>
      </c>
      <c r="J3251">
        <v>5</v>
      </c>
      <c r="K3251">
        <v>47.84</v>
      </c>
    </row>
    <row r="3252" spans="1:11" x14ac:dyDescent="0.3">
      <c r="A3252" s="1">
        <v>42273</v>
      </c>
      <c r="B3252" s="3">
        <f t="shared" si="100"/>
        <v>9</v>
      </c>
      <c r="C3252" s="3">
        <f t="shared" si="101"/>
        <v>2015</v>
      </c>
      <c r="D3252" t="s">
        <v>1476</v>
      </c>
      <c r="E3252" t="s">
        <v>90</v>
      </c>
      <c r="F3252" t="s">
        <v>38</v>
      </c>
      <c r="G3252" t="s">
        <v>51</v>
      </c>
      <c r="H3252" t="s">
        <v>2267</v>
      </c>
      <c r="I3252">
        <v>239.8</v>
      </c>
      <c r="J3252">
        <v>5</v>
      </c>
      <c r="K3252">
        <v>47.96</v>
      </c>
    </row>
    <row r="3253" spans="1:11" x14ac:dyDescent="0.3">
      <c r="A3253" s="1">
        <v>42273</v>
      </c>
      <c r="B3253" s="3">
        <f t="shared" si="100"/>
        <v>9</v>
      </c>
      <c r="C3253" s="3">
        <f t="shared" si="101"/>
        <v>2015</v>
      </c>
      <c r="D3253" t="s">
        <v>1476</v>
      </c>
      <c r="E3253" t="s">
        <v>90</v>
      </c>
      <c r="F3253" t="s">
        <v>10</v>
      </c>
      <c r="G3253" t="s">
        <v>11</v>
      </c>
      <c r="H3253" t="s">
        <v>1202</v>
      </c>
      <c r="I3253">
        <v>31.1</v>
      </c>
      <c r="J3253">
        <v>6</v>
      </c>
      <c r="K3253">
        <v>10.89</v>
      </c>
    </row>
    <row r="3254" spans="1:11" x14ac:dyDescent="0.3">
      <c r="A3254" s="1">
        <v>42273</v>
      </c>
      <c r="B3254" s="3">
        <f t="shared" si="100"/>
        <v>9</v>
      </c>
      <c r="C3254" s="3">
        <f t="shared" si="101"/>
        <v>2015</v>
      </c>
      <c r="D3254" t="s">
        <v>1906</v>
      </c>
      <c r="E3254" t="s">
        <v>94</v>
      </c>
      <c r="F3254" t="s">
        <v>10</v>
      </c>
      <c r="G3254" t="s">
        <v>11</v>
      </c>
      <c r="H3254" t="s">
        <v>2156</v>
      </c>
      <c r="I3254">
        <v>86.27</v>
      </c>
      <c r="J3254">
        <v>4</v>
      </c>
      <c r="K3254">
        <v>31.27</v>
      </c>
    </row>
    <row r="3255" spans="1:11" x14ac:dyDescent="0.3">
      <c r="A3255" s="1">
        <v>42273</v>
      </c>
      <c r="B3255" s="3">
        <f t="shared" si="100"/>
        <v>9</v>
      </c>
      <c r="C3255" s="3">
        <f t="shared" si="101"/>
        <v>2015</v>
      </c>
      <c r="D3255" t="s">
        <v>1906</v>
      </c>
      <c r="E3255" t="s">
        <v>94</v>
      </c>
      <c r="F3255" t="s">
        <v>10</v>
      </c>
      <c r="G3255" t="s">
        <v>19</v>
      </c>
      <c r="H3255" t="s">
        <v>2268</v>
      </c>
      <c r="I3255">
        <v>72.59</v>
      </c>
      <c r="J3255">
        <v>2</v>
      </c>
      <c r="K3255">
        <v>-48.39</v>
      </c>
    </row>
    <row r="3256" spans="1:11" x14ac:dyDescent="0.3">
      <c r="A3256" s="1">
        <v>42273</v>
      </c>
      <c r="B3256" s="3">
        <f t="shared" si="100"/>
        <v>9</v>
      </c>
      <c r="C3256" s="3">
        <f t="shared" si="101"/>
        <v>2015</v>
      </c>
      <c r="D3256" t="s">
        <v>1906</v>
      </c>
      <c r="E3256" t="s">
        <v>94</v>
      </c>
      <c r="F3256" t="s">
        <v>10</v>
      </c>
      <c r="G3256" t="s">
        <v>91</v>
      </c>
      <c r="H3256" t="s">
        <v>2015</v>
      </c>
      <c r="I3256">
        <v>60.67</v>
      </c>
      <c r="J3256">
        <v>2</v>
      </c>
      <c r="K3256">
        <v>14.41</v>
      </c>
    </row>
    <row r="3257" spans="1:11" x14ac:dyDescent="0.3">
      <c r="A3257" s="1">
        <v>42273</v>
      </c>
      <c r="B3257" s="3">
        <f t="shared" si="100"/>
        <v>9</v>
      </c>
      <c r="C3257" s="3">
        <f t="shared" si="101"/>
        <v>2015</v>
      </c>
      <c r="D3257" t="s">
        <v>1906</v>
      </c>
      <c r="E3257" t="s">
        <v>94</v>
      </c>
      <c r="F3257" t="s">
        <v>10</v>
      </c>
      <c r="G3257" t="s">
        <v>19</v>
      </c>
      <c r="H3257" t="s">
        <v>1826</v>
      </c>
      <c r="I3257">
        <v>77.03</v>
      </c>
      <c r="J3257">
        <v>9</v>
      </c>
      <c r="K3257">
        <v>-59.06</v>
      </c>
    </row>
    <row r="3258" spans="1:11" x14ac:dyDescent="0.3">
      <c r="A3258" s="1">
        <v>42273</v>
      </c>
      <c r="B3258" s="3">
        <f t="shared" si="100"/>
        <v>9</v>
      </c>
      <c r="C3258" s="3">
        <f t="shared" si="101"/>
        <v>2015</v>
      </c>
      <c r="D3258" t="s">
        <v>1906</v>
      </c>
      <c r="E3258" t="s">
        <v>94</v>
      </c>
      <c r="F3258" t="s">
        <v>10</v>
      </c>
      <c r="G3258" t="s">
        <v>17</v>
      </c>
      <c r="H3258" t="s">
        <v>594</v>
      </c>
      <c r="I3258">
        <v>119.9</v>
      </c>
      <c r="J3258">
        <v>6</v>
      </c>
      <c r="K3258">
        <v>-1.5</v>
      </c>
    </row>
    <row r="3259" spans="1:11" x14ac:dyDescent="0.3">
      <c r="A3259" s="1">
        <v>42273</v>
      </c>
      <c r="B3259" s="3">
        <f t="shared" si="100"/>
        <v>9</v>
      </c>
      <c r="C3259" s="3">
        <f t="shared" si="101"/>
        <v>2015</v>
      </c>
      <c r="D3259" t="s">
        <v>1906</v>
      </c>
      <c r="E3259" t="s">
        <v>94</v>
      </c>
      <c r="F3259" t="s">
        <v>38</v>
      </c>
      <c r="G3259" t="s">
        <v>39</v>
      </c>
      <c r="H3259" t="s">
        <v>1550</v>
      </c>
      <c r="I3259">
        <v>263.95999999999998</v>
      </c>
      <c r="J3259">
        <v>5</v>
      </c>
      <c r="K3259">
        <v>23.1</v>
      </c>
    </row>
    <row r="3260" spans="1:11" x14ac:dyDescent="0.3">
      <c r="A3260" s="1">
        <v>42273</v>
      </c>
      <c r="B3260" s="3">
        <f t="shared" si="100"/>
        <v>9</v>
      </c>
      <c r="C3260" s="3">
        <f t="shared" si="101"/>
        <v>2015</v>
      </c>
      <c r="D3260" t="s">
        <v>1906</v>
      </c>
      <c r="E3260" t="s">
        <v>94</v>
      </c>
      <c r="F3260" t="s">
        <v>10</v>
      </c>
      <c r="G3260" t="s">
        <v>17</v>
      </c>
      <c r="H3260" t="s">
        <v>18</v>
      </c>
      <c r="I3260">
        <v>363.65</v>
      </c>
      <c r="J3260">
        <v>4</v>
      </c>
      <c r="K3260">
        <v>-86.37</v>
      </c>
    </row>
    <row r="3261" spans="1:11" x14ac:dyDescent="0.3">
      <c r="A3261" s="1">
        <v>42273</v>
      </c>
      <c r="B3261" s="3">
        <f t="shared" si="100"/>
        <v>9</v>
      </c>
      <c r="C3261" s="3">
        <f t="shared" si="101"/>
        <v>2015</v>
      </c>
      <c r="D3261" t="s">
        <v>1827</v>
      </c>
      <c r="E3261" t="s">
        <v>22</v>
      </c>
      <c r="F3261" t="s">
        <v>10</v>
      </c>
      <c r="G3261" t="s">
        <v>19</v>
      </c>
      <c r="H3261" t="s">
        <v>268</v>
      </c>
      <c r="I3261">
        <v>121.1</v>
      </c>
      <c r="J3261">
        <v>6</v>
      </c>
      <c r="K3261">
        <v>-100.92</v>
      </c>
    </row>
    <row r="3262" spans="1:11" x14ac:dyDescent="0.3">
      <c r="A3262" s="1">
        <v>42273</v>
      </c>
      <c r="B3262" s="3">
        <f t="shared" si="100"/>
        <v>9</v>
      </c>
      <c r="C3262" s="3">
        <f t="shared" si="101"/>
        <v>2015</v>
      </c>
      <c r="D3262" t="s">
        <v>1827</v>
      </c>
      <c r="E3262" t="s">
        <v>22</v>
      </c>
      <c r="F3262" t="s">
        <v>38</v>
      </c>
      <c r="G3262" t="s">
        <v>39</v>
      </c>
      <c r="H3262" t="s">
        <v>2034</v>
      </c>
      <c r="I3262">
        <v>45.89</v>
      </c>
      <c r="J3262">
        <v>1</v>
      </c>
      <c r="K3262">
        <v>-9.18</v>
      </c>
    </row>
    <row r="3263" spans="1:11" x14ac:dyDescent="0.3">
      <c r="A3263" s="1">
        <v>42273</v>
      </c>
      <c r="B3263" s="3">
        <f t="shared" si="100"/>
        <v>9</v>
      </c>
      <c r="C3263" s="3">
        <f t="shared" si="101"/>
        <v>2015</v>
      </c>
      <c r="D3263" t="s">
        <v>2269</v>
      </c>
      <c r="E3263" t="s">
        <v>26</v>
      </c>
      <c r="F3263" t="s">
        <v>10</v>
      </c>
      <c r="G3263" t="s">
        <v>17</v>
      </c>
      <c r="H3263" t="s">
        <v>1455</v>
      </c>
      <c r="I3263">
        <v>64.17</v>
      </c>
      <c r="J3263">
        <v>3</v>
      </c>
      <c r="K3263">
        <v>18.61</v>
      </c>
    </row>
    <row r="3264" spans="1:11" x14ac:dyDescent="0.3">
      <c r="A3264" s="1">
        <v>42273</v>
      </c>
      <c r="B3264" s="3">
        <f t="shared" si="100"/>
        <v>9</v>
      </c>
      <c r="C3264" s="3">
        <f t="shared" si="101"/>
        <v>2015</v>
      </c>
      <c r="D3264" t="s">
        <v>2269</v>
      </c>
      <c r="E3264" t="s">
        <v>26</v>
      </c>
      <c r="F3264" t="s">
        <v>10</v>
      </c>
      <c r="G3264" t="s">
        <v>62</v>
      </c>
      <c r="H3264" t="s">
        <v>542</v>
      </c>
      <c r="I3264">
        <v>124.46</v>
      </c>
      <c r="J3264">
        <v>2</v>
      </c>
      <c r="K3264">
        <v>58.5</v>
      </c>
    </row>
    <row r="3265" spans="1:11" x14ac:dyDescent="0.3">
      <c r="A3265" s="1">
        <v>42273</v>
      </c>
      <c r="B3265" s="3">
        <f t="shared" si="100"/>
        <v>9</v>
      </c>
      <c r="C3265" s="3">
        <f t="shared" si="101"/>
        <v>2015</v>
      </c>
      <c r="D3265" t="s">
        <v>1333</v>
      </c>
      <c r="E3265" t="s">
        <v>148</v>
      </c>
      <c r="F3265" t="s">
        <v>38</v>
      </c>
      <c r="G3265" t="s">
        <v>51</v>
      </c>
      <c r="H3265" t="s">
        <v>2129</v>
      </c>
      <c r="I3265">
        <v>50</v>
      </c>
      <c r="J3265">
        <v>2</v>
      </c>
      <c r="K3265">
        <v>12</v>
      </c>
    </row>
    <row r="3266" spans="1:11" x14ac:dyDescent="0.3">
      <c r="A3266" s="1">
        <v>42273</v>
      </c>
      <c r="B3266" s="3">
        <f t="shared" ref="B3266:B3329" si="102">MONTH(A:A)</f>
        <v>9</v>
      </c>
      <c r="C3266" s="3">
        <f t="shared" ref="C3266:C3329" si="103">YEAR(A:A)</f>
        <v>2015</v>
      </c>
      <c r="D3266" t="s">
        <v>1103</v>
      </c>
      <c r="E3266" t="s">
        <v>148</v>
      </c>
      <c r="F3266" t="s">
        <v>10</v>
      </c>
      <c r="G3266" t="s">
        <v>42</v>
      </c>
      <c r="H3266" t="s">
        <v>1108</v>
      </c>
      <c r="I3266">
        <v>34.44</v>
      </c>
      <c r="J3266">
        <v>3</v>
      </c>
      <c r="K3266">
        <v>16.190000000000001</v>
      </c>
    </row>
    <row r="3267" spans="1:11" x14ac:dyDescent="0.3">
      <c r="A3267" s="1">
        <v>42273</v>
      </c>
      <c r="B3267" s="3">
        <f t="shared" si="102"/>
        <v>9</v>
      </c>
      <c r="C3267" s="3">
        <f t="shared" si="103"/>
        <v>2015</v>
      </c>
      <c r="D3267" t="s">
        <v>1103</v>
      </c>
      <c r="E3267" t="s">
        <v>148</v>
      </c>
      <c r="F3267" t="s">
        <v>38</v>
      </c>
      <c r="G3267" t="s">
        <v>301</v>
      </c>
      <c r="H3267" t="s">
        <v>537</v>
      </c>
      <c r="I3267">
        <v>629.92999999999995</v>
      </c>
      <c r="J3267">
        <v>7</v>
      </c>
      <c r="K3267">
        <v>296.07</v>
      </c>
    </row>
    <row r="3268" spans="1:11" x14ac:dyDescent="0.3">
      <c r="A3268" s="1">
        <v>42273</v>
      </c>
      <c r="B3268" s="3">
        <f t="shared" si="102"/>
        <v>9</v>
      </c>
      <c r="C3268" s="3">
        <f t="shared" si="103"/>
        <v>2015</v>
      </c>
      <c r="D3268" t="s">
        <v>1103</v>
      </c>
      <c r="E3268" t="s">
        <v>148</v>
      </c>
      <c r="F3268" t="s">
        <v>10</v>
      </c>
      <c r="G3268" t="s">
        <v>19</v>
      </c>
      <c r="H3268" t="s">
        <v>1958</v>
      </c>
      <c r="I3268">
        <v>79.06</v>
      </c>
      <c r="J3268">
        <v>9</v>
      </c>
      <c r="K3268">
        <v>28.66</v>
      </c>
    </row>
    <row r="3269" spans="1:11" x14ac:dyDescent="0.3">
      <c r="A3269" s="1">
        <v>42274</v>
      </c>
      <c r="B3269" s="3">
        <f t="shared" si="102"/>
        <v>9</v>
      </c>
      <c r="C3269" s="3">
        <f t="shared" si="103"/>
        <v>2015</v>
      </c>
      <c r="D3269" t="s">
        <v>2229</v>
      </c>
      <c r="E3269" t="s">
        <v>14</v>
      </c>
      <c r="F3269" t="s">
        <v>10</v>
      </c>
      <c r="G3269" t="s">
        <v>19</v>
      </c>
      <c r="H3269" t="s">
        <v>910</v>
      </c>
      <c r="I3269">
        <v>15.08</v>
      </c>
      <c r="J3269">
        <v>2</v>
      </c>
      <c r="K3269">
        <v>-22.62</v>
      </c>
    </row>
    <row r="3270" spans="1:11" x14ac:dyDescent="0.3">
      <c r="A3270" s="1">
        <v>42274</v>
      </c>
      <c r="B3270" s="3">
        <f t="shared" si="102"/>
        <v>9</v>
      </c>
      <c r="C3270" s="3">
        <f t="shared" si="103"/>
        <v>2015</v>
      </c>
      <c r="D3270" t="s">
        <v>2229</v>
      </c>
      <c r="E3270" t="s">
        <v>14</v>
      </c>
      <c r="F3270" t="s">
        <v>33</v>
      </c>
      <c r="G3270" t="s">
        <v>46</v>
      </c>
      <c r="H3270" t="s">
        <v>1738</v>
      </c>
      <c r="I3270">
        <v>24.29</v>
      </c>
      <c r="J3270">
        <v>3</v>
      </c>
      <c r="K3270">
        <v>-12.75</v>
      </c>
    </row>
    <row r="3271" spans="1:11" x14ac:dyDescent="0.3">
      <c r="A3271" s="1">
        <v>42274</v>
      </c>
      <c r="B3271" s="3">
        <f t="shared" si="102"/>
        <v>9</v>
      </c>
      <c r="C3271" s="3">
        <f t="shared" si="103"/>
        <v>2015</v>
      </c>
      <c r="D3271" t="s">
        <v>1628</v>
      </c>
      <c r="E3271" t="s">
        <v>26</v>
      </c>
      <c r="F3271" t="s">
        <v>10</v>
      </c>
      <c r="G3271" t="s">
        <v>17</v>
      </c>
      <c r="H3271" t="s">
        <v>1610</v>
      </c>
      <c r="I3271">
        <v>15.51</v>
      </c>
      <c r="J3271">
        <v>1</v>
      </c>
      <c r="K3271">
        <v>4.34</v>
      </c>
    </row>
    <row r="3272" spans="1:11" x14ac:dyDescent="0.3">
      <c r="A3272" s="1">
        <v>42274</v>
      </c>
      <c r="B3272" s="3">
        <f t="shared" si="102"/>
        <v>9</v>
      </c>
      <c r="C3272" s="3">
        <f t="shared" si="103"/>
        <v>2015</v>
      </c>
      <c r="D3272" t="s">
        <v>1628</v>
      </c>
      <c r="E3272" t="s">
        <v>26</v>
      </c>
      <c r="F3272" t="s">
        <v>10</v>
      </c>
      <c r="G3272" t="s">
        <v>11</v>
      </c>
      <c r="H3272" t="s">
        <v>1040</v>
      </c>
      <c r="I3272">
        <v>146.82</v>
      </c>
      <c r="J3272">
        <v>3</v>
      </c>
      <c r="K3272">
        <v>73.41</v>
      </c>
    </row>
    <row r="3273" spans="1:11" x14ac:dyDescent="0.3">
      <c r="A3273" s="1">
        <v>42274</v>
      </c>
      <c r="B3273" s="3">
        <f t="shared" si="102"/>
        <v>9</v>
      </c>
      <c r="C3273" s="3">
        <f t="shared" si="103"/>
        <v>2015</v>
      </c>
      <c r="D3273" t="s">
        <v>1628</v>
      </c>
      <c r="E3273" t="s">
        <v>26</v>
      </c>
      <c r="F3273" t="s">
        <v>10</v>
      </c>
      <c r="G3273" t="s">
        <v>11</v>
      </c>
      <c r="H3273" t="s">
        <v>492</v>
      </c>
      <c r="I3273">
        <v>12.96</v>
      </c>
      <c r="J3273">
        <v>2</v>
      </c>
      <c r="K3273">
        <v>6.22</v>
      </c>
    </row>
    <row r="3274" spans="1:11" x14ac:dyDescent="0.3">
      <c r="A3274" s="1">
        <v>42274</v>
      </c>
      <c r="B3274" s="3">
        <f t="shared" si="102"/>
        <v>9</v>
      </c>
      <c r="C3274" s="3">
        <f t="shared" si="103"/>
        <v>2015</v>
      </c>
      <c r="D3274" t="s">
        <v>2270</v>
      </c>
      <c r="E3274" t="s">
        <v>109</v>
      </c>
      <c r="F3274" t="s">
        <v>10</v>
      </c>
      <c r="G3274" t="s">
        <v>23</v>
      </c>
      <c r="H3274" t="s">
        <v>459</v>
      </c>
      <c r="I3274">
        <v>16.399999999999999</v>
      </c>
      <c r="J3274">
        <v>5</v>
      </c>
      <c r="K3274">
        <v>4.76</v>
      </c>
    </row>
    <row r="3275" spans="1:11" x14ac:dyDescent="0.3">
      <c r="A3275" s="1">
        <v>42274</v>
      </c>
      <c r="B3275" s="3">
        <f t="shared" si="102"/>
        <v>9</v>
      </c>
      <c r="C3275" s="3">
        <f t="shared" si="103"/>
        <v>2015</v>
      </c>
      <c r="D3275" t="s">
        <v>2270</v>
      </c>
      <c r="E3275" t="s">
        <v>109</v>
      </c>
      <c r="F3275" t="s">
        <v>10</v>
      </c>
      <c r="G3275" t="s">
        <v>11</v>
      </c>
      <c r="H3275" t="s">
        <v>2271</v>
      </c>
      <c r="I3275">
        <v>25.92</v>
      </c>
      <c r="J3275">
        <v>4</v>
      </c>
      <c r="K3275">
        <v>12.44</v>
      </c>
    </row>
    <row r="3276" spans="1:11" x14ac:dyDescent="0.3">
      <c r="A3276" s="1">
        <v>42274</v>
      </c>
      <c r="B3276" s="3">
        <f t="shared" si="102"/>
        <v>9</v>
      </c>
      <c r="C3276" s="3">
        <f t="shared" si="103"/>
        <v>2015</v>
      </c>
      <c r="D3276" t="s">
        <v>937</v>
      </c>
      <c r="E3276" t="s">
        <v>54</v>
      </c>
      <c r="F3276" t="s">
        <v>10</v>
      </c>
      <c r="G3276" t="s">
        <v>11</v>
      </c>
      <c r="H3276" t="s">
        <v>1157</v>
      </c>
      <c r="I3276">
        <v>154.9</v>
      </c>
      <c r="J3276">
        <v>5</v>
      </c>
      <c r="K3276">
        <v>69.709999999999994</v>
      </c>
    </row>
    <row r="3277" spans="1:11" x14ac:dyDescent="0.3">
      <c r="A3277" s="1">
        <v>42274</v>
      </c>
      <c r="B3277" s="3">
        <f t="shared" si="102"/>
        <v>9</v>
      </c>
      <c r="C3277" s="3">
        <f t="shared" si="103"/>
        <v>2015</v>
      </c>
      <c r="D3277" t="s">
        <v>937</v>
      </c>
      <c r="E3277" t="s">
        <v>54</v>
      </c>
      <c r="F3277" t="s">
        <v>38</v>
      </c>
      <c r="G3277" t="s">
        <v>39</v>
      </c>
      <c r="H3277" t="s">
        <v>2108</v>
      </c>
      <c r="I3277">
        <v>1871.88</v>
      </c>
      <c r="J3277">
        <v>12</v>
      </c>
      <c r="K3277">
        <v>561.55999999999995</v>
      </c>
    </row>
    <row r="3278" spans="1:11" x14ac:dyDescent="0.3">
      <c r="A3278" s="1">
        <v>42274</v>
      </c>
      <c r="B3278" s="3">
        <f t="shared" si="102"/>
        <v>9</v>
      </c>
      <c r="C3278" s="3">
        <f t="shared" si="103"/>
        <v>2015</v>
      </c>
      <c r="D3278" t="s">
        <v>1679</v>
      </c>
      <c r="E3278" t="s">
        <v>163</v>
      </c>
      <c r="F3278" t="s">
        <v>10</v>
      </c>
      <c r="G3278" t="s">
        <v>23</v>
      </c>
      <c r="H3278" t="s">
        <v>989</v>
      </c>
      <c r="I3278">
        <v>99.2</v>
      </c>
      <c r="J3278">
        <v>5</v>
      </c>
      <c r="K3278">
        <v>25.79</v>
      </c>
    </row>
    <row r="3279" spans="1:11" x14ac:dyDescent="0.3">
      <c r="A3279" s="1">
        <v>42275</v>
      </c>
      <c r="B3279" s="3">
        <f t="shared" si="102"/>
        <v>9</v>
      </c>
      <c r="C3279" s="3">
        <f t="shared" si="103"/>
        <v>2015</v>
      </c>
      <c r="D3279" t="s">
        <v>1342</v>
      </c>
      <c r="E3279" t="s">
        <v>26</v>
      </c>
      <c r="F3279" t="s">
        <v>10</v>
      </c>
      <c r="G3279" t="s">
        <v>91</v>
      </c>
      <c r="H3279" t="s">
        <v>616</v>
      </c>
      <c r="I3279">
        <v>43.26</v>
      </c>
      <c r="J3279">
        <v>3</v>
      </c>
      <c r="K3279">
        <v>14.28</v>
      </c>
    </row>
    <row r="3280" spans="1:11" x14ac:dyDescent="0.3">
      <c r="A3280" s="1">
        <v>42275</v>
      </c>
      <c r="B3280" s="3">
        <f t="shared" si="102"/>
        <v>9</v>
      </c>
      <c r="C3280" s="3">
        <f t="shared" si="103"/>
        <v>2015</v>
      </c>
      <c r="D3280" t="s">
        <v>1342</v>
      </c>
      <c r="E3280" t="s">
        <v>26</v>
      </c>
      <c r="F3280" t="s">
        <v>10</v>
      </c>
      <c r="G3280" t="s">
        <v>91</v>
      </c>
      <c r="H3280" t="s">
        <v>2272</v>
      </c>
      <c r="I3280">
        <v>43.56</v>
      </c>
      <c r="J3280">
        <v>2</v>
      </c>
      <c r="K3280">
        <v>15.25</v>
      </c>
    </row>
    <row r="3281" spans="1:11" x14ac:dyDescent="0.3">
      <c r="A3281" s="1">
        <v>42275</v>
      </c>
      <c r="B3281" s="3">
        <f t="shared" si="102"/>
        <v>9</v>
      </c>
      <c r="C3281" s="3">
        <f t="shared" si="103"/>
        <v>2015</v>
      </c>
      <c r="D3281" t="s">
        <v>1458</v>
      </c>
      <c r="E3281" t="s">
        <v>277</v>
      </c>
      <c r="F3281" t="s">
        <v>10</v>
      </c>
      <c r="G3281" t="s">
        <v>62</v>
      </c>
      <c r="H3281" t="s">
        <v>1349</v>
      </c>
      <c r="I3281">
        <v>12.54</v>
      </c>
      <c r="J3281">
        <v>1</v>
      </c>
      <c r="K3281">
        <v>4.2300000000000004</v>
      </c>
    </row>
    <row r="3282" spans="1:11" x14ac:dyDescent="0.3">
      <c r="A3282" s="1">
        <v>42275</v>
      </c>
      <c r="B3282" s="3">
        <f t="shared" si="102"/>
        <v>9</v>
      </c>
      <c r="C3282" s="3">
        <f t="shared" si="103"/>
        <v>2015</v>
      </c>
      <c r="D3282" t="s">
        <v>1458</v>
      </c>
      <c r="E3282" t="s">
        <v>277</v>
      </c>
      <c r="F3282" t="s">
        <v>10</v>
      </c>
      <c r="G3282" t="s">
        <v>19</v>
      </c>
      <c r="H3282" t="s">
        <v>204</v>
      </c>
      <c r="I3282">
        <v>1.08</v>
      </c>
      <c r="J3282">
        <v>2</v>
      </c>
      <c r="K3282">
        <v>-0.79</v>
      </c>
    </row>
    <row r="3283" spans="1:11" x14ac:dyDescent="0.3">
      <c r="A3283" s="1">
        <v>42275</v>
      </c>
      <c r="B3283" s="3">
        <f t="shared" si="102"/>
        <v>9</v>
      </c>
      <c r="C3283" s="3">
        <f t="shared" si="103"/>
        <v>2015</v>
      </c>
      <c r="D3283" t="s">
        <v>1458</v>
      </c>
      <c r="E3283" t="s">
        <v>277</v>
      </c>
      <c r="F3283" t="s">
        <v>10</v>
      </c>
      <c r="G3283" t="s">
        <v>42</v>
      </c>
      <c r="H3283" t="s">
        <v>159</v>
      </c>
      <c r="I3283">
        <v>4.51</v>
      </c>
      <c r="J3283">
        <v>3</v>
      </c>
      <c r="K3283">
        <v>0.85</v>
      </c>
    </row>
    <row r="3284" spans="1:11" x14ac:dyDescent="0.3">
      <c r="A3284" s="1">
        <v>42275</v>
      </c>
      <c r="B3284" s="3">
        <f t="shared" si="102"/>
        <v>9</v>
      </c>
      <c r="C3284" s="3">
        <f t="shared" si="103"/>
        <v>2015</v>
      </c>
      <c r="D3284" t="s">
        <v>1936</v>
      </c>
      <c r="E3284" t="s">
        <v>148</v>
      </c>
      <c r="F3284" t="s">
        <v>10</v>
      </c>
      <c r="G3284" t="s">
        <v>91</v>
      </c>
      <c r="H3284" t="s">
        <v>285</v>
      </c>
      <c r="I3284">
        <v>293.52</v>
      </c>
      <c r="J3284">
        <v>6</v>
      </c>
      <c r="K3284">
        <v>76.319999999999993</v>
      </c>
    </row>
    <row r="3285" spans="1:11" x14ac:dyDescent="0.3">
      <c r="A3285" s="1">
        <v>42275</v>
      </c>
      <c r="B3285" s="3">
        <f t="shared" si="102"/>
        <v>9</v>
      </c>
      <c r="C3285" s="3">
        <f t="shared" si="103"/>
        <v>2015</v>
      </c>
      <c r="D3285" t="s">
        <v>1936</v>
      </c>
      <c r="E3285" t="s">
        <v>148</v>
      </c>
      <c r="F3285" t="s">
        <v>38</v>
      </c>
      <c r="G3285" t="s">
        <v>39</v>
      </c>
      <c r="H3285" t="s">
        <v>1346</v>
      </c>
      <c r="I3285">
        <v>307.98</v>
      </c>
      <c r="J3285">
        <v>2</v>
      </c>
      <c r="K3285">
        <v>89.31</v>
      </c>
    </row>
    <row r="3286" spans="1:11" x14ac:dyDescent="0.3">
      <c r="A3286" s="1">
        <v>42275</v>
      </c>
      <c r="B3286" s="3">
        <f t="shared" si="102"/>
        <v>9</v>
      </c>
      <c r="C3286" s="3">
        <f t="shared" si="103"/>
        <v>2015</v>
      </c>
      <c r="D3286" t="s">
        <v>467</v>
      </c>
      <c r="E3286" t="s">
        <v>26</v>
      </c>
      <c r="F3286" t="s">
        <v>10</v>
      </c>
      <c r="G3286" t="s">
        <v>91</v>
      </c>
      <c r="H3286" t="s">
        <v>1089</v>
      </c>
      <c r="I3286">
        <v>186.15</v>
      </c>
      <c r="J3286">
        <v>3</v>
      </c>
      <c r="K3286">
        <v>55.85</v>
      </c>
    </row>
    <row r="3287" spans="1:11" x14ac:dyDescent="0.3">
      <c r="A3287" s="1">
        <v>42275</v>
      </c>
      <c r="B3287" s="3">
        <f t="shared" si="102"/>
        <v>9</v>
      </c>
      <c r="C3287" s="3">
        <f t="shared" si="103"/>
        <v>2015</v>
      </c>
      <c r="D3287" t="s">
        <v>467</v>
      </c>
      <c r="E3287" t="s">
        <v>26</v>
      </c>
      <c r="F3287" t="s">
        <v>10</v>
      </c>
      <c r="G3287" t="s">
        <v>19</v>
      </c>
      <c r="H3287" t="s">
        <v>1532</v>
      </c>
      <c r="I3287">
        <v>81.790000000000006</v>
      </c>
      <c r="J3287">
        <v>6</v>
      </c>
      <c r="K3287">
        <v>26.58</v>
      </c>
    </row>
    <row r="3288" spans="1:11" x14ac:dyDescent="0.3">
      <c r="A3288" s="1">
        <v>42275</v>
      </c>
      <c r="B3288" s="3">
        <f t="shared" si="102"/>
        <v>9</v>
      </c>
      <c r="C3288" s="3">
        <f t="shared" si="103"/>
        <v>2015</v>
      </c>
      <c r="D3288" t="s">
        <v>467</v>
      </c>
      <c r="E3288" t="s">
        <v>26</v>
      </c>
      <c r="F3288" t="s">
        <v>10</v>
      </c>
      <c r="G3288" t="s">
        <v>199</v>
      </c>
      <c r="H3288" t="s">
        <v>2273</v>
      </c>
      <c r="I3288">
        <v>47.19</v>
      </c>
      <c r="J3288">
        <v>3</v>
      </c>
      <c r="K3288">
        <v>13.69</v>
      </c>
    </row>
    <row r="3289" spans="1:11" x14ac:dyDescent="0.3">
      <c r="A3289" s="1">
        <v>42275</v>
      </c>
      <c r="B3289" s="3">
        <f t="shared" si="102"/>
        <v>9</v>
      </c>
      <c r="C3289" s="3">
        <f t="shared" si="103"/>
        <v>2015</v>
      </c>
      <c r="D3289" t="s">
        <v>467</v>
      </c>
      <c r="E3289" t="s">
        <v>26</v>
      </c>
      <c r="F3289" t="s">
        <v>38</v>
      </c>
      <c r="G3289" t="s">
        <v>39</v>
      </c>
      <c r="H3289" t="s">
        <v>2274</v>
      </c>
      <c r="I3289">
        <v>36.78</v>
      </c>
      <c r="J3289">
        <v>2</v>
      </c>
      <c r="K3289">
        <v>-8.2799999999999994</v>
      </c>
    </row>
    <row r="3290" spans="1:11" x14ac:dyDescent="0.3">
      <c r="A3290" s="1">
        <v>42278</v>
      </c>
      <c r="B3290" s="3">
        <f t="shared" si="102"/>
        <v>10</v>
      </c>
      <c r="C3290" s="3">
        <f t="shared" si="103"/>
        <v>2015</v>
      </c>
      <c r="D3290" t="s">
        <v>2198</v>
      </c>
      <c r="E3290" t="s">
        <v>277</v>
      </c>
      <c r="F3290" t="s">
        <v>10</v>
      </c>
      <c r="G3290" t="s">
        <v>17</v>
      </c>
      <c r="H3290" t="s">
        <v>1559</v>
      </c>
      <c r="I3290">
        <v>139.41999999999999</v>
      </c>
      <c r="J3290">
        <v>4</v>
      </c>
      <c r="K3290">
        <v>17.43</v>
      </c>
    </row>
    <row r="3291" spans="1:11" x14ac:dyDescent="0.3">
      <c r="A3291" s="1">
        <v>42278</v>
      </c>
      <c r="B3291" s="3">
        <f t="shared" si="102"/>
        <v>10</v>
      </c>
      <c r="C3291" s="3">
        <f t="shared" si="103"/>
        <v>2015</v>
      </c>
      <c r="D3291" t="s">
        <v>1619</v>
      </c>
      <c r="E3291" t="s">
        <v>433</v>
      </c>
      <c r="F3291" t="s">
        <v>38</v>
      </c>
      <c r="G3291" t="s">
        <v>39</v>
      </c>
      <c r="H3291" t="s">
        <v>2108</v>
      </c>
      <c r="I3291">
        <v>311.98</v>
      </c>
      <c r="J3291">
        <v>2</v>
      </c>
      <c r="K3291">
        <v>93.59</v>
      </c>
    </row>
    <row r="3292" spans="1:11" x14ac:dyDescent="0.3">
      <c r="A3292" s="1">
        <v>42278</v>
      </c>
      <c r="B3292" s="3">
        <f t="shared" si="102"/>
        <v>10</v>
      </c>
      <c r="C3292" s="3">
        <f t="shared" si="103"/>
        <v>2015</v>
      </c>
      <c r="D3292" t="s">
        <v>1619</v>
      </c>
      <c r="E3292" t="s">
        <v>433</v>
      </c>
      <c r="F3292" t="s">
        <v>10</v>
      </c>
      <c r="G3292" t="s">
        <v>19</v>
      </c>
      <c r="H3292" t="s">
        <v>450</v>
      </c>
      <c r="I3292">
        <v>22.45</v>
      </c>
      <c r="J3292">
        <v>5</v>
      </c>
      <c r="K3292">
        <v>10.33</v>
      </c>
    </row>
    <row r="3293" spans="1:11" x14ac:dyDescent="0.3">
      <c r="A3293" s="1">
        <v>42278</v>
      </c>
      <c r="B3293" s="3">
        <f t="shared" si="102"/>
        <v>10</v>
      </c>
      <c r="C3293" s="3">
        <f t="shared" si="103"/>
        <v>2015</v>
      </c>
      <c r="D3293" t="s">
        <v>2275</v>
      </c>
      <c r="E3293" t="s">
        <v>14</v>
      </c>
      <c r="F3293" t="s">
        <v>10</v>
      </c>
      <c r="G3293" t="s">
        <v>19</v>
      </c>
      <c r="H3293" t="s">
        <v>1489</v>
      </c>
      <c r="I3293">
        <v>2.99</v>
      </c>
      <c r="J3293">
        <v>4</v>
      </c>
      <c r="K3293">
        <v>-4.49</v>
      </c>
    </row>
    <row r="3294" spans="1:11" x14ac:dyDescent="0.3">
      <c r="A3294" s="1">
        <v>42278</v>
      </c>
      <c r="B3294" s="3">
        <f t="shared" si="102"/>
        <v>10</v>
      </c>
      <c r="C3294" s="3">
        <f t="shared" si="103"/>
        <v>2015</v>
      </c>
      <c r="D3294" t="s">
        <v>2275</v>
      </c>
      <c r="E3294" t="s">
        <v>14</v>
      </c>
      <c r="F3294" t="s">
        <v>38</v>
      </c>
      <c r="G3294" t="s">
        <v>51</v>
      </c>
      <c r="H3294" t="s">
        <v>2112</v>
      </c>
      <c r="I3294">
        <v>108.77</v>
      </c>
      <c r="J3294">
        <v>4</v>
      </c>
      <c r="K3294">
        <v>2.72</v>
      </c>
    </row>
    <row r="3295" spans="1:11" x14ac:dyDescent="0.3">
      <c r="A3295" s="1">
        <v>42278</v>
      </c>
      <c r="B3295" s="3">
        <f t="shared" si="102"/>
        <v>10</v>
      </c>
      <c r="C3295" s="3">
        <f t="shared" si="103"/>
        <v>2015</v>
      </c>
      <c r="D3295" t="s">
        <v>2275</v>
      </c>
      <c r="E3295" t="s">
        <v>90</v>
      </c>
      <c r="F3295" t="s">
        <v>38</v>
      </c>
      <c r="G3295" t="s">
        <v>39</v>
      </c>
      <c r="H3295" t="s">
        <v>647</v>
      </c>
      <c r="I3295">
        <v>572.79999999999995</v>
      </c>
      <c r="J3295">
        <v>2</v>
      </c>
      <c r="K3295">
        <v>50.12</v>
      </c>
    </row>
    <row r="3296" spans="1:11" x14ac:dyDescent="0.3">
      <c r="A3296" s="1">
        <v>42279</v>
      </c>
      <c r="B3296" s="3">
        <f t="shared" si="102"/>
        <v>10</v>
      </c>
      <c r="C3296" s="3">
        <f t="shared" si="103"/>
        <v>2015</v>
      </c>
      <c r="D3296" t="s">
        <v>921</v>
      </c>
      <c r="E3296" t="s">
        <v>26</v>
      </c>
      <c r="F3296" t="s">
        <v>10</v>
      </c>
      <c r="G3296" t="s">
        <v>19</v>
      </c>
      <c r="H3296" t="s">
        <v>510</v>
      </c>
      <c r="I3296">
        <v>57.5</v>
      </c>
      <c r="J3296">
        <v>6</v>
      </c>
      <c r="K3296">
        <v>20.13</v>
      </c>
    </row>
    <row r="3297" spans="1:11" x14ac:dyDescent="0.3">
      <c r="A3297" s="1">
        <v>42279</v>
      </c>
      <c r="B3297" s="3">
        <f t="shared" si="102"/>
        <v>10</v>
      </c>
      <c r="C3297" s="3">
        <f t="shared" si="103"/>
        <v>2015</v>
      </c>
      <c r="D3297" t="s">
        <v>1160</v>
      </c>
      <c r="E3297" t="s">
        <v>176</v>
      </c>
      <c r="F3297" t="s">
        <v>10</v>
      </c>
      <c r="G3297" t="s">
        <v>11</v>
      </c>
      <c r="H3297" t="s">
        <v>1831</v>
      </c>
      <c r="I3297">
        <v>94.85</v>
      </c>
      <c r="J3297">
        <v>5</v>
      </c>
      <c r="K3297">
        <v>45.53</v>
      </c>
    </row>
    <row r="3298" spans="1:11" x14ac:dyDescent="0.3">
      <c r="A3298" s="1">
        <v>42279</v>
      </c>
      <c r="B3298" s="3">
        <f t="shared" si="102"/>
        <v>10</v>
      </c>
      <c r="C3298" s="3">
        <f t="shared" si="103"/>
        <v>2015</v>
      </c>
      <c r="D3298" t="s">
        <v>1160</v>
      </c>
      <c r="E3298" t="s">
        <v>176</v>
      </c>
      <c r="F3298" t="s">
        <v>10</v>
      </c>
      <c r="G3298" t="s">
        <v>62</v>
      </c>
      <c r="H3298" t="s">
        <v>1090</v>
      </c>
      <c r="I3298">
        <v>51.12</v>
      </c>
      <c r="J3298">
        <v>4</v>
      </c>
      <c r="K3298">
        <v>23</v>
      </c>
    </row>
    <row r="3299" spans="1:11" x14ac:dyDescent="0.3">
      <c r="A3299" s="1">
        <v>42279</v>
      </c>
      <c r="B3299" s="3">
        <f t="shared" si="102"/>
        <v>10</v>
      </c>
      <c r="C3299" s="3">
        <f t="shared" si="103"/>
        <v>2015</v>
      </c>
      <c r="D3299" t="s">
        <v>1160</v>
      </c>
      <c r="E3299" t="s">
        <v>176</v>
      </c>
      <c r="F3299" t="s">
        <v>38</v>
      </c>
      <c r="G3299" t="s">
        <v>51</v>
      </c>
      <c r="H3299" t="s">
        <v>1558</v>
      </c>
      <c r="I3299">
        <v>90</v>
      </c>
      <c r="J3299">
        <v>1</v>
      </c>
      <c r="K3299">
        <v>32.4</v>
      </c>
    </row>
    <row r="3300" spans="1:11" x14ac:dyDescent="0.3">
      <c r="A3300" s="1">
        <v>42279</v>
      </c>
      <c r="B3300" s="3">
        <f t="shared" si="102"/>
        <v>10</v>
      </c>
      <c r="C3300" s="3">
        <f t="shared" si="103"/>
        <v>2015</v>
      </c>
      <c r="D3300" t="s">
        <v>1382</v>
      </c>
      <c r="E3300" t="s">
        <v>26</v>
      </c>
      <c r="F3300" t="s">
        <v>10</v>
      </c>
      <c r="G3300" t="s">
        <v>17</v>
      </c>
      <c r="H3300" t="s">
        <v>1316</v>
      </c>
      <c r="I3300">
        <v>270.33999999999997</v>
      </c>
      <c r="J3300">
        <v>14</v>
      </c>
      <c r="K3300">
        <v>75.7</v>
      </c>
    </row>
    <row r="3301" spans="1:11" x14ac:dyDescent="0.3">
      <c r="A3301" s="1">
        <v>42279</v>
      </c>
      <c r="B3301" s="3">
        <f t="shared" si="102"/>
        <v>10</v>
      </c>
      <c r="C3301" s="3">
        <f t="shared" si="103"/>
        <v>2015</v>
      </c>
      <c r="D3301" t="s">
        <v>267</v>
      </c>
      <c r="E3301" t="s">
        <v>244</v>
      </c>
      <c r="F3301" t="s">
        <v>10</v>
      </c>
      <c r="G3301" t="s">
        <v>19</v>
      </c>
      <c r="H3301" t="s">
        <v>1649</v>
      </c>
      <c r="I3301">
        <v>7.38</v>
      </c>
      <c r="J3301">
        <v>5</v>
      </c>
      <c r="K3301">
        <v>-5.41</v>
      </c>
    </row>
    <row r="3302" spans="1:11" x14ac:dyDescent="0.3">
      <c r="A3302" s="1">
        <v>42279</v>
      </c>
      <c r="B3302" s="3">
        <f t="shared" si="102"/>
        <v>10</v>
      </c>
      <c r="C3302" s="3">
        <f t="shared" si="103"/>
        <v>2015</v>
      </c>
      <c r="D3302" t="s">
        <v>2276</v>
      </c>
      <c r="E3302" t="s">
        <v>26</v>
      </c>
      <c r="F3302" t="s">
        <v>10</v>
      </c>
      <c r="G3302" t="s">
        <v>19</v>
      </c>
      <c r="H3302" t="s">
        <v>1649</v>
      </c>
      <c r="I3302">
        <v>11.81</v>
      </c>
      <c r="J3302">
        <v>3</v>
      </c>
      <c r="K3302">
        <v>4.13</v>
      </c>
    </row>
    <row r="3303" spans="1:11" x14ac:dyDescent="0.3">
      <c r="A3303" s="1">
        <v>42279</v>
      </c>
      <c r="B3303" s="3">
        <f t="shared" si="102"/>
        <v>10</v>
      </c>
      <c r="C3303" s="3">
        <f t="shared" si="103"/>
        <v>2015</v>
      </c>
      <c r="D3303" t="s">
        <v>2276</v>
      </c>
      <c r="E3303" t="s">
        <v>26</v>
      </c>
      <c r="F3303" t="s">
        <v>10</v>
      </c>
      <c r="G3303" t="s">
        <v>19</v>
      </c>
      <c r="H3303" t="s">
        <v>607</v>
      </c>
      <c r="I3303">
        <v>53.57</v>
      </c>
      <c r="J3303">
        <v>4</v>
      </c>
      <c r="K3303">
        <v>19.420000000000002</v>
      </c>
    </row>
    <row r="3304" spans="1:11" x14ac:dyDescent="0.3">
      <c r="A3304" s="1">
        <v>42279</v>
      </c>
      <c r="B3304" s="3">
        <f t="shared" si="102"/>
        <v>10</v>
      </c>
      <c r="C3304" s="3">
        <f t="shared" si="103"/>
        <v>2015</v>
      </c>
      <c r="D3304" t="s">
        <v>2276</v>
      </c>
      <c r="E3304" t="s">
        <v>26</v>
      </c>
      <c r="F3304" t="s">
        <v>38</v>
      </c>
      <c r="G3304" t="s">
        <v>39</v>
      </c>
      <c r="H3304" t="s">
        <v>832</v>
      </c>
      <c r="I3304">
        <v>503.96</v>
      </c>
      <c r="J3304">
        <v>5</v>
      </c>
      <c r="K3304">
        <v>50.4</v>
      </c>
    </row>
    <row r="3305" spans="1:11" x14ac:dyDescent="0.3">
      <c r="A3305" s="1">
        <v>42279</v>
      </c>
      <c r="B3305" s="3">
        <f t="shared" si="102"/>
        <v>10</v>
      </c>
      <c r="C3305" s="3">
        <f t="shared" si="103"/>
        <v>2015</v>
      </c>
      <c r="D3305" t="s">
        <v>2032</v>
      </c>
      <c r="E3305" t="s">
        <v>612</v>
      </c>
      <c r="F3305" t="s">
        <v>10</v>
      </c>
      <c r="G3305" t="s">
        <v>19</v>
      </c>
      <c r="H3305" t="s">
        <v>630</v>
      </c>
      <c r="I3305">
        <v>26.9</v>
      </c>
      <c r="J3305">
        <v>5</v>
      </c>
      <c r="K3305">
        <v>13.18</v>
      </c>
    </row>
    <row r="3306" spans="1:11" x14ac:dyDescent="0.3">
      <c r="A3306" s="1">
        <v>42279</v>
      </c>
      <c r="B3306" s="3">
        <f t="shared" si="102"/>
        <v>10</v>
      </c>
      <c r="C3306" s="3">
        <f t="shared" si="103"/>
        <v>2015</v>
      </c>
      <c r="D3306" t="s">
        <v>1022</v>
      </c>
      <c r="E3306" t="s">
        <v>530</v>
      </c>
      <c r="F3306" t="s">
        <v>10</v>
      </c>
      <c r="G3306" t="s">
        <v>11</v>
      </c>
      <c r="H3306" t="s">
        <v>2113</v>
      </c>
      <c r="I3306">
        <v>19.440000000000001</v>
      </c>
      <c r="J3306">
        <v>3</v>
      </c>
      <c r="K3306">
        <v>9.33</v>
      </c>
    </row>
    <row r="3307" spans="1:11" x14ac:dyDescent="0.3">
      <c r="A3307" s="1">
        <v>42279</v>
      </c>
      <c r="B3307" s="3">
        <f t="shared" si="102"/>
        <v>10</v>
      </c>
      <c r="C3307" s="3">
        <f t="shared" si="103"/>
        <v>2015</v>
      </c>
      <c r="D3307" t="s">
        <v>1022</v>
      </c>
      <c r="E3307" t="s">
        <v>530</v>
      </c>
      <c r="F3307" t="s">
        <v>10</v>
      </c>
      <c r="G3307" t="s">
        <v>19</v>
      </c>
      <c r="H3307" t="s">
        <v>221</v>
      </c>
      <c r="I3307">
        <v>7.38</v>
      </c>
      <c r="J3307">
        <v>1</v>
      </c>
      <c r="K3307">
        <v>3.62</v>
      </c>
    </row>
    <row r="3308" spans="1:11" x14ac:dyDescent="0.3">
      <c r="A3308" s="1">
        <v>42279</v>
      </c>
      <c r="B3308" s="3">
        <f t="shared" si="102"/>
        <v>10</v>
      </c>
      <c r="C3308" s="3">
        <f t="shared" si="103"/>
        <v>2015</v>
      </c>
      <c r="D3308" t="s">
        <v>711</v>
      </c>
      <c r="E3308" t="s">
        <v>277</v>
      </c>
      <c r="F3308" t="s">
        <v>10</v>
      </c>
      <c r="G3308" t="s">
        <v>199</v>
      </c>
      <c r="H3308" t="s">
        <v>1230</v>
      </c>
      <c r="I3308">
        <v>10.94</v>
      </c>
      <c r="J3308">
        <v>2</v>
      </c>
      <c r="K3308">
        <v>0.96</v>
      </c>
    </row>
    <row r="3309" spans="1:11" x14ac:dyDescent="0.3">
      <c r="A3309" s="1">
        <v>42279</v>
      </c>
      <c r="B3309" s="3">
        <f t="shared" si="102"/>
        <v>10</v>
      </c>
      <c r="C3309" s="3">
        <f t="shared" si="103"/>
        <v>2015</v>
      </c>
      <c r="D3309" t="s">
        <v>279</v>
      </c>
      <c r="E3309" t="s">
        <v>90</v>
      </c>
      <c r="F3309" t="s">
        <v>33</v>
      </c>
      <c r="G3309" t="s">
        <v>46</v>
      </c>
      <c r="H3309" t="s">
        <v>930</v>
      </c>
      <c r="I3309">
        <v>11.03</v>
      </c>
      <c r="J3309">
        <v>1</v>
      </c>
      <c r="K3309">
        <v>3.03</v>
      </c>
    </row>
    <row r="3310" spans="1:11" x14ac:dyDescent="0.3">
      <c r="A3310" s="1">
        <v>42279</v>
      </c>
      <c r="B3310" s="3">
        <f t="shared" si="102"/>
        <v>10</v>
      </c>
      <c r="C3310" s="3">
        <f t="shared" si="103"/>
        <v>2015</v>
      </c>
      <c r="D3310" t="s">
        <v>279</v>
      </c>
      <c r="E3310" t="s">
        <v>90</v>
      </c>
      <c r="F3310" t="s">
        <v>38</v>
      </c>
      <c r="G3310" t="s">
        <v>51</v>
      </c>
      <c r="H3310" t="s">
        <v>387</v>
      </c>
      <c r="I3310">
        <v>53.04</v>
      </c>
      <c r="J3310">
        <v>3</v>
      </c>
      <c r="K3310">
        <v>-4.6399999999999997</v>
      </c>
    </row>
    <row r="3311" spans="1:11" x14ac:dyDescent="0.3">
      <c r="A3311" s="1">
        <v>42280</v>
      </c>
      <c r="B3311" s="3">
        <f t="shared" si="102"/>
        <v>10</v>
      </c>
      <c r="C3311" s="3">
        <f t="shared" si="103"/>
        <v>2015</v>
      </c>
      <c r="D3311" t="s">
        <v>777</v>
      </c>
      <c r="E3311" t="s">
        <v>77</v>
      </c>
      <c r="F3311" t="s">
        <v>10</v>
      </c>
      <c r="G3311" t="s">
        <v>19</v>
      </c>
      <c r="H3311" t="s">
        <v>951</v>
      </c>
      <c r="I3311">
        <v>32.07</v>
      </c>
      <c r="J3311">
        <v>5</v>
      </c>
      <c r="K3311">
        <v>-22.45</v>
      </c>
    </row>
    <row r="3312" spans="1:11" x14ac:dyDescent="0.3">
      <c r="A3312" s="1">
        <v>42280</v>
      </c>
      <c r="B3312" s="3">
        <f t="shared" si="102"/>
        <v>10</v>
      </c>
      <c r="C3312" s="3">
        <f t="shared" si="103"/>
        <v>2015</v>
      </c>
      <c r="D3312" t="s">
        <v>777</v>
      </c>
      <c r="E3312" t="s">
        <v>77</v>
      </c>
      <c r="F3312" t="s">
        <v>38</v>
      </c>
      <c r="G3312" t="s">
        <v>51</v>
      </c>
      <c r="H3312" t="s">
        <v>1010</v>
      </c>
      <c r="I3312">
        <v>24</v>
      </c>
      <c r="J3312">
        <v>2</v>
      </c>
      <c r="K3312">
        <v>-2.7</v>
      </c>
    </row>
    <row r="3313" spans="1:11" x14ac:dyDescent="0.3">
      <c r="A3313" s="1">
        <v>42280</v>
      </c>
      <c r="B3313" s="3">
        <f t="shared" si="102"/>
        <v>10</v>
      </c>
      <c r="C3313" s="3">
        <f t="shared" si="103"/>
        <v>2015</v>
      </c>
      <c r="D3313" t="s">
        <v>777</v>
      </c>
      <c r="E3313" t="s">
        <v>77</v>
      </c>
      <c r="F3313" t="s">
        <v>33</v>
      </c>
      <c r="G3313" t="s">
        <v>73</v>
      </c>
      <c r="H3313" t="s">
        <v>141</v>
      </c>
      <c r="I3313">
        <v>35.49</v>
      </c>
      <c r="J3313">
        <v>1</v>
      </c>
      <c r="K3313">
        <v>-15.62</v>
      </c>
    </row>
    <row r="3314" spans="1:11" x14ac:dyDescent="0.3">
      <c r="A3314" s="1">
        <v>42280</v>
      </c>
      <c r="B3314" s="3">
        <f t="shared" si="102"/>
        <v>10</v>
      </c>
      <c r="C3314" s="3">
        <f t="shared" si="103"/>
        <v>2015</v>
      </c>
      <c r="D3314" t="s">
        <v>777</v>
      </c>
      <c r="E3314" t="s">
        <v>77</v>
      </c>
      <c r="F3314" t="s">
        <v>38</v>
      </c>
      <c r="G3314" t="s">
        <v>51</v>
      </c>
      <c r="H3314" t="s">
        <v>2277</v>
      </c>
      <c r="I3314">
        <v>47.98</v>
      </c>
      <c r="J3314">
        <v>2</v>
      </c>
      <c r="K3314">
        <v>0.6</v>
      </c>
    </row>
    <row r="3315" spans="1:11" x14ac:dyDescent="0.3">
      <c r="A3315" s="1">
        <v>42280</v>
      </c>
      <c r="B3315" s="3">
        <f t="shared" si="102"/>
        <v>10</v>
      </c>
      <c r="C3315" s="3">
        <f t="shared" si="103"/>
        <v>2015</v>
      </c>
      <c r="D3315" t="s">
        <v>449</v>
      </c>
      <c r="E3315" t="s">
        <v>22</v>
      </c>
      <c r="F3315" t="s">
        <v>10</v>
      </c>
      <c r="G3315" t="s">
        <v>17</v>
      </c>
      <c r="H3315" t="s">
        <v>298</v>
      </c>
      <c r="I3315">
        <v>15.01</v>
      </c>
      <c r="J3315">
        <v>2</v>
      </c>
      <c r="K3315">
        <v>1.5</v>
      </c>
    </row>
    <row r="3316" spans="1:11" x14ac:dyDescent="0.3">
      <c r="A3316" s="1">
        <v>42280</v>
      </c>
      <c r="B3316" s="3">
        <f t="shared" si="102"/>
        <v>10</v>
      </c>
      <c r="C3316" s="3">
        <f t="shared" si="103"/>
        <v>2015</v>
      </c>
      <c r="D3316" t="s">
        <v>674</v>
      </c>
      <c r="E3316" t="s">
        <v>26</v>
      </c>
      <c r="F3316" t="s">
        <v>33</v>
      </c>
      <c r="G3316" t="s">
        <v>73</v>
      </c>
      <c r="H3316" t="s">
        <v>141</v>
      </c>
      <c r="I3316">
        <v>120.67</v>
      </c>
      <c r="J3316">
        <v>2</v>
      </c>
      <c r="K3316">
        <v>18.45</v>
      </c>
    </row>
    <row r="3317" spans="1:11" x14ac:dyDescent="0.3">
      <c r="A3317" s="1">
        <v>42281</v>
      </c>
      <c r="B3317" s="3">
        <f t="shared" si="102"/>
        <v>10</v>
      </c>
      <c r="C3317" s="3">
        <f t="shared" si="103"/>
        <v>2015</v>
      </c>
      <c r="D3317" t="s">
        <v>1765</v>
      </c>
      <c r="E3317" t="s">
        <v>29</v>
      </c>
      <c r="F3317" t="s">
        <v>33</v>
      </c>
      <c r="G3317" t="s">
        <v>34</v>
      </c>
      <c r="H3317" t="s">
        <v>370</v>
      </c>
      <c r="I3317">
        <v>392.94</v>
      </c>
      <c r="J3317">
        <v>3</v>
      </c>
      <c r="K3317">
        <v>43.22</v>
      </c>
    </row>
    <row r="3318" spans="1:11" x14ac:dyDescent="0.3">
      <c r="A3318" s="1">
        <v>42281</v>
      </c>
      <c r="B3318" s="3">
        <f t="shared" si="102"/>
        <v>10</v>
      </c>
      <c r="C3318" s="3">
        <f t="shared" si="103"/>
        <v>2015</v>
      </c>
      <c r="D3318" t="s">
        <v>418</v>
      </c>
      <c r="E3318" t="s">
        <v>26</v>
      </c>
      <c r="F3318" t="s">
        <v>10</v>
      </c>
      <c r="G3318" t="s">
        <v>17</v>
      </c>
      <c r="H3318" t="s">
        <v>2091</v>
      </c>
      <c r="I3318">
        <v>26.96</v>
      </c>
      <c r="J3318">
        <v>2</v>
      </c>
      <c r="K3318">
        <v>7.01</v>
      </c>
    </row>
    <row r="3319" spans="1:11" x14ac:dyDescent="0.3">
      <c r="A3319" s="1">
        <v>42281</v>
      </c>
      <c r="B3319" s="3">
        <f t="shared" si="102"/>
        <v>10</v>
      </c>
      <c r="C3319" s="3">
        <f t="shared" si="103"/>
        <v>2015</v>
      </c>
      <c r="D3319" t="s">
        <v>1546</v>
      </c>
      <c r="E3319" t="s">
        <v>22</v>
      </c>
      <c r="F3319" t="s">
        <v>33</v>
      </c>
      <c r="G3319" t="s">
        <v>46</v>
      </c>
      <c r="H3319" t="s">
        <v>1036</v>
      </c>
      <c r="I3319">
        <v>64.94</v>
      </c>
      <c r="J3319">
        <v>3</v>
      </c>
      <c r="K3319">
        <v>6.49</v>
      </c>
    </row>
    <row r="3320" spans="1:11" x14ac:dyDescent="0.3">
      <c r="A3320" s="1">
        <v>42281</v>
      </c>
      <c r="B3320" s="3">
        <f t="shared" si="102"/>
        <v>10</v>
      </c>
      <c r="C3320" s="3">
        <f t="shared" si="103"/>
        <v>2015</v>
      </c>
      <c r="D3320" t="s">
        <v>1546</v>
      </c>
      <c r="E3320" t="s">
        <v>22</v>
      </c>
      <c r="F3320" t="s">
        <v>10</v>
      </c>
      <c r="G3320" t="s">
        <v>11</v>
      </c>
      <c r="H3320" t="s">
        <v>2278</v>
      </c>
      <c r="I3320">
        <v>20.74</v>
      </c>
      <c r="J3320">
        <v>4</v>
      </c>
      <c r="K3320">
        <v>7.26</v>
      </c>
    </row>
    <row r="3321" spans="1:11" x14ac:dyDescent="0.3">
      <c r="A3321" s="1">
        <v>42282</v>
      </c>
      <c r="B3321" s="3">
        <f t="shared" si="102"/>
        <v>10</v>
      </c>
      <c r="C3321" s="3">
        <f t="shared" si="103"/>
        <v>2015</v>
      </c>
      <c r="D3321" t="s">
        <v>2279</v>
      </c>
      <c r="E3321" t="s">
        <v>54</v>
      </c>
      <c r="F3321" t="s">
        <v>10</v>
      </c>
      <c r="G3321" t="s">
        <v>23</v>
      </c>
      <c r="H3321" t="s">
        <v>1005</v>
      </c>
      <c r="I3321">
        <v>46.2</v>
      </c>
      <c r="J3321">
        <v>4</v>
      </c>
      <c r="K3321">
        <v>12.94</v>
      </c>
    </row>
    <row r="3322" spans="1:11" x14ac:dyDescent="0.3">
      <c r="A3322" s="1">
        <v>42282</v>
      </c>
      <c r="B3322" s="3">
        <f t="shared" si="102"/>
        <v>10</v>
      </c>
      <c r="C3322" s="3">
        <f t="shared" si="103"/>
        <v>2015</v>
      </c>
      <c r="D3322" t="s">
        <v>2279</v>
      </c>
      <c r="E3322" t="s">
        <v>54</v>
      </c>
      <c r="F3322" t="s">
        <v>10</v>
      </c>
      <c r="G3322" t="s">
        <v>91</v>
      </c>
      <c r="H3322" t="s">
        <v>616</v>
      </c>
      <c r="I3322">
        <v>28.84</v>
      </c>
      <c r="J3322">
        <v>2</v>
      </c>
      <c r="K3322">
        <v>9.52</v>
      </c>
    </row>
    <row r="3323" spans="1:11" x14ac:dyDescent="0.3">
      <c r="A3323" s="1">
        <v>42282</v>
      </c>
      <c r="B3323" s="3">
        <f t="shared" si="102"/>
        <v>10</v>
      </c>
      <c r="C3323" s="3">
        <f t="shared" si="103"/>
        <v>2015</v>
      </c>
      <c r="D3323" t="s">
        <v>1501</v>
      </c>
      <c r="E3323" t="s">
        <v>58</v>
      </c>
      <c r="F3323" t="s">
        <v>10</v>
      </c>
      <c r="G3323" t="s">
        <v>17</v>
      </c>
      <c r="H3323" t="s">
        <v>1610</v>
      </c>
      <c r="I3323">
        <v>77.55</v>
      </c>
      <c r="J3323">
        <v>5</v>
      </c>
      <c r="K3323">
        <v>21.71</v>
      </c>
    </row>
    <row r="3324" spans="1:11" x14ac:dyDescent="0.3">
      <c r="A3324" s="1">
        <v>42282</v>
      </c>
      <c r="B3324" s="3">
        <f t="shared" si="102"/>
        <v>10</v>
      </c>
      <c r="C3324" s="3">
        <f t="shared" si="103"/>
        <v>2015</v>
      </c>
      <c r="D3324" t="s">
        <v>1083</v>
      </c>
      <c r="E3324" t="s">
        <v>77</v>
      </c>
      <c r="F3324" t="s">
        <v>38</v>
      </c>
      <c r="G3324" t="s">
        <v>51</v>
      </c>
      <c r="H3324" t="s">
        <v>387</v>
      </c>
      <c r="I3324">
        <v>53.04</v>
      </c>
      <c r="J3324">
        <v>3</v>
      </c>
      <c r="K3324">
        <v>-4.6399999999999997</v>
      </c>
    </row>
    <row r="3325" spans="1:11" x14ac:dyDescent="0.3">
      <c r="A3325" s="1">
        <v>42282</v>
      </c>
      <c r="B3325" s="3">
        <f t="shared" si="102"/>
        <v>10</v>
      </c>
      <c r="C3325" s="3">
        <f t="shared" si="103"/>
        <v>2015</v>
      </c>
      <c r="D3325" t="s">
        <v>1486</v>
      </c>
      <c r="E3325" t="s">
        <v>90</v>
      </c>
      <c r="F3325" t="s">
        <v>33</v>
      </c>
      <c r="G3325" t="s">
        <v>73</v>
      </c>
      <c r="H3325" t="s">
        <v>2280</v>
      </c>
      <c r="I3325">
        <v>66.290000000000006</v>
      </c>
      <c r="J3325">
        <v>1</v>
      </c>
      <c r="K3325">
        <v>-103.86</v>
      </c>
    </row>
    <row r="3326" spans="1:11" x14ac:dyDescent="0.3">
      <c r="A3326" s="1">
        <v>42282</v>
      </c>
      <c r="B3326" s="3">
        <f t="shared" si="102"/>
        <v>10</v>
      </c>
      <c r="C3326" s="3">
        <f t="shared" si="103"/>
        <v>2015</v>
      </c>
      <c r="D3326" t="s">
        <v>1486</v>
      </c>
      <c r="E3326" t="s">
        <v>90</v>
      </c>
      <c r="F3326" t="s">
        <v>33</v>
      </c>
      <c r="G3326" t="s">
        <v>34</v>
      </c>
      <c r="H3326" t="s">
        <v>70</v>
      </c>
      <c r="I3326">
        <v>291.17</v>
      </c>
      <c r="J3326">
        <v>4</v>
      </c>
      <c r="K3326">
        <v>-14.56</v>
      </c>
    </row>
    <row r="3327" spans="1:11" x14ac:dyDescent="0.3">
      <c r="A3327" s="1">
        <v>42282</v>
      </c>
      <c r="B3327" s="3">
        <f t="shared" si="102"/>
        <v>10</v>
      </c>
      <c r="C3327" s="3">
        <f t="shared" si="103"/>
        <v>2015</v>
      </c>
      <c r="D3327" t="s">
        <v>1041</v>
      </c>
      <c r="E3327" t="s">
        <v>77</v>
      </c>
      <c r="F3327" t="s">
        <v>38</v>
      </c>
      <c r="G3327" t="s">
        <v>51</v>
      </c>
      <c r="H3327" t="s">
        <v>1558</v>
      </c>
      <c r="I3327">
        <v>288</v>
      </c>
      <c r="J3327">
        <v>4</v>
      </c>
      <c r="K3327">
        <v>57.6</v>
      </c>
    </row>
    <row r="3328" spans="1:11" x14ac:dyDescent="0.3">
      <c r="A3328" s="1">
        <v>42285</v>
      </c>
      <c r="B3328" s="3">
        <f t="shared" si="102"/>
        <v>10</v>
      </c>
      <c r="C3328" s="3">
        <f t="shared" si="103"/>
        <v>2015</v>
      </c>
      <c r="D3328" t="s">
        <v>1083</v>
      </c>
      <c r="E3328" t="s">
        <v>26</v>
      </c>
      <c r="F3328" t="s">
        <v>33</v>
      </c>
      <c r="G3328" t="s">
        <v>46</v>
      </c>
      <c r="H3328" t="s">
        <v>1390</v>
      </c>
      <c r="I3328">
        <v>145.9</v>
      </c>
      <c r="J3328">
        <v>5</v>
      </c>
      <c r="K3328">
        <v>62.74</v>
      </c>
    </row>
    <row r="3329" spans="1:11" x14ac:dyDescent="0.3">
      <c r="A3329" s="1">
        <v>42285</v>
      </c>
      <c r="B3329" s="3">
        <f t="shared" si="102"/>
        <v>10</v>
      </c>
      <c r="C3329" s="3">
        <f t="shared" si="103"/>
        <v>2015</v>
      </c>
      <c r="D3329" t="s">
        <v>1718</v>
      </c>
      <c r="E3329" t="s">
        <v>9</v>
      </c>
      <c r="F3329" t="s">
        <v>10</v>
      </c>
      <c r="G3329" t="s">
        <v>23</v>
      </c>
      <c r="H3329" t="s">
        <v>538</v>
      </c>
      <c r="I3329">
        <v>3.44</v>
      </c>
      <c r="J3329">
        <v>2</v>
      </c>
      <c r="K3329">
        <v>0.56000000000000005</v>
      </c>
    </row>
    <row r="3330" spans="1:11" x14ac:dyDescent="0.3">
      <c r="A3330" s="1">
        <v>42285</v>
      </c>
      <c r="B3330" s="3">
        <f t="shared" ref="B3330:B3393" si="104">MONTH(A:A)</f>
        <v>10</v>
      </c>
      <c r="C3330" s="3">
        <f t="shared" ref="C3330:C3393" si="105">YEAR(A:A)</f>
        <v>2015</v>
      </c>
      <c r="D3330" t="s">
        <v>2281</v>
      </c>
      <c r="E3330" t="s">
        <v>9</v>
      </c>
      <c r="F3330" t="s">
        <v>33</v>
      </c>
      <c r="G3330" t="s">
        <v>46</v>
      </c>
      <c r="H3330" t="s">
        <v>569</v>
      </c>
      <c r="I3330">
        <v>72.78</v>
      </c>
      <c r="J3330">
        <v>3</v>
      </c>
      <c r="K3330">
        <v>-70.959999999999994</v>
      </c>
    </row>
    <row r="3331" spans="1:11" x14ac:dyDescent="0.3">
      <c r="A3331" s="1">
        <v>42286</v>
      </c>
      <c r="B3331" s="3">
        <f t="shared" si="104"/>
        <v>10</v>
      </c>
      <c r="C3331" s="3">
        <f t="shared" si="105"/>
        <v>2015</v>
      </c>
      <c r="D3331" t="s">
        <v>1932</v>
      </c>
      <c r="E3331" t="s">
        <v>54</v>
      </c>
      <c r="F3331" t="s">
        <v>10</v>
      </c>
      <c r="G3331" t="s">
        <v>17</v>
      </c>
      <c r="H3331" t="s">
        <v>1330</v>
      </c>
      <c r="I3331">
        <v>30.84</v>
      </c>
      <c r="J3331">
        <v>2</v>
      </c>
      <c r="K3331">
        <v>8.33</v>
      </c>
    </row>
    <row r="3332" spans="1:11" x14ac:dyDescent="0.3">
      <c r="A3332" s="1">
        <v>42286</v>
      </c>
      <c r="B3332" s="3">
        <f t="shared" si="104"/>
        <v>10</v>
      </c>
      <c r="C3332" s="3">
        <f t="shared" si="105"/>
        <v>2015</v>
      </c>
      <c r="D3332" t="s">
        <v>1761</v>
      </c>
      <c r="E3332" t="s">
        <v>148</v>
      </c>
      <c r="F3332" t="s">
        <v>38</v>
      </c>
      <c r="G3332" t="s">
        <v>39</v>
      </c>
      <c r="H3332" t="s">
        <v>512</v>
      </c>
      <c r="I3332">
        <v>631.96</v>
      </c>
      <c r="J3332">
        <v>4</v>
      </c>
      <c r="K3332">
        <v>303.33999999999997</v>
      </c>
    </row>
    <row r="3333" spans="1:11" x14ac:dyDescent="0.3">
      <c r="A3333" s="1">
        <v>42286</v>
      </c>
      <c r="B3333" s="3">
        <f t="shared" si="104"/>
        <v>10</v>
      </c>
      <c r="C3333" s="3">
        <f t="shared" si="105"/>
        <v>2015</v>
      </c>
      <c r="D3333" t="s">
        <v>1761</v>
      </c>
      <c r="E3333" t="s">
        <v>148</v>
      </c>
      <c r="F3333" t="s">
        <v>10</v>
      </c>
      <c r="G3333" t="s">
        <v>11</v>
      </c>
      <c r="H3333" t="s">
        <v>923</v>
      </c>
      <c r="I3333">
        <v>23.92</v>
      </c>
      <c r="J3333">
        <v>4</v>
      </c>
      <c r="K3333">
        <v>10.76</v>
      </c>
    </row>
    <row r="3334" spans="1:11" x14ac:dyDescent="0.3">
      <c r="A3334" s="1">
        <v>42286</v>
      </c>
      <c r="B3334" s="3">
        <f t="shared" si="104"/>
        <v>10</v>
      </c>
      <c r="C3334" s="3">
        <f t="shared" si="105"/>
        <v>2015</v>
      </c>
      <c r="D3334" t="s">
        <v>922</v>
      </c>
      <c r="E3334" t="s">
        <v>109</v>
      </c>
      <c r="F3334" t="s">
        <v>38</v>
      </c>
      <c r="G3334" t="s">
        <v>51</v>
      </c>
      <c r="H3334" t="s">
        <v>2220</v>
      </c>
      <c r="I3334">
        <v>619.95000000000005</v>
      </c>
      <c r="J3334">
        <v>5</v>
      </c>
      <c r="K3334">
        <v>111.59</v>
      </c>
    </row>
    <row r="3335" spans="1:11" x14ac:dyDescent="0.3">
      <c r="A3335" s="1">
        <v>42286</v>
      </c>
      <c r="B3335" s="3">
        <f t="shared" si="104"/>
        <v>10</v>
      </c>
      <c r="C3335" s="3">
        <f t="shared" si="105"/>
        <v>2015</v>
      </c>
      <c r="D3335" t="s">
        <v>922</v>
      </c>
      <c r="E3335" t="s">
        <v>109</v>
      </c>
      <c r="F3335" t="s">
        <v>38</v>
      </c>
      <c r="G3335" t="s">
        <v>39</v>
      </c>
      <c r="H3335" t="s">
        <v>2282</v>
      </c>
      <c r="I3335">
        <v>29.16</v>
      </c>
      <c r="J3335">
        <v>3</v>
      </c>
      <c r="K3335">
        <v>8.4600000000000009</v>
      </c>
    </row>
    <row r="3336" spans="1:11" x14ac:dyDescent="0.3">
      <c r="A3336" s="1">
        <v>42286</v>
      </c>
      <c r="B3336" s="3">
        <f t="shared" si="104"/>
        <v>10</v>
      </c>
      <c r="C3336" s="3">
        <f t="shared" si="105"/>
        <v>2015</v>
      </c>
      <c r="D3336" t="s">
        <v>922</v>
      </c>
      <c r="E3336" t="s">
        <v>109</v>
      </c>
      <c r="F3336" t="s">
        <v>10</v>
      </c>
      <c r="G3336" t="s">
        <v>62</v>
      </c>
      <c r="H3336" t="s">
        <v>63</v>
      </c>
      <c r="I3336">
        <v>57.96</v>
      </c>
      <c r="J3336">
        <v>7</v>
      </c>
      <c r="K3336">
        <v>27.24</v>
      </c>
    </row>
    <row r="3337" spans="1:11" x14ac:dyDescent="0.3">
      <c r="A3337" s="1">
        <v>42286</v>
      </c>
      <c r="B3337" s="3">
        <f t="shared" si="104"/>
        <v>10</v>
      </c>
      <c r="C3337" s="3">
        <f t="shared" si="105"/>
        <v>2015</v>
      </c>
      <c r="D3337" t="s">
        <v>922</v>
      </c>
      <c r="E3337" t="s">
        <v>109</v>
      </c>
      <c r="F3337" t="s">
        <v>10</v>
      </c>
      <c r="G3337" t="s">
        <v>91</v>
      </c>
      <c r="H3337" t="s">
        <v>332</v>
      </c>
      <c r="I3337">
        <v>29.4</v>
      </c>
      <c r="J3337">
        <v>3</v>
      </c>
      <c r="K3337">
        <v>5.23</v>
      </c>
    </row>
    <row r="3338" spans="1:11" x14ac:dyDescent="0.3">
      <c r="A3338" s="1">
        <v>42286</v>
      </c>
      <c r="B3338" s="3">
        <f t="shared" si="104"/>
        <v>10</v>
      </c>
      <c r="C3338" s="3">
        <f t="shared" si="105"/>
        <v>2015</v>
      </c>
      <c r="D3338" t="s">
        <v>821</v>
      </c>
      <c r="E3338" t="s">
        <v>122</v>
      </c>
      <c r="F3338" t="s">
        <v>10</v>
      </c>
      <c r="G3338" t="s">
        <v>19</v>
      </c>
      <c r="H3338" t="s">
        <v>435</v>
      </c>
      <c r="I3338">
        <v>1.87</v>
      </c>
      <c r="J3338">
        <v>2</v>
      </c>
      <c r="K3338">
        <v>-1.31</v>
      </c>
    </row>
    <row r="3339" spans="1:11" x14ac:dyDescent="0.3">
      <c r="A3339" s="1">
        <v>42286</v>
      </c>
      <c r="B3339" s="3">
        <f t="shared" si="104"/>
        <v>10</v>
      </c>
      <c r="C3339" s="3">
        <f t="shared" si="105"/>
        <v>2015</v>
      </c>
      <c r="D3339" t="s">
        <v>821</v>
      </c>
      <c r="E3339" t="s">
        <v>122</v>
      </c>
      <c r="F3339" t="s">
        <v>10</v>
      </c>
      <c r="G3339" t="s">
        <v>19</v>
      </c>
      <c r="H3339" t="s">
        <v>983</v>
      </c>
      <c r="I3339">
        <v>11.21</v>
      </c>
      <c r="J3339">
        <v>2</v>
      </c>
      <c r="K3339">
        <v>-8.6</v>
      </c>
    </row>
    <row r="3340" spans="1:11" x14ac:dyDescent="0.3">
      <c r="A3340" s="1">
        <v>42286</v>
      </c>
      <c r="B3340" s="3">
        <f t="shared" si="104"/>
        <v>10</v>
      </c>
      <c r="C3340" s="3">
        <f t="shared" si="105"/>
        <v>2015</v>
      </c>
      <c r="D3340" t="s">
        <v>821</v>
      </c>
      <c r="E3340" t="s">
        <v>122</v>
      </c>
      <c r="F3340" t="s">
        <v>10</v>
      </c>
      <c r="G3340" t="s">
        <v>23</v>
      </c>
      <c r="H3340" t="s">
        <v>1953</v>
      </c>
      <c r="I3340">
        <v>37.380000000000003</v>
      </c>
      <c r="J3340">
        <v>8</v>
      </c>
      <c r="K3340">
        <v>7.48</v>
      </c>
    </row>
    <row r="3341" spans="1:11" x14ac:dyDescent="0.3">
      <c r="A3341" s="1">
        <v>42286</v>
      </c>
      <c r="B3341" s="3">
        <f t="shared" si="104"/>
        <v>10</v>
      </c>
      <c r="C3341" s="3">
        <f t="shared" si="105"/>
        <v>2015</v>
      </c>
      <c r="D3341" t="s">
        <v>2155</v>
      </c>
      <c r="E3341" t="s">
        <v>109</v>
      </c>
      <c r="F3341" t="s">
        <v>33</v>
      </c>
      <c r="G3341" t="s">
        <v>34</v>
      </c>
      <c r="H3341" t="s">
        <v>1804</v>
      </c>
      <c r="I3341">
        <v>389.97</v>
      </c>
      <c r="J3341">
        <v>3</v>
      </c>
      <c r="K3341">
        <v>35.1</v>
      </c>
    </row>
    <row r="3342" spans="1:11" x14ac:dyDescent="0.3">
      <c r="A3342" s="1">
        <v>42286</v>
      </c>
      <c r="B3342" s="3">
        <f t="shared" si="104"/>
        <v>10</v>
      </c>
      <c r="C3342" s="3">
        <f t="shared" si="105"/>
        <v>2015</v>
      </c>
      <c r="D3342" t="s">
        <v>2155</v>
      </c>
      <c r="E3342" t="s">
        <v>109</v>
      </c>
      <c r="F3342" t="s">
        <v>10</v>
      </c>
      <c r="G3342" t="s">
        <v>91</v>
      </c>
      <c r="H3342" t="s">
        <v>1381</v>
      </c>
      <c r="I3342">
        <v>269.91000000000003</v>
      </c>
      <c r="J3342">
        <v>5</v>
      </c>
      <c r="K3342">
        <v>53.98</v>
      </c>
    </row>
    <row r="3343" spans="1:11" x14ac:dyDescent="0.3">
      <c r="A3343" s="1">
        <v>42287</v>
      </c>
      <c r="B3343" s="3">
        <f t="shared" si="104"/>
        <v>10</v>
      </c>
      <c r="C3343" s="3">
        <f t="shared" si="105"/>
        <v>2015</v>
      </c>
      <c r="D3343" t="s">
        <v>1765</v>
      </c>
      <c r="E3343" t="s">
        <v>26</v>
      </c>
      <c r="F3343" t="s">
        <v>10</v>
      </c>
      <c r="G3343" t="s">
        <v>11</v>
      </c>
      <c r="H3343" t="s">
        <v>2085</v>
      </c>
      <c r="I3343">
        <v>45.36</v>
      </c>
      <c r="J3343">
        <v>7</v>
      </c>
      <c r="K3343">
        <v>21.77</v>
      </c>
    </row>
    <row r="3344" spans="1:11" x14ac:dyDescent="0.3">
      <c r="A3344" s="1">
        <v>42287</v>
      </c>
      <c r="B3344" s="3">
        <f t="shared" si="104"/>
        <v>10</v>
      </c>
      <c r="C3344" s="3">
        <f t="shared" si="105"/>
        <v>2015</v>
      </c>
      <c r="D3344" t="s">
        <v>1993</v>
      </c>
      <c r="E3344" t="s">
        <v>122</v>
      </c>
      <c r="F3344" t="s">
        <v>10</v>
      </c>
      <c r="G3344" t="s">
        <v>17</v>
      </c>
      <c r="H3344" t="s">
        <v>1109</v>
      </c>
      <c r="I3344">
        <v>1801.63</v>
      </c>
      <c r="J3344">
        <v>6</v>
      </c>
      <c r="K3344">
        <v>-337.81</v>
      </c>
    </row>
    <row r="3345" spans="1:11" x14ac:dyDescent="0.3">
      <c r="A3345" s="1">
        <v>42287</v>
      </c>
      <c r="B3345" s="3">
        <f t="shared" si="104"/>
        <v>10</v>
      </c>
      <c r="C3345" s="3">
        <f t="shared" si="105"/>
        <v>2015</v>
      </c>
      <c r="D3345" t="s">
        <v>1732</v>
      </c>
      <c r="E3345" t="s">
        <v>14</v>
      </c>
      <c r="F3345" t="s">
        <v>10</v>
      </c>
      <c r="G3345" t="s">
        <v>23</v>
      </c>
      <c r="H3345" t="s">
        <v>337</v>
      </c>
      <c r="I3345">
        <v>8.02</v>
      </c>
      <c r="J3345">
        <v>3</v>
      </c>
      <c r="K3345">
        <v>1</v>
      </c>
    </row>
    <row r="3346" spans="1:11" x14ac:dyDescent="0.3">
      <c r="A3346" s="1">
        <v>42287</v>
      </c>
      <c r="B3346" s="3">
        <f t="shared" si="104"/>
        <v>10</v>
      </c>
      <c r="C3346" s="3">
        <f t="shared" si="105"/>
        <v>2015</v>
      </c>
      <c r="D3346" t="s">
        <v>1735</v>
      </c>
      <c r="E3346" t="s">
        <v>26</v>
      </c>
      <c r="F3346" t="s">
        <v>33</v>
      </c>
      <c r="G3346" t="s">
        <v>34</v>
      </c>
      <c r="H3346" t="s">
        <v>1690</v>
      </c>
      <c r="I3346">
        <v>362.14</v>
      </c>
      <c r="J3346">
        <v>3</v>
      </c>
      <c r="K3346">
        <v>-54.32</v>
      </c>
    </row>
    <row r="3347" spans="1:11" x14ac:dyDescent="0.3">
      <c r="A3347" s="1">
        <v>42287</v>
      </c>
      <c r="B3347" s="3">
        <f t="shared" si="104"/>
        <v>10</v>
      </c>
      <c r="C3347" s="3">
        <f t="shared" si="105"/>
        <v>2015</v>
      </c>
      <c r="D3347" t="s">
        <v>1735</v>
      </c>
      <c r="E3347" t="s">
        <v>26</v>
      </c>
      <c r="F3347" t="s">
        <v>10</v>
      </c>
      <c r="G3347" t="s">
        <v>15</v>
      </c>
      <c r="H3347" t="s">
        <v>2236</v>
      </c>
      <c r="I3347">
        <v>31.05</v>
      </c>
      <c r="J3347">
        <v>3</v>
      </c>
      <c r="K3347">
        <v>14.9</v>
      </c>
    </row>
    <row r="3348" spans="1:11" x14ac:dyDescent="0.3">
      <c r="A3348" s="1">
        <v>42288</v>
      </c>
      <c r="B3348" s="3">
        <f t="shared" si="104"/>
        <v>10</v>
      </c>
      <c r="C3348" s="3">
        <f t="shared" si="105"/>
        <v>2015</v>
      </c>
      <c r="D3348" t="s">
        <v>2283</v>
      </c>
      <c r="E3348" t="s">
        <v>122</v>
      </c>
      <c r="F3348" t="s">
        <v>33</v>
      </c>
      <c r="G3348" t="s">
        <v>144</v>
      </c>
      <c r="H3348" t="s">
        <v>1702</v>
      </c>
      <c r="I3348">
        <v>957.58</v>
      </c>
      <c r="J3348">
        <v>5</v>
      </c>
      <c r="K3348">
        <v>-383.03</v>
      </c>
    </row>
    <row r="3349" spans="1:11" x14ac:dyDescent="0.3">
      <c r="A3349" s="1">
        <v>42288</v>
      </c>
      <c r="B3349" s="3">
        <f t="shared" si="104"/>
        <v>10</v>
      </c>
      <c r="C3349" s="3">
        <f t="shared" si="105"/>
        <v>2015</v>
      </c>
      <c r="D3349" t="s">
        <v>2283</v>
      </c>
      <c r="E3349" t="s">
        <v>122</v>
      </c>
      <c r="F3349" t="s">
        <v>10</v>
      </c>
      <c r="G3349" t="s">
        <v>17</v>
      </c>
      <c r="H3349" t="s">
        <v>110</v>
      </c>
      <c r="I3349">
        <v>22.37</v>
      </c>
      <c r="J3349">
        <v>2</v>
      </c>
      <c r="K3349">
        <v>2.52</v>
      </c>
    </row>
    <row r="3350" spans="1:11" x14ac:dyDescent="0.3">
      <c r="A3350" s="1">
        <v>42288</v>
      </c>
      <c r="B3350" s="3">
        <f t="shared" si="104"/>
        <v>10</v>
      </c>
      <c r="C3350" s="3">
        <f t="shared" si="105"/>
        <v>2015</v>
      </c>
      <c r="D3350" t="s">
        <v>1547</v>
      </c>
      <c r="E3350" t="s">
        <v>148</v>
      </c>
      <c r="F3350" t="s">
        <v>38</v>
      </c>
      <c r="G3350" t="s">
        <v>51</v>
      </c>
      <c r="H3350" t="s">
        <v>1724</v>
      </c>
      <c r="I3350">
        <v>31.95</v>
      </c>
      <c r="J3350">
        <v>1</v>
      </c>
      <c r="K3350">
        <v>2.2400000000000002</v>
      </c>
    </row>
    <row r="3351" spans="1:11" x14ac:dyDescent="0.3">
      <c r="A3351" s="1">
        <v>42289</v>
      </c>
      <c r="B3351" s="3">
        <f t="shared" si="104"/>
        <v>10</v>
      </c>
      <c r="C3351" s="3">
        <f t="shared" si="105"/>
        <v>2015</v>
      </c>
      <c r="D3351" t="s">
        <v>412</v>
      </c>
      <c r="E3351" t="s">
        <v>148</v>
      </c>
      <c r="F3351" t="s">
        <v>33</v>
      </c>
      <c r="G3351" t="s">
        <v>73</v>
      </c>
      <c r="H3351" t="s">
        <v>1871</v>
      </c>
      <c r="I3351">
        <v>899.14</v>
      </c>
      <c r="J3351">
        <v>4</v>
      </c>
      <c r="K3351">
        <v>112.39</v>
      </c>
    </row>
    <row r="3352" spans="1:11" x14ac:dyDescent="0.3">
      <c r="A3352" s="1">
        <v>42289</v>
      </c>
      <c r="B3352" s="3">
        <f t="shared" si="104"/>
        <v>10</v>
      </c>
      <c r="C3352" s="3">
        <f t="shared" si="105"/>
        <v>2015</v>
      </c>
      <c r="D3352" t="s">
        <v>412</v>
      </c>
      <c r="E3352" t="s">
        <v>148</v>
      </c>
      <c r="F3352" t="s">
        <v>38</v>
      </c>
      <c r="G3352" t="s">
        <v>39</v>
      </c>
      <c r="H3352" t="s">
        <v>734</v>
      </c>
      <c r="I3352">
        <v>71.760000000000005</v>
      </c>
      <c r="J3352">
        <v>6</v>
      </c>
      <c r="K3352">
        <v>20.09</v>
      </c>
    </row>
    <row r="3353" spans="1:11" x14ac:dyDescent="0.3">
      <c r="A3353" s="1">
        <v>42289</v>
      </c>
      <c r="B3353" s="3">
        <f t="shared" si="104"/>
        <v>10</v>
      </c>
      <c r="C3353" s="3">
        <f t="shared" si="105"/>
        <v>2015</v>
      </c>
      <c r="D3353" t="s">
        <v>412</v>
      </c>
      <c r="E3353" t="s">
        <v>148</v>
      </c>
      <c r="F3353" t="s">
        <v>10</v>
      </c>
      <c r="G3353" t="s">
        <v>11</v>
      </c>
      <c r="H3353" t="s">
        <v>755</v>
      </c>
      <c r="I3353">
        <v>51.84</v>
      </c>
      <c r="J3353">
        <v>8</v>
      </c>
      <c r="K3353">
        <v>24.88</v>
      </c>
    </row>
    <row r="3354" spans="1:11" x14ac:dyDescent="0.3">
      <c r="A3354" s="1">
        <v>42289</v>
      </c>
      <c r="B3354" s="3">
        <f t="shared" si="104"/>
        <v>10</v>
      </c>
      <c r="C3354" s="3">
        <f t="shared" si="105"/>
        <v>2015</v>
      </c>
      <c r="D3354" t="s">
        <v>412</v>
      </c>
      <c r="E3354" t="s">
        <v>148</v>
      </c>
      <c r="F3354" t="s">
        <v>33</v>
      </c>
      <c r="G3354" t="s">
        <v>73</v>
      </c>
      <c r="H3354" t="s">
        <v>1603</v>
      </c>
      <c r="I3354">
        <v>626.35</v>
      </c>
      <c r="J3354">
        <v>3</v>
      </c>
      <c r="K3354">
        <v>46.98</v>
      </c>
    </row>
    <row r="3355" spans="1:11" x14ac:dyDescent="0.3">
      <c r="A3355" s="1">
        <v>42289</v>
      </c>
      <c r="B3355" s="3">
        <f t="shared" si="104"/>
        <v>10</v>
      </c>
      <c r="C3355" s="3">
        <f t="shared" si="105"/>
        <v>2015</v>
      </c>
      <c r="D3355" t="s">
        <v>412</v>
      </c>
      <c r="E3355" t="s">
        <v>148</v>
      </c>
      <c r="F3355" t="s">
        <v>10</v>
      </c>
      <c r="G3355" t="s">
        <v>23</v>
      </c>
      <c r="H3355" t="s">
        <v>75</v>
      </c>
      <c r="I3355">
        <v>19.899999999999999</v>
      </c>
      <c r="J3355">
        <v>5</v>
      </c>
      <c r="K3355">
        <v>6.57</v>
      </c>
    </row>
    <row r="3356" spans="1:11" x14ac:dyDescent="0.3">
      <c r="A3356" s="1">
        <v>42289</v>
      </c>
      <c r="B3356" s="3">
        <f t="shared" si="104"/>
        <v>10</v>
      </c>
      <c r="C3356" s="3">
        <f t="shared" si="105"/>
        <v>2015</v>
      </c>
      <c r="D3356" t="s">
        <v>2165</v>
      </c>
      <c r="E3356" t="s">
        <v>148</v>
      </c>
      <c r="F3356" t="s">
        <v>33</v>
      </c>
      <c r="G3356" t="s">
        <v>144</v>
      </c>
      <c r="H3356" t="s">
        <v>1074</v>
      </c>
      <c r="I3356">
        <v>209.67</v>
      </c>
      <c r="J3356">
        <v>1</v>
      </c>
      <c r="K3356">
        <v>-13.98</v>
      </c>
    </row>
    <row r="3357" spans="1:11" x14ac:dyDescent="0.3">
      <c r="A3357" s="1">
        <v>42289</v>
      </c>
      <c r="B3357" s="3">
        <f t="shared" si="104"/>
        <v>10</v>
      </c>
      <c r="C3357" s="3">
        <f t="shared" si="105"/>
        <v>2015</v>
      </c>
      <c r="D3357" t="s">
        <v>1266</v>
      </c>
      <c r="E3357" t="s">
        <v>128</v>
      </c>
      <c r="F3357" t="s">
        <v>38</v>
      </c>
      <c r="G3357" t="s">
        <v>39</v>
      </c>
      <c r="H3357" t="s">
        <v>162</v>
      </c>
      <c r="I3357">
        <v>135.72</v>
      </c>
      <c r="J3357">
        <v>3</v>
      </c>
      <c r="K3357">
        <v>35.29</v>
      </c>
    </row>
    <row r="3358" spans="1:11" x14ac:dyDescent="0.3">
      <c r="A3358" s="1">
        <v>42289</v>
      </c>
      <c r="B3358" s="3">
        <f t="shared" si="104"/>
        <v>10</v>
      </c>
      <c r="C3358" s="3">
        <f t="shared" si="105"/>
        <v>2015</v>
      </c>
      <c r="D3358" t="s">
        <v>1266</v>
      </c>
      <c r="E3358" t="s">
        <v>128</v>
      </c>
      <c r="F3358" t="s">
        <v>10</v>
      </c>
      <c r="G3358" t="s">
        <v>19</v>
      </c>
      <c r="H3358" t="s">
        <v>1408</v>
      </c>
      <c r="I3358">
        <v>12.56</v>
      </c>
      <c r="J3358">
        <v>2</v>
      </c>
      <c r="K3358">
        <v>5.65</v>
      </c>
    </row>
    <row r="3359" spans="1:11" x14ac:dyDescent="0.3">
      <c r="A3359" s="1">
        <v>42289</v>
      </c>
      <c r="B3359" s="3">
        <f t="shared" si="104"/>
        <v>10</v>
      </c>
      <c r="C3359" s="3">
        <f t="shared" si="105"/>
        <v>2015</v>
      </c>
      <c r="D3359" t="s">
        <v>1266</v>
      </c>
      <c r="E3359" t="s">
        <v>128</v>
      </c>
      <c r="F3359" t="s">
        <v>38</v>
      </c>
      <c r="G3359" t="s">
        <v>39</v>
      </c>
      <c r="H3359" t="s">
        <v>1550</v>
      </c>
      <c r="I3359">
        <v>263.95999999999998</v>
      </c>
      <c r="J3359">
        <v>4</v>
      </c>
      <c r="K3359">
        <v>71.27</v>
      </c>
    </row>
    <row r="3360" spans="1:11" x14ac:dyDescent="0.3">
      <c r="A3360" s="1">
        <v>42289</v>
      </c>
      <c r="B3360" s="3">
        <f t="shared" si="104"/>
        <v>10</v>
      </c>
      <c r="C3360" s="3">
        <f t="shared" si="105"/>
        <v>2015</v>
      </c>
      <c r="D3360" t="s">
        <v>282</v>
      </c>
      <c r="E3360" t="s">
        <v>163</v>
      </c>
      <c r="F3360" t="s">
        <v>38</v>
      </c>
      <c r="G3360" t="s">
        <v>51</v>
      </c>
      <c r="H3360" t="s">
        <v>1421</v>
      </c>
      <c r="I3360">
        <v>17.899999999999999</v>
      </c>
      <c r="J3360">
        <v>2</v>
      </c>
      <c r="K3360">
        <v>3.4</v>
      </c>
    </row>
    <row r="3361" spans="1:11" x14ac:dyDescent="0.3">
      <c r="A3361" s="1">
        <v>42289</v>
      </c>
      <c r="B3361" s="3">
        <f t="shared" si="104"/>
        <v>10</v>
      </c>
      <c r="C3361" s="3">
        <f t="shared" si="105"/>
        <v>2015</v>
      </c>
      <c r="D3361" t="s">
        <v>282</v>
      </c>
      <c r="E3361" t="s">
        <v>163</v>
      </c>
      <c r="F3361" t="s">
        <v>10</v>
      </c>
      <c r="G3361" t="s">
        <v>17</v>
      </c>
      <c r="H3361" t="s">
        <v>271</v>
      </c>
      <c r="I3361">
        <v>81.96</v>
      </c>
      <c r="J3361">
        <v>2</v>
      </c>
      <c r="K3361">
        <v>0</v>
      </c>
    </row>
    <row r="3362" spans="1:11" x14ac:dyDescent="0.3">
      <c r="A3362" s="1">
        <v>42290</v>
      </c>
      <c r="B3362" s="3">
        <f t="shared" si="104"/>
        <v>10</v>
      </c>
      <c r="C3362" s="3">
        <f t="shared" si="105"/>
        <v>2015</v>
      </c>
      <c r="D3362" t="s">
        <v>642</v>
      </c>
      <c r="E3362" t="s">
        <v>32</v>
      </c>
      <c r="F3362" t="s">
        <v>38</v>
      </c>
      <c r="G3362" t="s">
        <v>39</v>
      </c>
      <c r="H3362" t="s">
        <v>734</v>
      </c>
      <c r="I3362">
        <v>83.72</v>
      </c>
      <c r="J3362">
        <v>7</v>
      </c>
      <c r="K3362">
        <v>23.44</v>
      </c>
    </row>
    <row r="3363" spans="1:11" x14ac:dyDescent="0.3">
      <c r="A3363" s="1">
        <v>42290</v>
      </c>
      <c r="B3363" s="3">
        <f t="shared" si="104"/>
        <v>10</v>
      </c>
      <c r="C3363" s="3">
        <f t="shared" si="105"/>
        <v>2015</v>
      </c>
      <c r="D3363" t="s">
        <v>642</v>
      </c>
      <c r="E3363" t="s">
        <v>32</v>
      </c>
      <c r="F3363" t="s">
        <v>33</v>
      </c>
      <c r="G3363" t="s">
        <v>34</v>
      </c>
      <c r="H3363" t="s">
        <v>1838</v>
      </c>
      <c r="I3363">
        <v>287.94</v>
      </c>
      <c r="J3363">
        <v>3</v>
      </c>
      <c r="K3363">
        <v>77.739999999999995</v>
      </c>
    </row>
    <row r="3364" spans="1:11" x14ac:dyDescent="0.3">
      <c r="A3364" s="1">
        <v>42292</v>
      </c>
      <c r="B3364" s="3">
        <f t="shared" si="104"/>
        <v>10</v>
      </c>
      <c r="C3364" s="3">
        <f t="shared" si="105"/>
        <v>2015</v>
      </c>
      <c r="D3364" t="s">
        <v>673</v>
      </c>
      <c r="E3364" t="s">
        <v>14</v>
      </c>
      <c r="F3364" t="s">
        <v>38</v>
      </c>
      <c r="G3364" t="s">
        <v>51</v>
      </c>
      <c r="H3364" t="s">
        <v>1133</v>
      </c>
      <c r="I3364">
        <v>339.96</v>
      </c>
      <c r="J3364">
        <v>5</v>
      </c>
      <c r="K3364">
        <v>67.989999999999995</v>
      </c>
    </row>
    <row r="3365" spans="1:11" x14ac:dyDescent="0.3">
      <c r="A3365" s="1">
        <v>42292</v>
      </c>
      <c r="B3365" s="3">
        <f t="shared" si="104"/>
        <v>10</v>
      </c>
      <c r="C3365" s="3">
        <f t="shared" si="105"/>
        <v>2015</v>
      </c>
      <c r="D3365" t="s">
        <v>856</v>
      </c>
      <c r="E3365" t="s">
        <v>9</v>
      </c>
      <c r="F3365" t="s">
        <v>38</v>
      </c>
      <c r="G3365" t="s">
        <v>51</v>
      </c>
      <c r="H3365" t="s">
        <v>2284</v>
      </c>
      <c r="I3365">
        <v>263.88</v>
      </c>
      <c r="J3365">
        <v>3</v>
      </c>
      <c r="K3365">
        <v>42.88</v>
      </c>
    </row>
    <row r="3366" spans="1:11" x14ac:dyDescent="0.3">
      <c r="A3366" s="1">
        <v>42292</v>
      </c>
      <c r="B3366" s="3">
        <f t="shared" si="104"/>
        <v>10</v>
      </c>
      <c r="C3366" s="3">
        <f t="shared" si="105"/>
        <v>2015</v>
      </c>
      <c r="D3366" t="s">
        <v>856</v>
      </c>
      <c r="E3366" t="s">
        <v>9</v>
      </c>
      <c r="F3366" t="s">
        <v>33</v>
      </c>
      <c r="G3366" t="s">
        <v>34</v>
      </c>
      <c r="H3366" t="s">
        <v>975</v>
      </c>
      <c r="I3366">
        <v>2453.4299999999998</v>
      </c>
      <c r="J3366">
        <v>5</v>
      </c>
      <c r="K3366">
        <v>-350.49</v>
      </c>
    </row>
    <row r="3367" spans="1:11" x14ac:dyDescent="0.3">
      <c r="A3367" s="1">
        <v>42292</v>
      </c>
      <c r="B3367" s="3">
        <f t="shared" si="104"/>
        <v>10</v>
      </c>
      <c r="C3367" s="3">
        <f t="shared" si="105"/>
        <v>2015</v>
      </c>
      <c r="D3367" t="s">
        <v>184</v>
      </c>
      <c r="E3367" t="s">
        <v>109</v>
      </c>
      <c r="F3367" t="s">
        <v>33</v>
      </c>
      <c r="G3367" t="s">
        <v>46</v>
      </c>
      <c r="H3367" t="s">
        <v>1025</v>
      </c>
      <c r="I3367">
        <v>17.14</v>
      </c>
      <c r="J3367">
        <v>2</v>
      </c>
      <c r="K3367">
        <v>6.17</v>
      </c>
    </row>
    <row r="3368" spans="1:11" x14ac:dyDescent="0.3">
      <c r="A3368" s="1">
        <v>42292</v>
      </c>
      <c r="B3368" s="3">
        <f t="shared" si="104"/>
        <v>10</v>
      </c>
      <c r="C3368" s="3">
        <f t="shared" si="105"/>
        <v>2015</v>
      </c>
      <c r="D3368" t="s">
        <v>2285</v>
      </c>
      <c r="E3368" t="s">
        <v>9</v>
      </c>
      <c r="F3368" t="s">
        <v>33</v>
      </c>
      <c r="G3368" t="s">
        <v>46</v>
      </c>
      <c r="H3368" t="s">
        <v>1339</v>
      </c>
      <c r="I3368">
        <v>131.38</v>
      </c>
      <c r="J3368">
        <v>6</v>
      </c>
      <c r="K3368">
        <v>-95.25</v>
      </c>
    </row>
    <row r="3369" spans="1:11" x14ac:dyDescent="0.3">
      <c r="A3369" s="1">
        <v>42292</v>
      </c>
      <c r="B3369" s="3">
        <f t="shared" si="104"/>
        <v>10</v>
      </c>
      <c r="C3369" s="3">
        <f t="shared" si="105"/>
        <v>2015</v>
      </c>
      <c r="D3369" t="s">
        <v>2285</v>
      </c>
      <c r="E3369" t="s">
        <v>9</v>
      </c>
      <c r="F3369" t="s">
        <v>10</v>
      </c>
      <c r="G3369" t="s">
        <v>11</v>
      </c>
      <c r="H3369" t="s">
        <v>1191</v>
      </c>
      <c r="I3369">
        <v>5.34</v>
      </c>
      <c r="J3369">
        <v>1</v>
      </c>
      <c r="K3369">
        <v>1.87</v>
      </c>
    </row>
    <row r="3370" spans="1:11" x14ac:dyDescent="0.3">
      <c r="A3370" s="1">
        <v>42292</v>
      </c>
      <c r="B3370" s="3">
        <f t="shared" si="104"/>
        <v>10</v>
      </c>
      <c r="C3370" s="3">
        <f t="shared" si="105"/>
        <v>2015</v>
      </c>
      <c r="D3370" t="s">
        <v>1496</v>
      </c>
      <c r="E3370" t="s">
        <v>9</v>
      </c>
      <c r="F3370" t="s">
        <v>10</v>
      </c>
      <c r="G3370" t="s">
        <v>62</v>
      </c>
      <c r="H3370" t="s">
        <v>63</v>
      </c>
      <c r="I3370">
        <v>4.46</v>
      </c>
      <c r="J3370">
        <v>1</v>
      </c>
      <c r="K3370">
        <v>1.67</v>
      </c>
    </row>
    <row r="3371" spans="1:11" x14ac:dyDescent="0.3">
      <c r="A3371" s="1">
        <v>42292</v>
      </c>
      <c r="B3371" s="3">
        <f t="shared" si="104"/>
        <v>10</v>
      </c>
      <c r="C3371" s="3">
        <f t="shared" si="105"/>
        <v>2015</v>
      </c>
      <c r="D3371" t="s">
        <v>1496</v>
      </c>
      <c r="E3371" t="s">
        <v>9</v>
      </c>
      <c r="F3371" t="s">
        <v>10</v>
      </c>
      <c r="G3371" t="s">
        <v>19</v>
      </c>
      <c r="H3371" t="s">
        <v>2286</v>
      </c>
      <c r="I3371">
        <v>3.96</v>
      </c>
      <c r="J3371">
        <v>10</v>
      </c>
      <c r="K3371">
        <v>-6.93</v>
      </c>
    </row>
    <row r="3372" spans="1:11" x14ac:dyDescent="0.3">
      <c r="A3372" s="1">
        <v>42293</v>
      </c>
      <c r="B3372" s="3">
        <f t="shared" si="104"/>
        <v>10</v>
      </c>
      <c r="C3372" s="3">
        <f t="shared" si="105"/>
        <v>2015</v>
      </c>
      <c r="D3372" t="s">
        <v>2032</v>
      </c>
      <c r="E3372" t="s">
        <v>148</v>
      </c>
      <c r="F3372" t="s">
        <v>38</v>
      </c>
      <c r="G3372" t="s">
        <v>39</v>
      </c>
      <c r="H3372" t="s">
        <v>2142</v>
      </c>
      <c r="I3372">
        <v>824.97</v>
      </c>
      <c r="J3372">
        <v>3</v>
      </c>
      <c r="K3372">
        <v>214.49</v>
      </c>
    </row>
    <row r="3373" spans="1:11" x14ac:dyDescent="0.3">
      <c r="A3373" s="1">
        <v>42294</v>
      </c>
      <c r="B3373" s="3">
        <f t="shared" si="104"/>
        <v>10</v>
      </c>
      <c r="C3373" s="3">
        <f t="shared" si="105"/>
        <v>2015</v>
      </c>
      <c r="D3373" t="s">
        <v>2253</v>
      </c>
      <c r="E3373" t="s">
        <v>26</v>
      </c>
      <c r="F3373" t="s">
        <v>10</v>
      </c>
      <c r="G3373" t="s">
        <v>17</v>
      </c>
      <c r="H3373" t="s">
        <v>1481</v>
      </c>
      <c r="I3373">
        <v>77.88</v>
      </c>
      <c r="J3373">
        <v>2</v>
      </c>
      <c r="K3373">
        <v>3.89</v>
      </c>
    </row>
    <row r="3374" spans="1:11" x14ac:dyDescent="0.3">
      <c r="A3374" s="1">
        <v>42295</v>
      </c>
      <c r="B3374" s="3">
        <f t="shared" si="104"/>
        <v>10</v>
      </c>
      <c r="C3374" s="3">
        <f t="shared" si="105"/>
        <v>2015</v>
      </c>
      <c r="D3374" t="s">
        <v>238</v>
      </c>
      <c r="E3374" t="s">
        <v>9</v>
      </c>
      <c r="F3374" t="s">
        <v>38</v>
      </c>
      <c r="G3374" t="s">
        <v>51</v>
      </c>
      <c r="H3374" t="s">
        <v>2287</v>
      </c>
      <c r="I3374">
        <v>27.7</v>
      </c>
      <c r="J3374">
        <v>3</v>
      </c>
      <c r="K3374">
        <v>3.46</v>
      </c>
    </row>
    <row r="3375" spans="1:11" x14ac:dyDescent="0.3">
      <c r="A3375" s="1">
        <v>42295</v>
      </c>
      <c r="B3375" s="3">
        <f t="shared" si="104"/>
        <v>10</v>
      </c>
      <c r="C3375" s="3">
        <f t="shared" si="105"/>
        <v>2015</v>
      </c>
      <c r="D3375" t="s">
        <v>238</v>
      </c>
      <c r="E3375" t="s">
        <v>9</v>
      </c>
      <c r="F3375" t="s">
        <v>10</v>
      </c>
      <c r="G3375" t="s">
        <v>91</v>
      </c>
      <c r="H3375" t="s">
        <v>2288</v>
      </c>
      <c r="I3375">
        <v>73.16</v>
      </c>
      <c r="J3375">
        <v>6</v>
      </c>
      <c r="K3375">
        <v>-186.57</v>
      </c>
    </row>
    <row r="3376" spans="1:11" x14ac:dyDescent="0.3">
      <c r="A3376" s="1">
        <v>42295</v>
      </c>
      <c r="B3376" s="3">
        <f t="shared" si="104"/>
        <v>10</v>
      </c>
      <c r="C3376" s="3">
        <f t="shared" si="105"/>
        <v>2015</v>
      </c>
      <c r="D3376" t="s">
        <v>1300</v>
      </c>
      <c r="E3376" t="s">
        <v>163</v>
      </c>
      <c r="F3376" t="s">
        <v>38</v>
      </c>
      <c r="G3376" t="s">
        <v>39</v>
      </c>
      <c r="H3376" t="s">
        <v>2170</v>
      </c>
      <c r="I3376">
        <v>249.58</v>
      </c>
      <c r="J3376">
        <v>2</v>
      </c>
      <c r="K3376">
        <v>15.6</v>
      </c>
    </row>
    <row r="3377" spans="1:11" x14ac:dyDescent="0.3">
      <c r="A3377" s="1">
        <v>42295</v>
      </c>
      <c r="B3377" s="3">
        <f t="shared" si="104"/>
        <v>10</v>
      </c>
      <c r="C3377" s="3">
        <f t="shared" si="105"/>
        <v>2015</v>
      </c>
      <c r="D3377" t="s">
        <v>1300</v>
      </c>
      <c r="E3377" t="s">
        <v>163</v>
      </c>
      <c r="F3377" t="s">
        <v>10</v>
      </c>
      <c r="G3377" t="s">
        <v>11</v>
      </c>
      <c r="H3377" t="s">
        <v>1469</v>
      </c>
      <c r="I3377">
        <v>17.940000000000001</v>
      </c>
      <c r="J3377">
        <v>3</v>
      </c>
      <c r="K3377">
        <v>8.7899999999999991</v>
      </c>
    </row>
    <row r="3378" spans="1:11" x14ac:dyDescent="0.3">
      <c r="A3378" s="1">
        <v>42295</v>
      </c>
      <c r="B3378" s="3">
        <f t="shared" si="104"/>
        <v>10</v>
      </c>
      <c r="C3378" s="3">
        <f t="shared" si="105"/>
        <v>2015</v>
      </c>
      <c r="D3378" t="s">
        <v>1300</v>
      </c>
      <c r="E3378" t="s">
        <v>163</v>
      </c>
      <c r="F3378" t="s">
        <v>33</v>
      </c>
      <c r="G3378" t="s">
        <v>46</v>
      </c>
      <c r="H3378" t="s">
        <v>1626</v>
      </c>
      <c r="I3378">
        <v>10.11</v>
      </c>
      <c r="J3378">
        <v>3</v>
      </c>
      <c r="K3378">
        <v>3.24</v>
      </c>
    </row>
    <row r="3379" spans="1:11" x14ac:dyDescent="0.3">
      <c r="A3379" s="1">
        <v>42296</v>
      </c>
      <c r="B3379" s="3">
        <f t="shared" si="104"/>
        <v>10</v>
      </c>
      <c r="C3379" s="3">
        <f t="shared" si="105"/>
        <v>2015</v>
      </c>
      <c r="D3379" t="s">
        <v>1476</v>
      </c>
      <c r="E3379" t="s">
        <v>684</v>
      </c>
      <c r="F3379" t="s">
        <v>10</v>
      </c>
      <c r="G3379" t="s">
        <v>11</v>
      </c>
      <c r="H3379" t="s">
        <v>1641</v>
      </c>
      <c r="I3379">
        <v>34.44</v>
      </c>
      <c r="J3379">
        <v>3</v>
      </c>
      <c r="K3379">
        <v>17.22</v>
      </c>
    </row>
    <row r="3380" spans="1:11" x14ac:dyDescent="0.3">
      <c r="A3380" s="1">
        <v>42296</v>
      </c>
      <c r="B3380" s="3">
        <f t="shared" si="104"/>
        <v>10</v>
      </c>
      <c r="C3380" s="3">
        <f t="shared" si="105"/>
        <v>2015</v>
      </c>
      <c r="D3380" t="s">
        <v>240</v>
      </c>
      <c r="E3380" t="s">
        <v>109</v>
      </c>
      <c r="F3380" t="s">
        <v>10</v>
      </c>
      <c r="G3380" t="s">
        <v>19</v>
      </c>
      <c r="H3380" t="s">
        <v>681</v>
      </c>
      <c r="I3380">
        <v>38.28</v>
      </c>
      <c r="J3380">
        <v>6</v>
      </c>
      <c r="K3380">
        <v>17.61</v>
      </c>
    </row>
    <row r="3381" spans="1:11" x14ac:dyDescent="0.3">
      <c r="A3381" s="1">
        <v>42296</v>
      </c>
      <c r="B3381" s="3">
        <f t="shared" si="104"/>
        <v>10</v>
      </c>
      <c r="C3381" s="3">
        <f t="shared" si="105"/>
        <v>2015</v>
      </c>
      <c r="D3381" t="s">
        <v>240</v>
      </c>
      <c r="E3381" t="s">
        <v>109</v>
      </c>
      <c r="F3381" t="s">
        <v>38</v>
      </c>
      <c r="G3381" t="s">
        <v>39</v>
      </c>
      <c r="H3381" t="s">
        <v>2289</v>
      </c>
      <c r="I3381">
        <v>149.94999999999999</v>
      </c>
      <c r="J3381">
        <v>5</v>
      </c>
      <c r="K3381">
        <v>44.99</v>
      </c>
    </row>
    <row r="3382" spans="1:11" x14ac:dyDescent="0.3">
      <c r="A3382" s="1">
        <v>42296</v>
      </c>
      <c r="B3382" s="3">
        <f t="shared" si="104"/>
        <v>10</v>
      </c>
      <c r="C3382" s="3">
        <f t="shared" si="105"/>
        <v>2015</v>
      </c>
      <c r="D3382" t="s">
        <v>1619</v>
      </c>
      <c r="E3382" t="s">
        <v>26</v>
      </c>
      <c r="F3382" t="s">
        <v>10</v>
      </c>
      <c r="G3382" t="s">
        <v>91</v>
      </c>
      <c r="H3382" t="s">
        <v>2290</v>
      </c>
      <c r="I3382">
        <v>1640.7</v>
      </c>
      <c r="J3382">
        <v>5</v>
      </c>
      <c r="K3382">
        <v>459.4</v>
      </c>
    </row>
    <row r="3383" spans="1:11" x14ac:dyDescent="0.3">
      <c r="A3383" s="1">
        <v>42296</v>
      </c>
      <c r="B3383" s="3">
        <f t="shared" si="104"/>
        <v>10</v>
      </c>
      <c r="C3383" s="3">
        <f t="shared" si="105"/>
        <v>2015</v>
      </c>
      <c r="D3383" t="s">
        <v>1619</v>
      </c>
      <c r="E3383" t="s">
        <v>26</v>
      </c>
      <c r="F3383" t="s">
        <v>38</v>
      </c>
      <c r="G3383" t="s">
        <v>51</v>
      </c>
      <c r="H3383" t="s">
        <v>1558</v>
      </c>
      <c r="I3383">
        <v>270</v>
      </c>
      <c r="J3383">
        <v>3</v>
      </c>
      <c r="K3383">
        <v>97.2</v>
      </c>
    </row>
    <row r="3384" spans="1:11" x14ac:dyDescent="0.3">
      <c r="A3384" s="1">
        <v>42296</v>
      </c>
      <c r="B3384" s="3">
        <f t="shared" si="104"/>
        <v>10</v>
      </c>
      <c r="C3384" s="3">
        <f t="shared" si="105"/>
        <v>2015</v>
      </c>
      <c r="D3384" t="s">
        <v>601</v>
      </c>
      <c r="E3384" t="s">
        <v>9</v>
      </c>
      <c r="F3384" t="s">
        <v>10</v>
      </c>
      <c r="G3384" t="s">
        <v>19</v>
      </c>
      <c r="H3384" t="s">
        <v>2291</v>
      </c>
      <c r="I3384">
        <v>1.72</v>
      </c>
      <c r="J3384">
        <v>1</v>
      </c>
      <c r="K3384">
        <v>-2.84</v>
      </c>
    </row>
    <row r="3385" spans="1:11" x14ac:dyDescent="0.3">
      <c r="A3385" s="1">
        <v>42297</v>
      </c>
      <c r="B3385" s="3">
        <f t="shared" si="104"/>
        <v>10</v>
      </c>
      <c r="C3385" s="3">
        <f t="shared" si="105"/>
        <v>2015</v>
      </c>
      <c r="D3385" t="s">
        <v>872</v>
      </c>
      <c r="E3385" t="s">
        <v>26</v>
      </c>
      <c r="F3385" t="s">
        <v>38</v>
      </c>
      <c r="G3385" t="s">
        <v>51</v>
      </c>
      <c r="H3385" t="s">
        <v>998</v>
      </c>
      <c r="I3385">
        <v>239.97</v>
      </c>
      <c r="J3385">
        <v>3</v>
      </c>
      <c r="K3385">
        <v>86.39</v>
      </c>
    </row>
    <row r="3386" spans="1:11" x14ac:dyDescent="0.3">
      <c r="A3386" s="1">
        <v>42297</v>
      </c>
      <c r="B3386" s="3">
        <f t="shared" si="104"/>
        <v>10</v>
      </c>
      <c r="C3386" s="3">
        <f t="shared" si="105"/>
        <v>2015</v>
      </c>
      <c r="D3386" t="s">
        <v>872</v>
      </c>
      <c r="E3386" t="s">
        <v>26</v>
      </c>
      <c r="F3386" t="s">
        <v>33</v>
      </c>
      <c r="G3386" t="s">
        <v>46</v>
      </c>
      <c r="H3386" t="s">
        <v>871</v>
      </c>
      <c r="I3386">
        <v>16.02</v>
      </c>
      <c r="J3386">
        <v>6</v>
      </c>
      <c r="K3386">
        <v>6.09</v>
      </c>
    </row>
    <row r="3387" spans="1:11" x14ac:dyDescent="0.3">
      <c r="A3387" s="1">
        <v>42297</v>
      </c>
      <c r="B3387" s="3">
        <f t="shared" si="104"/>
        <v>10</v>
      </c>
      <c r="C3387" s="3">
        <f t="shared" si="105"/>
        <v>2015</v>
      </c>
      <c r="D3387" t="s">
        <v>901</v>
      </c>
      <c r="E3387" t="s">
        <v>148</v>
      </c>
      <c r="F3387" t="s">
        <v>10</v>
      </c>
      <c r="G3387" t="s">
        <v>11</v>
      </c>
      <c r="H3387" t="s">
        <v>624</v>
      </c>
      <c r="I3387">
        <v>24.56</v>
      </c>
      <c r="J3387">
        <v>2</v>
      </c>
      <c r="K3387">
        <v>11.54</v>
      </c>
    </row>
    <row r="3388" spans="1:11" x14ac:dyDescent="0.3">
      <c r="A3388" s="1">
        <v>42297</v>
      </c>
      <c r="B3388" s="3">
        <f t="shared" si="104"/>
        <v>10</v>
      </c>
      <c r="C3388" s="3">
        <f t="shared" si="105"/>
        <v>2015</v>
      </c>
      <c r="D3388" t="s">
        <v>522</v>
      </c>
      <c r="E3388" t="s">
        <v>26</v>
      </c>
      <c r="F3388" t="s">
        <v>33</v>
      </c>
      <c r="G3388" t="s">
        <v>46</v>
      </c>
      <c r="H3388" t="s">
        <v>2292</v>
      </c>
      <c r="I3388">
        <v>74.760000000000005</v>
      </c>
      <c r="J3388">
        <v>7</v>
      </c>
      <c r="K3388">
        <v>23.92</v>
      </c>
    </row>
    <row r="3389" spans="1:11" x14ac:dyDescent="0.3">
      <c r="A3389" s="1">
        <v>42297</v>
      </c>
      <c r="B3389" s="3">
        <f t="shared" si="104"/>
        <v>10</v>
      </c>
      <c r="C3389" s="3">
        <f t="shared" si="105"/>
        <v>2015</v>
      </c>
      <c r="D3389" t="s">
        <v>522</v>
      </c>
      <c r="E3389" t="s">
        <v>26</v>
      </c>
      <c r="F3389" t="s">
        <v>33</v>
      </c>
      <c r="G3389" t="s">
        <v>144</v>
      </c>
      <c r="H3389" t="s">
        <v>498</v>
      </c>
      <c r="I3389">
        <v>364.78</v>
      </c>
      <c r="J3389">
        <v>3</v>
      </c>
      <c r="K3389">
        <v>27.36</v>
      </c>
    </row>
    <row r="3390" spans="1:11" x14ac:dyDescent="0.3">
      <c r="A3390" s="1">
        <v>42299</v>
      </c>
      <c r="B3390" s="3">
        <f t="shared" si="104"/>
        <v>10</v>
      </c>
      <c r="C3390" s="3">
        <f t="shared" si="105"/>
        <v>2015</v>
      </c>
      <c r="D3390" t="s">
        <v>759</v>
      </c>
      <c r="E3390" t="s">
        <v>14</v>
      </c>
      <c r="F3390" t="s">
        <v>10</v>
      </c>
      <c r="G3390" t="s">
        <v>19</v>
      </c>
      <c r="H3390" t="s">
        <v>1366</v>
      </c>
      <c r="I3390">
        <v>5.18</v>
      </c>
      <c r="J3390">
        <v>4</v>
      </c>
      <c r="K3390">
        <v>-7.76</v>
      </c>
    </row>
    <row r="3391" spans="1:11" x14ac:dyDescent="0.3">
      <c r="A3391" s="1">
        <v>42299</v>
      </c>
      <c r="B3391" s="3">
        <f t="shared" si="104"/>
        <v>10</v>
      </c>
      <c r="C3391" s="3">
        <f t="shared" si="105"/>
        <v>2015</v>
      </c>
      <c r="D3391" t="s">
        <v>1103</v>
      </c>
      <c r="E3391" t="s">
        <v>122</v>
      </c>
      <c r="F3391" t="s">
        <v>10</v>
      </c>
      <c r="G3391" t="s">
        <v>17</v>
      </c>
      <c r="H3391" t="s">
        <v>515</v>
      </c>
      <c r="I3391">
        <v>9.9499999999999993</v>
      </c>
      <c r="J3391">
        <v>1</v>
      </c>
      <c r="K3391">
        <v>1</v>
      </c>
    </row>
    <row r="3392" spans="1:11" x14ac:dyDescent="0.3">
      <c r="A3392" s="1">
        <v>42300</v>
      </c>
      <c r="B3392" s="3">
        <f t="shared" si="104"/>
        <v>10</v>
      </c>
      <c r="C3392" s="3">
        <f t="shared" si="105"/>
        <v>2015</v>
      </c>
      <c r="D3392" t="s">
        <v>2293</v>
      </c>
      <c r="E3392" t="s">
        <v>26</v>
      </c>
      <c r="F3392" t="s">
        <v>38</v>
      </c>
      <c r="G3392" t="s">
        <v>51</v>
      </c>
      <c r="H3392" t="s">
        <v>177</v>
      </c>
      <c r="I3392">
        <v>148.32</v>
      </c>
      <c r="J3392">
        <v>9</v>
      </c>
      <c r="K3392">
        <v>63.78</v>
      </c>
    </row>
    <row r="3393" spans="1:11" x14ac:dyDescent="0.3">
      <c r="A3393" s="1">
        <v>42300</v>
      </c>
      <c r="B3393" s="3">
        <f t="shared" si="104"/>
        <v>10</v>
      </c>
      <c r="C3393" s="3">
        <f t="shared" si="105"/>
        <v>2015</v>
      </c>
      <c r="D3393" t="s">
        <v>2293</v>
      </c>
      <c r="E3393" t="s">
        <v>26</v>
      </c>
      <c r="F3393" t="s">
        <v>33</v>
      </c>
      <c r="G3393" t="s">
        <v>34</v>
      </c>
      <c r="H3393" t="s">
        <v>273</v>
      </c>
      <c r="I3393">
        <v>240.78</v>
      </c>
      <c r="J3393">
        <v>1</v>
      </c>
      <c r="K3393">
        <v>27.09</v>
      </c>
    </row>
    <row r="3394" spans="1:11" x14ac:dyDescent="0.3">
      <c r="A3394" s="1">
        <v>42300</v>
      </c>
      <c r="B3394" s="3">
        <f t="shared" ref="B3394:B3457" si="106">MONTH(A:A)</f>
        <v>10</v>
      </c>
      <c r="C3394" s="3">
        <f t="shared" ref="C3394:C3457" si="107">YEAR(A:A)</f>
        <v>2015</v>
      </c>
      <c r="D3394" t="s">
        <v>2293</v>
      </c>
      <c r="E3394" t="s">
        <v>26</v>
      </c>
      <c r="F3394" t="s">
        <v>33</v>
      </c>
      <c r="G3394" t="s">
        <v>34</v>
      </c>
      <c r="H3394" t="s">
        <v>2067</v>
      </c>
      <c r="I3394">
        <v>191.97</v>
      </c>
      <c r="J3394">
        <v>7</v>
      </c>
      <c r="K3394">
        <v>16.8</v>
      </c>
    </row>
    <row r="3395" spans="1:11" x14ac:dyDescent="0.3">
      <c r="A3395" s="1">
        <v>42300</v>
      </c>
      <c r="B3395" s="3">
        <f t="shared" si="106"/>
        <v>10</v>
      </c>
      <c r="C3395" s="3">
        <f t="shared" si="107"/>
        <v>2015</v>
      </c>
      <c r="D3395" t="s">
        <v>2293</v>
      </c>
      <c r="E3395" t="s">
        <v>26</v>
      </c>
      <c r="F3395" t="s">
        <v>10</v>
      </c>
      <c r="G3395" t="s">
        <v>11</v>
      </c>
      <c r="H3395" t="s">
        <v>2294</v>
      </c>
      <c r="I3395">
        <v>11.56</v>
      </c>
      <c r="J3395">
        <v>2</v>
      </c>
      <c r="K3395">
        <v>5.66</v>
      </c>
    </row>
    <row r="3396" spans="1:11" x14ac:dyDescent="0.3">
      <c r="A3396" s="1">
        <v>42300</v>
      </c>
      <c r="B3396" s="3">
        <f t="shared" si="106"/>
        <v>10</v>
      </c>
      <c r="C3396" s="3">
        <f t="shared" si="107"/>
        <v>2015</v>
      </c>
      <c r="D3396" t="s">
        <v>2293</v>
      </c>
      <c r="E3396" t="s">
        <v>26</v>
      </c>
      <c r="F3396" t="s">
        <v>10</v>
      </c>
      <c r="G3396" t="s">
        <v>62</v>
      </c>
      <c r="H3396" t="s">
        <v>1164</v>
      </c>
      <c r="I3396">
        <v>11.8</v>
      </c>
      <c r="J3396">
        <v>4</v>
      </c>
      <c r="K3396">
        <v>5.66</v>
      </c>
    </row>
    <row r="3397" spans="1:11" x14ac:dyDescent="0.3">
      <c r="A3397" s="1">
        <v>42300</v>
      </c>
      <c r="B3397" s="3">
        <f t="shared" si="106"/>
        <v>10</v>
      </c>
      <c r="C3397" s="3">
        <f t="shared" si="107"/>
        <v>2015</v>
      </c>
      <c r="D3397" t="s">
        <v>2293</v>
      </c>
      <c r="E3397" t="s">
        <v>26</v>
      </c>
      <c r="F3397" t="s">
        <v>33</v>
      </c>
      <c r="G3397" t="s">
        <v>34</v>
      </c>
      <c r="H3397" t="s">
        <v>1725</v>
      </c>
      <c r="I3397">
        <v>842.35</v>
      </c>
      <c r="J3397">
        <v>3</v>
      </c>
      <c r="K3397">
        <v>42.12</v>
      </c>
    </row>
    <row r="3398" spans="1:11" x14ac:dyDescent="0.3">
      <c r="A3398" s="1">
        <v>42300</v>
      </c>
      <c r="B3398" s="3">
        <f t="shared" si="106"/>
        <v>10</v>
      </c>
      <c r="C3398" s="3">
        <f t="shared" si="107"/>
        <v>2015</v>
      </c>
      <c r="D3398" t="s">
        <v>1780</v>
      </c>
      <c r="E3398" t="s">
        <v>122</v>
      </c>
      <c r="F3398" t="s">
        <v>38</v>
      </c>
      <c r="G3398" t="s">
        <v>39</v>
      </c>
      <c r="H3398" t="s">
        <v>1861</v>
      </c>
      <c r="I3398">
        <v>55.94</v>
      </c>
      <c r="J3398">
        <v>7</v>
      </c>
      <c r="K3398">
        <v>-13.29</v>
      </c>
    </row>
    <row r="3399" spans="1:11" x14ac:dyDescent="0.3">
      <c r="A3399" s="1">
        <v>42300</v>
      </c>
      <c r="B3399" s="3">
        <f t="shared" si="106"/>
        <v>10</v>
      </c>
      <c r="C3399" s="3">
        <f t="shared" si="107"/>
        <v>2015</v>
      </c>
      <c r="D3399" t="s">
        <v>1780</v>
      </c>
      <c r="E3399" t="s">
        <v>122</v>
      </c>
      <c r="F3399" t="s">
        <v>10</v>
      </c>
      <c r="G3399" t="s">
        <v>23</v>
      </c>
      <c r="H3399" t="s">
        <v>778</v>
      </c>
      <c r="I3399">
        <v>10.69</v>
      </c>
      <c r="J3399">
        <v>2</v>
      </c>
      <c r="K3399">
        <v>2.27</v>
      </c>
    </row>
    <row r="3400" spans="1:11" x14ac:dyDescent="0.3">
      <c r="A3400" s="1">
        <v>42300</v>
      </c>
      <c r="B3400" s="3">
        <f t="shared" si="106"/>
        <v>10</v>
      </c>
      <c r="C3400" s="3">
        <f t="shared" si="107"/>
        <v>2015</v>
      </c>
      <c r="D3400" t="s">
        <v>1780</v>
      </c>
      <c r="E3400" t="s">
        <v>122</v>
      </c>
      <c r="F3400" t="s">
        <v>38</v>
      </c>
      <c r="G3400" t="s">
        <v>39</v>
      </c>
      <c r="H3400" t="s">
        <v>2295</v>
      </c>
      <c r="I3400">
        <v>11.82</v>
      </c>
      <c r="J3400">
        <v>2</v>
      </c>
      <c r="K3400">
        <v>1.03</v>
      </c>
    </row>
    <row r="3401" spans="1:11" x14ac:dyDescent="0.3">
      <c r="A3401" s="1">
        <v>42300</v>
      </c>
      <c r="B3401" s="3">
        <f t="shared" si="106"/>
        <v>10</v>
      </c>
      <c r="C3401" s="3">
        <f t="shared" si="107"/>
        <v>2015</v>
      </c>
      <c r="D3401" t="s">
        <v>1885</v>
      </c>
      <c r="E3401" t="s">
        <v>163</v>
      </c>
      <c r="F3401" t="s">
        <v>10</v>
      </c>
      <c r="G3401" t="s">
        <v>19</v>
      </c>
      <c r="H3401" t="s">
        <v>450</v>
      </c>
      <c r="I3401">
        <v>3.59</v>
      </c>
      <c r="J3401">
        <v>1</v>
      </c>
      <c r="K3401">
        <v>1.1200000000000001</v>
      </c>
    </row>
    <row r="3402" spans="1:11" x14ac:dyDescent="0.3">
      <c r="A3402" s="1">
        <v>42300</v>
      </c>
      <c r="B3402" s="3">
        <f t="shared" si="106"/>
        <v>10</v>
      </c>
      <c r="C3402" s="3">
        <f t="shared" si="107"/>
        <v>2015</v>
      </c>
      <c r="D3402" t="s">
        <v>1172</v>
      </c>
      <c r="E3402" t="s">
        <v>9</v>
      </c>
      <c r="F3402" t="s">
        <v>10</v>
      </c>
      <c r="G3402" t="s">
        <v>11</v>
      </c>
      <c r="H3402" t="s">
        <v>2171</v>
      </c>
      <c r="I3402">
        <v>36.29</v>
      </c>
      <c r="J3402">
        <v>7</v>
      </c>
      <c r="K3402">
        <v>12.7</v>
      </c>
    </row>
    <row r="3403" spans="1:11" x14ac:dyDescent="0.3">
      <c r="A3403" s="1">
        <v>42300</v>
      </c>
      <c r="B3403" s="3">
        <f t="shared" si="106"/>
        <v>10</v>
      </c>
      <c r="C3403" s="3">
        <f t="shared" si="107"/>
        <v>2015</v>
      </c>
      <c r="D3403" t="s">
        <v>1172</v>
      </c>
      <c r="E3403" t="s">
        <v>9</v>
      </c>
      <c r="F3403" t="s">
        <v>38</v>
      </c>
      <c r="G3403" t="s">
        <v>39</v>
      </c>
      <c r="H3403" t="s">
        <v>137</v>
      </c>
      <c r="I3403">
        <v>150.38</v>
      </c>
      <c r="J3403">
        <v>2</v>
      </c>
      <c r="K3403">
        <v>15.04</v>
      </c>
    </row>
    <row r="3404" spans="1:11" x14ac:dyDescent="0.3">
      <c r="A3404" s="1">
        <v>42300</v>
      </c>
      <c r="B3404" s="3">
        <f t="shared" si="106"/>
        <v>10</v>
      </c>
      <c r="C3404" s="3">
        <f t="shared" si="107"/>
        <v>2015</v>
      </c>
      <c r="D3404" t="s">
        <v>365</v>
      </c>
      <c r="E3404" t="s">
        <v>9</v>
      </c>
      <c r="F3404" t="s">
        <v>10</v>
      </c>
      <c r="G3404" t="s">
        <v>11</v>
      </c>
      <c r="H3404" t="s">
        <v>223</v>
      </c>
      <c r="I3404">
        <v>60.74</v>
      </c>
      <c r="J3404">
        <v>8</v>
      </c>
      <c r="K3404">
        <v>20.5</v>
      </c>
    </row>
    <row r="3405" spans="1:11" x14ac:dyDescent="0.3">
      <c r="A3405" s="1">
        <v>42300</v>
      </c>
      <c r="B3405" s="3">
        <f t="shared" si="106"/>
        <v>10</v>
      </c>
      <c r="C3405" s="3">
        <f t="shared" si="107"/>
        <v>2015</v>
      </c>
      <c r="D3405" t="s">
        <v>365</v>
      </c>
      <c r="E3405" t="s">
        <v>9</v>
      </c>
      <c r="F3405" t="s">
        <v>38</v>
      </c>
      <c r="G3405" t="s">
        <v>602</v>
      </c>
      <c r="H3405" t="s">
        <v>2009</v>
      </c>
      <c r="I3405">
        <v>479.98</v>
      </c>
      <c r="J3405">
        <v>3</v>
      </c>
      <c r="K3405">
        <v>161.99</v>
      </c>
    </row>
    <row r="3406" spans="1:11" x14ac:dyDescent="0.3">
      <c r="A3406" s="1">
        <v>42300</v>
      </c>
      <c r="B3406" s="3">
        <f t="shared" si="106"/>
        <v>10</v>
      </c>
      <c r="C3406" s="3">
        <f t="shared" si="107"/>
        <v>2015</v>
      </c>
      <c r="D3406" t="s">
        <v>365</v>
      </c>
      <c r="E3406" t="s">
        <v>9</v>
      </c>
      <c r="F3406" t="s">
        <v>10</v>
      </c>
      <c r="G3406" t="s">
        <v>19</v>
      </c>
      <c r="H3406" t="s">
        <v>700</v>
      </c>
      <c r="I3406">
        <v>6.08</v>
      </c>
      <c r="J3406">
        <v>1</v>
      </c>
      <c r="K3406">
        <v>-10.34</v>
      </c>
    </row>
    <row r="3407" spans="1:11" x14ac:dyDescent="0.3">
      <c r="A3407" s="1">
        <v>42301</v>
      </c>
      <c r="B3407" s="3">
        <f t="shared" si="106"/>
        <v>10</v>
      </c>
      <c r="C3407" s="3">
        <f t="shared" si="107"/>
        <v>2015</v>
      </c>
      <c r="D3407" t="s">
        <v>1885</v>
      </c>
      <c r="E3407" t="s">
        <v>9</v>
      </c>
      <c r="F3407" t="s">
        <v>10</v>
      </c>
      <c r="G3407" t="s">
        <v>11</v>
      </c>
      <c r="H3407" t="s">
        <v>707</v>
      </c>
      <c r="I3407">
        <v>15.55</v>
      </c>
      <c r="J3407">
        <v>3</v>
      </c>
      <c r="K3407">
        <v>5.44</v>
      </c>
    </row>
    <row r="3408" spans="1:11" x14ac:dyDescent="0.3">
      <c r="A3408" s="1">
        <v>42301</v>
      </c>
      <c r="B3408" s="3">
        <f t="shared" si="106"/>
        <v>10</v>
      </c>
      <c r="C3408" s="3">
        <f t="shared" si="107"/>
        <v>2015</v>
      </c>
      <c r="D3408" t="s">
        <v>1885</v>
      </c>
      <c r="E3408" t="s">
        <v>9</v>
      </c>
      <c r="F3408" t="s">
        <v>33</v>
      </c>
      <c r="G3408" t="s">
        <v>144</v>
      </c>
      <c r="H3408" t="s">
        <v>727</v>
      </c>
      <c r="I3408">
        <v>347.36</v>
      </c>
      <c r="J3408">
        <v>7</v>
      </c>
      <c r="K3408">
        <v>-69.47</v>
      </c>
    </row>
    <row r="3409" spans="1:11" x14ac:dyDescent="0.3">
      <c r="A3409" s="1">
        <v>42301</v>
      </c>
      <c r="B3409" s="3">
        <f t="shared" si="106"/>
        <v>10</v>
      </c>
      <c r="C3409" s="3">
        <f t="shared" si="107"/>
        <v>2015</v>
      </c>
      <c r="D3409" t="s">
        <v>1885</v>
      </c>
      <c r="E3409" t="s">
        <v>9</v>
      </c>
      <c r="F3409" t="s">
        <v>10</v>
      </c>
      <c r="G3409" t="s">
        <v>11</v>
      </c>
      <c r="H3409" t="s">
        <v>835</v>
      </c>
      <c r="I3409">
        <v>10.37</v>
      </c>
      <c r="J3409">
        <v>2</v>
      </c>
      <c r="K3409">
        <v>3.63</v>
      </c>
    </row>
    <row r="3410" spans="1:11" x14ac:dyDescent="0.3">
      <c r="A3410" s="1">
        <v>42301</v>
      </c>
      <c r="B3410" s="3">
        <f t="shared" si="106"/>
        <v>10</v>
      </c>
      <c r="C3410" s="3">
        <f t="shared" si="107"/>
        <v>2015</v>
      </c>
      <c r="D3410" t="s">
        <v>1374</v>
      </c>
      <c r="E3410" t="s">
        <v>9</v>
      </c>
      <c r="F3410" t="s">
        <v>10</v>
      </c>
      <c r="G3410" t="s">
        <v>19</v>
      </c>
      <c r="H3410" t="s">
        <v>450</v>
      </c>
      <c r="I3410">
        <v>3.59</v>
      </c>
      <c r="J3410">
        <v>4</v>
      </c>
      <c r="K3410">
        <v>-6.29</v>
      </c>
    </row>
    <row r="3411" spans="1:11" x14ac:dyDescent="0.3">
      <c r="A3411" s="1">
        <v>42301</v>
      </c>
      <c r="B3411" s="3">
        <f t="shared" si="106"/>
        <v>10</v>
      </c>
      <c r="C3411" s="3">
        <f t="shared" si="107"/>
        <v>2015</v>
      </c>
      <c r="D3411" t="s">
        <v>2010</v>
      </c>
      <c r="E3411" t="s">
        <v>26</v>
      </c>
      <c r="F3411" t="s">
        <v>33</v>
      </c>
      <c r="G3411" t="s">
        <v>34</v>
      </c>
      <c r="H3411" t="s">
        <v>2138</v>
      </c>
      <c r="I3411">
        <v>454.27</v>
      </c>
      <c r="J3411">
        <v>8</v>
      </c>
      <c r="K3411">
        <v>-73.819999999999993</v>
      </c>
    </row>
    <row r="3412" spans="1:11" x14ac:dyDescent="0.3">
      <c r="A3412" s="1">
        <v>42302</v>
      </c>
      <c r="B3412" s="3">
        <f t="shared" si="106"/>
        <v>10</v>
      </c>
      <c r="C3412" s="3">
        <f t="shared" si="107"/>
        <v>2015</v>
      </c>
      <c r="D3412" t="s">
        <v>1076</v>
      </c>
      <c r="E3412" t="s">
        <v>26</v>
      </c>
      <c r="F3412" t="s">
        <v>10</v>
      </c>
      <c r="G3412" t="s">
        <v>23</v>
      </c>
      <c r="H3412" t="s">
        <v>2233</v>
      </c>
      <c r="I3412">
        <v>60.45</v>
      </c>
      <c r="J3412">
        <v>3</v>
      </c>
      <c r="K3412">
        <v>16.32</v>
      </c>
    </row>
    <row r="3413" spans="1:11" x14ac:dyDescent="0.3">
      <c r="A3413" s="1">
        <v>42302</v>
      </c>
      <c r="B3413" s="3">
        <f t="shared" si="106"/>
        <v>10</v>
      </c>
      <c r="C3413" s="3">
        <f t="shared" si="107"/>
        <v>2015</v>
      </c>
      <c r="D3413" t="s">
        <v>1076</v>
      </c>
      <c r="E3413" t="s">
        <v>26</v>
      </c>
      <c r="F3413" t="s">
        <v>33</v>
      </c>
      <c r="G3413" t="s">
        <v>144</v>
      </c>
      <c r="H3413" t="s">
        <v>1194</v>
      </c>
      <c r="I3413">
        <v>253.18</v>
      </c>
      <c r="J3413">
        <v>3</v>
      </c>
      <c r="K3413">
        <v>-31.65</v>
      </c>
    </row>
    <row r="3414" spans="1:11" x14ac:dyDescent="0.3">
      <c r="A3414" s="1">
        <v>42302</v>
      </c>
      <c r="B3414" s="3">
        <f t="shared" si="106"/>
        <v>10</v>
      </c>
      <c r="C3414" s="3">
        <f t="shared" si="107"/>
        <v>2015</v>
      </c>
      <c r="D3414" t="s">
        <v>812</v>
      </c>
      <c r="E3414" t="s">
        <v>58</v>
      </c>
      <c r="F3414" t="s">
        <v>38</v>
      </c>
      <c r="G3414" t="s">
        <v>39</v>
      </c>
      <c r="H3414" t="s">
        <v>2296</v>
      </c>
      <c r="I3414">
        <v>158.99</v>
      </c>
      <c r="J3414">
        <v>1</v>
      </c>
      <c r="K3414">
        <v>41.34</v>
      </c>
    </row>
    <row r="3415" spans="1:11" x14ac:dyDescent="0.3">
      <c r="A3415" s="1">
        <v>42302</v>
      </c>
      <c r="B3415" s="3">
        <f t="shared" si="106"/>
        <v>10</v>
      </c>
      <c r="C3415" s="3">
        <f t="shared" si="107"/>
        <v>2015</v>
      </c>
      <c r="D3415" t="s">
        <v>812</v>
      </c>
      <c r="E3415" t="s">
        <v>58</v>
      </c>
      <c r="F3415" t="s">
        <v>33</v>
      </c>
      <c r="G3415" t="s">
        <v>34</v>
      </c>
      <c r="H3415" t="s">
        <v>381</v>
      </c>
      <c r="I3415">
        <v>291.10000000000002</v>
      </c>
      <c r="J3415">
        <v>5</v>
      </c>
      <c r="K3415">
        <v>75.69</v>
      </c>
    </row>
    <row r="3416" spans="1:11" x14ac:dyDescent="0.3">
      <c r="A3416" s="1">
        <v>42302</v>
      </c>
      <c r="B3416" s="3">
        <f t="shared" si="106"/>
        <v>10</v>
      </c>
      <c r="C3416" s="3">
        <f t="shared" si="107"/>
        <v>2015</v>
      </c>
      <c r="D3416" t="s">
        <v>828</v>
      </c>
      <c r="E3416" t="s">
        <v>125</v>
      </c>
      <c r="F3416" t="s">
        <v>10</v>
      </c>
      <c r="G3416" t="s">
        <v>23</v>
      </c>
      <c r="H3416" t="s">
        <v>448</v>
      </c>
      <c r="I3416">
        <v>79.36</v>
      </c>
      <c r="J3416">
        <v>4</v>
      </c>
      <c r="K3416">
        <v>23.81</v>
      </c>
    </row>
    <row r="3417" spans="1:11" x14ac:dyDescent="0.3">
      <c r="A3417" s="1">
        <v>42302</v>
      </c>
      <c r="B3417" s="3">
        <f t="shared" si="106"/>
        <v>10</v>
      </c>
      <c r="C3417" s="3">
        <f t="shared" si="107"/>
        <v>2015</v>
      </c>
      <c r="D3417" t="s">
        <v>1543</v>
      </c>
      <c r="E3417" t="s">
        <v>277</v>
      </c>
      <c r="F3417" t="s">
        <v>33</v>
      </c>
      <c r="G3417" t="s">
        <v>34</v>
      </c>
      <c r="H3417" t="s">
        <v>70</v>
      </c>
      <c r="I3417">
        <v>582.34</v>
      </c>
      <c r="J3417">
        <v>8</v>
      </c>
      <c r="K3417">
        <v>-29.12</v>
      </c>
    </row>
    <row r="3418" spans="1:11" x14ac:dyDescent="0.3">
      <c r="A3418" s="1">
        <v>42303</v>
      </c>
      <c r="B3418" s="3">
        <f t="shared" si="106"/>
        <v>10</v>
      </c>
      <c r="C3418" s="3">
        <f t="shared" si="107"/>
        <v>2015</v>
      </c>
      <c r="D3418" t="s">
        <v>2297</v>
      </c>
      <c r="E3418" t="s">
        <v>26</v>
      </c>
      <c r="F3418" t="s">
        <v>10</v>
      </c>
      <c r="G3418" t="s">
        <v>15</v>
      </c>
      <c r="H3418" t="s">
        <v>2298</v>
      </c>
      <c r="I3418">
        <v>5.76</v>
      </c>
      <c r="J3418">
        <v>2</v>
      </c>
      <c r="K3418">
        <v>2.65</v>
      </c>
    </row>
    <row r="3419" spans="1:11" x14ac:dyDescent="0.3">
      <c r="A3419" s="1">
        <v>42303</v>
      </c>
      <c r="B3419" s="3">
        <f t="shared" si="106"/>
        <v>10</v>
      </c>
      <c r="C3419" s="3">
        <f t="shared" si="107"/>
        <v>2015</v>
      </c>
      <c r="D3419" t="s">
        <v>1885</v>
      </c>
      <c r="E3419" t="s">
        <v>94</v>
      </c>
      <c r="F3419" t="s">
        <v>38</v>
      </c>
      <c r="G3419" t="s">
        <v>39</v>
      </c>
      <c r="H3419" t="s">
        <v>2299</v>
      </c>
      <c r="I3419">
        <v>105.58</v>
      </c>
      <c r="J3419">
        <v>2</v>
      </c>
      <c r="K3419">
        <v>9.24</v>
      </c>
    </row>
    <row r="3420" spans="1:11" x14ac:dyDescent="0.3">
      <c r="A3420" s="1">
        <v>42303</v>
      </c>
      <c r="B3420" s="3">
        <f t="shared" si="106"/>
        <v>10</v>
      </c>
      <c r="C3420" s="3">
        <f t="shared" si="107"/>
        <v>2015</v>
      </c>
      <c r="D3420" t="s">
        <v>1885</v>
      </c>
      <c r="E3420" t="s">
        <v>94</v>
      </c>
      <c r="F3420" t="s">
        <v>38</v>
      </c>
      <c r="G3420" t="s">
        <v>39</v>
      </c>
      <c r="H3420" t="s">
        <v>1952</v>
      </c>
      <c r="I3420">
        <v>68.72</v>
      </c>
      <c r="J3420">
        <v>2</v>
      </c>
      <c r="K3420">
        <v>-14.6</v>
      </c>
    </row>
    <row r="3421" spans="1:11" x14ac:dyDescent="0.3">
      <c r="A3421" s="1">
        <v>42303</v>
      </c>
      <c r="B3421" s="3">
        <f t="shared" si="106"/>
        <v>10</v>
      </c>
      <c r="C3421" s="3">
        <f t="shared" si="107"/>
        <v>2015</v>
      </c>
      <c r="D3421" t="s">
        <v>356</v>
      </c>
      <c r="E3421" t="s">
        <v>90</v>
      </c>
      <c r="F3421" t="s">
        <v>10</v>
      </c>
      <c r="G3421" t="s">
        <v>15</v>
      </c>
      <c r="H3421" t="s">
        <v>1859</v>
      </c>
      <c r="I3421">
        <v>146.54</v>
      </c>
      <c r="J3421">
        <v>6</v>
      </c>
      <c r="K3421">
        <v>47.63</v>
      </c>
    </row>
    <row r="3422" spans="1:11" x14ac:dyDescent="0.3">
      <c r="A3422" s="1">
        <v>42303</v>
      </c>
      <c r="B3422" s="3">
        <f t="shared" si="106"/>
        <v>10</v>
      </c>
      <c r="C3422" s="3">
        <f t="shared" si="107"/>
        <v>2015</v>
      </c>
      <c r="D3422" t="s">
        <v>356</v>
      </c>
      <c r="E3422" t="s">
        <v>90</v>
      </c>
      <c r="F3422" t="s">
        <v>10</v>
      </c>
      <c r="G3422" t="s">
        <v>11</v>
      </c>
      <c r="H3422" t="s">
        <v>2300</v>
      </c>
      <c r="I3422">
        <v>131.9</v>
      </c>
      <c r="J3422">
        <v>3</v>
      </c>
      <c r="K3422">
        <v>47.82</v>
      </c>
    </row>
    <row r="3423" spans="1:11" x14ac:dyDescent="0.3">
      <c r="A3423" s="1">
        <v>42303</v>
      </c>
      <c r="B3423" s="3">
        <f t="shared" si="106"/>
        <v>10</v>
      </c>
      <c r="C3423" s="3">
        <f t="shared" si="107"/>
        <v>2015</v>
      </c>
      <c r="D3423" t="s">
        <v>356</v>
      </c>
      <c r="E3423" t="s">
        <v>90</v>
      </c>
      <c r="F3423" t="s">
        <v>10</v>
      </c>
      <c r="G3423" t="s">
        <v>91</v>
      </c>
      <c r="H3423" t="s">
        <v>1124</v>
      </c>
      <c r="I3423">
        <v>203.88</v>
      </c>
      <c r="J3423">
        <v>5</v>
      </c>
      <c r="K3423">
        <v>20.39</v>
      </c>
    </row>
    <row r="3424" spans="1:11" x14ac:dyDescent="0.3">
      <c r="A3424" s="1">
        <v>42303</v>
      </c>
      <c r="B3424" s="3">
        <f t="shared" si="106"/>
        <v>10</v>
      </c>
      <c r="C3424" s="3">
        <f t="shared" si="107"/>
        <v>2015</v>
      </c>
      <c r="D3424" t="s">
        <v>356</v>
      </c>
      <c r="E3424" t="s">
        <v>90</v>
      </c>
      <c r="F3424" t="s">
        <v>10</v>
      </c>
      <c r="G3424" t="s">
        <v>19</v>
      </c>
      <c r="H3424" t="s">
        <v>1376</v>
      </c>
      <c r="I3424">
        <v>14.3</v>
      </c>
      <c r="J3424">
        <v>7</v>
      </c>
      <c r="K3424">
        <v>-10.49</v>
      </c>
    </row>
    <row r="3425" spans="1:11" x14ac:dyDescent="0.3">
      <c r="A3425" s="1">
        <v>42303</v>
      </c>
      <c r="B3425" s="3">
        <f t="shared" si="106"/>
        <v>10</v>
      </c>
      <c r="C3425" s="3">
        <f t="shared" si="107"/>
        <v>2015</v>
      </c>
      <c r="D3425" t="s">
        <v>356</v>
      </c>
      <c r="E3425" t="s">
        <v>90</v>
      </c>
      <c r="F3425" t="s">
        <v>10</v>
      </c>
      <c r="G3425" t="s">
        <v>17</v>
      </c>
      <c r="H3425" t="s">
        <v>728</v>
      </c>
      <c r="I3425">
        <v>718.64</v>
      </c>
      <c r="J3425">
        <v>10</v>
      </c>
      <c r="K3425">
        <v>-161.69</v>
      </c>
    </row>
    <row r="3426" spans="1:11" x14ac:dyDescent="0.3">
      <c r="A3426" s="1">
        <v>42305</v>
      </c>
      <c r="B3426" s="3">
        <f t="shared" si="106"/>
        <v>10</v>
      </c>
      <c r="C3426" s="3">
        <f t="shared" si="107"/>
        <v>2015</v>
      </c>
      <c r="D3426" t="s">
        <v>436</v>
      </c>
      <c r="E3426" t="s">
        <v>32</v>
      </c>
      <c r="F3426" t="s">
        <v>10</v>
      </c>
      <c r="G3426" t="s">
        <v>62</v>
      </c>
      <c r="H3426" t="s">
        <v>1720</v>
      </c>
      <c r="I3426">
        <v>10.67</v>
      </c>
      <c r="J3426">
        <v>1</v>
      </c>
      <c r="K3426">
        <v>4.91</v>
      </c>
    </row>
    <row r="3427" spans="1:11" x14ac:dyDescent="0.3">
      <c r="A3427" s="1">
        <v>42305</v>
      </c>
      <c r="B3427" s="3">
        <f t="shared" si="106"/>
        <v>10</v>
      </c>
      <c r="C3427" s="3">
        <f t="shared" si="107"/>
        <v>2015</v>
      </c>
      <c r="D3427" t="s">
        <v>436</v>
      </c>
      <c r="E3427" t="s">
        <v>32</v>
      </c>
      <c r="F3427" t="s">
        <v>10</v>
      </c>
      <c r="G3427" t="s">
        <v>17</v>
      </c>
      <c r="H3427" t="s">
        <v>1170</v>
      </c>
      <c r="I3427">
        <v>36.630000000000003</v>
      </c>
      <c r="J3427">
        <v>3</v>
      </c>
      <c r="K3427">
        <v>9.89</v>
      </c>
    </row>
    <row r="3428" spans="1:11" x14ac:dyDescent="0.3">
      <c r="A3428" s="1">
        <v>42305</v>
      </c>
      <c r="B3428" s="3">
        <f t="shared" si="106"/>
        <v>10</v>
      </c>
      <c r="C3428" s="3">
        <f t="shared" si="107"/>
        <v>2015</v>
      </c>
      <c r="D3428" t="s">
        <v>436</v>
      </c>
      <c r="E3428" t="s">
        <v>32</v>
      </c>
      <c r="F3428" t="s">
        <v>33</v>
      </c>
      <c r="G3428" t="s">
        <v>46</v>
      </c>
      <c r="H3428" t="s">
        <v>2301</v>
      </c>
      <c r="I3428">
        <v>24.1</v>
      </c>
      <c r="J3428">
        <v>5</v>
      </c>
      <c r="K3428">
        <v>9.16</v>
      </c>
    </row>
    <row r="3429" spans="1:11" x14ac:dyDescent="0.3">
      <c r="A3429" s="1">
        <v>42305</v>
      </c>
      <c r="B3429" s="3">
        <f t="shared" si="106"/>
        <v>10</v>
      </c>
      <c r="C3429" s="3">
        <f t="shared" si="107"/>
        <v>2015</v>
      </c>
      <c r="D3429" t="s">
        <v>436</v>
      </c>
      <c r="E3429" t="s">
        <v>32</v>
      </c>
      <c r="F3429" t="s">
        <v>33</v>
      </c>
      <c r="G3429" t="s">
        <v>46</v>
      </c>
      <c r="H3429" t="s">
        <v>479</v>
      </c>
      <c r="I3429">
        <v>33.11</v>
      </c>
      <c r="J3429">
        <v>7</v>
      </c>
      <c r="K3429">
        <v>12.91</v>
      </c>
    </row>
    <row r="3430" spans="1:11" x14ac:dyDescent="0.3">
      <c r="A3430" s="1">
        <v>42306</v>
      </c>
      <c r="B3430" s="3">
        <f t="shared" si="106"/>
        <v>10</v>
      </c>
      <c r="C3430" s="3">
        <f t="shared" si="107"/>
        <v>2015</v>
      </c>
      <c r="D3430" t="s">
        <v>1747</v>
      </c>
      <c r="E3430" t="s">
        <v>26</v>
      </c>
      <c r="F3430" t="s">
        <v>10</v>
      </c>
      <c r="G3430" t="s">
        <v>11</v>
      </c>
      <c r="H3430" t="s">
        <v>440</v>
      </c>
      <c r="I3430">
        <v>33.4</v>
      </c>
      <c r="J3430">
        <v>5</v>
      </c>
      <c r="K3430">
        <v>16.03</v>
      </c>
    </row>
    <row r="3431" spans="1:11" x14ac:dyDescent="0.3">
      <c r="A3431" s="1">
        <v>42306</v>
      </c>
      <c r="B3431" s="3">
        <f t="shared" si="106"/>
        <v>10</v>
      </c>
      <c r="C3431" s="3">
        <f t="shared" si="107"/>
        <v>2015</v>
      </c>
      <c r="D3431" t="s">
        <v>1747</v>
      </c>
      <c r="E3431" t="s">
        <v>26</v>
      </c>
      <c r="F3431" t="s">
        <v>10</v>
      </c>
      <c r="G3431" t="s">
        <v>62</v>
      </c>
      <c r="H3431" t="s">
        <v>640</v>
      </c>
      <c r="I3431">
        <v>210.84</v>
      </c>
      <c r="J3431">
        <v>4</v>
      </c>
      <c r="K3431">
        <v>103.31</v>
      </c>
    </row>
    <row r="3432" spans="1:11" x14ac:dyDescent="0.3">
      <c r="A3432" s="1">
        <v>42307</v>
      </c>
      <c r="B3432" s="3">
        <f t="shared" si="106"/>
        <v>10</v>
      </c>
      <c r="C3432" s="3">
        <f t="shared" si="107"/>
        <v>2015</v>
      </c>
      <c r="D3432" t="s">
        <v>2130</v>
      </c>
      <c r="E3432" t="s">
        <v>109</v>
      </c>
      <c r="F3432" t="s">
        <v>38</v>
      </c>
      <c r="G3432" t="s">
        <v>39</v>
      </c>
      <c r="H3432" t="s">
        <v>1749</v>
      </c>
      <c r="I3432">
        <v>299.89999999999998</v>
      </c>
      <c r="J3432">
        <v>2</v>
      </c>
      <c r="K3432">
        <v>74.98</v>
      </c>
    </row>
    <row r="3433" spans="1:11" x14ac:dyDescent="0.3">
      <c r="A3433" s="1">
        <v>42307</v>
      </c>
      <c r="B3433" s="3">
        <f t="shared" si="106"/>
        <v>10</v>
      </c>
      <c r="C3433" s="3">
        <f t="shared" si="107"/>
        <v>2015</v>
      </c>
      <c r="D3433" t="s">
        <v>1326</v>
      </c>
      <c r="E3433" t="s">
        <v>277</v>
      </c>
      <c r="F3433" t="s">
        <v>38</v>
      </c>
      <c r="G3433" t="s">
        <v>301</v>
      </c>
      <c r="H3433" t="s">
        <v>2216</v>
      </c>
      <c r="I3433">
        <v>59.99</v>
      </c>
      <c r="J3433">
        <v>2</v>
      </c>
      <c r="K3433">
        <v>-46</v>
      </c>
    </row>
    <row r="3434" spans="1:11" x14ac:dyDescent="0.3">
      <c r="A3434" s="1">
        <v>42307</v>
      </c>
      <c r="B3434" s="3">
        <f t="shared" si="106"/>
        <v>10</v>
      </c>
      <c r="C3434" s="3">
        <f t="shared" si="107"/>
        <v>2015</v>
      </c>
      <c r="D3434" t="s">
        <v>1326</v>
      </c>
      <c r="E3434" t="s">
        <v>277</v>
      </c>
      <c r="F3434" t="s">
        <v>38</v>
      </c>
      <c r="G3434" t="s">
        <v>602</v>
      </c>
      <c r="H3434" t="s">
        <v>1088</v>
      </c>
      <c r="I3434">
        <v>439.99</v>
      </c>
      <c r="J3434">
        <v>1</v>
      </c>
      <c r="K3434">
        <v>165</v>
      </c>
    </row>
    <row r="3435" spans="1:11" x14ac:dyDescent="0.3">
      <c r="A3435" s="1">
        <v>42307</v>
      </c>
      <c r="B3435" s="3">
        <f t="shared" si="106"/>
        <v>10</v>
      </c>
      <c r="C3435" s="3">
        <f t="shared" si="107"/>
        <v>2015</v>
      </c>
      <c r="D3435" t="s">
        <v>1326</v>
      </c>
      <c r="E3435" t="s">
        <v>277</v>
      </c>
      <c r="F3435" t="s">
        <v>38</v>
      </c>
      <c r="G3435" t="s">
        <v>39</v>
      </c>
      <c r="H3435" t="s">
        <v>2005</v>
      </c>
      <c r="I3435">
        <v>87.96</v>
      </c>
      <c r="J3435">
        <v>5</v>
      </c>
      <c r="K3435">
        <v>30.79</v>
      </c>
    </row>
    <row r="3436" spans="1:11" x14ac:dyDescent="0.3">
      <c r="A3436" s="1">
        <v>42307</v>
      </c>
      <c r="B3436" s="3">
        <f t="shared" si="106"/>
        <v>10</v>
      </c>
      <c r="C3436" s="3">
        <f t="shared" si="107"/>
        <v>2015</v>
      </c>
      <c r="D3436" t="s">
        <v>1326</v>
      </c>
      <c r="E3436" t="s">
        <v>277</v>
      </c>
      <c r="F3436" t="s">
        <v>33</v>
      </c>
      <c r="G3436" t="s">
        <v>46</v>
      </c>
      <c r="H3436" t="s">
        <v>2302</v>
      </c>
      <c r="I3436">
        <v>15.49</v>
      </c>
      <c r="J3436">
        <v>4</v>
      </c>
      <c r="K3436">
        <v>3.68</v>
      </c>
    </row>
    <row r="3437" spans="1:11" x14ac:dyDescent="0.3">
      <c r="A3437" s="1">
        <v>42307</v>
      </c>
      <c r="B3437" s="3">
        <f t="shared" si="106"/>
        <v>10</v>
      </c>
      <c r="C3437" s="3">
        <f t="shared" si="107"/>
        <v>2015</v>
      </c>
      <c r="D3437" t="s">
        <v>1370</v>
      </c>
      <c r="E3437" t="s">
        <v>54</v>
      </c>
      <c r="F3437" t="s">
        <v>10</v>
      </c>
      <c r="G3437" t="s">
        <v>91</v>
      </c>
      <c r="H3437" t="s">
        <v>2288</v>
      </c>
      <c r="I3437">
        <v>182.91</v>
      </c>
      <c r="J3437">
        <v>3</v>
      </c>
      <c r="K3437">
        <v>53.04</v>
      </c>
    </row>
    <row r="3438" spans="1:11" x14ac:dyDescent="0.3">
      <c r="A3438" s="1">
        <v>42307</v>
      </c>
      <c r="B3438" s="3">
        <f t="shared" si="106"/>
        <v>10</v>
      </c>
      <c r="C3438" s="3">
        <f t="shared" si="107"/>
        <v>2015</v>
      </c>
      <c r="D3438" t="s">
        <v>201</v>
      </c>
      <c r="E3438" t="s">
        <v>148</v>
      </c>
      <c r="F3438" t="s">
        <v>38</v>
      </c>
      <c r="G3438" t="s">
        <v>301</v>
      </c>
      <c r="H3438" t="s">
        <v>2303</v>
      </c>
      <c r="I3438">
        <v>1035.8</v>
      </c>
      <c r="J3438">
        <v>4</v>
      </c>
      <c r="K3438">
        <v>269.31</v>
      </c>
    </row>
    <row r="3439" spans="1:11" x14ac:dyDescent="0.3">
      <c r="A3439" s="1">
        <v>42308</v>
      </c>
      <c r="B3439" s="3">
        <f t="shared" si="106"/>
        <v>10</v>
      </c>
      <c r="C3439" s="3">
        <f t="shared" si="107"/>
        <v>2015</v>
      </c>
      <c r="D3439" t="s">
        <v>449</v>
      </c>
      <c r="E3439" t="s">
        <v>26</v>
      </c>
      <c r="F3439" t="s">
        <v>10</v>
      </c>
      <c r="G3439" t="s">
        <v>62</v>
      </c>
      <c r="H3439" t="s">
        <v>395</v>
      </c>
      <c r="I3439">
        <v>14.28</v>
      </c>
      <c r="J3439">
        <v>7</v>
      </c>
      <c r="K3439">
        <v>6.71</v>
      </c>
    </row>
    <row r="3440" spans="1:11" x14ac:dyDescent="0.3">
      <c r="A3440" s="1">
        <v>42308</v>
      </c>
      <c r="B3440" s="3">
        <f t="shared" si="106"/>
        <v>10</v>
      </c>
      <c r="C3440" s="3">
        <f t="shared" si="107"/>
        <v>2015</v>
      </c>
      <c r="D3440" t="s">
        <v>625</v>
      </c>
      <c r="E3440" t="s">
        <v>109</v>
      </c>
      <c r="F3440" t="s">
        <v>10</v>
      </c>
      <c r="G3440" t="s">
        <v>199</v>
      </c>
      <c r="H3440" t="s">
        <v>2055</v>
      </c>
      <c r="I3440">
        <v>70.12</v>
      </c>
      <c r="J3440">
        <v>4</v>
      </c>
      <c r="K3440">
        <v>21.04</v>
      </c>
    </row>
    <row r="3441" spans="1:11" x14ac:dyDescent="0.3">
      <c r="A3441" s="1">
        <v>42308</v>
      </c>
      <c r="B3441" s="3">
        <f t="shared" si="106"/>
        <v>10</v>
      </c>
      <c r="C3441" s="3">
        <f t="shared" si="107"/>
        <v>2015</v>
      </c>
      <c r="D3441" t="s">
        <v>276</v>
      </c>
      <c r="E3441" t="s">
        <v>148</v>
      </c>
      <c r="F3441" t="s">
        <v>10</v>
      </c>
      <c r="G3441" t="s">
        <v>23</v>
      </c>
      <c r="H3441" t="s">
        <v>2304</v>
      </c>
      <c r="I3441">
        <v>2.78</v>
      </c>
      <c r="J3441">
        <v>2</v>
      </c>
      <c r="K3441">
        <v>0.72</v>
      </c>
    </row>
    <row r="3442" spans="1:11" x14ac:dyDescent="0.3">
      <c r="A3442" s="1">
        <v>42308</v>
      </c>
      <c r="B3442" s="3">
        <f t="shared" si="106"/>
        <v>10</v>
      </c>
      <c r="C3442" s="3">
        <f t="shared" si="107"/>
        <v>2015</v>
      </c>
      <c r="D3442" t="s">
        <v>276</v>
      </c>
      <c r="E3442" t="s">
        <v>148</v>
      </c>
      <c r="F3442" t="s">
        <v>10</v>
      </c>
      <c r="G3442" t="s">
        <v>62</v>
      </c>
      <c r="H3442" t="s">
        <v>2263</v>
      </c>
      <c r="I3442">
        <v>79.959999999999994</v>
      </c>
      <c r="J3442">
        <v>2</v>
      </c>
      <c r="K3442">
        <v>35.979999999999997</v>
      </c>
    </row>
    <row r="3443" spans="1:11" x14ac:dyDescent="0.3">
      <c r="A3443" s="1">
        <v>42308</v>
      </c>
      <c r="B3443" s="3">
        <f t="shared" si="106"/>
        <v>10</v>
      </c>
      <c r="C3443" s="3">
        <f t="shared" si="107"/>
        <v>2015</v>
      </c>
      <c r="D3443" t="s">
        <v>388</v>
      </c>
      <c r="E3443" t="s">
        <v>26</v>
      </c>
      <c r="F3443" t="s">
        <v>10</v>
      </c>
      <c r="G3443" t="s">
        <v>19</v>
      </c>
      <c r="H3443" t="s">
        <v>1201</v>
      </c>
      <c r="I3443">
        <v>9.73</v>
      </c>
      <c r="J3443">
        <v>2</v>
      </c>
      <c r="K3443">
        <v>3.28</v>
      </c>
    </row>
    <row r="3444" spans="1:11" x14ac:dyDescent="0.3">
      <c r="A3444" s="1">
        <v>42308</v>
      </c>
      <c r="B3444" s="3">
        <f t="shared" si="106"/>
        <v>10</v>
      </c>
      <c r="C3444" s="3">
        <f t="shared" si="107"/>
        <v>2015</v>
      </c>
      <c r="D3444" t="s">
        <v>388</v>
      </c>
      <c r="E3444" t="s">
        <v>26</v>
      </c>
      <c r="F3444" t="s">
        <v>10</v>
      </c>
      <c r="G3444" t="s">
        <v>62</v>
      </c>
      <c r="H3444" t="s">
        <v>1164</v>
      </c>
      <c r="I3444">
        <v>14.75</v>
      </c>
      <c r="J3444">
        <v>5</v>
      </c>
      <c r="K3444">
        <v>7.08</v>
      </c>
    </row>
    <row r="3445" spans="1:11" x14ac:dyDescent="0.3">
      <c r="A3445" s="1">
        <v>42308</v>
      </c>
      <c r="B3445" s="3">
        <f t="shared" si="106"/>
        <v>10</v>
      </c>
      <c r="C3445" s="3">
        <f t="shared" si="107"/>
        <v>2015</v>
      </c>
      <c r="D3445" t="s">
        <v>388</v>
      </c>
      <c r="E3445" t="s">
        <v>26</v>
      </c>
      <c r="F3445" t="s">
        <v>10</v>
      </c>
      <c r="G3445" t="s">
        <v>19</v>
      </c>
      <c r="H3445" t="s">
        <v>48</v>
      </c>
      <c r="I3445">
        <v>29.8</v>
      </c>
      <c r="J3445">
        <v>5</v>
      </c>
      <c r="K3445">
        <v>9.31</v>
      </c>
    </row>
    <row r="3446" spans="1:11" x14ac:dyDescent="0.3">
      <c r="A3446" s="1">
        <v>42308</v>
      </c>
      <c r="B3446" s="3">
        <f t="shared" si="106"/>
        <v>10</v>
      </c>
      <c r="C3446" s="3">
        <f t="shared" si="107"/>
        <v>2015</v>
      </c>
      <c r="D3446" t="s">
        <v>388</v>
      </c>
      <c r="E3446" t="s">
        <v>26</v>
      </c>
      <c r="F3446" t="s">
        <v>10</v>
      </c>
      <c r="G3446" t="s">
        <v>15</v>
      </c>
      <c r="H3446" t="s">
        <v>1499</v>
      </c>
      <c r="I3446">
        <v>427.42</v>
      </c>
      <c r="J3446">
        <v>14</v>
      </c>
      <c r="K3446">
        <v>196.61</v>
      </c>
    </row>
    <row r="3447" spans="1:11" x14ac:dyDescent="0.3">
      <c r="A3447" s="1">
        <v>42308</v>
      </c>
      <c r="B3447" s="3">
        <f t="shared" si="106"/>
        <v>10</v>
      </c>
      <c r="C3447" s="3">
        <f t="shared" si="107"/>
        <v>2015</v>
      </c>
      <c r="D3447" t="s">
        <v>2305</v>
      </c>
      <c r="E3447" t="s">
        <v>26</v>
      </c>
      <c r="F3447" t="s">
        <v>10</v>
      </c>
      <c r="G3447" t="s">
        <v>11</v>
      </c>
      <c r="H3447" t="s">
        <v>2201</v>
      </c>
      <c r="I3447">
        <v>19.98</v>
      </c>
      <c r="J3447">
        <v>1</v>
      </c>
      <c r="K3447">
        <v>9.39</v>
      </c>
    </row>
    <row r="3448" spans="1:11" x14ac:dyDescent="0.3">
      <c r="A3448" s="1">
        <v>42308</v>
      </c>
      <c r="B3448" s="3">
        <f t="shared" si="106"/>
        <v>10</v>
      </c>
      <c r="C3448" s="3">
        <f t="shared" si="107"/>
        <v>2015</v>
      </c>
      <c r="D3448" t="s">
        <v>2305</v>
      </c>
      <c r="E3448" t="s">
        <v>26</v>
      </c>
      <c r="F3448" t="s">
        <v>10</v>
      </c>
      <c r="G3448" t="s">
        <v>19</v>
      </c>
      <c r="H3448" t="s">
        <v>665</v>
      </c>
      <c r="I3448">
        <v>398.35</v>
      </c>
      <c r="J3448">
        <v>3</v>
      </c>
      <c r="K3448">
        <v>124.49</v>
      </c>
    </row>
    <row r="3449" spans="1:11" x14ac:dyDescent="0.3">
      <c r="A3449" s="1">
        <v>42308</v>
      </c>
      <c r="B3449" s="3">
        <f t="shared" si="106"/>
        <v>10</v>
      </c>
      <c r="C3449" s="3">
        <f t="shared" si="107"/>
        <v>2015</v>
      </c>
      <c r="D3449" t="s">
        <v>2305</v>
      </c>
      <c r="E3449" t="s">
        <v>26</v>
      </c>
      <c r="F3449" t="s">
        <v>10</v>
      </c>
      <c r="G3449" t="s">
        <v>23</v>
      </c>
      <c r="H3449" t="s">
        <v>389</v>
      </c>
      <c r="I3449">
        <v>5.04</v>
      </c>
      <c r="J3449">
        <v>3</v>
      </c>
      <c r="K3449">
        <v>1.26</v>
      </c>
    </row>
    <row r="3450" spans="1:11" x14ac:dyDescent="0.3">
      <c r="A3450" s="1">
        <v>42308</v>
      </c>
      <c r="B3450" s="3">
        <f t="shared" si="106"/>
        <v>10</v>
      </c>
      <c r="C3450" s="3">
        <f t="shared" si="107"/>
        <v>2015</v>
      </c>
      <c r="D3450" t="s">
        <v>2305</v>
      </c>
      <c r="E3450" t="s">
        <v>26</v>
      </c>
      <c r="F3450" t="s">
        <v>10</v>
      </c>
      <c r="G3450" t="s">
        <v>42</v>
      </c>
      <c r="H3450" t="s">
        <v>1560</v>
      </c>
      <c r="I3450">
        <v>17.45</v>
      </c>
      <c r="J3450">
        <v>5</v>
      </c>
      <c r="K3450">
        <v>8.0299999999999994</v>
      </c>
    </row>
    <row r="3451" spans="1:11" x14ac:dyDescent="0.3">
      <c r="A3451" s="1">
        <v>42308</v>
      </c>
      <c r="B3451" s="3">
        <f t="shared" si="106"/>
        <v>10</v>
      </c>
      <c r="C3451" s="3">
        <f t="shared" si="107"/>
        <v>2015</v>
      </c>
      <c r="D3451" t="s">
        <v>2305</v>
      </c>
      <c r="E3451" t="s">
        <v>26</v>
      </c>
      <c r="F3451" t="s">
        <v>33</v>
      </c>
      <c r="G3451" t="s">
        <v>34</v>
      </c>
      <c r="H3451" t="s">
        <v>1875</v>
      </c>
      <c r="I3451">
        <v>323.14</v>
      </c>
      <c r="J3451">
        <v>4</v>
      </c>
      <c r="K3451">
        <v>20.2</v>
      </c>
    </row>
    <row r="3452" spans="1:11" x14ac:dyDescent="0.3">
      <c r="A3452" s="1">
        <v>42308</v>
      </c>
      <c r="B3452" s="3">
        <f t="shared" si="106"/>
        <v>10</v>
      </c>
      <c r="C3452" s="3">
        <f t="shared" si="107"/>
        <v>2015</v>
      </c>
      <c r="D3452" t="s">
        <v>2305</v>
      </c>
      <c r="E3452" t="s">
        <v>26</v>
      </c>
      <c r="F3452" t="s">
        <v>10</v>
      </c>
      <c r="G3452" t="s">
        <v>199</v>
      </c>
      <c r="H3452" t="s">
        <v>2206</v>
      </c>
      <c r="I3452">
        <v>29.7</v>
      </c>
      <c r="J3452">
        <v>3</v>
      </c>
      <c r="K3452">
        <v>8.02</v>
      </c>
    </row>
    <row r="3453" spans="1:11" x14ac:dyDescent="0.3">
      <c r="A3453" s="1">
        <v>42308</v>
      </c>
      <c r="B3453" s="3">
        <f t="shared" si="106"/>
        <v>10</v>
      </c>
      <c r="C3453" s="3">
        <f t="shared" si="107"/>
        <v>2015</v>
      </c>
      <c r="D3453" t="s">
        <v>2305</v>
      </c>
      <c r="E3453" t="s">
        <v>26</v>
      </c>
      <c r="F3453" t="s">
        <v>38</v>
      </c>
      <c r="G3453" t="s">
        <v>39</v>
      </c>
      <c r="H3453" t="s">
        <v>855</v>
      </c>
      <c r="I3453">
        <v>1295.8399999999999</v>
      </c>
      <c r="J3453">
        <v>4</v>
      </c>
      <c r="K3453">
        <v>145.78</v>
      </c>
    </row>
    <row r="3454" spans="1:11" x14ac:dyDescent="0.3">
      <c r="A3454" s="1">
        <v>42308</v>
      </c>
      <c r="B3454" s="3">
        <f t="shared" si="106"/>
        <v>10</v>
      </c>
      <c r="C3454" s="3">
        <f t="shared" si="107"/>
        <v>2015</v>
      </c>
      <c r="D3454" t="s">
        <v>2305</v>
      </c>
      <c r="E3454" t="s">
        <v>26</v>
      </c>
      <c r="F3454" t="s">
        <v>10</v>
      </c>
      <c r="G3454" t="s">
        <v>17</v>
      </c>
      <c r="H3454" t="s">
        <v>2190</v>
      </c>
      <c r="I3454">
        <v>46.84</v>
      </c>
      <c r="J3454">
        <v>2</v>
      </c>
      <c r="K3454">
        <v>12.65</v>
      </c>
    </row>
    <row r="3455" spans="1:11" x14ac:dyDescent="0.3">
      <c r="A3455" s="1">
        <v>42308</v>
      </c>
      <c r="B3455" s="3">
        <f t="shared" si="106"/>
        <v>10</v>
      </c>
      <c r="C3455" s="3">
        <f t="shared" si="107"/>
        <v>2015</v>
      </c>
      <c r="D3455" t="s">
        <v>2305</v>
      </c>
      <c r="E3455" t="s">
        <v>26</v>
      </c>
      <c r="F3455" t="s">
        <v>33</v>
      </c>
      <c r="G3455" t="s">
        <v>73</v>
      </c>
      <c r="H3455" t="s">
        <v>1343</v>
      </c>
      <c r="I3455">
        <v>425.83</v>
      </c>
      <c r="J3455">
        <v>1</v>
      </c>
      <c r="K3455">
        <v>20.04</v>
      </c>
    </row>
    <row r="3456" spans="1:11" x14ac:dyDescent="0.3">
      <c r="A3456" s="1">
        <v>42309</v>
      </c>
      <c r="B3456" s="3">
        <f t="shared" si="106"/>
        <v>11</v>
      </c>
      <c r="C3456" s="3">
        <f t="shared" si="107"/>
        <v>2015</v>
      </c>
      <c r="D3456" t="s">
        <v>491</v>
      </c>
      <c r="E3456" t="s">
        <v>22</v>
      </c>
      <c r="F3456" t="s">
        <v>38</v>
      </c>
      <c r="G3456" t="s">
        <v>51</v>
      </c>
      <c r="H3456" t="s">
        <v>387</v>
      </c>
      <c r="I3456">
        <v>35.36</v>
      </c>
      <c r="J3456">
        <v>2</v>
      </c>
      <c r="K3456">
        <v>-3.09</v>
      </c>
    </row>
    <row r="3457" spans="1:11" x14ac:dyDescent="0.3">
      <c r="A3457" s="1">
        <v>42309</v>
      </c>
      <c r="B3457" s="3">
        <f t="shared" si="106"/>
        <v>11</v>
      </c>
      <c r="C3457" s="3">
        <f t="shared" si="107"/>
        <v>2015</v>
      </c>
      <c r="D3457" t="s">
        <v>491</v>
      </c>
      <c r="E3457" t="s">
        <v>22</v>
      </c>
      <c r="F3457" t="s">
        <v>10</v>
      </c>
      <c r="G3457" t="s">
        <v>42</v>
      </c>
      <c r="H3457" t="s">
        <v>2306</v>
      </c>
      <c r="I3457">
        <v>3.17</v>
      </c>
      <c r="J3457">
        <v>2</v>
      </c>
      <c r="K3457">
        <v>-0.71</v>
      </c>
    </row>
    <row r="3458" spans="1:11" x14ac:dyDescent="0.3">
      <c r="A3458" s="1">
        <v>42309</v>
      </c>
      <c r="B3458" s="3">
        <f t="shared" ref="B3458:B3521" si="108">MONTH(A:A)</f>
        <v>11</v>
      </c>
      <c r="C3458" s="3">
        <f t="shared" ref="C3458:C3521" si="109">YEAR(A:A)</f>
        <v>2015</v>
      </c>
      <c r="D3458" t="s">
        <v>333</v>
      </c>
      <c r="E3458" t="s">
        <v>148</v>
      </c>
      <c r="F3458" t="s">
        <v>38</v>
      </c>
      <c r="G3458" t="s">
        <v>39</v>
      </c>
      <c r="H3458" t="s">
        <v>1998</v>
      </c>
      <c r="I3458">
        <v>4.95</v>
      </c>
      <c r="J3458">
        <v>1</v>
      </c>
      <c r="K3458">
        <v>1.34</v>
      </c>
    </row>
    <row r="3459" spans="1:11" x14ac:dyDescent="0.3">
      <c r="A3459" s="1">
        <v>42309</v>
      </c>
      <c r="B3459" s="3">
        <f t="shared" si="108"/>
        <v>11</v>
      </c>
      <c r="C3459" s="3">
        <f t="shared" si="109"/>
        <v>2015</v>
      </c>
      <c r="D3459" t="s">
        <v>1054</v>
      </c>
      <c r="E3459" t="s">
        <v>148</v>
      </c>
      <c r="F3459" t="s">
        <v>10</v>
      </c>
      <c r="G3459" t="s">
        <v>11</v>
      </c>
      <c r="H3459" t="s">
        <v>1179</v>
      </c>
      <c r="I3459">
        <v>13.52</v>
      </c>
      <c r="J3459">
        <v>4</v>
      </c>
      <c r="K3459">
        <v>6.22</v>
      </c>
    </row>
    <row r="3460" spans="1:11" x14ac:dyDescent="0.3">
      <c r="A3460" s="1">
        <v>42309</v>
      </c>
      <c r="B3460" s="3">
        <f t="shared" si="108"/>
        <v>11</v>
      </c>
      <c r="C3460" s="3">
        <f t="shared" si="109"/>
        <v>2015</v>
      </c>
      <c r="D3460" t="s">
        <v>1054</v>
      </c>
      <c r="E3460" t="s">
        <v>148</v>
      </c>
      <c r="F3460" t="s">
        <v>33</v>
      </c>
      <c r="G3460" t="s">
        <v>46</v>
      </c>
      <c r="H3460" t="s">
        <v>56</v>
      </c>
      <c r="I3460">
        <v>259.7</v>
      </c>
      <c r="J3460">
        <v>5</v>
      </c>
      <c r="K3460">
        <v>106.48</v>
      </c>
    </row>
    <row r="3461" spans="1:11" x14ac:dyDescent="0.3">
      <c r="A3461" s="1">
        <v>42309</v>
      </c>
      <c r="B3461" s="3">
        <f t="shared" si="108"/>
        <v>11</v>
      </c>
      <c r="C3461" s="3">
        <f t="shared" si="109"/>
        <v>2015</v>
      </c>
      <c r="D3461" t="s">
        <v>1054</v>
      </c>
      <c r="E3461" t="s">
        <v>148</v>
      </c>
      <c r="F3461" t="s">
        <v>38</v>
      </c>
      <c r="G3461" t="s">
        <v>39</v>
      </c>
      <c r="H3461" t="s">
        <v>1952</v>
      </c>
      <c r="I3461">
        <v>42.95</v>
      </c>
      <c r="J3461">
        <v>1</v>
      </c>
      <c r="K3461">
        <v>1.29</v>
      </c>
    </row>
    <row r="3462" spans="1:11" x14ac:dyDescent="0.3">
      <c r="A3462" s="1">
        <v>42309</v>
      </c>
      <c r="B3462" s="3">
        <f t="shared" si="108"/>
        <v>11</v>
      </c>
      <c r="C3462" s="3">
        <f t="shared" si="109"/>
        <v>2015</v>
      </c>
      <c r="D3462" t="s">
        <v>1054</v>
      </c>
      <c r="E3462" t="s">
        <v>148</v>
      </c>
      <c r="F3462" t="s">
        <v>38</v>
      </c>
      <c r="G3462" t="s">
        <v>51</v>
      </c>
      <c r="H3462" t="s">
        <v>2124</v>
      </c>
      <c r="I3462">
        <v>1399.93</v>
      </c>
      <c r="J3462">
        <v>7</v>
      </c>
      <c r="K3462">
        <v>601.97</v>
      </c>
    </row>
    <row r="3463" spans="1:11" x14ac:dyDescent="0.3">
      <c r="A3463" s="1">
        <v>42309</v>
      </c>
      <c r="B3463" s="3">
        <f t="shared" si="108"/>
        <v>11</v>
      </c>
      <c r="C3463" s="3">
        <f t="shared" si="109"/>
        <v>2015</v>
      </c>
      <c r="D3463" t="s">
        <v>1054</v>
      </c>
      <c r="E3463" t="s">
        <v>148</v>
      </c>
      <c r="F3463" t="s">
        <v>38</v>
      </c>
      <c r="G3463" t="s">
        <v>39</v>
      </c>
      <c r="H3463" t="s">
        <v>652</v>
      </c>
      <c r="I3463">
        <v>503.96</v>
      </c>
      <c r="J3463">
        <v>4</v>
      </c>
      <c r="K3463">
        <v>125.99</v>
      </c>
    </row>
    <row r="3464" spans="1:11" x14ac:dyDescent="0.3">
      <c r="A3464" s="1">
        <v>42309</v>
      </c>
      <c r="B3464" s="3">
        <f t="shared" si="108"/>
        <v>11</v>
      </c>
      <c r="C3464" s="3">
        <f t="shared" si="109"/>
        <v>2015</v>
      </c>
      <c r="D3464" t="s">
        <v>184</v>
      </c>
      <c r="E3464" t="s">
        <v>90</v>
      </c>
      <c r="F3464" t="s">
        <v>10</v>
      </c>
      <c r="G3464" t="s">
        <v>23</v>
      </c>
      <c r="H3464" t="s">
        <v>1529</v>
      </c>
      <c r="I3464">
        <v>7.88</v>
      </c>
      <c r="J3464">
        <v>1</v>
      </c>
      <c r="K3464">
        <v>1.77</v>
      </c>
    </row>
    <row r="3465" spans="1:11" x14ac:dyDescent="0.3">
      <c r="A3465" s="1">
        <v>42309</v>
      </c>
      <c r="B3465" s="3">
        <f t="shared" si="108"/>
        <v>11</v>
      </c>
      <c r="C3465" s="3">
        <f t="shared" si="109"/>
        <v>2015</v>
      </c>
      <c r="D3465" t="s">
        <v>1561</v>
      </c>
      <c r="E3465" t="s">
        <v>100</v>
      </c>
      <c r="F3465" t="s">
        <v>33</v>
      </c>
      <c r="G3465" t="s">
        <v>144</v>
      </c>
      <c r="H3465" t="s">
        <v>2017</v>
      </c>
      <c r="I3465">
        <v>301.95999999999998</v>
      </c>
      <c r="J3465">
        <v>2</v>
      </c>
      <c r="K3465">
        <v>45.29</v>
      </c>
    </row>
    <row r="3466" spans="1:11" x14ac:dyDescent="0.3">
      <c r="A3466" s="1">
        <v>42309</v>
      </c>
      <c r="B3466" s="3">
        <f t="shared" si="108"/>
        <v>11</v>
      </c>
      <c r="C3466" s="3">
        <f t="shared" si="109"/>
        <v>2015</v>
      </c>
      <c r="D3466" t="s">
        <v>2078</v>
      </c>
      <c r="E3466" t="s">
        <v>148</v>
      </c>
      <c r="F3466" t="s">
        <v>33</v>
      </c>
      <c r="G3466" t="s">
        <v>34</v>
      </c>
      <c r="H3466" t="s">
        <v>70</v>
      </c>
      <c r="I3466">
        <v>327.56</v>
      </c>
      <c r="J3466">
        <v>4</v>
      </c>
      <c r="K3466">
        <v>21.84</v>
      </c>
    </row>
    <row r="3467" spans="1:11" x14ac:dyDescent="0.3">
      <c r="A3467" s="1">
        <v>42309</v>
      </c>
      <c r="B3467" s="3">
        <f t="shared" si="108"/>
        <v>11</v>
      </c>
      <c r="C3467" s="3">
        <f t="shared" si="109"/>
        <v>2015</v>
      </c>
      <c r="D3467" t="s">
        <v>1486</v>
      </c>
      <c r="E3467" t="s">
        <v>148</v>
      </c>
      <c r="F3467" t="s">
        <v>33</v>
      </c>
      <c r="G3467" t="s">
        <v>34</v>
      </c>
      <c r="H3467" t="s">
        <v>2265</v>
      </c>
      <c r="I3467">
        <v>205.16</v>
      </c>
      <c r="J3467">
        <v>2</v>
      </c>
      <c r="K3467">
        <v>13.68</v>
      </c>
    </row>
    <row r="3468" spans="1:11" x14ac:dyDescent="0.3">
      <c r="A3468" s="1">
        <v>42310</v>
      </c>
      <c r="B3468" s="3">
        <f t="shared" si="108"/>
        <v>11</v>
      </c>
      <c r="C3468" s="3">
        <f t="shared" si="109"/>
        <v>2015</v>
      </c>
      <c r="D3468" t="s">
        <v>421</v>
      </c>
      <c r="E3468" t="s">
        <v>26</v>
      </c>
      <c r="F3468" t="s">
        <v>33</v>
      </c>
      <c r="G3468" t="s">
        <v>144</v>
      </c>
      <c r="H3468" t="s">
        <v>1459</v>
      </c>
      <c r="I3468">
        <v>1038.8399999999999</v>
      </c>
      <c r="J3468">
        <v>5</v>
      </c>
      <c r="K3468">
        <v>51.94</v>
      </c>
    </row>
    <row r="3469" spans="1:11" x14ac:dyDescent="0.3">
      <c r="A3469" s="1">
        <v>42310</v>
      </c>
      <c r="B3469" s="3">
        <f t="shared" si="108"/>
        <v>11</v>
      </c>
      <c r="C3469" s="3">
        <f t="shared" si="109"/>
        <v>2015</v>
      </c>
      <c r="D3469" t="s">
        <v>2307</v>
      </c>
      <c r="E3469" t="s">
        <v>163</v>
      </c>
      <c r="F3469" t="s">
        <v>38</v>
      </c>
      <c r="G3469" t="s">
        <v>51</v>
      </c>
      <c r="H3469" t="s">
        <v>2308</v>
      </c>
      <c r="I3469">
        <v>447.93</v>
      </c>
      <c r="J3469">
        <v>9</v>
      </c>
      <c r="K3469">
        <v>49.27</v>
      </c>
    </row>
    <row r="3470" spans="1:11" x14ac:dyDescent="0.3">
      <c r="A3470" s="1">
        <v>42310</v>
      </c>
      <c r="B3470" s="3">
        <f t="shared" si="108"/>
        <v>11</v>
      </c>
      <c r="C3470" s="3">
        <f t="shared" si="109"/>
        <v>2015</v>
      </c>
      <c r="D3470" t="s">
        <v>976</v>
      </c>
      <c r="E3470" t="s">
        <v>148</v>
      </c>
      <c r="F3470" t="s">
        <v>33</v>
      </c>
      <c r="G3470" t="s">
        <v>34</v>
      </c>
      <c r="H3470" t="s">
        <v>2040</v>
      </c>
      <c r="I3470">
        <v>109.76</v>
      </c>
      <c r="J3470">
        <v>2</v>
      </c>
      <c r="K3470">
        <v>8.5399999999999991</v>
      </c>
    </row>
    <row r="3471" spans="1:11" x14ac:dyDescent="0.3">
      <c r="A3471" s="1">
        <v>42310</v>
      </c>
      <c r="B3471" s="3">
        <f t="shared" si="108"/>
        <v>11</v>
      </c>
      <c r="C3471" s="3">
        <f t="shared" si="109"/>
        <v>2015</v>
      </c>
      <c r="D3471" t="s">
        <v>759</v>
      </c>
      <c r="E3471" t="s">
        <v>26</v>
      </c>
      <c r="F3471" t="s">
        <v>33</v>
      </c>
      <c r="G3471" t="s">
        <v>46</v>
      </c>
      <c r="H3471" t="s">
        <v>2309</v>
      </c>
      <c r="I3471">
        <v>96.96</v>
      </c>
      <c r="J3471">
        <v>6</v>
      </c>
      <c r="K3471">
        <v>33.94</v>
      </c>
    </row>
    <row r="3472" spans="1:11" x14ac:dyDescent="0.3">
      <c r="A3472" s="1">
        <v>42310</v>
      </c>
      <c r="B3472" s="3">
        <f t="shared" si="108"/>
        <v>11</v>
      </c>
      <c r="C3472" s="3">
        <f t="shared" si="109"/>
        <v>2015</v>
      </c>
      <c r="D3472" t="s">
        <v>759</v>
      </c>
      <c r="E3472" t="s">
        <v>26</v>
      </c>
      <c r="F3472" t="s">
        <v>10</v>
      </c>
      <c r="G3472" t="s">
        <v>19</v>
      </c>
      <c r="H3472" t="s">
        <v>1028</v>
      </c>
      <c r="I3472">
        <v>117.49</v>
      </c>
      <c r="J3472">
        <v>7</v>
      </c>
      <c r="K3472">
        <v>41.12</v>
      </c>
    </row>
    <row r="3473" spans="1:11" x14ac:dyDescent="0.3">
      <c r="A3473" s="1">
        <v>42310</v>
      </c>
      <c r="B3473" s="3">
        <f t="shared" si="108"/>
        <v>11</v>
      </c>
      <c r="C3473" s="3">
        <f t="shared" si="109"/>
        <v>2015</v>
      </c>
      <c r="D3473" t="s">
        <v>759</v>
      </c>
      <c r="E3473" t="s">
        <v>26</v>
      </c>
      <c r="F3473" t="s">
        <v>10</v>
      </c>
      <c r="G3473" t="s">
        <v>19</v>
      </c>
      <c r="H3473" t="s">
        <v>896</v>
      </c>
      <c r="I3473">
        <v>11.95</v>
      </c>
      <c r="J3473">
        <v>3</v>
      </c>
      <c r="K3473">
        <v>4.18</v>
      </c>
    </row>
    <row r="3474" spans="1:11" x14ac:dyDescent="0.3">
      <c r="A3474" s="1">
        <v>42310</v>
      </c>
      <c r="B3474" s="3">
        <f t="shared" si="108"/>
        <v>11</v>
      </c>
      <c r="C3474" s="3">
        <f t="shared" si="109"/>
        <v>2015</v>
      </c>
      <c r="D3474" t="s">
        <v>759</v>
      </c>
      <c r="E3474" t="s">
        <v>26</v>
      </c>
      <c r="F3474" t="s">
        <v>33</v>
      </c>
      <c r="G3474" t="s">
        <v>73</v>
      </c>
      <c r="H3474" t="s">
        <v>2092</v>
      </c>
      <c r="I3474">
        <v>512.5</v>
      </c>
      <c r="J3474">
        <v>3</v>
      </c>
      <c r="K3474">
        <v>-30.15</v>
      </c>
    </row>
    <row r="3475" spans="1:11" x14ac:dyDescent="0.3">
      <c r="A3475" s="1">
        <v>42310</v>
      </c>
      <c r="B3475" s="3">
        <f t="shared" si="108"/>
        <v>11</v>
      </c>
      <c r="C3475" s="3">
        <f t="shared" si="109"/>
        <v>2015</v>
      </c>
      <c r="D3475" t="s">
        <v>1096</v>
      </c>
      <c r="E3475" t="s">
        <v>148</v>
      </c>
      <c r="F3475" t="s">
        <v>33</v>
      </c>
      <c r="G3475" t="s">
        <v>34</v>
      </c>
      <c r="H3475" t="s">
        <v>2310</v>
      </c>
      <c r="I3475">
        <v>2621.3200000000002</v>
      </c>
      <c r="J3475">
        <v>11</v>
      </c>
      <c r="K3475">
        <v>553.39</v>
      </c>
    </row>
    <row r="3476" spans="1:11" x14ac:dyDescent="0.3">
      <c r="A3476" s="1">
        <v>42310</v>
      </c>
      <c r="B3476" s="3">
        <f t="shared" si="108"/>
        <v>11</v>
      </c>
      <c r="C3476" s="3">
        <f t="shared" si="109"/>
        <v>2015</v>
      </c>
      <c r="D3476" t="s">
        <v>1034</v>
      </c>
      <c r="E3476" t="s">
        <v>9</v>
      </c>
      <c r="F3476" t="s">
        <v>10</v>
      </c>
      <c r="G3476" t="s">
        <v>19</v>
      </c>
      <c r="H3476" t="s">
        <v>1028</v>
      </c>
      <c r="I3476">
        <v>29.37</v>
      </c>
      <c r="J3476">
        <v>7</v>
      </c>
      <c r="K3476">
        <v>-47</v>
      </c>
    </row>
    <row r="3477" spans="1:11" x14ac:dyDescent="0.3">
      <c r="A3477" s="1">
        <v>42310</v>
      </c>
      <c r="B3477" s="3">
        <f t="shared" si="108"/>
        <v>11</v>
      </c>
      <c r="C3477" s="3">
        <f t="shared" si="109"/>
        <v>2015</v>
      </c>
      <c r="D3477" t="s">
        <v>1034</v>
      </c>
      <c r="E3477" t="s">
        <v>9</v>
      </c>
      <c r="F3477" t="s">
        <v>38</v>
      </c>
      <c r="G3477" t="s">
        <v>39</v>
      </c>
      <c r="H3477" t="s">
        <v>2311</v>
      </c>
      <c r="I3477">
        <v>344.7</v>
      </c>
      <c r="J3477">
        <v>2</v>
      </c>
      <c r="K3477">
        <v>38.78</v>
      </c>
    </row>
    <row r="3478" spans="1:11" x14ac:dyDescent="0.3">
      <c r="A3478" s="1">
        <v>42310</v>
      </c>
      <c r="B3478" s="3">
        <f t="shared" si="108"/>
        <v>11</v>
      </c>
      <c r="C3478" s="3">
        <f t="shared" si="109"/>
        <v>2015</v>
      </c>
      <c r="D3478" t="s">
        <v>2312</v>
      </c>
      <c r="E3478" t="s">
        <v>54</v>
      </c>
      <c r="F3478" t="s">
        <v>10</v>
      </c>
      <c r="G3478" t="s">
        <v>91</v>
      </c>
      <c r="H3478" t="s">
        <v>2313</v>
      </c>
      <c r="I3478">
        <v>197.72</v>
      </c>
      <c r="J3478">
        <v>4</v>
      </c>
      <c r="K3478">
        <v>55.36</v>
      </c>
    </row>
    <row r="3479" spans="1:11" x14ac:dyDescent="0.3">
      <c r="A3479" s="1">
        <v>42311</v>
      </c>
      <c r="B3479" s="3">
        <f t="shared" si="108"/>
        <v>11</v>
      </c>
      <c r="C3479" s="3">
        <f t="shared" si="109"/>
        <v>2015</v>
      </c>
      <c r="D3479" t="s">
        <v>1961</v>
      </c>
      <c r="E3479" t="s">
        <v>26</v>
      </c>
      <c r="F3479" t="s">
        <v>38</v>
      </c>
      <c r="G3479" t="s">
        <v>39</v>
      </c>
      <c r="H3479" t="s">
        <v>2193</v>
      </c>
      <c r="I3479">
        <v>1212.8499999999999</v>
      </c>
      <c r="J3479">
        <v>7</v>
      </c>
      <c r="K3479">
        <v>106.12</v>
      </c>
    </row>
    <row r="3480" spans="1:11" x14ac:dyDescent="0.3">
      <c r="A3480" s="1">
        <v>42311</v>
      </c>
      <c r="B3480" s="3">
        <f t="shared" si="108"/>
        <v>11</v>
      </c>
      <c r="C3480" s="3">
        <f t="shared" si="109"/>
        <v>2015</v>
      </c>
      <c r="D3480" t="s">
        <v>1961</v>
      </c>
      <c r="E3480" t="s">
        <v>26</v>
      </c>
      <c r="F3480" t="s">
        <v>38</v>
      </c>
      <c r="G3480" t="s">
        <v>51</v>
      </c>
      <c r="H3480" t="s">
        <v>1313</v>
      </c>
      <c r="I3480">
        <v>89.97</v>
      </c>
      <c r="J3480">
        <v>3</v>
      </c>
      <c r="K3480">
        <v>37.79</v>
      </c>
    </row>
    <row r="3481" spans="1:11" x14ac:dyDescent="0.3">
      <c r="A3481" s="1">
        <v>42311</v>
      </c>
      <c r="B3481" s="3">
        <f t="shared" si="108"/>
        <v>11</v>
      </c>
      <c r="C3481" s="3">
        <f t="shared" si="109"/>
        <v>2015</v>
      </c>
      <c r="D3481" t="s">
        <v>1961</v>
      </c>
      <c r="E3481" t="s">
        <v>26</v>
      </c>
      <c r="F3481" t="s">
        <v>33</v>
      </c>
      <c r="G3481" t="s">
        <v>46</v>
      </c>
      <c r="H3481" t="s">
        <v>1905</v>
      </c>
      <c r="I3481">
        <v>42.6</v>
      </c>
      <c r="J3481">
        <v>3</v>
      </c>
      <c r="K3481">
        <v>16.61</v>
      </c>
    </row>
    <row r="3482" spans="1:11" x14ac:dyDescent="0.3">
      <c r="A3482" s="1">
        <v>42311</v>
      </c>
      <c r="B3482" s="3">
        <f t="shared" si="108"/>
        <v>11</v>
      </c>
      <c r="C3482" s="3">
        <f t="shared" si="109"/>
        <v>2015</v>
      </c>
      <c r="D3482" t="s">
        <v>60</v>
      </c>
      <c r="E3482" t="s">
        <v>9</v>
      </c>
      <c r="F3482" t="s">
        <v>10</v>
      </c>
      <c r="G3482" t="s">
        <v>62</v>
      </c>
      <c r="H3482" t="s">
        <v>2314</v>
      </c>
      <c r="I3482">
        <v>6.61</v>
      </c>
      <c r="J3482">
        <v>2</v>
      </c>
      <c r="K3482">
        <v>2.15</v>
      </c>
    </row>
    <row r="3483" spans="1:11" x14ac:dyDescent="0.3">
      <c r="A3483" s="1">
        <v>42311</v>
      </c>
      <c r="B3483" s="3">
        <f t="shared" si="108"/>
        <v>11</v>
      </c>
      <c r="C3483" s="3">
        <f t="shared" si="109"/>
        <v>2015</v>
      </c>
      <c r="D3483" t="s">
        <v>1494</v>
      </c>
      <c r="E3483" t="s">
        <v>148</v>
      </c>
      <c r="F3483" t="s">
        <v>33</v>
      </c>
      <c r="G3483" t="s">
        <v>34</v>
      </c>
      <c r="H3483" t="s">
        <v>1363</v>
      </c>
      <c r="I3483">
        <v>1448.82</v>
      </c>
      <c r="J3483">
        <v>10</v>
      </c>
      <c r="K3483">
        <v>209.27</v>
      </c>
    </row>
    <row r="3484" spans="1:11" x14ac:dyDescent="0.3">
      <c r="A3484" s="1">
        <v>42313</v>
      </c>
      <c r="B3484" s="3">
        <f t="shared" si="108"/>
        <v>11</v>
      </c>
      <c r="C3484" s="3">
        <f t="shared" si="109"/>
        <v>2015</v>
      </c>
      <c r="D3484" t="s">
        <v>582</v>
      </c>
      <c r="E3484" t="s">
        <v>244</v>
      </c>
      <c r="F3484" t="s">
        <v>33</v>
      </c>
      <c r="G3484" t="s">
        <v>34</v>
      </c>
      <c r="H3484" t="s">
        <v>234</v>
      </c>
      <c r="I3484">
        <v>207</v>
      </c>
      <c r="J3484">
        <v>3</v>
      </c>
      <c r="K3484">
        <v>25.88</v>
      </c>
    </row>
    <row r="3485" spans="1:11" x14ac:dyDescent="0.3">
      <c r="A3485" s="1">
        <v>42313</v>
      </c>
      <c r="B3485" s="3">
        <f t="shared" si="108"/>
        <v>11</v>
      </c>
      <c r="C3485" s="3">
        <f t="shared" si="109"/>
        <v>2015</v>
      </c>
      <c r="D3485" t="s">
        <v>1054</v>
      </c>
      <c r="E3485" t="s">
        <v>122</v>
      </c>
      <c r="F3485" t="s">
        <v>10</v>
      </c>
      <c r="G3485" t="s">
        <v>91</v>
      </c>
      <c r="H3485" t="s">
        <v>2315</v>
      </c>
      <c r="I3485">
        <v>387.14</v>
      </c>
      <c r="J3485">
        <v>4</v>
      </c>
      <c r="K3485">
        <v>24.2</v>
      </c>
    </row>
    <row r="3486" spans="1:11" x14ac:dyDescent="0.3">
      <c r="A3486" s="1">
        <v>42313</v>
      </c>
      <c r="B3486" s="3">
        <f t="shared" si="108"/>
        <v>11</v>
      </c>
      <c r="C3486" s="3">
        <f t="shared" si="109"/>
        <v>2015</v>
      </c>
      <c r="D3486" t="s">
        <v>779</v>
      </c>
      <c r="E3486" t="s">
        <v>148</v>
      </c>
      <c r="F3486" t="s">
        <v>10</v>
      </c>
      <c r="G3486" t="s">
        <v>19</v>
      </c>
      <c r="H3486" t="s">
        <v>845</v>
      </c>
      <c r="I3486">
        <v>25.34</v>
      </c>
      <c r="J3486">
        <v>6</v>
      </c>
      <c r="K3486">
        <v>8.8699999999999992</v>
      </c>
    </row>
    <row r="3487" spans="1:11" x14ac:dyDescent="0.3">
      <c r="A3487" s="1">
        <v>42313</v>
      </c>
      <c r="B3487" s="3">
        <f t="shared" si="108"/>
        <v>11</v>
      </c>
      <c r="C3487" s="3">
        <f t="shared" si="109"/>
        <v>2015</v>
      </c>
      <c r="D3487" t="s">
        <v>1686</v>
      </c>
      <c r="E3487" t="s">
        <v>14</v>
      </c>
      <c r="F3487" t="s">
        <v>10</v>
      </c>
      <c r="G3487" t="s">
        <v>15</v>
      </c>
      <c r="H3487" t="s">
        <v>376</v>
      </c>
      <c r="I3487">
        <v>19.82</v>
      </c>
      <c r="J3487">
        <v>6</v>
      </c>
      <c r="K3487">
        <v>6.44</v>
      </c>
    </row>
    <row r="3488" spans="1:11" x14ac:dyDescent="0.3">
      <c r="A3488" s="1">
        <v>42313</v>
      </c>
      <c r="B3488" s="3">
        <f t="shared" si="108"/>
        <v>11</v>
      </c>
      <c r="C3488" s="3">
        <f t="shared" si="109"/>
        <v>2015</v>
      </c>
      <c r="D3488" t="s">
        <v>598</v>
      </c>
      <c r="E3488" t="s">
        <v>26</v>
      </c>
      <c r="F3488" t="s">
        <v>10</v>
      </c>
      <c r="G3488" t="s">
        <v>17</v>
      </c>
      <c r="H3488" t="s">
        <v>2316</v>
      </c>
      <c r="I3488">
        <v>62.8</v>
      </c>
      <c r="J3488">
        <v>4</v>
      </c>
      <c r="K3488">
        <v>15.7</v>
      </c>
    </row>
    <row r="3489" spans="1:11" x14ac:dyDescent="0.3">
      <c r="A3489" s="1">
        <v>42313</v>
      </c>
      <c r="B3489" s="3">
        <f t="shared" si="108"/>
        <v>11</v>
      </c>
      <c r="C3489" s="3">
        <f t="shared" si="109"/>
        <v>2015</v>
      </c>
      <c r="D3489" t="s">
        <v>1011</v>
      </c>
      <c r="E3489" t="s">
        <v>163</v>
      </c>
      <c r="F3489" t="s">
        <v>10</v>
      </c>
      <c r="G3489" t="s">
        <v>19</v>
      </c>
      <c r="H3489" t="s">
        <v>484</v>
      </c>
      <c r="I3489">
        <v>98.35</v>
      </c>
      <c r="J3489">
        <v>3</v>
      </c>
      <c r="K3489">
        <v>35.65</v>
      </c>
    </row>
    <row r="3490" spans="1:11" x14ac:dyDescent="0.3">
      <c r="A3490" s="1">
        <v>42313</v>
      </c>
      <c r="B3490" s="3">
        <f t="shared" si="108"/>
        <v>11</v>
      </c>
      <c r="C3490" s="3">
        <f t="shared" si="109"/>
        <v>2015</v>
      </c>
      <c r="D3490" t="s">
        <v>2317</v>
      </c>
      <c r="E3490" t="s">
        <v>77</v>
      </c>
      <c r="F3490" t="s">
        <v>10</v>
      </c>
      <c r="G3490" t="s">
        <v>19</v>
      </c>
      <c r="H3490" t="s">
        <v>309</v>
      </c>
      <c r="I3490">
        <v>7.22</v>
      </c>
      <c r="J3490">
        <v>3</v>
      </c>
      <c r="K3490">
        <v>-5.53</v>
      </c>
    </row>
    <row r="3491" spans="1:11" x14ac:dyDescent="0.3">
      <c r="A3491" s="1">
        <v>42313</v>
      </c>
      <c r="B3491" s="3">
        <f t="shared" si="108"/>
        <v>11</v>
      </c>
      <c r="C3491" s="3">
        <f t="shared" si="109"/>
        <v>2015</v>
      </c>
      <c r="D3491" t="s">
        <v>2317</v>
      </c>
      <c r="E3491" t="s">
        <v>77</v>
      </c>
      <c r="F3491" t="s">
        <v>10</v>
      </c>
      <c r="G3491" t="s">
        <v>199</v>
      </c>
      <c r="H3491" t="s">
        <v>1153</v>
      </c>
      <c r="I3491">
        <v>27.2</v>
      </c>
      <c r="J3491">
        <v>4</v>
      </c>
      <c r="K3491">
        <v>2.04</v>
      </c>
    </row>
    <row r="3492" spans="1:11" x14ac:dyDescent="0.3">
      <c r="A3492" s="1">
        <v>42314</v>
      </c>
      <c r="B3492" s="3">
        <f t="shared" si="108"/>
        <v>11</v>
      </c>
      <c r="C3492" s="3">
        <f t="shared" si="109"/>
        <v>2015</v>
      </c>
      <c r="D3492" t="s">
        <v>2318</v>
      </c>
      <c r="E3492" t="s">
        <v>94</v>
      </c>
      <c r="F3492" t="s">
        <v>10</v>
      </c>
      <c r="G3492" t="s">
        <v>62</v>
      </c>
      <c r="H3492" t="s">
        <v>1164</v>
      </c>
      <c r="I3492">
        <v>7.08</v>
      </c>
      <c r="J3492">
        <v>3</v>
      </c>
      <c r="K3492">
        <v>2.48</v>
      </c>
    </row>
    <row r="3493" spans="1:11" x14ac:dyDescent="0.3">
      <c r="A3493" s="1">
        <v>42314</v>
      </c>
      <c r="B3493" s="3">
        <f t="shared" si="108"/>
        <v>11</v>
      </c>
      <c r="C3493" s="3">
        <f t="shared" si="109"/>
        <v>2015</v>
      </c>
      <c r="D3493" t="s">
        <v>2318</v>
      </c>
      <c r="E3493" t="s">
        <v>94</v>
      </c>
      <c r="F3493" t="s">
        <v>10</v>
      </c>
      <c r="G3493" t="s">
        <v>19</v>
      </c>
      <c r="H3493" t="s">
        <v>1685</v>
      </c>
      <c r="I3493">
        <v>4.4000000000000004</v>
      </c>
      <c r="J3493">
        <v>3</v>
      </c>
      <c r="K3493">
        <v>-3.52</v>
      </c>
    </row>
    <row r="3494" spans="1:11" x14ac:dyDescent="0.3">
      <c r="A3494" s="1">
        <v>42315</v>
      </c>
      <c r="B3494" s="3">
        <f t="shared" si="108"/>
        <v>11</v>
      </c>
      <c r="C3494" s="3">
        <f t="shared" si="109"/>
        <v>2015</v>
      </c>
      <c r="D3494" t="s">
        <v>426</v>
      </c>
      <c r="E3494" t="s">
        <v>26</v>
      </c>
      <c r="F3494" t="s">
        <v>33</v>
      </c>
      <c r="G3494" t="s">
        <v>34</v>
      </c>
      <c r="H3494" t="s">
        <v>1678</v>
      </c>
      <c r="I3494">
        <v>190.72</v>
      </c>
      <c r="J3494">
        <v>1</v>
      </c>
      <c r="K3494">
        <v>11.92</v>
      </c>
    </row>
    <row r="3495" spans="1:11" x14ac:dyDescent="0.3">
      <c r="A3495" s="1">
        <v>42315</v>
      </c>
      <c r="B3495" s="3">
        <f t="shared" si="108"/>
        <v>11</v>
      </c>
      <c r="C3495" s="3">
        <f t="shared" si="109"/>
        <v>2015</v>
      </c>
      <c r="D3495" t="s">
        <v>1329</v>
      </c>
      <c r="E3495" t="s">
        <v>58</v>
      </c>
      <c r="F3495" t="s">
        <v>10</v>
      </c>
      <c r="G3495" t="s">
        <v>42</v>
      </c>
      <c r="H3495" t="s">
        <v>2319</v>
      </c>
      <c r="I3495">
        <v>26.18</v>
      </c>
      <c r="J3495">
        <v>7</v>
      </c>
      <c r="K3495">
        <v>0.52</v>
      </c>
    </row>
    <row r="3496" spans="1:11" x14ac:dyDescent="0.3">
      <c r="A3496" s="1">
        <v>42315</v>
      </c>
      <c r="B3496" s="3">
        <f t="shared" si="108"/>
        <v>11</v>
      </c>
      <c r="C3496" s="3">
        <f t="shared" si="109"/>
        <v>2015</v>
      </c>
      <c r="D3496" t="s">
        <v>1329</v>
      </c>
      <c r="E3496" t="s">
        <v>58</v>
      </c>
      <c r="F3496" t="s">
        <v>10</v>
      </c>
      <c r="G3496" t="s">
        <v>11</v>
      </c>
      <c r="H3496" t="s">
        <v>2320</v>
      </c>
      <c r="I3496">
        <v>7.3</v>
      </c>
      <c r="J3496">
        <v>2</v>
      </c>
      <c r="K3496">
        <v>3.43</v>
      </c>
    </row>
    <row r="3497" spans="1:11" x14ac:dyDescent="0.3">
      <c r="A3497" s="1">
        <v>42315</v>
      </c>
      <c r="B3497" s="3">
        <f t="shared" si="108"/>
        <v>11</v>
      </c>
      <c r="C3497" s="3">
        <f t="shared" si="109"/>
        <v>2015</v>
      </c>
      <c r="D3497" t="s">
        <v>426</v>
      </c>
      <c r="E3497" t="s">
        <v>22</v>
      </c>
      <c r="F3497" t="s">
        <v>10</v>
      </c>
      <c r="G3497" t="s">
        <v>62</v>
      </c>
      <c r="H3497" t="s">
        <v>2159</v>
      </c>
      <c r="I3497">
        <v>24.4</v>
      </c>
      <c r="J3497">
        <v>2</v>
      </c>
      <c r="K3497">
        <v>7.93</v>
      </c>
    </row>
    <row r="3498" spans="1:11" x14ac:dyDescent="0.3">
      <c r="A3498" s="1">
        <v>42315</v>
      </c>
      <c r="B3498" s="3">
        <f t="shared" si="108"/>
        <v>11</v>
      </c>
      <c r="C3498" s="3">
        <f t="shared" si="109"/>
        <v>2015</v>
      </c>
      <c r="D3498" t="s">
        <v>522</v>
      </c>
      <c r="E3498" t="s">
        <v>2321</v>
      </c>
      <c r="F3498" t="s">
        <v>33</v>
      </c>
      <c r="G3498" t="s">
        <v>34</v>
      </c>
      <c r="H3498" t="s">
        <v>1678</v>
      </c>
      <c r="I3498">
        <v>715.2</v>
      </c>
      <c r="J3498">
        <v>3</v>
      </c>
      <c r="K3498">
        <v>178.8</v>
      </c>
    </row>
    <row r="3499" spans="1:11" x14ac:dyDescent="0.3">
      <c r="A3499" s="1">
        <v>42315</v>
      </c>
      <c r="B3499" s="3">
        <f t="shared" si="108"/>
        <v>11</v>
      </c>
      <c r="C3499" s="3">
        <f t="shared" si="109"/>
        <v>2015</v>
      </c>
      <c r="D3499" t="s">
        <v>318</v>
      </c>
      <c r="E3499" t="s">
        <v>122</v>
      </c>
      <c r="F3499" t="s">
        <v>10</v>
      </c>
      <c r="G3499" t="s">
        <v>19</v>
      </c>
      <c r="H3499" t="s">
        <v>1858</v>
      </c>
      <c r="I3499">
        <v>16.149999999999999</v>
      </c>
      <c r="J3499">
        <v>9</v>
      </c>
      <c r="K3499">
        <v>-12.92</v>
      </c>
    </row>
    <row r="3500" spans="1:11" x14ac:dyDescent="0.3">
      <c r="A3500" s="1">
        <v>42315</v>
      </c>
      <c r="B3500" s="3">
        <f t="shared" si="108"/>
        <v>11</v>
      </c>
      <c r="C3500" s="3">
        <f t="shared" si="109"/>
        <v>2015</v>
      </c>
      <c r="D3500" t="s">
        <v>318</v>
      </c>
      <c r="E3500" t="s">
        <v>122</v>
      </c>
      <c r="F3500" t="s">
        <v>10</v>
      </c>
      <c r="G3500" t="s">
        <v>19</v>
      </c>
      <c r="H3500" t="s">
        <v>1141</v>
      </c>
      <c r="I3500">
        <v>1345.49</v>
      </c>
      <c r="J3500">
        <v>5</v>
      </c>
      <c r="K3500">
        <v>-1031.54</v>
      </c>
    </row>
    <row r="3501" spans="1:11" x14ac:dyDescent="0.3">
      <c r="A3501" s="1">
        <v>42315</v>
      </c>
      <c r="B3501" s="3">
        <f t="shared" si="108"/>
        <v>11</v>
      </c>
      <c r="C3501" s="3">
        <f t="shared" si="109"/>
        <v>2015</v>
      </c>
      <c r="D3501" t="s">
        <v>2322</v>
      </c>
      <c r="E3501" t="s">
        <v>9</v>
      </c>
      <c r="F3501" t="s">
        <v>10</v>
      </c>
      <c r="G3501" t="s">
        <v>11</v>
      </c>
      <c r="H3501" t="s">
        <v>2185</v>
      </c>
      <c r="I3501">
        <v>76.64</v>
      </c>
      <c r="J3501">
        <v>2</v>
      </c>
      <c r="K3501">
        <v>26.82</v>
      </c>
    </row>
    <row r="3502" spans="1:11" x14ac:dyDescent="0.3">
      <c r="A3502" s="1">
        <v>42315</v>
      </c>
      <c r="B3502" s="3">
        <f t="shared" si="108"/>
        <v>11</v>
      </c>
      <c r="C3502" s="3">
        <f t="shared" si="109"/>
        <v>2015</v>
      </c>
      <c r="D3502" t="s">
        <v>1816</v>
      </c>
      <c r="E3502" t="s">
        <v>9</v>
      </c>
      <c r="F3502" t="s">
        <v>10</v>
      </c>
      <c r="G3502" t="s">
        <v>23</v>
      </c>
      <c r="H3502" t="s">
        <v>1529</v>
      </c>
      <c r="I3502">
        <v>23.64</v>
      </c>
      <c r="J3502">
        <v>3</v>
      </c>
      <c r="K3502">
        <v>5.32</v>
      </c>
    </row>
    <row r="3503" spans="1:11" x14ac:dyDescent="0.3">
      <c r="A3503" s="1">
        <v>42315</v>
      </c>
      <c r="B3503" s="3">
        <f t="shared" si="108"/>
        <v>11</v>
      </c>
      <c r="C3503" s="3">
        <f t="shared" si="109"/>
        <v>2015</v>
      </c>
      <c r="D3503" t="s">
        <v>1816</v>
      </c>
      <c r="E3503" t="s">
        <v>9</v>
      </c>
      <c r="F3503" t="s">
        <v>10</v>
      </c>
      <c r="G3503" t="s">
        <v>17</v>
      </c>
      <c r="H3503" t="s">
        <v>1373</v>
      </c>
      <c r="I3503">
        <v>84.78</v>
      </c>
      <c r="J3503">
        <v>2</v>
      </c>
      <c r="K3503">
        <v>-16.96</v>
      </c>
    </row>
    <row r="3504" spans="1:11" x14ac:dyDescent="0.3">
      <c r="A3504" s="1">
        <v>42315</v>
      </c>
      <c r="B3504" s="3">
        <f t="shared" si="108"/>
        <v>11</v>
      </c>
      <c r="C3504" s="3">
        <f t="shared" si="109"/>
        <v>2015</v>
      </c>
      <c r="D3504" t="s">
        <v>1816</v>
      </c>
      <c r="E3504" t="s">
        <v>9</v>
      </c>
      <c r="F3504" t="s">
        <v>33</v>
      </c>
      <c r="G3504" t="s">
        <v>46</v>
      </c>
      <c r="H3504" t="s">
        <v>1505</v>
      </c>
      <c r="I3504">
        <v>64.959999999999994</v>
      </c>
      <c r="J3504">
        <v>5</v>
      </c>
      <c r="K3504">
        <v>-84.45</v>
      </c>
    </row>
    <row r="3505" spans="1:11" x14ac:dyDescent="0.3">
      <c r="A3505" s="1">
        <v>42315</v>
      </c>
      <c r="B3505" s="3">
        <f t="shared" si="108"/>
        <v>11</v>
      </c>
      <c r="C3505" s="3">
        <f t="shared" si="109"/>
        <v>2015</v>
      </c>
      <c r="D3505" t="s">
        <v>1816</v>
      </c>
      <c r="E3505" t="s">
        <v>9</v>
      </c>
      <c r="F3505" t="s">
        <v>10</v>
      </c>
      <c r="G3505" t="s">
        <v>19</v>
      </c>
      <c r="H3505" t="s">
        <v>1227</v>
      </c>
      <c r="I3505">
        <v>32.06</v>
      </c>
      <c r="J3505">
        <v>10</v>
      </c>
      <c r="K3505">
        <v>-51.3</v>
      </c>
    </row>
    <row r="3506" spans="1:11" x14ac:dyDescent="0.3">
      <c r="A3506" s="1">
        <v>42315</v>
      </c>
      <c r="B3506" s="3">
        <f t="shared" si="108"/>
        <v>11</v>
      </c>
      <c r="C3506" s="3">
        <f t="shared" si="109"/>
        <v>2015</v>
      </c>
      <c r="D3506" t="s">
        <v>1816</v>
      </c>
      <c r="E3506" t="s">
        <v>9</v>
      </c>
      <c r="F3506" t="s">
        <v>10</v>
      </c>
      <c r="G3506" t="s">
        <v>17</v>
      </c>
      <c r="H3506" t="s">
        <v>2323</v>
      </c>
      <c r="I3506">
        <v>177.65</v>
      </c>
      <c r="J3506">
        <v>2</v>
      </c>
      <c r="K3506">
        <v>-28.87</v>
      </c>
    </row>
    <row r="3507" spans="1:11" x14ac:dyDescent="0.3">
      <c r="A3507" s="1">
        <v>42315</v>
      </c>
      <c r="B3507" s="3">
        <f t="shared" si="108"/>
        <v>11</v>
      </c>
      <c r="C3507" s="3">
        <f t="shared" si="109"/>
        <v>2015</v>
      </c>
      <c r="D3507" t="s">
        <v>1816</v>
      </c>
      <c r="E3507" t="s">
        <v>9</v>
      </c>
      <c r="F3507" t="s">
        <v>38</v>
      </c>
      <c r="G3507" t="s">
        <v>301</v>
      </c>
      <c r="H3507" t="s">
        <v>2324</v>
      </c>
      <c r="I3507">
        <v>287.91000000000003</v>
      </c>
      <c r="J3507">
        <v>3</v>
      </c>
      <c r="K3507">
        <v>33.590000000000003</v>
      </c>
    </row>
    <row r="3508" spans="1:11" x14ac:dyDescent="0.3">
      <c r="A3508" s="1">
        <v>42316</v>
      </c>
      <c r="B3508" s="3">
        <f t="shared" si="108"/>
        <v>11</v>
      </c>
      <c r="C3508" s="3">
        <f t="shared" si="109"/>
        <v>2015</v>
      </c>
      <c r="D3508" t="s">
        <v>886</v>
      </c>
      <c r="E3508" t="s">
        <v>433</v>
      </c>
      <c r="F3508" t="s">
        <v>10</v>
      </c>
      <c r="G3508" t="s">
        <v>23</v>
      </c>
      <c r="H3508" t="s">
        <v>360</v>
      </c>
      <c r="I3508">
        <v>11.65</v>
      </c>
      <c r="J3508">
        <v>5</v>
      </c>
      <c r="K3508">
        <v>3.38</v>
      </c>
    </row>
    <row r="3509" spans="1:11" x14ac:dyDescent="0.3">
      <c r="A3509" s="1">
        <v>42316</v>
      </c>
      <c r="B3509" s="3">
        <f t="shared" si="108"/>
        <v>11</v>
      </c>
      <c r="C3509" s="3">
        <f t="shared" si="109"/>
        <v>2015</v>
      </c>
      <c r="D3509" t="s">
        <v>2325</v>
      </c>
      <c r="E3509" t="s">
        <v>26</v>
      </c>
      <c r="F3509" t="s">
        <v>10</v>
      </c>
      <c r="G3509" t="s">
        <v>42</v>
      </c>
      <c r="H3509" t="s">
        <v>1246</v>
      </c>
      <c r="I3509">
        <v>5</v>
      </c>
      <c r="J3509">
        <v>1</v>
      </c>
      <c r="K3509">
        <v>2.4</v>
      </c>
    </row>
    <row r="3510" spans="1:11" x14ac:dyDescent="0.3">
      <c r="A3510" s="1">
        <v>42316</v>
      </c>
      <c r="B3510" s="3">
        <f t="shared" si="108"/>
        <v>11</v>
      </c>
      <c r="C3510" s="3">
        <f t="shared" si="109"/>
        <v>2015</v>
      </c>
      <c r="D3510" t="s">
        <v>2325</v>
      </c>
      <c r="E3510" t="s">
        <v>26</v>
      </c>
      <c r="F3510" t="s">
        <v>38</v>
      </c>
      <c r="G3510" t="s">
        <v>51</v>
      </c>
      <c r="H3510" t="s">
        <v>2220</v>
      </c>
      <c r="I3510">
        <v>371.97</v>
      </c>
      <c r="J3510">
        <v>3</v>
      </c>
      <c r="K3510">
        <v>66.95</v>
      </c>
    </row>
    <row r="3511" spans="1:11" x14ac:dyDescent="0.3">
      <c r="A3511" s="1">
        <v>42316</v>
      </c>
      <c r="B3511" s="3">
        <f t="shared" si="108"/>
        <v>11</v>
      </c>
      <c r="C3511" s="3">
        <f t="shared" si="109"/>
        <v>2015</v>
      </c>
      <c r="D3511" t="s">
        <v>192</v>
      </c>
      <c r="E3511" t="s">
        <v>295</v>
      </c>
      <c r="F3511" t="s">
        <v>10</v>
      </c>
      <c r="G3511" t="s">
        <v>42</v>
      </c>
      <c r="H3511" t="s">
        <v>2326</v>
      </c>
      <c r="I3511">
        <v>5.04</v>
      </c>
      <c r="J3511">
        <v>3</v>
      </c>
      <c r="K3511">
        <v>0.2</v>
      </c>
    </row>
    <row r="3512" spans="1:11" x14ac:dyDescent="0.3">
      <c r="A3512" s="1">
        <v>42316</v>
      </c>
      <c r="B3512" s="3">
        <f t="shared" si="108"/>
        <v>11</v>
      </c>
      <c r="C3512" s="3">
        <f t="shared" si="109"/>
        <v>2015</v>
      </c>
      <c r="D3512" t="s">
        <v>192</v>
      </c>
      <c r="E3512" t="s">
        <v>295</v>
      </c>
      <c r="F3512" t="s">
        <v>10</v>
      </c>
      <c r="G3512" t="s">
        <v>11</v>
      </c>
      <c r="H3512" t="s">
        <v>1157</v>
      </c>
      <c r="I3512">
        <v>92.94</v>
      </c>
      <c r="J3512">
        <v>3</v>
      </c>
      <c r="K3512">
        <v>41.82</v>
      </c>
    </row>
    <row r="3513" spans="1:11" x14ac:dyDescent="0.3">
      <c r="A3513" s="1">
        <v>42316</v>
      </c>
      <c r="B3513" s="3">
        <f t="shared" si="108"/>
        <v>11</v>
      </c>
      <c r="C3513" s="3">
        <f t="shared" si="109"/>
        <v>2015</v>
      </c>
      <c r="D3513" t="s">
        <v>192</v>
      </c>
      <c r="E3513" t="s">
        <v>295</v>
      </c>
      <c r="F3513" t="s">
        <v>33</v>
      </c>
      <c r="G3513" t="s">
        <v>46</v>
      </c>
      <c r="H3513" t="s">
        <v>1793</v>
      </c>
      <c r="I3513">
        <v>66.69</v>
      </c>
      <c r="J3513">
        <v>3</v>
      </c>
      <c r="K3513">
        <v>22.01</v>
      </c>
    </row>
    <row r="3514" spans="1:11" x14ac:dyDescent="0.3">
      <c r="A3514" s="1">
        <v>42316</v>
      </c>
      <c r="B3514" s="3">
        <f t="shared" si="108"/>
        <v>11</v>
      </c>
      <c r="C3514" s="3">
        <f t="shared" si="109"/>
        <v>2015</v>
      </c>
      <c r="D3514" t="s">
        <v>192</v>
      </c>
      <c r="E3514" t="s">
        <v>295</v>
      </c>
      <c r="F3514" t="s">
        <v>10</v>
      </c>
      <c r="G3514" t="s">
        <v>19</v>
      </c>
      <c r="H3514" t="s">
        <v>2217</v>
      </c>
      <c r="I3514">
        <v>91.68</v>
      </c>
      <c r="J3514">
        <v>5</v>
      </c>
      <c r="K3514">
        <v>28.65</v>
      </c>
    </row>
    <row r="3515" spans="1:11" x14ac:dyDescent="0.3">
      <c r="A3515" s="1">
        <v>42316</v>
      </c>
      <c r="B3515" s="3">
        <f t="shared" si="108"/>
        <v>11</v>
      </c>
      <c r="C3515" s="3">
        <f t="shared" si="109"/>
        <v>2015</v>
      </c>
      <c r="D3515" t="s">
        <v>1533</v>
      </c>
      <c r="E3515" t="s">
        <v>148</v>
      </c>
      <c r="F3515" t="s">
        <v>10</v>
      </c>
      <c r="G3515" t="s">
        <v>19</v>
      </c>
      <c r="H3515" t="s">
        <v>117</v>
      </c>
      <c r="I3515">
        <v>52.27</v>
      </c>
      <c r="J3515">
        <v>11</v>
      </c>
      <c r="K3515">
        <v>17.64</v>
      </c>
    </row>
    <row r="3516" spans="1:11" x14ac:dyDescent="0.3">
      <c r="A3516" s="1">
        <v>42316</v>
      </c>
      <c r="B3516" s="3">
        <f t="shared" si="108"/>
        <v>11</v>
      </c>
      <c r="C3516" s="3">
        <f t="shared" si="109"/>
        <v>2015</v>
      </c>
      <c r="D3516" t="s">
        <v>1533</v>
      </c>
      <c r="E3516" t="s">
        <v>148</v>
      </c>
      <c r="F3516" t="s">
        <v>10</v>
      </c>
      <c r="G3516" t="s">
        <v>11</v>
      </c>
      <c r="H3516" t="s">
        <v>1104</v>
      </c>
      <c r="I3516">
        <v>17.940000000000001</v>
      </c>
      <c r="J3516">
        <v>3</v>
      </c>
      <c r="K3516">
        <v>8.07</v>
      </c>
    </row>
    <row r="3517" spans="1:11" x14ac:dyDescent="0.3">
      <c r="A3517" s="1">
        <v>42316</v>
      </c>
      <c r="B3517" s="3">
        <f t="shared" si="108"/>
        <v>11</v>
      </c>
      <c r="C3517" s="3">
        <f t="shared" si="109"/>
        <v>2015</v>
      </c>
      <c r="D3517" t="s">
        <v>823</v>
      </c>
      <c r="E3517" t="s">
        <v>9</v>
      </c>
      <c r="F3517" t="s">
        <v>10</v>
      </c>
      <c r="G3517" t="s">
        <v>19</v>
      </c>
      <c r="H3517" t="s">
        <v>183</v>
      </c>
      <c r="I3517">
        <v>10.48</v>
      </c>
      <c r="J3517">
        <v>6</v>
      </c>
      <c r="K3517">
        <v>-17.29</v>
      </c>
    </row>
    <row r="3518" spans="1:11" x14ac:dyDescent="0.3">
      <c r="A3518" s="1">
        <v>42316</v>
      </c>
      <c r="B3518" s="3">
        <f t="shared" si="108"/>
        <v>11</v>
      </c>
      <c r="C3518" s="3">
        <f t="shared" si="109"/>
        <v>2015</v>
      </c>
      <c r="D3518" t="s">
        <v>2125</v>
      </c>
      <c r="E3518" t="s">
        <v>26</v>
      </c>
      <c r="F3518" t="s">
        <v>38</v>
      </c>
      <c r="G3518" t="s">
        <v>51</v>
      </c>
      <c r="H3518" t="s">
        <v>2267</v>
      </c>
      <c r="I3518">
        <v>119.9</v>
      </c>
      <c r="J3518">
        <v>2</v>
      </c>
      <c r="K3518">
        <v>43.16</v>
      </c>
    </row>
    <row r="3519" spans="1:11" x14ac:dyDescent="0.3">
      <c r="A3519" s="1">
        <v>42316</v>
      </c>
      <c r="B3519" s="3">
        <f t="shared" si="108"/>
        <v>11</v>
      </c>
      <c r="C3519" s="3">
        <f t="shared" si="109"/>
        <v>2015</v>
      </c>
      <c r="D3519" t="s">
        <v>2136</v>
      </c>
      <c r="E3519" t="s">
        <v>54</v>
      </c>
      <c r="F3519" t="s">
        <v>10</v>
      </c>
      <c r="G3519" t="s">
        <v>91</v>
      </c>
      <c r="H3519" t="s">
        <v>2058</v>
      </c>
      <c r="I3519">
        <v>44.43</v>
      </c>
      <c r="J3519">
        <v>3</v>
      </c>
      <c r="K3519">
        <v>18.66</v>
      </c>
    </row>
    <row r="3520" spans="1:11" x14ac:dyDescent="0.3">
      <c r="A3520" s="1">
        <v>42316</v>
      </c>
      <c r="B3520" s="3">
        <f t="shared" si="108"/>
        <v>11</v>
      </c>
      <c r="C3520" s="3">
        <f t="shared" si="109"/>
        <v>2015</v>
      </c>
      <c r="D3520" t="s">
        <v>2136</v>
      </c>
      <c r="E3520" t="s">
        <v>54</v>
      </c>
      <c r="F3520" t="s">
        <v>38</v>
      </c>
      <c r="G3520" t="s">
        <v>39</v>
      </c>
      <c r="H3520" t="s">
        <v>162</v>
      </c>
      <c r="I3520">
        <v>226.2</v>
      </c>
      <c r="J3520">
        <v>5</v>
      </c>
      <c r="K3520">
        <v>58.81</v>
      </c>
    </row>
    <row r="3521" spans="1:11" x14ac:dyDescent="0.3">
      <c r="A3521" s="1">
        <v>42316</v>
      </c>
      <c r="B3521" s="3">
        <f t="shared" si="108"/>
        <v>11</v>
      </c>
      <c r="C3521" s="3">
        <f t="shared" si="109"/>
        <v>2015</v>
      </c>
      <c r="D3521" t="s">
        <v>2136</v>
      </c>
      <c r="E3521" t="s">
        <v>54</v>
      </c>
      <c r="F3521" t="s">
        <v>33</v>
      </c>
      <c r="G3521" t="s">
        <v>46</v>
      </c>
      <c r="H3521" t="s">
        <v>677</v>
      </c>
      <c r="I3521">
        <v>186.54</v>
      </c>
      <c r="J3521">
        <v>3</v>
      </c>
      <c r="K3521">
        <v>41.04</v>
      </c>
    </row>
    <row r="3522" spans="1:11" x14ac:dyDescent="0.3">
      <c r="A3522" s="1">
        <v>42316</v>
      </c>
      <c r="B3522" s="3">
        <f t="shared" ref="B3522:B3585" si="110">MONTH(A:A)</f>
        <v>11</v>
      </c>
      <c r="C3522" s="3">
        <f t="shared" ref="C3522:C3585" si="111">YEAR(A:A)</f>
        <v>2015</v>
      </c>
      <c r="D3522" t="s">
        <v>2136</v>
      </c>
      <c r="E3522" t="s">
        <v>54</v>
      </c>
      <c r="F3522" t="s">
        <v>10</v>
      </c>
      <c r="G3522" t="s">
        <v>23</v>
      </c>
      <c r="H3522" t="s">
        <v>1252</v>
      </c>
      <c r="I3522">
        <v>265.86</v>
      </c>
      <c r="J3522">
        <v>7</v>
      </c>
      <c r="K3522">
        <v>79.760000000000005</v>
      </c>
    </row>
    <row r="3523" spans="1:11" x14ac:dyDescent="0.3">
      <c r="A3523" s="1">
        <v>42316</v>
      </c>
      <c r="B3523" s="3">
        <f t="shared" si="110"/>
        <v>11</v>
      </c>
      <c r="C3523" s="3">
        <f t="shared" si="111"/>
        <v>2015</v>
      </c>
      <c r="D3523" t="s">
        <v>2136</v>
      </c>
      <c r="E3523" t="s">
        <v>54</v>
      </c>
      <c r="F3523" t="s">
        <v>10</v>
      </c>
      <c r="G3523" t="s">
        <v>23</v>
      </c>
      <c r="H3523" t="s">
        <v>526</v>
      </c>
      <c r="I3523">
        <v>27.9</v>
      </c>
      <c r="J3523">
        <v>5</v>
      </c>
      <c r="K3523">
        <v>6.98</v>
      </c>
    </row>
    <row r="3524" spans="1:11" x14ac:dyDescent="0.3">
      <c r="A3524" s="1">
        <v>42316</v>
      </c>
      <c r="B3524" s="3">
        <f t="shared" si="110"/>
        <v>11</v>
      </c>
      <c r="C3524" s="3">
        <f t="shared" si="111"/>
        <v>2015</v>
      </c>
      <c r="D3524" t="s">
        <v>436</v>
      </c>
      <c r="E3524" t="s">
        <v>394</v>
      </c>
      <c r="F3524" t="s">
        <v>38</v>
      </c>
      <c r="G3524" t="s">
        <v>39</v>
      </c>
      <c r="H3524" t="s">
        <v>929</v>
      </c>
      <c r="I3524">
        <v>263.95999999999998</v>
      </c>
      <c r="J3524">
        <v>4</v>
      </c>
      <c r="K3524">
        <v>76.55</v>
      </c>
    </row>
    <row r="3525" spans="1:11" x14ac:dyDescent="0.3">
      <c r="A3525" s="1">
        <v>42316</v>
      </c>
      <c r="B3525" s="3">
        <f t="shared" si="110"/>
        <v>11</v>
      </c>
      <c r="C3525" s="3">
        <f t="shared" si="111"/>
        <v>2015</v>
      </c>
      <c r="D3525" t="s">
        <v>1393</v>
      </c>
      <c r="E3525" t="s">
        <v>148</v>
      </c>
      <c r="F3525" t="s">
        <v>10</v>
      </c>
      <c r="G3525" t="s">
        <v>17</v>
      </c>
      <c r="H3525" t="s">
        <v>1655</v>
      </c>
      <c r="I3525">
        <v>67.150000000000006</v>
      </c>
      <c r="J3525">
        <v>5</v>
      </c>
      <c r="K3525">
        <v>16.79</v>
      </c>
    </row>
    <row r="3526" spans="1:11" x14ac:dyDescent="0.3">
      <c r="A3526" s="1">
        <v>42316</v>
      </c>
      <c r="B3526" s="3">
        <f t="shared" si="110"/>
        <v>11</v>
      </c>
      <c r="C3526" s="3">
        <f t="shared" si="111"/>
        <v>2015</v>
      </c>
      <c r="D3526" t="s">
        <v>1393</v>
      </c>
      <c r="E3526" t="s">
        <v>148</v>
      </c>
      <c r="F3526" t="s">
        <v>38</v>
      </c>
      <c r="G3526" t="s">
        <v>39</v>
      </c>
      <c r="H3526" t="s">
        <v>2142</v>
      </c>
      <c r="I3526">
        <v>549.98</v>
      </c>
      <c r="J3526">
        <v>2</v>
      </c>
      <c r="K3526">
        <v>142.99</v>
      </c>
    </row>
    <row r="3527" spans="1:11" x14ac:dyDescent="0.3">
      <c r="A3527" s="1">
        <v>42316</v>
      </c>
      <c r="B3527" s="3">
        <f t="shared" si="110"/>
        <v>11</v>
      </c>
      <c r="C3527" s="3">
        <f t="shared" si="111"/>
        <v>2015</v>
      </c>
      <c r="D3527" t="s">
        <v>1393</v>
      </c>
      <c r="E3527" t="s">
        <v>148</v>
      </c>
      <c r="F3527" t="s">
        <v>33</v>
      </c>
      <c r="G3527" t="s">
        <v>46</v>
      </c>
      <c r="H3527" t="s">
        <v>2213</v>
      </c>
      <c r="I3527">
        <v>11.82</v>
      </c>
      <c r="J3527">
        <v>3</v>
      </c>
      <c r="K3527">
        <v>4.7300000000000004</v>
      </c>
    </row>
    <row r="3528" spans="1:11" x14ac:dyDescent="0.3">
      <c r="A3528" s="1">
        <v>42316</v>
      </c>
      <c r="B3528" s="3">
        <f t="shared" si="110"/>
        <v>11</v>
      </c>
      <c r="C3528" s="3">
        <f t="shared" si="111"/>
        <v>2015</v>
      </c>
      <c r="D3528" t="s">
        <v>1393</v>
      </c>
      <c r="E3528" t="s">
        <v>148</v>
      </c>
      <c r="F3528" t="s">
        <v>38</v>
      </c>
      <c r="G3528" t="s">
        <v>301</v>
      </c>
      <c r="H3528" t="s">
        <v>2327</v>
      </c>
      <c r="I3528">
        <v>4643.8</v>
      </c>
      <c r="J3528">
        <v>4</v>
      </c>
      <c r="K3528">
        <v>2229.02</v>
      </c>
    </row>
    <row r="3529" spans="1:11" x14ac:dyDescent="0.3">
      <c r="A3529" s="1">
        <v>42316</v>
      </c>
      <c r="B3529" s="3">
        <f t="shared" si="110"/>
        <v>11</v>
      </c>
      <c r="C3529" s="3">
        <f t="shared" si="111"/>
        <v>2015</v>
      </c>
      <c r="D3529" t="s">
        <v>1393</v>
      </c>
      <c r="E3529" t="s">
        <v>148</v>
      </c>
      <c r="F3529" t="s">
        <v>33</v>
      </c>
      <c r="G3529" t="s">
        <v>34</v>
      </c>
      <c r="H3529" t="s">
        <v>1730</v>
      </c>
      <c r="I3529">
        <v>577.76</v>
      </c>
      <c r="J3529">
        <v>2</v>
      </c>
      <c r="K3529">
        <v>115.55</v>
      </c>
    </row>
    <row r="3530" spans="1:11" x14ac:dyDescent="0.3">
      <c r="A3530" s="1">
        <v>42316</v>
      </c>
      <c r="B3530" s="3">
        <f t="shared" si="110"/>
        <v>11</v>
      </c>
      <c r="C3530" s="3">
        <f t="shared" si="111"/>
        <v>2015</v>
      </c>
      <c r="D3530" t="s">
        <v>872</v>
      </c>
      <c r="E3530" t="s">
        <v>244</v>
      </c>
      <c r="F3530" t="s">
        <v>10</v>
      </c>
      <c r="G3530" t="s">
        <v>42</v>
      </c>
      <c r="H3530" t="s">
        <v>826</v>
      </c>
      <c r="I3530">
        <v>31.5</v>
      </c>
      <c r="J3530">
        <v>11</v>
      </c>
      <c r="K3530">
        <v>11.81</v>
      </c>
    </row>
    <row r="3531" spans="1:11" x14ac:dyDescent="0.3">
      <c r="A3531" s="1">
        <v>42316</v>
      </c>
      <c r="B3531" s="3">
        <f t="shared" si="110"/>
        <v>11</v>
      </c>
      <c r="C3531" s="3">
        <f t="shared" si="111"/>
        <v>2015</v>
      </c>
      <c r="D3531" t="s">
        <v>872</v>
      </c>
      <c r="E3531" t="s">
        <v>244</v>
      </c>
      <c r="F3531" t="s">
        <v>10</v>
      </c>
      <c r="G3531" t="s">
        <v>15</v>
      </c>
      <c r="H3531" t="s">
        <v>1401</v>
      </c>
      <c r="I3531">
        <v>5.04</v>
      </c>
      <c r="J3531">
        <v>1</v>
      </c>
      <c r="K3531">
        <v>1.64</v>
      </c>
    </row>
    <row r="3532" spans="1:11" x14ac:dyDescent="0.3">
      <c r="A3532" s="1">
        <v>42316</v>
      </c>
      <c r="B3532" s="3">
        <f t="shared" si="110"/>
        <v>11</v>
      </c>
      <c r="C3532" s="3">
        <f t="shared" si="111"/>
        <v>2015</v>
      </c>
      <c r="D3532" t="s">
        <v>872</v>
      </c>
      <c r="E3532" t="s">
        <v>244</v>
      </c>
      <c r="F3532" t="s">
        <v>10</v>
      </c>
      <c r="G3532" t="s">
        <v>19</v>
      </c>
      <c r="H3532" t="s">
        <v>1769</v>
      </c>
      <c r="I3532">
        <v>39.880000000000003</v>
      </c>
      <c r="J3532">
        <v>7</v>
      </c>
      <c r="K3532">
        <v>-29.24</v>
      </c>
    </row>
    <row r="3533" spans="1:11" x14ac:dyDescent="0.3">
      <c r="A3533" s="1">
        <v>42316</v>
      </c>
      <c r="B3533" s="3">
        <f t="shared" si="110"/>
        <v>11</v>
      </c>
      <c r="C3533" s="3">
        <f t="shared" si="111"/>
        <v>2015</v>
      </c>
      <c r="D3533" t="s">
        <v>872</v>
      </c>
      <c r="E3533" t="s">
        <v>244</v>
      </c>
      <c r="F3533" t="s">
        <v>33</v>
      </c>
      <c r="G3533" t="s">
        <v>46</v>
      </c>
      <c r="H3533" t="s">
        <v>280</v>
      </c>
      <c r="I3533">
        <v>4.71</v>
      </c>
      <c r="J3533">
        <v>1</v>
      </c>
      <c r="K3533">
        <v>1.41</v>
      </c>
    </row>
    <row r="3534" spans="1:11" x14ac:dyDescent="0.3">
      <c r="A3534" s="1">
        <v>42316</v>
      </c>
      <c r="B3534" s="3">
        <f t="shared" si="110"/>
        <v>11</v>
      </c>
      <c r="C3534" s="3">
        <f t="shared" si="111"/>
        <v>2015</v>
      </c>
      <c r="D3534" t="s">
        <v>333</v>
      </c>
      <c r="E3534" t="s">
        <v>2321</v>
      </c>
      <c r="F3534" t="s">
        <v>33</v>
      </c>
      <c r="G3534" t="s">
        <v>73</v>
      </c>
      <c r="H3534" t="s">
        <v>2246</v>
      </c>
      <c r="I3534">
        <v>4404.8999999999996</v>
      </c>
      <c r="J3534">
        <v>5</v>
      </c>
      <c r="K3534">
        <v>1013.13</v>
      </c>
    </row>
    <row r="3535" spans="1:11" x14ac:dyDescent="0.3">
      <c r="A3535" s="1">
        <v>42317</v>
      </c>
      <c r="B3535" s="3">
        <f t="shared" si="110"/>
        <v>11</v>
      </c>
      <c r="C3535" s="3">
        <f t="shared" si="111"/>
        <v>2015</v>
      </c>
      <c r="D3535" t="s">
        <v>2253</v>
      </c>
      <c r="E3535" t="s">
        <v>22</v>
      </c>
      <c r="F3535" t="s">
        <v>10</v>
      </c>
      <c r="G3535" t="s">
        <v>11</v>
      </c>
      <c r="H3535" t="s">
        <v>1353</v>
      </c>
      <c r="I3535">
        <v>11.35</v>
      </c>
      <c r="J3535">
        <v>3</v>
      </c>
      <c r="K3535">
        <v>4.12</v>
      </c>
    </row>
    <row r="3536" spans="1:11" x14ac:dyDescent="0.3">
      <c r="A3536" s="1">
        <v>42317</v>
      </c>
      <c r="B3536" s="3">
        <f t="shared" si="110"/>
        <v>11</v>
      </c>
      <c r="C3536" s="3">
        <f t="shared" si="111"/>
        <v>2015</v>
      </c>
      <c r="D3536" t="s">
        <v>1360</v>
      </c>
      <c r="E3536" t="s">
        <v>185</v>
      </c>
      <c r="F3536" t="s">
        <v>10</v>
      </c>
      <c r="G3536" t="s">
        <v>19</v>
      </c>
      <c r="H3536" t="s">
        <v>2328</v>
      </c>
      <c r="I3536">
        <v>17.22</v>
      </c>
      <c r="J3536">
        <v>3</v>
      </c>
      <c r="K3536">
        <v>7.92</v>
      </c>
    </row>
    <row r="3537" spans="1:11" x14ac:dyDescent="0.3">
      <c r="A3537" s="1">
        <v>42317</v>
      </c>
      <c r="B3537" s="3">
        <f t="shared" si="110"/>
        <v>11</v>
      </c>
      <c r="C3537" s="3">
        <f t="shared" si="111"/>
        <v>2015</v>
      </c>
      <c r="D3537" t="s">
        <v>1360</v>
      </c>
      <c r="E3537" t="s">
        <v>185</v>
      </c>
      <c r="F3537" t="s">
        <v>33</v>
      </c>
      <c r="G3537" t="s">
        <v>144</v>
      </c>
      <c r="H3537" t="s">
        <v>949</v>
      </c>
      <c r="I3537">
        <v>1024.3800000000001</v>
      </c>
      <c r="J3537">
        <v>7</v>
      </c>
      <c r="K3537">
        <v>215.12</v>
      </c>
    </row>
    <row r="3538" spans="1:11" x14ac:dyDescent="0.3">
      <c r="A3538" s="1">
        <v>42317</v>
      </c>
      <c r="B3538" s="3">
        <f t="shared" si="110"/>
        <v>11</v>
      </c>
      <c r="C3538" s="3">
        <f t="shared" si="111"/>
        <v>2015</v>
      </c>
      <c r="D3538" t="s">
        <v>1360</v>
      </c>
      <c r="E3538" t="s">
        <v>185</v>
      </c>
      <c r="F3538" t="s">
        <v>10</v>
      </c>
      <c r="G3538" t="s">
        <v>62</v>
      </c>
      <c r="H3538" t="s">
        <v>784</v>
      </c>
      <c r="I3538">
        <v>26.22</v>
      </c>
      <c r="J3538">
        <v>3</v>
      </c>
      <c r="K3538">
        <v>12.32</v>
      </c>
    </row>
    <row r="3539" spans="1:11" x14ac:dyDescent="0.3">
      <c r="A3539" s="1">
        <v>42317</v>
      </c>
      <c r="B3539" s="3">
        <f t="shared" si="110"/>
        <v>11</v>
      </c>
      <c r="C3539" s="3">
        <f t="shared" si="111"/>
        <v>2015</v>
      </c>
      <c r="D3539" t="s">
        <v>1360</v>
      </c>
      <c r="E3539" t="s">
        <v>185</v>
      </c>
      <c r="F3539" t="s">
        <v>10</v>
      </c>
      <c r="G3539" t="s">
        <v>11</v>
      </c>
      <c r="H3539" t="s">
        <v>1178</v>
      </c>
      <c r="I3539">
        <v>17.34</v>
      </c>
      <c r="J3539">
        <v>3</v>
      </c>
      <c r="K3539">
        <v>8.5</v>
      </c>
    </row>
    <row r="3540" spans="1:11" x14ac:dyDescent="0.3">
      <c r="A3540" s="1">
        <v>42317</v>
      </c>
      <c r="B3540" s="3">
        <f t="shared" si="110"/>
        <v>11</v>
      </c>
      <c r="C3540" s="3">
        <f t="shared" si="111"/>
        <v>2015</v>
      </c>
      <c r="D3540" t="s">
        <v>723</v>
      </c>
      <c r="E3540" t="s">
        <v>148</v>
      </c>
      <c r="F3540" t="s">
        <v>38</v>
      </c>
      <c r="G3540" t="s">
        <v>301</v>
      </c>
      <c r="H3540" t="s">
        <v>2327</v>
      </c>
      <c r="I3540">
        <v>2321.9</v>
      </c>
      <c r="J3540">
        <v>2</v>
      </c>
      <c r="K3540">
        <v>1114.51</v>
      </c>
    </row>
    <row r="3541" spans="1:11" x14ac:dyDescent="0.3">
      <c r="A3541" s="1">
        <v>42317</v>
      </c>
      <c r="B3541" s="3">
        <f t="shared" si="110"/>
        <v>11</v>
      </c>
      <c r="C3541" s="3">
        <f t="shared" si="111"/>
        <v>2015</v>
      </c>
      <c r="D3541" t="s">
        <v>723</v>
      </c>
      <c r="E3541" t="s">
        <v>148</v>
      </c>
      <c r="F3541" t="s">
        <v>10</v>
      </c>
      <c r="G3541" t="s">
        <v>17</v>
      </c>
      <c r="H3541" t="s">
        <v>926</v>
      </c>
      <c r="I3541">
        <v>17.940000000000001</v>
      </c>
      <c r="J3541">
        <v>3</v>
      </c>
      <c r="K3541">
        <v>3.05</v>
      </c>
    </row>
    <row r="3542" spans="1:11" x14ac:dyDescent="0.3">
      <c r="A3542" s="1">
        <v>42317</v>
      </c>
      <c r="B3542" s="3">
        <f t="shared" si="110"/>
        <v>11</v>
      </c>
      <c r="C3542" s="3">
        <f t="shared" si="111"/>
        <v>2015</v>
      </c>
      <c r="D3542" t="s">
        <v>858</v>
      </c>
      <c r="E3542" t="s">
        <v>148</v>
      </c>
      <c r="F3542" t="s">
        <v>10</v>
      </c>
      <c r="G3542" t="s">
        <v>17</v>
      </c>
      <c r="H3542" t="s">
        <v>1869</v>
      </c>
      <c r="I3542">
        <v>244.55</v>
      </c>
      <c r="J3542">
        <v>5</v>
      </c>
      <c r="K3542">
        <v>4.8899999999999997</v>
      </c>
    </row>
    <row r="3543" spans="1:11" x14ac:dyDescent="0.3">
      <c r="A3543" s="1">
        <v>42317</v>
      </c>
      <c r="B3543" s="3">
        <f t="shared" si="110"/>
        <v>11</v>
      </c>
      <c r="C3543" s="3">
        <f t="shared" si="111"/>
        <v>2015</v>
      </c>
      <c r="D3543" t="s">
        <v>858</v>
      </c>
      <c r="E3543" t="s">
        <v>148</v>
      </c>
      <c r="F3543" t="s">
        <v>10</v>
      </c>
      <c r="G3543" t="s">
        <v>62</v>
      </c>
      <c r="H3543" t="s">
        <v>395</v>
      </c>
      <c r="I3543">
        <v>12.24</v>
      </c>
      <c r="J3543">
        <v>6</v>
      </c>
      <c r="K3543">
        <v>5.75</v>
      </c>
    </row>
    <row r="3544" spans="1:11" x14ac:dyDescent="0.3">
      <c r="A3544" s="1">
        <v>42317</v>
      </c>
      <c r="B3544" s="3">
        <f t="shared" si="110"/>
        <v>11</v>
      </c>
      <c r="C3544" s="3">
        <f t="shared" si="111"/>
        <v>2015</v>
      </c>
      <c r="D3544" t="s">
        <v>858</v>
      </c>
      <c r="E3544" t="s">
        <v>148</v>
      </c>
      <c r="F3544" t="s">
        <v>38</v>
      </c>
      <c r="G3544" t="s">
        <v>51</v>
      </c>
      <c r="H3544" t="s">
        <v>2329</v>
      </c>
      <c r="I3544">
        <v>13.98</v>
      </c>
      <c r="J3544">
        <v>2</v>
      </c>
      <c r="K3544">
        <v>6.01</v>
      </c>
    </row>
    <row r="3545" spans="1:11" x14ac:dyDescent="0.3">
      <c r="A3545" s="1">
        <v>42317</v>
      </c>
      <c r="B3545" s="3">
        <f t="shared" si="110"/>
        <v>11</v>
      </c>
      <c r="C3545" s="3">
        <f t="shared" si="111"/>
        <v>2015</v>
      </c>
      <c r="D3545" t="s">
        <v>858</v>
      </c>
      <c r="E3545" t="s">
        <v>148</v>
      </c>
      <c r="F3545" t="s">
        <v>38</v>
      </c>
      <c r="G3545" t="s">
        <v>51</v>
      </c>
      <c r="H3545" t="s">
        <v>2330</v>
      </c>
      <c r="I3545">
        <v>899.95</v>
      </c>
      <c r="J3545">
        <v>5</v>
      </c>
      <c r="K3545">
        <v>54</v>
      </c>
    </row>
    <row r="3546" spans="1:11" x14ac:dyDescent="0.3">
      <c r="A3546" s="1">
        <v>42317</v>
      </c>
      <c r="B3546" s="3">
        <f t="shared" si="110"/>
        <v>11</v>
      </c>
      <c r="C3546" s="3">
        <f t="shared" si="111"/>
        <v>2015</v>
      </c>
      <c r="D3546" t="s">
        <v>1956</v>
      </c>
      <c r="E3546" t="s">
        <v>26</v>
      </c>
      <c r="F3546" t="s">
        <v>10</v>
      </c>
      <c r="G3546" t="s">
        <v>42</v>
      </c>
      <c r="H3546" t="s">
        <v>1795</v>
      </c>
      <c r="I3546">
        <v>2.48</v>
      </c>
      <c r="J3546">
        <v>2</v>
      </c>
      <c r="K3546">
        <v>1.17</v>
      </c>
    </row>
    <row r="3547" spans="1:11" x14ac:dyDescent="0.3">
      <c r="A3547" s="1">
        <v>42317</v>
      </c>
      <c r="B3547" s="3">
        <f t="shared" si="110"/>
        <v>11</v>
      </c>
      <c r="C3547" s="3">
        <f t="shared" si="111"/>
        <v>2015</v>
      </c>
      <c r="D3547" t="s">
        <v>1311</v>
      </c>
      <c r="E3547" t="s">
        <v>128</v>
      </c>
      <c r="F3547" t="s">
        <v>10</v>
      </c>
      <c r="G3547" t="s">
        <v>19</v>
      </c>
      <c r="H3547" t="s">
        <v>1301</v>
      </c>
      <c r="I3547">
        <v>10.74</v>
      </c>
      <c r="J3547">
        <v>3</v>
      </c>
      <c r="K3547">
        <v>5.16</v>
      </c>
    </row>
    <row r="3548" spans="1:11" x14ac:dyDescent="0.3">
      <c r="A3548" s="1">
        <v>42318</v>
      </c>
      <c r="B3548" s="3">
        <f t="shared" si="110"/>
        <v>11</v>
      </c>
      <c r="C3548" s="3">
        <f t="shared" si="111"/>
        <v>2015</v>
      </c>
      <c r="D3548" t="s">
        <v>1722</v>
      </c>
      <c r="E3548" t="s">
        <v>26</v>
      </c>
      <c r="F3548" t="s">
        <v>38</v>
      </c>
      <c r="G3548" t="s">
        <v>51</v>
      </c>
      <c r="H3548" t="s">
        <v>1938</v>
      </c>
      <c r="I3548">
        <v>79.900000000000006</v>
      </c>
      <c r="J3548">
        <v>2</v>
      </c>
      <c r="K3548">
        <v>35.159999999999997</v>
      </c>
    </row>
    <row r="3549" spans="1:11" x14ac:dyDescent="0.3">
      <c r="A3549" s="1">
        <v>42318</v>
      </c>
      <c r="B3549" s="3">
        <f t="shared" si="110"/>
        <v>11</v>
      </c>
      <c r="C3549" s="3">
        <f t="shared" si="111"/>
        <v>2015</v>
      </c>
      <c r="D3549" t="s">
        <v>1796</v>
      </c>
      <c r="E3549" t="s">
        <v>128</v>
      </c>
      <c r="F3549" t="s">
        <v>10</v>
      </c>
      <c r="G3549" t="s">
        <v>17</v>
      </c>
      <c r="H3549" t="s">
        <v>973</v>
      </c>
      <c r="I3549">
        <v>714.3</v>
      </c>
      <c r="J3549">
        <v>5</v>
      </c>
      <c r="K3549">
        <v>207.15</v>
      </c>
    </row>
    <row r="3550" spans="1:11" x14ac:dyDescent="0.3">
      <c r="A3550" s="1">
        <v>42318</v>
      </c>
      <c r="B3550" s="3">
        <f t="shared" si="110"/>
        <v>11</v>
      </c>
      <c r="C3550" s="3">
        <f t="shared" si="111"/>
        <v>2015</v>
      </c>
      <c r="D3550" t="s">
        <v>2187</v>
      </c>
      <c r="E3550" t="s">
        <v>314</v>
      </c>
      <c r="F3550" t="s">
        <v>10</v>
      </c>
      <c r="G3550" t="s">
        <v>91</v>
      </c>
      <c r="H3550" t="s">
        <v>1996</v>
      </c>
      <c r="I3550">
        <v>715.64</v>
      </c>
      <c r="J3550">
        <v>2</v>
      </c>
      <c r="K3550">
        <v>178.91</v>
      </c>
    </row>
    <row r="3551" spans="1:11" x14ac:dyDescent="0.3">
      <c r="A3551" s="1">
        <v>42318</v>
      </c>
      <c r="B3551" s="3">
        <f t="shared" si="110"/>
        <v>11</v>
      </c>
      <c r="C3551" s="3">
        <f t="shared" si="111"/>
        <v>2015</v>
      </c>
      <c r="D3551" t="s">
        <v>2187</v>
      </c>
      <c r="E3551" t="s">
        <v>314</v>
      </c>
      <c r="F3551" t="s">
        <v>10</v>
      </c>
      <c r="G3551" t="s">
        <v>17</v>
      </c>
      <c r="H3551" t="s">
        <v>72</v>
      </c>
      <c r="I3551">
        <v>795.51</v>
      </c>
      <c r="J3551">
        <v>3</v>
      </c>
      <c r="K3551">
        <v>143.19</v>
      </c>
    </row>
    <row r="3552" spans="1:11" x14ac:dyDescent="0.3">
      <c r="A3552" s="1">
        <v>42318</v>
      </c>
      <c r="B3552" s="3">
        <f t="shared" si="110"/>
        <v>11</v>
      </c>
      <c r="C3552" s="3">
        <f t="shared" si="111"/>
        <v>2015</v>
      </c>
      <c r="D3552" t="s">
        <v>2187</v>
      </c>
      <c r="E3552" t="s">
        <v>314</v>
      </c>
      <c r="F3552" t="s">
        <v>38</v>
      </c>
      <c r="G3552" t="s">
        <v>602</v>
      </c>
      <c r="H3552" t="s">
        <v>1088</v>
      </c>
      <c r="I3552">
        <v>549.99</v>
      </c>
      <c r="J3552">
        <v>1</v>
      </c>
      <c r="K3552">
        <v>275</v>
      </c>
    </row>
    <row r="3553" spans="1:11" x14ac:dyDescent="0.3">
      <c r="A3553" s="1">
        <v>42318</v>
      </c>
      <c r="B3553" s="3">
        <f t="shared" si="110"/>
        <v>11</v>
      </c>
      <c r="C3553" s="3">
        <f t="shared" si="111"/>
        <v>2015</v>
      </c>
      <c r="D3553" t="s">
        <v>2187</v>
      </c>
      <c r="E3553" t="s">
        <v>314</v>
      </c>
      <c r="F3553" t="s">
        <v>10</v>
      </c>
      <c r="G3553" t="s">
        <v>19</v>
      </c>
      <c r="H3553" t="s">
        <v>764</v>
      </c>
      <c r="I3553">
        <v>74.760000000000005</v>
      </c>
      <c r="J3553">
        <v>3</v>
      </c>
      <c r="K3553">
        <v>34.39</v>
      </c>
    </row>
    <row r="3554" spans="1:11" x14ac:dyDescent="0.3">
      <c r="A3554" s="1">
        <v>42318</v>
      </c>
      <c r="B3554" s="3">
        <f t="shared" si="110"/>
        <v>11</v>
      </c>
      <c r="C3554" s="3">
        <f t="shared" si="111"/>
        <v>2015</v>
      </c>
      <c r="D3554" t="s">
        <v>2187</v>
      </c>
      <c r="E3554" t="s">
        <v>314</v>
      </c>
      <c r="F3554" t="s">
        <v>33</v>
      </c>
      <c r="G3554" t="s">
        <v>46</v>
      </c>
      <c r="H3554" t="s">
        <v>1014</v>
      </c>
      <c r="I3554">
        <v>29.22</v>
      </c>
      <c r="J3554">
        <v>3</v>
      </c>
      <c r="K3554">
        <v>12.86</v>
      </c>
    </row>
    <row r="3555" spans="1:11" x14ac:dyDescent="0.3">
      <c r="A3555" s="1">
        <v>42318</v>
      </c>
      <c r="B3555" s="3">
        <f t="shared" si="110"/>
        <v>11</v>
      </c>
      <c r="C3555" s="3">
        <f t="shared" si="111"/>
        <v>2015</v>
      </c>
      <c r="D3555" t="s">
        <v>251</v>
      </c>
      <c r="E3555" t="s">
        <v>22</v>
      </c>
      <c r="F3555" t="s">
        <v>10</v>
      </c>
      <c r="G3555" t="s">
        <v>17</v>
      </c>
      <c r="H3555" t="s">
        <v>2147</v>
      </c>
      <c r="I3555">
        <v>577.58000000000004</v>
      </c>
      <c r="J3555">
        <v>6</v>
      </c>
      <c r="K3555">
        <v>43.32</v>
      </c>
    </row>
    <row r="3556" spans="1:11" x14ac:dyDescent="0.3">
      <c r="A3556" s="1">
        <v>42319</v>
      </c>
      <c r="B3556" s="3">
        <f t="shared" si="110"/>
        <v>11</v>
      </c>
      <c r="C3556" s="3">
        <f t="shared" si="111"/>
        <v>2015</v>
      </c>
      <c r="D3556" t="s">
        <v>1885</v>
      </c>
      <c r="E3556" t="s">
        <v>109</v>
      </c>
      <c r="F3556" t="s">
        <v>10</v>
      </c>
      <c r="G3556" t="s">
        <v>17</v>
      </c>
      <c r="H3556" t="s">
        <v>2331</v>
      </c>
      <c r="I3556">
        <v>418.32</v>
      </c>
      <c r="J3556">
        <v>7</v>
      </c>
      <c r="K3556">
        <v>117.13</v>
      </c>
    </row>
    <row r="3557" spans="1:11" x14ac:dyDescent="0.3">
      <c r="A3557" s="1">
        <v>42319</v>
      </c>
      <c r="B3557" s="3">
        <f t="shared" si="110"/>
        <v>11</v>
      </c>
      <c r="C3557" s="3">
        <f t="shared" si="111"/>
        <v>2015</v>
      </c>
      <c r="D3557" t="s">
        <v>1885</v>
      </c>
      <c r="E3557" t="s">
        <v>109</v>
      </c>
      <c r="F3557" t="s">
        <v>10</v>
      </c>
      <c r="G3557" t="s">
        <v>91</v>
      </c>
      <c r="H3557" t="s">
        <v>113</v>
      </c>
      <c r="I3557">
        <v>123.86</v>
      </c>
      <c r="J3557">
        <v>2</v>
      </c>
      <c r="K3557">
        <v>46.79</v>
      </c>
    </row>
    <row r="3558" spans="1:11" x14ac:dyDescent="0.3">
      <c r="A3558" s="1">
        <v>42320</v>
      </c>
      <c r="B3558" s="3">
        <f t="shared" si="110"/>
        <v>11</v>
      </c>
      <c r="C3558" s="3">
        <f t="shared" si="111"/>
        <v>2015</v>
      </c>
      <c r="D3558" t="s">
        <v>1637</v>
      </c>
      <c r="E3558" t="s">
        <v>26</v>
      </c>
      <c r="F3558" t="s">
        <v>10</v>
      </c>
      <c r="G3558" t="s">
        <v>11</v>
      </c>
      <c r="H3558" t="s">
        <v>618</v>
      </c>
      <c r="I3558">
        <v>15.7</v>
      </c>
      <c r="J3558">
        <v>5</v>
      </c>
      <c r="K3558">
        <v>7.07</v>
      </c>
    </row>
    <row r="3559" spans="1:11" x14ac:dyDescent="0.3">
      <c r="A3559" s="1">
        <v>42320</v>
      </c>
      <c r="B3559" s="3">
        <f t="shared" si="110"/>
        <v>11</v>
      </c>
      <c r="C3559" s="3">
        <f t="shared" si="111"/>
        <v>2015</v>
      </c>
      <c r="D3559" t="s">
        <v>442</v>
      </c>
      <c r="E3559" t="s">
        <v>122</v>
      </c>
      <c r="F3559" t="s">
        <v>10</v>
      </c>
      <c r="G3559" t="s">
        <v>23</v>
      </c>
      <c r="H3559" t="s">
        <v>705</v>
      </c>
      <c r="I3559">
        <v>11.76</v>
      </c>
      <c r="J3559">
        <v>5</v>
      </c>
      <c r="K3559">
        <v>1.32</v>
      </c>
    </row>
    <row r="3560" spans="1:11" x14ac:dyDescent="0.3">
      <c r="A3560" s="1">
        <v>42320</v>
      </c>
      <c r="B3560" s="3">
        <f t="shared" si="110"/>
        <v>11</v>
      </c>
      <c r="C3560" s="3">
        <f t="shared" si="111"/>
        <v>2015</v>
      </c>
      <c r="D3560" t="s">
        <v>442</v>
      </c>
      <c r="E3560" t="s">
        <v>122</v>
      </c>
      <c r="F3560" t="s">
        <v>10</v>
      </c>
      <c r="G3560" t="s">
        <v>19</v>
      </c>
      <c r="H3560" t="s">
        <v>183</v>
      </c>
      <c r="I3560">
        <v>5.24</v>
      </c>
      <c r="J3560">
        <v>2</v>
      </c>
      <c r="K3560">
        <v>-4.0199999999999996</v>
      </c>
    </row>
    <row r="3561" spans="1:11" x14ac:dyDescent="0.3">
      <c r="A3561" s="1">
        <v>42320</v>
      </c>
      <c r="B3561" s="3">
        <f t="shared" si="110"/>
        <v>11</v>
      </c>
      <c r="C3561" s="3">
        <f t="shared" si="111"/>
        <v>2015</v>
      </c>
      <c r="D3561" t="s">
        <v>442</v>
      </c>
      <c r="E3561" t="s">
        <v>122</v>
      </c>
      <c r="F3561" t="s">
        <v>10</v>
      </c>
      <c r="G3561" t="s">
        <v>19</v>
      </c>
      <c r="H3561" t="s">
        <v>1159</v>
      </c>
      <c r="I3561">
        <v>4.66</v>
      </c>
      <c r="J3561">
        <v>3</v>
      </c>
      <c r="K3561">
        <v>-3.73</v>
      </c>
    </row>
    <row r="3562" spans="1:11" x14ac:dyDescent="0.3">
      <c r="A3562" s="1">
        <v>42320</v>
      </c>
      <c r="B3562" s="3">
        <f t="shared" si="110"/>
        <v>11</v>
      </c>
      <c r="C3562" s="3">
        <f t="shared" si="111"/>
        <v>2015</v>
      </c>
      <c r="D3562" t="s">
        <v>442</v>
      </c>
      <c r="E3562" t="s">
        <v>122</v>
      </c>
      <c r="F3562" t="s">
        <v>33</v>
      </c>
      <c r="G3562" t="s">
        <v>34</v>
      </c>
      <c r="H3562" t="s">
        <v>1434</v>
      </c>
      <c r="I3562">
        <v>523.91999999999996</v>
      </c>
      <c r="J3562">
        <v>5</v>
      </c>
      <c r="K3562">
        <v>-72.040000000000006</v>
      </c>
    </row>
    <row r="3563" spans="1:11" x14ac:dyDescent="0.3">
      <c r="A3563" s="1">
        <v>42320</v>
      </c>
      <c r="B3563" s="3">
        <f t="shared" si="110"/>
        <v>11</v>
      </c>
      <c r="C3563" s="3">
        <f t="shared" si="111"/>
        <v>2015</v>
      </c>
      <c r="D3563" t="s">
        <v>442</v>
      </c>
      <c r="E3563" t="s">
        <v>122</v>
      </c>
      <c r="F3563" t="s">
        <v>38</v>
      </c>
      <c r="G3563" t="s">
        <v>39</v>
      </c>
      <c r="H3563" t="s">
        <v>719</v>
      </c>
      <c r="I3563">
        <v>100.79</v>
      </c>
      <c r="J3563">
        <v>1</v>
      </c>
      <c r="K3563">
        <v>10.08</v>
      </c>
    </row>
    <row r="3564" spans="1:11" x14ac:dyDescent="0.3">
      <c r="A3564" s="1">
        <v>42320</v>
      </c>
      <c r="B3564" s="3">
        <f t="shared" si="110"/>
        <v>11</v>
      </c>
      <c r="C3564" s="3">
        <f t="shared" si="111"/>
        <v>2015</v>
      </c>
      <c r="D3564" t="s">
        <v>442</v>
      </c>
      <c r="E3564" t="s">
        <v>122</v>
      </c>
      <c r="F3564" t="s">
        <v>33</v>
      </c>
      <c r="G3564" t="s">
        <v>34</v>
      </c>
      <c r="H3564" t="s">
        <v>264</v>
      </c>
      <c r="I3564">
        <v>146.13999999999999</v>
      </c>
      <c r="J3564">
        <v>3</v>
      </c>
      <c r="K3564">
        <v>16.440000000000001</v>
      </c>
    </row>
    <row r="3565" spans="1:11" x14ac:dyDescent="0.3">
      <c r="A3565" s="1">
        <v>42320</v>
      </c>
      <c r="B3565" s="3">
        <f t="shared" si="110"/>
        <v>11</v>
      </c>
      <c r="C3565" s="3">
        <f t="shared" si="111"/>
        <v>2015</v>
      </c>
      <c r="D3565" t="s">
        <v>1309</v>
      </c>
      <c r="E3565" t="s">
        <v>9</v>
      </c>
      <c r="F3565" t="s">
        <v>10</v>
      </c>
      <c r="G3565" t="s">
        <v>17</v>
      </c>
      <c r="H3565" t="s">
        <v>266</v>
      </c>
      <c r="I3565">
        <v>64.78</v>
      </c>
      <c r="J3565">
        <v>1</v>
      </c>
      <c r="K3565">
        <v>-14.58</v>
      </c>
    </row>
    <row r="3566" spans="1:11" x14ac:dyDescent="0.3">
      <c r="A3566" s="1">
        <v>42320</v>
      </c>
      <c r="B3566" s="3">
        <f t="shared" si="110"/>
        <v>11</v>
      </c>
      <c r="C3566" s="3">
        <f t="shared" si="111"/>
        <v>2015</v>
      </c>
      <c r="D3566" t="s">
        <v>1309</v>
      </c>
      <c r="E3566" t="s">
        <v>9</v>
      </c>
      <c r="F3566" t="s">
        <v>10</v>
      </c>
      <c r="G3566" t="s">
        <v>11</v>
      </c>
      <c r="H3566" t="s">
        <v>330</v>
      </c>
      <c r="I3566">
        <v>15.55</v>
      </c>
      <c r="J3566">
        <v>3</v>
      </c>
      <c r="K3566">
        <v>5.64</v>
      </c>
    </row>
    <row r="3567" spans="1:11" x14ac:dyDescent="0.3">
      <c r="A3567" s="1">
        <v>42320</v>
      </c>
      <c r="B3567" s="3">
        <f t="shared" si="110"/>
        <v>11</v>
      </c>
      <c r="C3567" s="3">
        <f t="shared" si="111"/>
        <v>2015</v>
      </c>
      <c r="D3567" t="s">
        <v>1309</v>
      </c>
      <c r="E3567" t="s">
        <v>9</v>
      </c>
      <c r="F3567" t="s">
        <v>10</v>
      </c>
      <c r="G3567" t="s">
        <v>62</v>
      </c>
      <c r="H3567" t="s">
        <v>2263</v>
      </c>
      <c r="I3567">
        <v>223.89</v>
      </c>
      <c r="J3567">
        <v>7</v>
      </c>
      <c r="K3567">
        <v>69.97</v>
      </c>
    </row>
    <row r="3568" spans="1:11" x14ac:dyDescent="0.3">
      <c r="A3568" s="1">
        <v>42320</v>
      </c>
      <c r="B3568" s="3">
        <f t="shared" si="110"/>
        <v>11</v>
      </c>
      <c r="C3568" s="3">
        <f t="shared" si="111"/>
        <v>2015</v>
      </c>
      <c r="D3568" t="s">
        <v>2016</v>
      </c>
      <c r="E3568" t="s">
        <v>148</v>
      </c>
      <c r="F3568" t="s">
        <v>10</v>
      </c>
      <c r="G3568" t="s">
        <v>62</v>
      </c>
      <c r="H3568" t="s">
        <v>63</v>
      </c>
      <c r="I3568">
        <v>15.56</v>
      </c>
      <c r="J3568">
        <v>2</v>
      </c>
      <c r="K3568">
        <v>7.31</v>
      </c>
    </row>
    <row r="3569" spans="1:11" x14ac:dyDescent="0.3">
      <c r="A3569" s="1">
        <v>42321</v>
      </c>
      <c r="B3569" s="3">
        <f t="shared" si="110"/>
        <v>11</v>
      </c>
      <c r="C3569" s="3">
        <f t="shared" si="111"/>
        <v>2015</v>
      </c>
      <c r="D3569" t="s">
        <v>2059</v>
      </c>
      <c r="E3569" t="s">
        <v>277</v>
      </c>
      <c r="F3569" t="s">
        <v>38</v>
      </c>
      <c r="G3569" t="s">
        <v>51</v>
      </c>
      <c r="H3569" t="s">
        <v>2308</v>
      </c>
      <c r="I3569">
        <v>238.9</v>
      </c>
      <c r="J3569">
        <v>6</v>
      </c>
      <c r="K3569">
        <v>-26.88</v>
      </c>
    </row>
    <row r="3570" spans="1:11" x14ac:dyDescent="0.3">
      <c r="A3570" s="1">
        <v>42321</v>
      </c>
      <c r="B3570" s="3">
        <f t="shared" si="110"/>
        <v>11</v>
      </c>
      <c r="C3570" s="3">
        <f t="shared" si="111"/>
        <v>2015</v>
      </c>
      <c r="D3570" t="s">
        <v>2059</v>
      </c>
      <c r="E3570" t="s">
        <v>277</v>
      </c>
      <c r="F3570" t="s">
        <v>33</v>
      </c>
      <c r="G3570" t="s">
        <v>46</v>
      </c>
      <c r="H3570" t="s">
        <v>1275</v>
      </c>
      <c r="I3570">
        <v>102.36</v>
      </c>
      <c r="J3570">
        <v>3</v>
      </c>
      <c r="K3570">
        <v>-3.84</v>
      </c>
    </row>
    <row r="3571" spans="1:11" x14ac:dyDescent="0.3">
      <c r="A3571" s="1">
        <v>42321</v>
      </c>
      <c r="B3571" s="3">
        <f t="shared" si="110"/>
        <v>11</v>
      </c>
      <c r="C3571" s="3">
        <f t="shared" si="111"/>
        <v>2015</v>
      </c>
      <c r="D3571" t="s">
        <v>2059</v>
      </c>
      <c r="E3571" t="s">
        <v>277</v>
      </c>
      <c r="F3571" t="s">
        <v>10</v>
      </c>
      <c r="G3571" t="s">
        <v>19</v>
      </c>
      <c r="H3571" t="s">
        <v>484</v>
      </c>
      <c r="I3571">
        <v>36.880000000000003</v>
      </c>
      <c r="J3571">
        <v>3</v>
      </c>
      <c r="K3571">
        <v>-25.82</v>
      </c>
    </row>
    <row r="3572" spans="1:11" x14ac:dyDescent="0.3">
      <c r="A3572" s="1">
        <v>42321</v>
      </c>
      <c r="B3572" s="3">
        <f t="shared" si="110"/>
        <v>11</v>
      </c>
      <c r="C3572" s="3">
        <f t="shared" si="111"/>
        <v>2015</v>
      </c>
      <c r="D3572" t="s">
        <v>1651</v>
      </c>
      <c r="E3572" t="s">
        <v>244</v>
      </c>
      <c r="F3572" t="s">
        <v>10</v>
      </c>
      <c r="G3572" t="s">
        <v>11</v>
      </c>
      <c r="H3572" t="s">
        <v>2332</v>
      </c>
      <c r="I3572">
        <v>115.3</v>
      </c>
      <c r="J3572">
        <v>3</v>
      </c>
      <c r="K3572">
        <v>40.35</v>
      </c>
    </row>
    <row r="3573" spans="1:11" x14ac:dyDescent="0.3">
      <c r="A3573" s="1">
        <v>42321</v>
      </c>
      <c r="B3573" s="3">
        <f t="shared" si="110"/>
        <v>11</v>
      </c>
      <c r="C3573" s="3">
        <f t="shared" si="111"/>
        <v>2015</v>
      </c>
      <c r="D3573" t="s">
        <v>1011</v>
      </c>
      <c r="E3573" t="s">
        <v>58</v>
      </c>
      <c r="F3573" t="s">
        <v>38</v>
      </c>
      <c r="G3573" t="s">
        <v>39</v>
      </c>
      <c r="H3573" t="s">
        <v>1113</v>
      </c>
      <c r="I3573">
        <v>377.97</v>
      </c>
      <c r="J3573">
        <v>3</v>
      </c>
      <c r="K3573">
        <v>94.49</v>
      </c>
    </row>
    <row r="3574" spans="1:11" x14ac:dyDescent="0.3">
      <c r="A3574" s="1">
        <v>42321</v>
      </c>
      <c r="B3574" s="3">
        <f t="shared" si="110"/>
        <v>11</v>
      </c>
      <c r="C3574" s="3">
        <f t="shared" si="111"/>
        <v>2015</v>
      </c>
      <c r="D3574" t="s">
        <v>1011</v>
      </c>
      <c r="E3574" t="s">
        <v>58</v>
      </c>
      <c r="F3574" t="s">
        <v>10</v>
      </c>
      <c r="G3574" t="s">
        <v>11</v>
      </c>
      <c r="H3574" t="s">
        <v>699</v>
      </c>
      <c r="I3574">
        <v>42.28</v>
      </c>
      <c r="J3574">
        <v>7</v>
      </c>
      <c r="K3574">
        <v>19.87</v>
      </c>
    </row>
    <row r="3575" spans="1:11" x14ac:dyDescent="0.3">
      <c r="A3575" s="1">
        <v>42321</v>
      </c>
      <c r="B3575" s="3">
        <f t="shared" si="110"/>
        <v>11</v>
      </c>
      <c r="C3575" s="3">
        <f t="shared" si="111"/>
        <v>2015</v>
      </c>
      <c r="D3575" t="s">
        <v>1011</v>
      </c>
      <c r="E3575" t="s">
        <v>58</v>
      </c>
      <c r="F3575" t="s">
        <v>33</v>
      </c>
      <c r="G3575" t="s">
        <v>73</v>
      </c>
      <c r="H3575" t="s">
        <v>643</v>
      </c>
      <c r="I3575">
        <v>299.97000000000003</v>
      </c>
      <c r="J3575">
        <v>3</v>
      </c>
      <c r="K3575">
        <v>56.99</v>
      </c>
    </row>
    <row r="3576" spans="1:11" x14ac:dyDescent="0.3">
      <c r="A3576" s="1">
        <v>42321</v>
      </c>
      <c r="B3576" s="3">
        <f t="shared" si="110"/>
        <v>11</v>
      </c>
      <c r="C3576" s="3">
        <f t="shared" si="111"/>
        <v>2015</v>
      </c>
      <c r="D3576" t="s">
        <v>1011</v>
      </c>
      <c r="E3576" t="s">
        <v>58</v>
      </c>
      <c r="F3576" t="s">
        <v>38</v>
      </c>
      <c r="G3576" t="s">
        <v>39</v>
      </c>
      <c r="H3576" t="s">
        <v>414</v>
      </c>
      <c r="I3576">
        <v>89.98</v>
      </c>
      <c r="J3576">
        <v>2</v>
      </c>
      <c r="K3576">
        <v>43.19</v>
      </c>
    </row>
    <row r="3577" spans="1:11" x14ac:dyDescent="0.3">
      <c r="A3577" s="1">
        <v>42321</v>
      </c>
      <c r="B3577" s="3">
        <f t="shared" si="110"/>
        <v>11</v>
      </c>
      <c r="C3577" s="3">
        <f t="shared" si="111"/>
        <v>2015</v>
      </c>
      <c r="D3577" t="s">
        <v>886</v>
      </c>
      <c r="E3577" t="s">
        <v>14</v>
      </c>
      <c r="F3577" t="s">
        <v>33</v>
      </c>
      <c r="G3577" t="s">
        <v>46</v>
      </c>
      <c r="H3577" t="s">
        <v>2050</v>
      </c>
      <c r="I3577">
        <v>17.5</v>
      </c>
      <c r="J3577">
        <v>9</v>
      </c>
      <c r="K3577">
        <v>-7.44</v>
      </c>
    </row>
    <row r="3578" spans="1:11" x14ac:dyDescent="0.3">
      <c r="A3578" s="1">
        <v>42321</v>
      </c>
      <c r="B3578" s="3">
        <f t="shared" si="110"/>
        <v>11</v>
      </c>
      <c r="C3578" s="3">
        <f t="shared" si="111"/>
        <v>2015</v>
      </c>
      <c r="D3578" t="s">
        <v>888</v>
      </c>
      <c r="E3578" t="s">
        <v>128</v>
      </c>
      <c r="F3578" t="s">
        <v>10</v>
      </c>
      <c r="G3578" t="s">
        <v>11</v>
      </c>
      <c r="H3578" t="s">
        <v>2333</v>
      </c>
      <c r="I3578">
        <v>63.77</v>
      </c>
      <c r="J3578">
        <v>7</v>
      </c>
      <c r="K3578">
        <v>28.7</v>
      </c>
    </row>
    <row r="3579" spans="1:11" x14ac:dyDescent="0.3">
      <c r="A3579" s="1">
        <v>42321</v>
      </c>
      <c r="B3579" s="3">
        <f t="shared" si="110"/>
        <v>11</v>
      </c>
      <c r="C3579" s="3">
        <f t="shared" si="111"/>
        <v>2015</v>
      </c>
      <c r="D3579" t="s">
        <v>888</v>
      </c>
      <c r="E3579" t="s">
        <v>128</v>
      </c>
      <c r="F3579" t="s">
        <v>38</v>
      </c>
      <c r="G3579" t="s">
        <v>39</v>
      </c>
      <c r="H3579" t="s">
        <v>1304</v>
      </c>
      <c r="I3579">
        <v>50.97</v>
      </c>
      <c r="J3579">
        <v>3</v>
      </c>
      <c r="K3579">
        <v>13.25</v>
      </c>
    </row>
    <row r="3580" spans="1:11" x14ac:dyDescent="0.3">
      <c r="A3580" s="1">
        <v>42321</v>
      </c>
      <c r="B3580" s="3">
        <f t="shared" si="110"/>
        <v>11</v>
      </c>
      <c r="C3580" s="3">
        <f t="shared" si="111"/>
        <v>2015</v>
      </c>
      <c r="D3580" t="s">
        <v>888</v>
      </c>
      <c r="E3580" t="s">
        <v>128</v>
      </c>
      <c r="F3580" t="s">
        <v>10</v>
      </c>
      <c r="G3580" t="s">
        <v>11</v>
      </c>
      <c r="H3580" t="s">
        <v>2332</v>
      </c>
      <c r="I3580">
        <v>96.08</v>
      </c>
      <c r="J3580">
        <v>2</v>
      </c>
      <c r="K3580">
        <v>46.12</v>
      </c>
    </row>
    <row r="3581" spans="1:11" x14ac:dyDescent="0.3">
      <c r="A3581" s="1">
        <v>42321</v>
      </c>
      <c r="B3581" s="3">
        <f t="shared" si="110"/>
        <v>11</v>
      </c>
      <c r="C3581" s="3">
        <f t="shared" si="111"/>
        <v>2015</v>
      </c>
      <c r="D3581" t="s">
        <v>553</v>
      </c>
      <c r="E3581" t="s">
        <v>119</v>
      </c>
      <c r="F3581" t="s">
        <v>10</v>
      </c>
      <c r="G3581" t="s">
        <v>17</v>
      </c>
      <c r="H3581" t="s">
        <v>2334</v>
      </c>
      <c r="I3581">
        <v>84.96</v>
      </c>
      <c r="J3581">
        <v>6</v>
      </c>
      <c r="K3581">
        <v>6.37</v>
      </c>
    </row>
    <row r="3582" spans="1:11" x14ac:dyDescent="0.3">
      <c r="A3582" s="1">
        <v>42321</v>
      </c>
      <c r="B3582" s="3">
        <f t="shared" si="110"/>
        <v>11</v>
      </c>
      <c r="C3582" s="3">
        <f t="shared" si="111"/>
        <v>2015</v>
      </c>
      <c r="D3582" t="s">
        <v>950</v>
      </c>
      <c r="E3582" t="s">
        <v>514</v>
      </c>
      <c r="F3582" t="s">
        <v>38</v>
      </c>
      <c r="G3582" t="s">
        <v>39</v>
      </c>
      <c r="H3582" t="s">
        <v>1877</v>
      </c>
      <c r="I3582">
        <v>339.96</v>
      </c>
      <c r="J3582">
        <v>5</v>
      </c>
      <c r="K3582">
        <v>42.5</v>
      </c>
    </row>
    <row r="3583" spans="1:11" x14ac:dyDescent="0.3">
      <c r="A3583" s="1">
        <v>42321</v>
      </c>
      <c r="B3583" s="3">
        <f t="shared" si="110"/>
        <v>11</v>
      </c>
      <c r="C3583" s="3">
        <f t="shared" si="111"/>
        <v>2015</v>
      </c>
      <c r="D3583" t="s">
        <v>950</v>
      </c>
      <c r="E3583" t="s">
        <v>514</v>
      </c>
      <c r="F3583" t="s">
        <v>33</v>
      </c>
      <c r="G3583" t="s">
        <v>46</v>
      </c>
      <c r="H3583" t="s">
        <v>2128</v>
      </c>
      <c r="I3583">
        <v>63.98</v>
      </c>
      <c r="J3583">
        <v>7</v>
      </c>
      <c r="K3583">
        <v>21.75</v>
      </c>
    </row>
    <row r="3584" spans="1:11" x14ac:dyDescent="0.3">
      <c r="A3584" s="1">
        <v>42321</v>
      </c>
      <c r="B3584" s="3">
        <f t="shared" si="110"/>
        <v>11</v>
      </c>
      <c r="C3584" s="3">
        <f t="shared" si="111"/>
        <v>2015</v>
      </c>
      <c r="D3584" t="s">
        <v>2155</v>
      </c>
      <c r="E3584" t="s">
        <v>122</v>
      </c>
      <c r="F3584" t="s">
        <v>10</v>
      </c>
      <c r="G3584" t="s">
        <v>19</v>
      </c>
      <c r="H3584" t="s">
        <v>268</v>
      </c>
      <c r="I3584">
        <v>121.1</v>
      </c>
      <c r="J3584">
        <v>6</v>
      </c>
      <c r="K3584">
        <v>-100.92</v>
      </c>
    </row>
    <row r="3585" spans="1:11" x14ac:dyDescent="0.3">
      <c r="A3585" s="1">
        <v>42321</v>
      </c>
      <c r="B3585" s="3">
        <f t="shared" si="110"/>
        <v>11</v>
      </c>
      <c r="C3585" s="3">
        <f t="shared" si="111"/>
        <v>2015</v>
      </c>
      <c r="D3585" t="s">
        <v>2155</v>
      </c>
      <c r="E3585" t="s">
        <v>122</v>
      </c>
      <c r="F3585" t="s">
        <v>38</v>
      </c>
      <c r="G3585" t="s">
        <v>51</v>
      </c>
      <c r="H3585" t="s">
        <v>1525</v>
      </c>
      <c r="I3585">
        <v>111.96</v>
      </c>
      <c r="J3585">
        <v>5</v>
      </c>
      <c r="K3585">
        <v>-1.4</v>
      </c>
    </row>
    <row r="3586" spans="1:11" x14ac:dyDescent="0.3">
      <c r="A3586" s="1">
        <v>42321</v>
      </c>
      <c r="B3586" s="3">
        <f t="shared" ref="B3586:B3649" si="112">MONTH(A:A)</f>
        <v>11</v>
      </c>
      <c r="C3586" s="3">
        <f t="shared" ref="C3586:C3649" si="113">YEAR(A:A)</f>
        <v>2015</v>
      </c>
      <c r="D3586" t="s">
        <v>1545</v>
      </c>
      <c r="E3586" t="s">
        <v>9</v>
      </c>
      <c r="F3586" t="s">
        <v>33</v>
      </c>
      <c r="G3586" t="s">
        <v>73</v>
      </c>
      <c r="H3586" t="s">
        <v>1929</v>
      </c>
      <c r="I3586">
        <v>614</v>
      </c>
      <c r="J3586">
        <v>3</v>
      </c>
      <c r="K3586">
        <v>-18.059999999999999</v>
      </c>
    </row>
    <row r="3587" spans="1:11" x14ac:dyDescent="0.3">
      <c r="A3587" s="1">
        <v>42321</v>
      </c>
      <c r="B3587" s="3">
        <f t="shared" si="112"/>
        <v>11</v>
      </c>
      <c r="C3587" s="3">
        <f t="shared" si="113"/>
        <v>2015</v>
      </c>
      <c r="D3587" t="s">
        <v>1120</v>
      </c>
      <c r="E3587" t="s">
        <v>26</v>
      </c>
      <c r="F3587" t="s">
        <v>10</v>
      </c>
      <c r="G3587" t="s">
        <v>19</v>
      </c>
      <c r="H3587" t="s">
        <v>1598</v>
      </c>
      <c r="I3587">
        <v>9.8699999999999992</v>
      </c>
      <c r="J3587">
        <v>2</v>
      </c>
      <c r="K3587">
        <v>3.46</v>
      </c>
    </row>
    <row r="3588" spans="1:11" x14ac:dyDescent="0.3">
      <c r="A3588" s="1">
        <v>42321</v>
      </c>
      <c r="B3588" s="3">
        <f t="shared" si="112"/>
        <v>11</v>
      </c>
      <c r="C3588" s="3">
        <f t="shared" si="113"/>
        <v>2015</v>
      </c>
      <c r="D3588" t="s">
        <v>1120</v>
      </c>
      <c r="E3588" t="s">
        <v>26</v>
      </c>
      <c r="F3588" t="s">
        <v>33</v>
      </c>
      <c r="G3588" t="s">
        <v>73</v>
      </c>
      <c r="H3588" t="s">
        <v>2092</v>
      </c>
      <c r="I3588">
        <v>683.33</v>
      </c>
      <c r="J3588">
        <v>4</v>
      </c>
      <c r="K3588">
        <v>-40.200000000000003</v>
      </c>
    </row>
    <row r="3589" spans="1:11" x14ac:dyDescent="0.3">
      <c r="A3589" s="1">
        <v>42321</v>
      </c>
      <c r="B3589" s="3">
        <f t="shared" si="112"/>
        <v>11</v>
      </c>
      <c r="C3589" s="3">
        <f t="shared" si="113"/>
        <v>2015</v>
      </c>
      <c r="D3589" t="s">
        <v>1120</v>
      </c>
      <c r="E3589" t="s">
        <v>26</v>
      </c>
      <c r="F3589" t="s">
        <v>10</v>
      </c>
      <c r="G3589" t="s">
        <v>11</v>
      </c>
      <c r="H3589" t="s">
        <v>1307</v>
      </c>
      <c r="I3589">
        <v>29.96</v>
      </c>
      <c r="J3589">
        <v>7</v>
      </c>
      <c r="K3589">
        <v>13.48</v>
      </c>
    </row>
    <row r="3590" spans="1:11" x14ac:dyDescent="0.3">
      <c r="A3590" s="1">
        <v>42322</v>
      </c>
      <c r="B3590" s="3">
        <f t="shared" si="112"/>
        <v>11</v>
      </c>
      <c r="C3590" s="3">
        <f t="shared" si="113"/>
        <v>2015</v>
      </c>
      <c r="D3590" t="s">
        <v>733</v>
      </c>
      <c r="E3590" t="s">
        <v>148</v>
      </c>
      <c r="F3590" t="s">
        <v>38</v>
      </c>
      <c r="G3590" t="s">
        <v>51</v>
      </c>
      <c r="H3590" t="s">
        <v>672</v>
      </c>
      <c r="I3590">
        <v>37.6</v>
      </c>
      <c r="J3590">
        <v>2</v>
      </c>
      <c r="K3590">
        <v>2.2599999999999998</v>
      </c>
    </row>
    <row r="3591" spans="1:11" x14ac:dyDescent="0.3">
      <c r="A3591" s="1">
        <v>42322</v>
      </c>
      <c r="B3591" s="3">
        <f t="shared" si="112"/>
        <v>11</v>
      </c>
      <c r="C3591" s="3">
        <f t="shared" si="113"/>
        <v>2015</v>
      </c>
      <c r="D3591" t="s">
        <v>733</v>
      </c>
      <c r="E3591" t="s">
        <v>148</v>
      </c>
      <c r="F3591" t="s">
        <v>38</v>
      </c>
      <c r="G3591" t="s">
        <v>51</v>
      </c>
      <c r="H3591" t="s">
        <v>1736</v>
      </c>
      <c r="I3591">
        <v>59.9</v>
      </c>
      <c r="J3591">
        <v>2</v>
      </c>
      <c r="K3591">
        <v>23.96</v>
      </c>
    </row>
    <row r="3592" spans="1:11" x14ac:dyDescent="0.3">
      <c r="A3592" s="1">
        <v>42322</v>
      </c>
      <c r="B3592" s="3">
        <f t="shared" si="112"/>
        <v>11</v>
      </c>
      <c r="C3592" s="3">
        <f t="shared" si="113"/>
        <v>2015</v>
      </c>
      <c r="D3592" t="s">
        <v>733</v>
      </c>
      <c r="E3592" t="s">
        <v>148</v>
      </c>
      <c r="F3592" t="s">
        <v>10</v>
      </c>
      <c r="G3592" t="s">
        <v>11</v>
      </c>
      <c r="H3592" t="s">
        <v>1886</v>
      </c>
      <c r="I3592">
        <v>37</v>
      </c>
      <c r="J3592">
        <v>5</v>
      </c>
      <c r="K3592">
        <v>16.649999999999999</v>
      </c>
    </row>
    <row r="3593" spans="1:11" x14ac:dyDescent="0.3">
      <c r="A3593" s="1">
        <v>42322</v>
      </c>
      <c r="B3593" s="3">
        <f t="shared" si="112"/>
        <v>11</v>
      </c>
      <c r="C3593" s="3">
        <f t="shared" si="113"/>
        <v>2015</v>
      </c>
      <c r="D3593" t="s">
        <v>733</v>
      </c>
      <c r="E3593" t="s">
        <v>54</v>
      </c>
      <c r="F3593" t="s">
        <v>10</v>
      </c>
      <c r="G3593" t="s">
        <v>62</v>
      </c>
      <c r="H3593" t="s">
        <v>64</v>
      </c>
      <c r="I3593">
        <v>33.96</v>
      </c>
      <c r="J3593">
        <v>2</v>
      </c>
      <c r="K3593">
        <v>16.98</v>
      </c>
    </row>
    <row r="3594" spans="1:11" x14ac:dyDescent="0.3">
      <c r="A3594" s="1">
        <v>42322</v>
      </c>
      <c r="B3594" s="3">
        <f t="shared" si="112"/>
        <v>11</v>
      </c>
      <c r="C3594" s="3">
        <f t="shared" si="113"/>
        <v>2015</v>
      </c>
      <c r="D3594" t="s">
        <v>733</v>
      </c>
      <c r="E3594" t="s">
        <v>54</v>
      </c>
      <c r="F3594" t="s">
        <v>10</v>
      </c>
      <c r="G3594" t="s">
        <v>91</v>
      </c>
      <c r="H3594" t="s">
        <v>2335</v>
      </c>
      <c r="I3594">
        <v>826.11</v>
      </c>
      <c r="J3594">
        <v>3</v>
      </c>
      <c r="K3594">
        <v>322.18</v>
      </c>
    </row>
    <row r="3595" spans="1:11" x14ac:dyDescent="0.3">
      <c r="A3595" s="1">
        <v>42322</v>
      </c>
      <c r="B3595" s="3">
        <f t="shared" si="112"/>
        <v>11</v>
      </c>
      <c r="C3595" s="3">
        <f t="shared" si="113"/>
        <v>2015</v>
      </c>
      <c r="D3595" t="s">
        <v>25</v>
      </c>
      <c r="E3595" t="s">
        <v>58</v>
      </c>
      <c r="F3595" t="s">
        <v>33</v>
      </c>
      <c r="G3595" t="s">
        <v>46</v>
      </c>
      <c r="H3595" t="s">
        <v>545</v>
      </c>
      <c r="I3595">
        <v>76.14</v>
      </c>
      <c r="J3595">
        <v>3</v>
      </c>
      <c r="K3595">
        <v>26.65</v>
      </c>
    </row>
    <row r="3596" spans="1:11" x14ac:dyDescent="0.3">
      <c r="A3596" s="1">
        <v>42322</v>
      </c>
      <c r="B3596" s="3">
        <f t="shared" si="112"/>
        <v>11</v>
      </c>
      <c r="C3596" s="3">
        <f t="shared" si="113"/>
        <v>2015</v>
      </c>
      <c r="D3596" t="s">
        <v>25</v>
      </c>
      <c r="E3596" t="s">
        <v>58</v>
      </c>
      <c r="F3596" t="s">
        <v>10</v>
      </c>
      <c r="G3596" t="s">
        <v>19</v>
      </c>
      <c r="H3596" t="s">
        <v>1522</v>
      </c>
      <c r="I3596">
        <v>19.96</v>
      </c>
      <c r="J3596">
        <v>2</v>
      </c>
      <c r="K3596">
        <v>9.3800000000000008</v>
      </c>
    </row>
    <row r="3597" spans="1:11" x14ac:dyDescent="0.3">
      <c r="A3597" s="1">
        <v>42322</v>
      </c>
      <c r="B3597" s="3">
        <f t="shared" si="112"/>
        <v>11</v>
      </c>
      <c r="C3597" s="3">
        <f t="shared" si="113"/>
        <v>2015</v>
      </c>
      <c r="D3597" t="s">
        <v>1504</v>
      </c>
      <c r="E3597" t="s">
        <v>22</v>
      </c>
      <c r="F3597" t="s">
        <v>38</v>
      </c>
      <c r="G3597" t="s">
        <v>51</v>
      </c>
      <c r="H3597" t="s">
        <v>2336</v>
      </c>
      <c r="I3597">
        <v>47.98</v>
      </c>
      <c r="J3597">
        <v>2</v>
      </c>
      <c r="K3597">
        <v>-1.2</v>
      </c>
    </row>
    <row r="3598" spans="1:11" x14ac:dyDescent="0.3">
      <c r="A3598" s="1">
        <v>42322</v>
      </c>
      <c r="B3598" s="3">
        <f t="shared" si="112"/>
        <v>11</v>
      </c>
      <c r="C3598" s="3">
        <f t="shared" si="113"/>
        <v>2015</v>
      </c>
      <c r="D3598" t="s">
        <v>451</v>
      </c>
      <c r="E3598" t="s">
        <v>90</v>
      </c>
      <c r="F3598" t="s">
        <v>10</v>
      </c>
      <c r="G3598" t="s">
        <v>42</v>
      </c>
      <c r="H3598" t="s">
        <v>961</v>
      </c>
      <c r="I3598">
        <v>8.7200000000000006</v>
      </c>
      <c r="J3598">
        <v>5</v>
      </c>
      <c r="K3598">
        <v>2.29</v>
      </c>
    </row>
    <row r="3599" spans="1:11" x14ac:dyDescent="0.3">
      <c r="A3599" s="1">
        <v>42322</v>
      </c>
      <c r="B3599" s="3">
        <f t="shared" si="112"/>
        <v>11</v>
      </c>
      <c r="C3599" s="3">
        <f t="shared" si="113"/>
        <v>2015</v>
      </c>
      <c r="D3599" t="s">
        <v>451</v>
      </c>
      <c r="E3599" t="s">
        <v>90</v>
      </c>
      <c r="F3599" t="s">
        <v>38</v>
      </c>
      <c r="G3599" t="s">
        <v>51</v>
      </c>
      <c r="H3599" t="s">
        <v>1873</v>
      </c>
      <c r="I3599">
        <v>91.18</v>
      </c>
      <c r="J3599">
        <v>3</v>
      </c>
      <c r="K3599">
        <v>4.5599999999999996</v>
      </c>
    </row>
    <row r="3600" spans="1:11" x14ac:dyDescent="0.3">
      <c r="A3600" s="1">
        <v>42322</v>
      </c>
      <c r="B3600" s="3">
        <f t="shared" si="112"/>
        <v>11</v>
      </c>
      <c r="C3600" s="3">
        <f t="shared" si="113"/>
        <v>2015</v>
      </c>
      <c r="D3600" t="s">
        <v>451</v>
      </c>
      <c r="E3600" t="s">
        <v>90</v>
      </c>
      <c r="F3600" t="s">
        <v>38</v>
      </c>
      <c r="G3600" t="s">
        <v>51</v>
      </c>
      <c r="H3600" t="s">
        <v>667</v>
      </c>
      <c r="I3600">
        <v>159.97</v>
      </c>
      <c r="J3600">
        <v>4</v>
      </c>
      <c r="K3600">
        <v>29.99</v>
      </c>
    </row>
    <row r="3601" spans="1:11" x14ac:dyDescent="0.3">
      <c r="A3601" s="1">
        <v>42322</v>
      </c>
      <c r="B3601" s="3">
        <f t="shared" si="112"/>
        <v>11</v>
      </c>
      <c r="C3601" s="3">
        <f t="shared" si="113"/>
        <v>2015</v>
      </c>
      <c r="D3601" t="s">
        <v>1073</v>
      </c>
      <c r="E3601" t="s">
        <v>398</v>
      </c>
      <c r="F3601" t="s">
        <v>33</v>
      </c>
      <c r="G3601" t="s">
        <v>34</v>
      </c>
      <c r="H3601" t="s">
        <v>1236</v>
      </c>
      <c r="I3601">
        <v>883.84</v>
      </c>
      <c r="J3601">
        <v>4</v>
      </c>
      <c r="K3601">
        <v>99.43</v>
      </c>
    </row>
    <row r="3602" spans="1:11" x14ac:dyDescent="0.3">
      <c r="A3602" s="1">
        <v>42322</v>
      </c>
      <c r="B3602" s="3">
        <f t="shared" si="112"/>
        <v>11</v>
      </c>
      <c r="C3602" s="3">
        <f t="shared" si="113"/>
        <v>2015</v>
      </c>
      <c r="D3602" t="s">
        <v>1073</v>
      </c>
      <c r="E3602" t="s">
        <v>398</v>
      </c>
      <c r="F3602" t="s">
        <v>33</v>
      </c>
      <c r="G3602" t="s">
        <v>34</v>
      </c>
      <c r="H3602" t="s">
        <v>1838</v>
      </c>
      <c r="I3602">
        <v>230.35</v>
      </c>
      <c r="J3602">
        <v>3</v>
      </c>
      <c r="K3602">
        <v>20.16</v>
      </c>
    </row>
    <row r="3603" spans="1:11" x14ac:dyDescent="0.3">
      <c r="A3603" s="1">
        <v>42323</v>
      </c>
      <c r="B3603" s="3">
        <f t="shared" si="112"/>
        <v>11</v>
      </c>
      <c r="C3603" s="3">
        <f t="shared" si="113"/>
        <v>2015</v>
      </c>
      <c r="D3603" t="s">
        <v>290</v>
      </c>
      <c r="E3603" t="s">
        <v>14</v>
      </c>
      <c r="F3603" t="s">
        <v>10</v>
      </c>
      <c r="G3603" t="s">
        <v>17</v>
      </c>
      <c r="H3603" t="s">
        <v>2337</v>
      </c>
      <c r="I3603">
        <v>250.27</v>
      </c>
      <c r="J3603">
        <v>9</v>
      </c>
      <c r="K3603">
        <v>15.64</v>
      </c>
    </row>
    <row r="3604" spans="1:11" x14ac:dyDescent="0.3">
      <c r="A3604" s="1">
        <v>42323</v>
      </c>
      <c r="B3604" s="3">
        <f t="shared" si="112"/>
        <v>11</v>
      </c>
      <c r="C3604" s="3">
        <f t="shared" si="113"/>
        <v>2015</v>
      </c>
      <c r="D3604" t="s">
        <v>290</v>
      </c>
      <c r="E3604" t="s">
        <v>14</v>
      </c>
      <c r="F3604" t="s">
        <v>10</v>
      </c>
      <c r="G3604" t="s">
        <v>19</v>
      </c>
      <c r="H3604" t="s">
        <v>1461</v>
      </c>
      <c r="I3604">
        <v>11.36</v>
      </c>
      <c r="J3604">
        <v>3</v>
      </c>
      <c r="K3604">
        <v>-17.05</v>
      </c>
    </row>
    <row r="3605" spans="1:11" x14ac:dyDescent="0.3">
      <c r="A3605" s="1">
        <v>42323</v>
      </c>
      <c r="B3605" s="3">
        <f t="shared" si="112"/>
        <v>11</v>
      </c>
      <c r="C3605" s="3">
        <f t="shared" si="113"/>
        <v>2015</v>
      </c>
      <c r="D3605" t="s">
        <v>290</v>
      </c>
      <c r="E3605" t="s">
        <v>14</v>
      </c>
      <c r="F3605" t="s">
        <v>10</v>
      </c>
      <c r="G3605" t="s">
        <v>199</v>
      </c>
      <c r="H3605" t="s">
        <v>806</v>
      </c>
      <c r="I3605">
        <v>8.7200000000000006</v>
      </c>
      <c r="J3605">
        <v>5</v>
      </c>
      <c r="K3605">
        <v>-1.74</v>
      </c>
    </row>
    <row r="3606" spans="1:11" x14ac:dyDescent="0.3">
      <c r="A3606" s="1">
        <v>42323</v>
      </c>
      <c r="B3606" s="3">
        <f t="shared" si="112"/>
        <v>11</v>
      </c>
      <c r="C3606" s="3">
        <f t="shared" si="113"/>
        <v>2015</v>
      </c>
      <c r="D3606" t="s">
        <v>726</v>
      </c>
      <c r="E3606" t="s">
        <v>148</v>
      </c>
      <c r="F3606" t="s">
        <v>10</v>
      </c>
      <c r="G3606" t="s">
        <v>17</v>
      </c>
      <c r="H3606" t="s">
        <v>1000</v>
      </c>
      <c r="I3606">
        <v>70.95</v>
      </c>
      <c r="J3606">
        <v>3</v>
      </c>
      <c r="K3606">
        <v>20.58</v>
      </c>
    </row>
    <row r="3607" spans="1:11" x14ac:dyDescent="0.3">
      <c r="A3607" s="1">
        <v>42323</v>
      </c>
      <c r="B3607" s="3">
        <f t="shared" si="112"/>
        <v>11</v>
      </c>
      <c r="C3607" s="3">
        <f t="shared" si="113"/>
        <v>2015</v>
      </c>
      <c r="D3607" t="s">
        <v>726</v>
      </c>
      <c r="E3607" t="s">
        <v>148</v>
      </c>
      <c r="F3607" t="s">
        <v>10</v>
      </c>
      <c r="G3607" t="s">
        <v>19</v>
      </c>
      <c r="H3607" t="s">
        <v>2338</v>
      </c>
      <c r="I3607">
        <v>34.94</v>
      </c>
      <c r="J3607">
        <v>6</v>
      </c>
      <c r="K3607">
        <v>11.79</v>
      </c>
    </row>
    <row r="3608" spans="1:11" x14ac:dyDescent="0.3">
      <c r="A3608" s="1">
        <v>42323</v>
      </c>
      <c r="B3608" s="3">
        <f t="shared" si="112"/>
        <v>11</v>
      </c>
      <c r="C3608" s="3">
        <f t="shared" si="113"/>
        <v>2015</v>
      </c>
      <c r="D3608" t="s">
        <v>726</v>
      </c>
      <c r="E3608" t="s">
        <v>148</v>
      </c>
      <c r="F3608" t="s">
        <v>10</v>
      </c>
      <c r="G3608" t="s">
        <v>23</v>
      </c>
      <c r="H3608" t="s">
        <v>448</v>
      </c>
      <c r="I3608">
        <v>119.04</v>
      </c>
      <c r="J3608">
        <v>6</v>
      </c>
      <c r="K3608">
        <v>35.71</v>
      </c>
    </row>
    <row r="3609" spans="1:11" x14ac:dyDescent="0.3">
      <c r="A3609" s="1">
        <v>42323</v>
      </c>
      <c r="B3609" s="3">
        <f t="shared" si="112"/>
        <v>11</v>
      </c>
      <c r="C3609" s="3">
        <f t="shared" si="113"/>
        <v>2015</v>
      </c>
      <c r="D3609" t="s">
        <v>1114</v>
      </c>
      <c r="E3609" t="s">
        <v>54</v>
      </c>
      <c r="F3609" t="s">
        <v>33</v>
      </c>
      <c r="G3609" t="s">
        <v>46</v>
      </c>
      <c r="H3609" t="s">
        <v>1734</v>
      </c>
      <c r="I3609">
        <v>39.96</v>
      </c>
      <c r="J3609">
        <v>2</v>
      </c>
      <c r="K3609">
        <v>14.39</v>
      </c>
    </row>
    <row r="3610" spans="1:11" x14ac:dyDescent="0.3">
      <c r="A3610" s="1">
        <v>42323</v>
      </c>
      <c r="B3610" s="3">
        <f t="shared" si="112"/>
        <v>11</v>
      </c>
      <c r="C3610" s="3">
        <f t="shared" si="113"/>
        <v>2015</v>
      </c>
      <c r="D3610" t="s">
        <v>1213</v>
      </c>
      <c r="E3610" t="s">
        <v>77</v>
      </c>
      <c r="F3610" t="s">
        <v>10</v>
      </c>
      <c r="G3610" t="s">
        <v>19</v>
      </c>
      <c r="H3610" t="s">
        <v>1173</v>
      </c>
      <c r="I3610">
        <v>166.92</v>
      </c>
      <c r="J3610">
        <v>13</v>
      </c>
      <c r="K3610">
        <v>-116.84</v>
      </c>
    </row>
    <row r="3611" spans="1:11" x14ac:dyDescent="0.3">
      <c r="A3611" s="1">
        <v>42324</v>
      </c>
      <c r="B3611" s="3">
        <f t="shared" si="112"/>
        <v>11</v>
      </c>
      <c r="C3611" s="3">
        <f t="shared" si="113"/>
        <v>2015</v>
      </c>
      <c r="D3611" t="s">
        <v>2187</v>
      </c>
      <c r="E3611" t="s">
        <v>148</v>
      </c>
      <c r="F3611" t="s">
        <v>10</v>
      </c>
      <c r="G3611" t="s">
        <v>91</v>
      </c>
      <c r="H3611" t="s">
        <v>2339</v>
      </c>
      <c r="I3611">
        <v>523.25</v>
      </c>
      <c r="J3611">
        <v>5</v>
      </c>
      <c r="K3611">
        <v>141.28</v>
      </c>
    </row>
    <row r="3612" spans="1:11" x14ac:dyDescent="0.3">
      <c r="A3612" s="1">
        <v>42324</v>
      </c>
      <c r="B3612" s="3">
        <f t="shared" si="112"/>
        <v>11</v>
      </c>
      <c r="C3612" s="3">
        <f t="shared" si="113"/>
        <v>2015</v>
      </c>
      <c r="D3612" t="s">
        <v>400</v>
      </c>
      <c r="E3612" t="s">
        <v>156</v>
      </c>
      <c r="F3612" t="s">
        <v>10</v>
      </c>
      <c r="G3612" t="s">
        <v>11</v>
      </c>
      <c r="H3612" t="s">
        <v>2201</v>
      </c>
      <c r="I3612">
        <v>179.82</v>
      </c>
      <c r="J3612">
        <v>9</v>
      </c>
      <c r="K3612">
        <v>84.52</v>
      </c>
    </row>
    <row r="3613" spans="1:11" x14ac:dyDescent="0.3">
      <c r="A3613" s="1">
        <v>42324</v>
      </c>
      <c r="B3613" s="3">
        <f t="shared" si="112"/>
        <v>11</v>
      </c>
      <c r="C3613" s="3">
        <f t="shared" si="113"/>
        <v>2015</v>
      </c>
      <c r="D3613" t="s">
        <v>400</v>
      </c>
      <c r="E3613" t="s">
        <v>156</v>
      </c>
      <c r="F3613" t="s">
        <v>33</v>
      </c>
      <c r="G3613" t="s">
        <v>46</v>
      </c>
      <c r="H3613" t="s">
        <v>2104</v>
      </c>
      <c r="I3613">
        <v>185.58</v>
      </c>
      <c r="J3613">
        <v>6</v>
      </c>
      <c r="K3613">
        <v>76.09</v>
      </c>
    </row>
    <row r="3614" spans="1:11" x14ac:dyDescent="0.3">
      <c r="A3614" s="1">
        <v>42324</v>
      </c>
      <c r="B3614" s="3">
        <f t="shared" si="112"/>
        <v>11</v>
      </c>
      <c r="C3614" s="3">
        <f t="shared" si="113"/>
        <v>2015</v>
      </c>
      <c r="D3614" t="s">
        <v>400</v>
      </c>
      <c r="E3614" t="s">
        <v>156</v>
      </c>
      <c r="F3614" t="s">
        <v>33</v>
      </c>
      <c r="G3614" t="s">
        <v>144</v>
      </c>
      <c r="H3614" t="s">
        <v>817</v>
      </c>
      <c r="I3614">
        <v>214.11</v>
      </c>
      <c r="J3614">
        <v>3</v>
      </c>
      <c r="K3614">
        <v>36.4</v>
      </c>
    </row>
    <row r="3615" spans="1:11" x14ac:dyDescent="0.3">
      <c r="A3615" s="1">
        <v>42324</v>
      </c>
      <c r="B3615" s="3">
        <f t="shared" si="112"/>
        <v>11</v>
      </c>
      <c r="C3615" s="3">
        <f t="shared" si="113"/>
        <v>2015</v>
      </c>
      <c r="D3615" t="s">
        <v>400</v>
      </c>
      <c r="E3615" t="s">
        <v>156</v>
      </c>
      <c r="F3615" t="s">
        <v>38</v>
      </c>
      <c r="G3615" t="s">
        <v>51</v>
      </c>
      <c r="H3615" t="s">
        <v>2340</v>
      </c>
      <c r="I3615">
        <v>999.96</v>
      </c>
      <c r="J3615">
        <v>4</v>
      </c>
      <c r="K3615">
        <v>229.99</v>
      </c>
    </row>
    <row r="3616" spans="1:11" x14ac:dyDescent="0.3">
      <c r="A3616" s="1">
        <v>42324</v>
      </c>
      <c r="B3616" s="3">
        <f t="shared" si="112"/>
        <v>11</v>
      </c>
      <c r="C3616" s="3">
        <f t="shared" si="113"/>
        <v>2015</v>
      </c>
      <c r="D3616" t="s">
        <v>400</v>
      </c>
      <c r="E3616" t="s">
        <v>156</v>
      </c>
      <c r="F3616" t="s">
        <v>33</v>
      </c>
      <c r="G3616" t="s">
        <v>144</v>
      </c>
      <c r="H3616" t="s">
        <v>475</v>
      </c>
      <c r="I3616">
        <v>653.54999999999995</v>
      </c>
      <c r="J3616">
        <v>3</v>
      </c>
      <c r="K3616">
        <v>111.1</v>
      </c>
    </row>
    <row r="3617" spans="1:11" x14ac:dyDescent="0.3">
      <c r="A3617" s="1">
        <v>42324</v>
      </c>
      <c r="B3617" s="3">
        <f t="shared" si="112"/>
        <v>11</v>
      </c>
      <c r="C3617" s="3">
        <f t="shared" si="113"/>
        <v>2015</v>
      </c>
      <c r="D3617" t="s">
        <v>812</v>
      </c>
      <c r="E3617" t="s">
        <v>509</v>
      </c>
      <c r="F3617" t="s">
        <v>33</v>
      </c>
      <c r="G3617" t="s">
        <v>144</v>
      </c>
      <c r="H3617" t="s">
        <v>1702</v>
      </c>
      <c r="I3617">
        <v>696.42</v>
      </c>
      <c r="J3617">
        <v>2</v>
      </c>
      <c r="K3617">
        <v>160.18</v>
      </c>
    </row>
    <row r="3618" spans="1:11" x14ac:dyDescent="0.3">
      <c r="A3618" s="1">
        <v>42324</v>
      </c>
      <c r="B3618" s="3">
        <f t="shared" si="112"/>
        <v>11</v>
      </c>
      <c r="C3618" s="3">
        <f t="shared" si="113"/>
        <v>2015</v>
      </c>
      <c r="D3618" t="s">
        <v>812</v>
      </c>
      <c r="E3618" t="s">
        <v>509</v>
      </c>
      <c r="F3618" t="s">
        <v>38</v>
      </c>
      <c r="G3618" t="s">
        <v>39</v>
      </c>
      <c r="H3618" t="s">
        <v>2341</v>
      </c>
      <c r="I3618">
        <v>304.77999999999997</v>
      </c>
      <c r="J3618">
        <v>3</v>
      </c>
      <c r="K3618">
        <v>22.86</v>
      </c>
    </row>
    <row r="3619" spans="1:11" x14ac:dyDescent="0.3">
      <c r="A3619" s="1">
        <v>42324</v>
      </c>
      <c r="B3619" s="3">
        <f t="shared" si="112"/>
        <v>11</v>
      </c>
      <c r="C3619" s="3">
        <f t="shared" si="113"/>
        <v>2015</v>
      </c>
      <c r="D3619" t="s">
        <v>345</v>
      </c>
      <c r="E3619" t="s">
        <v>14</v>
      </c>
      <c r="F3619" t="s">
        <v>10</v>
      </c>
      <c r="G3619" t="s">
        <v>17</v>
      </c>
      <c r="H3619" t="s">
        <v>2019</v>
      </c>
      <c r="I3619">
        <v>21.49</v>
      </c>
      <c r="J3619">
        <v>2</v>
      </c>
      <c r="K3619">
        <v>1.61</v>
      </c>
    </row>
    <row r="3620" spans="1:11" x14ac:dyDescent="0.3">
      <c r="A3620" s="1">
        <v>42324</v>
      </c>
      <c r="B3620" s="3">
        <f t="shared" si="112"/>
        <v>11</v>
      </c>
      <c r="C3620" s="3">
        <f t="shared" si="113"/>
        <v>2015</v>
      </c>
      <c r="D3620" t="s">
        <v>345</v>
      </c>
      <c r="E3620" t="s">
        <v>14</v>
      </c>
      <c r="F3620" t="s">
        <v>38</v>
      </c>
      <c r="G3620" t="s">
        <v>39</v>
      </c>
      <c r="H3620" t="s">
        <v>1863</v>
      </c>
      <c r="I3620">
        <v>239.98</v>
      </c>
      <c r="J3620">
        <v>3</v>
      </c>
      <c r="K3620">
        <v>27</v>
      </c>
    </row>
    <row r="3621" spans="1:11" x14ac:dyDescent="0.3">
      <c r="A3621" s="1">
        <v>42324</v>
      </c>
      <c r="B3621" s="3">
        <f t="shared" si="112"/>
        <v>11</v>
      </c>
      <c r="C3621" s="3">
        <f t="shared" si="113"/>
        <v>2015</v>
      </c>
      <c r="D3621" t="s">
        <v>345</v>
      </c>
      <c r="E3621" t="s">
        <v>14</v>
      </c>
      <c r="F3621" t="s">
        <v>33</v>
      </c>
      <c r="G3621" t="s">
        <v>46</v>
      </c>
      <c r="H3621" t="s">
        <v>1951</v>
      </c>
      <c r="I3621">
        <v>34.5</v>
      </c>
      <c r="J3621">
        <v>2</v>
      </c>
      <c r="K3621">
        <v>-15.53</v>
      </c>
    </row>
    <row r="3622" spans="1:11" x14ac:dyDescent="0.3">
      <c r="A3622" s="1">
        <v>42324</v>
      </c>
      <c r="B3622" s="3">
        <f t="shared" si="112"/>
        <v>11</v>
      </c>
      <c r="C3622" s="3">
        <f t="shared" si="113"/>
        <v>2015</v>
      </c>
      <c r="D3622" t="s">
        <v>461</v>
      </c>
      <c r="E3622" t="s">
        <v>26</v>
      </c>
      <c r="F3622" t="s">
        <v>10</v>
      </c>
      <c r="G3622" t="s">
        <v>15</v>
      </c>
      <c r="H3622" t="s">
        <v>1296</v>
      </c>
      <c r="I3622">
        <v>18.899999999999999</v>
      </c>
      <c r="J3622">
        <v>3</v>
      </c>
      <c r="K3622">
        <v>8.69</v>
      </c>
    </row>
    <row r="3623" spans="1:11" x14ac:dyDescent="0.3">
      <c r="A3623" s="1">
        <v>42325</v>
      </c>
      <c r="B3623" s="3">
        <f t="shared" si="112"/>
        <v>11</v>
      </c>
      <c r="C3623" s="3">
        <f t="shared" si="113"/>
        <v>2015</v>
      </c>
      <c r="D3623" t="s">
        <v>2342</v>
      </c>
      <c r="E3623" t="s">
        <v>14</v>
      </c>
      <c r="F3623" t="s">
        <v>10</v>
      </c>
      <c r="G3623" t="s">
        <v>199</v>
      </c>
      <c r="H3623" t="s">
        <v>1052</v>
      </c>
      <c r="I3623">
        <v>40.92</v>
      </c>
      <c r="J3623">
        <v>5</v>
      </c>
      <c r="K3623">
        <v>3.07</v>
      </c>
    </row>
    <row r="3624" spans="1:11" x14ac:dyDescent="0.3">
      <c r="A3624" s="1">
        <v>42325</v>
      </c>
      <c r="B3624" s="3">
        <f t="shared" si="112"/>
        <v>11</v>
      </c>
      <c r="C3624" s="3">
        <f t="shared" si="113"/>
        <v>2015</v>
      </c>
      <c r="D3624" t="s">
        <v>865</v>
      </c>
      <c r="E3624" t="s">
        <v>26</v>
      </c>
      <c r="F3624" t="s">
        <v>38</v>
      </c>
      <c r="G3624" t="s">
        <v>39</v>
      </c>
      <c r="H3624" t="s">
        <v>2042</v>
      </c>
      <c r="I3624">
        <v>415.97</v>
      </c>
      <c r="J3624">
        <v>4</v>
      </c>
      <c r="K3624">
        <v>52</v>
      </c>
    </row>
    <row r="3625" spans="1:11" x14ac:dyDescent="0.3">
      <c r="A3625" s="1">
        <v>42325</v>
      </c>
      <c r="B3625" s="3">
        <f t="shared" si="112"/>
        <v>11</v>
      </c>
      <c r="C3625" s="3">
        <f t="shared" si="113"/>
        <v>2015</v>
      </c>
      <c r="D3625" t="s">
        <v>865</v>
      </c>
      <c r="E3625" t="s">
        <v>26</v>
      </c>
      <c r="F3625" t="s">
        <v>10</v>
      </c>
      <c r="G3625" t="s">
        <v>17</v>
      </c>
      <c r="H3625" t="s">
        <v>2343</v>
      </c>
      <c r="I3625">
        <v>304.89999999999998</v>
      </c>
      <c r="J3625">
        <v>5</v>
      </c>
      <c r="K3625">
        <v>6.1</v>
      </c>
    </row>
    <row r="3626" spans="1:11" x14ac:dyDescent="0.3">
      <c r="A3626" s="1">
        <v>42325</v>
      </c>
      <c r="B3626" s="3">
        <f t="shared" si="112"/>
        <v>11</v>
      </c>
      <c r="C3626" s="3">
        <f t="shared" si="113"/>
        <v>2015</v>
      </c>
      <c r="D3626" t="s">
        <v>865</v>
      </c>
      <c r="E3626" t="s">
        <v>26</v>
      </c>
      <c r="F3626" t="s">
        <v>33</v>
      </c>
      <c r="G3626" t="s">
        <v>46</v>
      </c>
      <c r="H3626" t="s">
        <v>380</v>
      </c>
      <c r="I3626">
        <v>80.959999999999994</v>
      </c>
      <c r="J3626">
        <v>4</v>
      </c>
      <c r="K3626">
        <v>29.15</v>
      </c>
    </row>
    <row r="3627" spans="1:11" x14ac:dyDescent="0.3">
      <c r="A3627" s="1">
        <v>42325</v>
      </c>
      <c r="B3627" s="3">
        <f t="shared" si="112"/>
        <v>11</v>
      </c>
      <c r="C3627" s="3">
        <f t="shared" si="113"/>
        <v>2015</v>
      </c>
      <c r="D3627" t="s">
        <v>865</v>
      </c>
      <c r="E3627" t="s">
        <v>26</v>
      </c>
      <c r="F3627" t="s">
        <v>10</v>
      </c>
      <c r="G3627" t="s">
        <v>17</v>
      </c>
      <c r="H3627" t="s">
        <v>2323</v>
      </c>
      <c r="I3627">
        <v>777.21</v>
      </c>
      <c r="J3627">
        <v>7</v>
      </c>
      <c r="K3627">
        <v>54.4</v>
      </c>
    </row>
    <row r="3628" spans="1:11" x14ac:dyDescent="0.3">
      <c r="A3628" s="1">
        <v>42325</v>
      </c>
      <c r="B3628" s="3">
        <f t="shared" si="112"/>
        <v>11</v>
      </c>
      <c r="C3628" s="3">
        <f t="shared" si="113"/>
        <v>2015</v>
      </c>
      <c r="D3628" t="s">
        <v>865</v>
      </c>
      <c r="E3628" t="s">
        <v>26</v>
      </c>
      <c r="F3628" t="s">
        <v>10</v>
      </c>
      <c r="G3628" t="s">
        <v>11</v>
      </c>
      <c r="H3628" t="s">
        <v>1129</v>
      </c>
      <c r="I3628">
        <v>32.4</v>
      </c>
      <c r="J3628">
        <v>5</v>
      </c>
      <c r="K3628">
        <v>15.55</v>
      </c>
    </row>
    <row r="3629" spans="1:11" x14ac:dyDescent="0.3">
      <c r="A3629" s="1">
        <v>42325</v>
      </c>
      <c r="B3629" s="3">
        <f t="shared" si="112"/>
        <v>11</v>
      </c>
      <c r="C3629" s="3">
        <f t="shared" si="113"/>
        <v>2015</v>
      </c>
      <c r="D3629" t="s">
        <v>865</v>
      </c>
      <c r="E3629" t="s">
        <v>26</v>
      </c>
      <c r="F3629" t="s">
        <v>33</v>
      </c>
      <c r="G3629" t="s">
        <v>34</v>
      </c>
      <c r="H3629" t="s">
        <v>1771</v>
      </c>
      <c r="I3629">
        <v>225.57</v>
      </c>
      <c r="J3629">
        <v>2</v>
      </c>
      <c r="K3629">
        <v>2.82</v>
      </c>
    </row>
    <row r="3630" spans="1:11" x14ac:dyDescent="0.3">
      <c r="A3630" s="1">
        <v>42325</v>
      </c>
      <c r="B3630" s="3">
        <f t="shared" si="112"/>
        <v>11</v>
      </c>
      <c r="C3630" s="3">
        <f t="shared" si="113"/>
        <v>2015</v>
      </c>
      <c r="D3630" t="s">
        <v>865</v>
      </c>
      <c r="E3630" t="s">
        <v>26</v>
      </c>
      <c r="F3630" t="s">
        <v>33</v>
      </c>
      <c r="G3630" t="s">
        <v>46</v>
      </c>
      <c r="H3630" t="s">
        <v>912</v>
      </c>
      <c r="I3630">
        <v>36.6</v>
      </c>
      <c r="J3630">
        <v>3</v>
      </c>
      <c r="K3630">
        <v>15.37</v>
      </c>
    </row>
    <row r="3631" spans="1:11" x14ac:dyDescent="0.3">
      <c r="A3631" s="1">
        <v>42325</v>
      </c>
      <c r="B3631" s="3">
        <f t="shared" si="112"/>
        <v>11</v>
      </c>
      <c r="C3631" s="3">
        <f t="shared" si="113"/>
        <v>2015</v>
      </c>
      <c r="D3631" t="s">
        <v>860</v>
      </c>
      <c r="E3631" t="s">
        <v>839</v>
      </c>
      <c r="F3631" t="s">
        <v>10</v>
      </c>
      <c r="G3631" t="s">
        <v>17</v>
      </c>
      <c r="H3631" t="s">
        <v>2030</v>
      </c>
      <c r="I3631">
        <v>541.24</v>
      </c>
      <c r="J3631">
        <v>4</v>
      </c>
      <c r="K3631">
        <v>5.41</v>
      </c>
    </row>
    <row r="3632" spans="1:11" x14ac:dyDescent="0.3">
      <c r="A3632" s="1">
        <v>42325</v>
      </c>
      <c r="B3632" s="3">
        <f t="shared" si="112"/>
        <v>11</v>
      </c>
      <c r="C3632" s="3">
        <f t="shared" si="113"/>
        <v>2015</v>
      </c>
      <c r="D3632" t="s">
        <v>860</v>
      </c>
      <c r="E3632" t="s">
        <v>839</v>
      </c>
      <c r="F3632" t="s">
        <v>10</v>
      </c>
      <c r="G3632" t="s">
        <v>11</v>
      </c>
      <c r="H3632" t="s">
        <v>624</v>
      </c>
      <c r="I3632">
        <v>106.32</v>
      </c>
      <c r="J3632">
        <v>3</v>
      </c>
      <c r="K3632">
        <v>49.97</v>
      </c>
    </row>
    <row r="3633" spans="1:11" x14ac:dyDescent="0.3">
      <c r="A3633" s="1">
        <v>42325</v>
      </c>
      <c r="B3633" s="3">
        <f t="shared" si="112"/>
        <v>11</v>
      </c>
      <c r="C3633" s="3">
        <f t="shared" si="113"/>
        <v>2015</v>
      </c>
      <c r="D3633" t="s">
        <v>860</v>
      </c>
      <c r="E3633" t="s">
        <v>839</v>
      </c>
      <c r="F3633" t="s">
        <v>33</v>
      </c>
      <c r="G3633" t="s">
        <v>34</v>
      </c>
      <c r="H3633" t="s">
        <v>2310</v>
      </c>
      <c r="I3633">
        <v>1323.9</v>
      </c>
      <c r="J3633">
        <v>5</v>
      </c>
      <c r="K3633">
        <v>383.93</v>
      </c>
    </row>
    <row r="3634" spans="1:11" x14ac:dyDescent="0.3">
      <c r="A3634" s="1">
        <v>42327</v>
      </c>
      <c r="B3634" s="3">
        <f t="shared" si="112"/>
        <v>11</v>
      </c>
      <c r="C3634" s="3">
        <f t="shared" si="113"/>
        <v>2015</v>
      </c>
      <c r="D3634" t="s">
        <v>1675</v>
      </c>
      <c r="E3634" t="s">
        <v>163</v>
      </c>
      <c r="F3634" t="s">
        <v>33</v>
      </c>
      <c r="G3634" t="s">
        <v>46</v>
      </c>
      <c r="H3634" t="s">
        <v>2177</v>
      </c>
      <c r="I3634">
        <v>141.96</v>
      </c>
      <c r="J3634">
        <v>2</v>
      </c>
      <c r="K3634">
        <v>22.71</v>
      </c>
    </row>
    <row r="3635" spans="1:11" x14ac:dyDescent="0.3">
      <c r="A3635" s="1">
        <v>42327</v>
      </c>
      <c r="B3635" s="3">
        <f t="shared" si="112"/>
        <v>11</v>
      </c>
      <c r="C3635" s="3">
        <f t="shared" si="113"/>
        <v>2015</v>
      </c>
      <c r="D3635" t="s">
        <v>572</v>
      </c>
      <c r="E3635" t="s">
        <v>125</v>
      </c>
      <c r="F3635" t="s">
        <v>10</v>
      </c>
      <c r="G3635" t="s">
        <v>91</v>
      </c>
      <c r="H3635" t="s">
        <v>1813</v>
      </c>
      <c r="I3635">
        <v>31.08</v>
      </c>
      <c r="J3635">
        <v>4</v>
      </c>
      <c r="K3635">
        <v>8.39</v>
      </c>
    </row>
    <row r="3636" spans="1:11" x14ac:dyDescent="0.3">
      <c r="A3636" s="1">
        <v>42327</v>
      </c>
      <c r="B3636" s="3">
        <f t="shared" si="112"/>
        <v>11</v>
      </c>
      <c r="C3636" s="3">
        <f t="shared" si="113"/>
        <v>2015</v>
      </c>
      <c r="D3636" t="s">
        <v>1206</v>
      </c>
      <c r="E3636" t="s">
        <v>148</v>
      </c>
      <c r="F3636" t="s">
        <v>10</v>
      </c>
      <c r="G3636" t="s">
        <v>19</v>
      </c>
      <c r="H3636" t="s">
        <v>1489</v>
      </c>
      <c r="I3636">
        <v>5.98</v>
      </c>
      <c r="J3636">
        <v>2</v>
      </c>
      <c r="K3636">
        <v>2.2400000000000002</v>
      </c>
    </row>
    <row r="3637" spans="1:11" x14ac:dyDescent="0.3">
      <c r="A3637" s="1">
        <v>42327</v>
      </c>
      <c r="B3637" s="3">
        <f t="shared" si="112"/>
        <v>11</v>
      </c>
      <c r="C3637" s="3">
        <f t="shared" si="113"/>
        <v>2015</v>
      </c>
      <c r="D3637" t="s">
        <v>1206</v>
      </c>
      <c r="E3637" t="s">
        <v>148</v>
      </c>
      <c r="F3637" t="s">
        <v>38</v>
      </c>
      <c r="G3637" t="s">
        <v>39</v>
      </c>
      <c r="H3637" t="s">
        <v>2311</v>
      </c>
      <c r="I3637">
        <v>861.76</v>
      </c>
      <c r="J3637">
        <v>4</v>
      </c>
      <c r="K3637">
        <v>249.91</v>
      </c>
    </row>
    <row r="3638" spans="1:11" x14ac:dyDescent="0.3">
      <c r="A3638" s="1">
        <v>42328</v>
      </c>
      <c r="B3638" s="3">
        <f t="shared" si="112"/>
        <v>11</v>
      </c>
      <c r="C3638" s="3">
        <f t="shared" si="113"/>
        <v>2015</v>
      </c>
      <c r="D3638" t="s">
        <v>922</v>
      </c>
      <c r="E3638" t="s">
        <v>148</v>
      </c>
      <c r="F3638" t="s">
        <v>10</v>
      </c>
      <c r="G3638" t="s">
        <v>23</v>
      </c>
      <c r="H3638" t="s">
        <v>2233</v>
      </c>
      <c r="I3638">
        <v>60.45</v>
      </c>
      <c r="J3638">
        <v>3</v>
      </c>
      <c r="K3638">
        <v>16.32</v>
      </c>
    </row>
    <row r="3639" spans="1:11" x14ac:dyDescent="0.3">
      <c r="A3639" s="1">
        <v>42328</v>
      </c>
      <c r="B3639" s="3">
        <f t="shared" si="112"/>
        <v>11</v>
      </c>
      <c r="C3639" s="3">
        <f t="shared" si="113"/>
        <v>2015</v>
      </c>
      <c r="D3639" t="s">
        <v>922</v>
      </c>
      <c r="E3639" t="s">
        <v>148</v>
      </c>
      <c r="F3639" t="s">
        <v>10</v>
      </c>
      <c r="G3639" t="s">
        <v>23</v>
      </c>
      <c r="H3639" t="s">
        <v>631</v>
      </c>
      <c r="I3639">
        <v>11.52</v>
      </c>
      <c r="J3639">
        <v>4</v>
      </c>
      <c r="K3639">
        <v>3.34</v>
      </c>
    </row>
    <row r="3640" spans="1:11" x14ac:dyDescent="0.3">
      <c r="A3640" s="1">
        <v>42328</v>
      </c>
      <c r="B3640" s="3">
        <f t="shared" si="112"/>
        <v>11</v>
      </c>
      <c r="C3640" s="3">
        <f t="shared" si="113"/>
        <v>2015</v>
      </c>
      <c r="D3640" t="s">
        <v>922</v>
      </c>
      <c r="E3640" t="s">
        <v>148</v>
      </c>
      <c r="F3640" t="s">
        <v>33</v>
      </c>
      <c r="G3640" t="s">
        <v>73</v>
      </c>
      <c r="H3640" t="s">
        <v>2023</v>
      </c>
      <c r="I3640">
        <v>186.05</v>
      </c>
      <c r="J3640">
        <v>4</v>
      </c>
      <c r="K3640">
        <v>9.3000000000000007</v>
      </c>
    </row>
    <row r="3641" spans="1:11" x14ac:dyDescent="0.3">
      <c r="A3641" s="1">
        <v>42328</v>
      </c>
      <c r="B3641" s="3">
        <f t="shared" si="112"/>
        <v>11</v>
      </c>
      <c r="C3641" s="3">
        <f t="shared" si="113"/>
        <v>2015</v>
      </c>
      <c r="D3641" t="s">
        <v>2116</v>
      </c>
      <c r="E3641" t="s">
        <v>26</v>
      </c>
      <c r="F3641" t="s">
        <v>10</v>
      </c>
      <c r="G3641" t="s">
        <v>23</v>
      </c>
      <c r="H3641" t="s">
        <v>325</v>
      </c>
      <c r="I3641">
        <v>19.46</v>
      </c>
      <c r="J3641">
        <v>7</v>
      </c>
      <c r="K3641">
        <v>5.0599999999999996</v>
      </c>
    </row>
    <row r="3642" spans="1:11" x14ac:dyDescent="0.3">
      <c r="A3642" s="1">
        <v>42328</v>
      </c>
      <c r="B3642" s="3">
        <f t="shared" si="112"/>
        <v>11</v>
      </c>
      <c r="C3642" s="3">
        <f t="shared" si="113"/>
        <v>2015</v>
      </c>
      <c r="D3642" t="s">
        <v>883</v>
      </c>
      <c r="E3642" t="s">
        <v>148</v>
      </c>
      <c r="F3642" t="s">
        <v>10</v>
      </c>
      <c r="G3642" t="s">
        <v>11</v>
      </c>
      <c r="H3642" t="s">
        <v>853</v>
      </c>
      <c r="I3642">
        <v>19.649999999999999</v>
      </c>
      <c r="J3642">
        <v>3</v>
      </c>
      <c r="K3642">
        <v>9.0399999999999991</v>
      </c>
    </row>
    <row r="3643" spans="1:11" x14ac:dyDescent="0.3">
      <c r="A3643" s="1">
        <v>42328</v>
      </c>
      <c r="B3643" s="3">
        <f t="shared" si="112"/>
        <v>11</v>
      </c>
      <c r="C3643" s="3">
        <f t="shared" si="113"/>
        <v>2015</v>
      </c>
      <c r="D3643" t="s">
        <v>566</v>
      </c>
      <c r="E3643" t="s">
        <v>26</v>
      </c>
      <c r="F3643" t="s">
        <v>38</v>
      </c>
      <c r="G3643" t="s">
        <v>39</v>
      </c>
      <c r="H3643" t="s">
        <v>2344</v>
      </c>
      <c r="I3643">
        <v>72.739999999999995</v>
      </c>
      <c r="J3643">
        <v>7</v>
      </c>
      <c r="K3643">
        <v>-15.46</v>
      </c>
    </row>
    <row r="3644" spans="1:11" x14ac:dyDescent="0.3">
      <c r="A3644" s="1">
        <v>42328</v>
      </c>
      <c r="B3644" s="3">
        <f t="shared" si="112"/>
        <v>11</v>
      </c>
      <c r="C3644" s="3">
        <f t="shared" si="113"/>
        <v>2015</v>
      </c>
      <c r="D3644" t="s">
        <v>566</v>
      </c>
      <c r="E3644" t="s">
        <v>26</v>
      </c>
      <c r="F3644" t="s">
        <v>33</v>
      </c>
      <c r="G3644" t="s">
        <v>34</v>
      </c>
      <c r="H3644" t="s">
        <v>1678</v>
      </c>
      <c r="I3644">
        <v>572.16</v>
      </c>
      <c r="J3644">
        <v>3</v>
      </c>
      <c r="K3644">
        <v>35.76</v>
      </c>
    </row>
    <row r="3645" spans="1:11" x14ac:dyDescent="0.3">
      <c r="A3645" s="1">
        <v>42328</v>
      </c>
      <c r="B3645" s="3">
        <f t="shared" si="112"/>
        <v>11</v>
      </c>
      <c r="C3645" s="3">
        <f t="shared" si="113"/>
        <v>2015</v>
      </c>
      <c r="D3645" t="s">
        <v>2345</v>
      </c>
      <c r="E3645" t="s">
        <v>26</v>
      </c>
      <c r="F3645" t="s">
        <v>10</v>
      </c>
      <c r="G3645" t="s">
        <v>19</v>
      </c>
      <c r="H3645" t="s">
        <v>892</v>
      </c>
      <c r="I3645">
        <v>24.19</v>
      </c>
      <c r="J3645">
        <v>9</v>
      </c>
      <c r="K3645">
        <v>7.56</v>
      </c>
    </row>
    <row r="3646" spans="1:11" x14ac:dyDescent="0.3">
      <c r="A3646" s="1">
        <v>42328</v>
      </c>
      <c r="B3646" s="3">
        <f t="shared" si="112"/>
        <v>11</v>
      </c>
      <c r="C3646" s="3">
        <f t="shared" si="113"/>
        <v>2015</v>
      </c>
      <c r="D3646" t="s">
        <v>2346</v>
      </c>
      <c r="E3646" t="s">
        <v>163</v>
      </c>
      <c r="F3646" t="s">
        <v>10</v>
      </c>
      <c r="G3646" t="s">
        <v>23</v>
      </c>
      <c r="H3646" t="s">
        <v>989</v>
      </c>
      <c r="I3646">
        <v>119.04</v>
      </c>
      <c r="J3646">
        <v>6</v>
      </c>
      <c r="K3646">
        <v>30.95</v>
      </c>
    </row>
    <row r="3647" spans="1:11" x14ac:dyDescent="0.3">
      <c r="A3647" s="1">
        <v>42328</v>
      </c>
      <c r="B3647" s="3">
        <f t="shared" si="112"/>
        <v>11</v>
      </c>
      <c r="C3647" s="3">
        <f t="shared" si="113"/>
        <v>2015</v>
      </c>
      <c r="D3647" t="s">
        <v>2346</v>
      </c>
      <c r="E3647" t="s">
        <v>163</v>
      </c>
      <c r="F3647" t="s">
        <v>33</v>
      </c>
      <c r="G3647" t="s">
        <v>46</v>
      </c>
      <c r="H3647" t="s">
        <v>1531</v>
      </c>
      <c r="I3647">
        <v>22.14</v>
      </c>
      <c r="J3647">
        <v>3</v>
      </c>
      <c r="K3647">
        <v>6.42</v>
      </c>
    </row>
    <row r="3648" spans="1:11" x14ac:dyDescent="0.3">
      <c r="A3648" s="1">
        <v>42328</v>
      </c>
      <c r="B3648" s="3">
        <f t="shared" si="112"/>
        <v>11</v>
      </c>
      <c r="C3648" s="3">
        <f t="shared" si="113"/>
        <v>2015</v>
      </c>
      <c r="D3648" t="s">
        <v>2346</v>
      </c>
      <c r="E3648" t="s">
        <v>163</v>
      </c>
      <c r="F3648" t="s">
        <v>38</v>
      </c>
      <c r="G3648" t="s">
        <v>51</v>
      </c>
      <c r="H3648" t="s">
        <v>2329</v>
      </c>
      <c r="I3648">
        <v>13.98</v>
      </c>
      <c r="J3648">
        <v>2</v>
      </c>
      <c r="K3648">
        <v>6.01</v>
      </c>
    </row>
    <row r="3649" spans="1:11" x14ac:dyDescent="0.3">
      <c r="A3649" s="1">
        <v>42328</v>
      </c>
      <c r="B3649" s="3">
        <f t="shared" si="112"/>
        <v>11</v>
      </c>
      <c r="C3649" s="3">
        <f t="shared" si="113"/>
        <v>2015</v>
      </c>
      <c r="D3649" t="s">
        <v>937</v>
      </c>
      <c r="E3649" t="s">
        <v>77</v>
      </c>
      <c r="F3649" t="s">
        <v>33</v>
      </c>
      <c r="G3649" t="s">
        <v>46</v>
      </c>
      <c r="H3649" t="s">
        <v>2347</v>
      </c>
      <c r="I3649">
        <v>63.82</v>
      </c>
      <c r="J3649">
        <v>2</v>
      </c>
      <c r="K3649">
        <v>9.57</v>
      </c>
    </row>
    <row r="3650" spans="1:11" x14ac:dyDescent="0.3">
      <c r="A3650" s="1">
        <v>42328</v>
      </c>
      <c r="B3650" s="3">
        <f t="shared" ref="B3650:B3713" si="114">MONTH(A:A)</f>
        <v>11</v>
      </c>
      <c r="C3650" s="3">
        <f t="shared" ref="C3650:C3713" si="115">YEAR(A:A)</f>
        <v>2015</v>
      </c>
      <c r="D3650" t="s">
        <v>937</v>
      </c>
      <c r="E3650" t="s">
        <v>77</v>
      </c>
      <c r="F3650" t="s">
        <v>10</v>
      </c>
      <c r="G3650" t="s">
        <v>17</v>
      </c>
      <c r="H3650" t="s">
        <v>2230</v>
      </c>
      <c r="I3650">
        <v>141.55000000000001</v>
      </c>
      <c r="J3650">
        <v>3</v>
      </c>
      <c r="K3650">
        <v>-26.54</v>
      </c>
    </row>
    <row r="3651" spans="1:11" x14ac:dyDescent="0.3">
      <c r="A3651" s="1">
        <v>42328</v>
      </c>
      <c r="B3651" s="3">
        <f t="shared" si="114"/>
        <v>11</v>
      </c>
      <c r="C3651" s="3">
        <f t="shared" si="115"/>
        <v>2015</v>
      </c>
      <c r="D3651" t="s">
        <v>874</v>
      </c>
      <c r="E3651" t="s">
        <v>9</v>
      </c>
      <c r="F3651" t="s">
        <v>38</v>
      </c>
      <c r="G3651" t="s">
        <v>301</v>
      </c>
      <c r="H3651" t="s">
        <v>2348</v>
      </c>
      <c r="I3651">
        <v>479.99</v>
      </c>
      <c r="J3651">
        <v>2</v>
      </c>
      <c r="K3651">
        <v>56</v>
      </c>
    </row>
    <row r="3652" spans="1:11" x14ac:dyDescent="0.3">
      <c r="A3652" s="1">
        <v>42328</v>
      </c>
      <c r="B3652" s="3">
        <f t="shared" si="114"/>
        <v>11</v>
      </c>
      <c r="C3652" s="3">
        <f t="shared" si="115"/>
        <v>2015</v>
      </c>
      <c r="D3652" t="s">
        <v>1784</v>
      </c>
      <c r="E3652" t="s">
        <v>122</v>
      </c>
      <c r="F3652" t="s">
        <v>10</v>
      </c>
      <c r="G3652" t="s">
        <v>19</v>
      </c>
      <c r="H3652" t="s">
        <v>188</v>
      </c>
      <c r="I3652">
        <v>7.23</v>
      </c>
      <c r="J3652">
        <v>5</v>
      </c>
      <c r="K3652">
        <v>-5.78</v>
      </c>
    </row>
    <row r="3653" spans="1:11" x14ac:dyDescent="0.3">
      <c r="A3653" s="1">
        <v>42328</v>
      </c>
      <c r="B3653" s="3">
        <f t="shared" si="114"/>
        <v>11</v>
      </c>
      <c r="C3653" s="3">
        <f t="shared" si="115"/>
        <v>2015</v>
      </c>
      <c r="D3653" t="s">
        <v>1784</v>
      </c>
      <c r="E3653" t="s">
        <v>122</v>
      </c>
      <c r="F3653" t="s">
        <v>10</v>
      </c>
      <c r="G3653" t="s">
        <v>17</v>
      </c>
      <c r="H3653" t="s">
        <v>348</v>
      </c>
      <c r="I3653">
        <v>17.440000000000001</v>
      </c>
      <c r="J3653">
        <v>2</v>
      </c>
      <c r="K3653">
        <v>1.31</v>
      </c>
    </row>
    <row r="3654" spans="1:11" x14ac:dyDescent="0.3">
      <c r="A3654" s="1">
        <v>42328</v>
      </c>
      <c r="B3654" s="3">
        <f t="shared" si="114"/>
        <v>11</v>
      </c>
      <c r="C3654" s="3">
        <f t="shared" si="115"/>
        <v>2015</v>
      </c>
      <c r="D3654" t="s">
        <v>1784</v>
      </c>
      <c r="E3654" t="s">
        <v>122</v>
      </c>
      <c r="F3654" t="s">
        <v>10</v>
      </c>
      <c r="G3654" t="s">
        <v>19</v>
      </c>
      <c r="H3654" t="s">
        <v>164</v>
      </c>
      <c r="I3654">
        <v>62.88</v>
      </c>
      <c r="J3654">
        <v>4</v>
      </c>
      <c r="K3654">
        <v>-50.3</v>
      </c>
    </row>
    <row r="3655" spans="1:11" x14ac:dyDescent="0.3">
      <c r="A3655" s="1">
        <v>42328</v>
      </c>
      <c r="B3655" s="3">
        <f t="shared" si="114"/>
        <v>11</v>
      </c>
      <c r="C3655" s="3">
        <f t="shared" si="115"/>
        <v>2015</v>
      </c>
      <c r="D3655" t="s">
        <v>1784</v>
      </c>
      <c r="E3655" t="s">
        <v>122</v>
      </c>
      <c r="F3655" t="s">
        <v>33</v>
      </c>
      <c r="G3655" t="s">
        <v>73</v>
      </c>
      <c r="H3655" t="s">
        <v>411</v>
      </c>
      <c r="I3655">
        <v>290.35000000000002</v>
      </c>
      <c r="J3655">
        <v>3</v>
      </c>
      <c r="K3655">
        <v>-36.29</v>
      </c>
    </row>
    <row r="3656" spans="1:11" x14ac:dyDescent="0.3">
      <c r="A3656" s="1">
        <v>42328</v>
      </c>
      <c r="B3656" s="3">
        <f t="shared" si="114"/>
        <v>11</v>
      </c>
      <c r="C3656" s="3">
        <f t="shared" si="115"/>
        <v>2015</v>
      </c>
      <c r="D3656" t="s">
        <v>13</v>
      </c>
      <c r="E3656" t="s">
        <v>22</v>
      </c>
      <c r="F3656" t="s">
        <v>33</v>
      </c>
      <c r="G3656" t="s">
        <v>34</v>
      </c>
      <c r="H3656" t="s">
        <v>918</v>
      </c>
      <c r="I3656">
        <v>344.37</v>
      </c>
      <c r="J3656">
        <v>4</v>
      </c>
      <c r="K3656">
        <v>-93.47</v>
      </c>
    </row>
    <row r="3657" spans="1:11" x14ac:dyDescent="0.3">
      <c r="A3657" s="1">
        <v>42328</v>
      </c>
      <c r="B3657" s="3">
        <f t="shared" si="114"/>
        <v>11</v>
      </c>
      <c r="C3657" s="3">
        <f t="shared" si="115"/>
        <v>2015</v>
      </c>
      <c r="D3657" t="s">
        <v>513</v>
      </c>
      <c r="E3657" t="s">
        <v>277</v>
      </c>
      <c r="F3657" t="s">
        <v>10</v>
      </c>
      <c r="G3657" t="s">
        <v>19</v>
      </c>
      <c r="H3657" t="s">
        <v>979</v>
      </c>
      <c r="I3657">
        <v>4.9000000000000004</v>
      </c>
      <c r="J3657">
        <v>3</v>
      </c>
      <c r="K3657">
        <v>-3.43</v>
      </c>
    </row>
    <row r="3658" spans="1:11" x14ac:dyDescent="0.3">
      <c r="A3658" s="1">
        <v>42328</v>
      </c>
      <c r="B3658" s="3">
        <f t="shared" si="114"/>
        <v>11</v>
      </c>
      <c r="C3658" s="3">
        <f t="shared" si="115"/>
        <v>2015</v>
      </c>
      <c r="D3658" t="s">
        <v>513</v>
      </c>
      <c r="E3658" t="s">
        <v>277</v>
      </c>
      <c r="F3658" t="s">
        <v>33</v>
      </c>
      <c r="G3658" t="s">
        <v>73</v>
      </c>
      <c r="H3658" t="s">
        <v>2349</v>
      </c>
      <c r="I3658">
        <v>145.76</v>
      </c>
      <c r="J3658">
        <v>6</v>
      </c>
      <c r="K3658">
        <v>-247.8</v>
      </c>
    </row>
    <row r="3659" spans="1:11" x14ac:dyDescent="0.3">
      <c r="A3659" s="1">
        <v>42328</v>
      </c>
      <c r="B3659" s="3">
        <f t="shared" si="114"/>
        <v>11</v>
      </c>
      <c r="C3659" s="3">
        <f t="shared" si="115"/>
        <v>2015</v>
      </c>
      <c r="D3659" t="s">
        <v>513</v>
      </c>
      <c r="E3659" t="s">
        <v>277</v>
      </c>
      <c r="F3659" t="s">
        <v>10</v>
      </c>
      <c r="G3659" t="s">
        <v>19</v>
      </c>
      <c r="H3659" t="s">
        <v>140</v>
      </c>
      <c r="I3659">
        <v>9.61</v>
      </c>
      <c r="J3659">
        <v>6</v>
      </c>
      <c r="K3659">
        <v>-7.37</v>
      </c>
    </row>
    <row r="3660" spans="1:11" x14ac:dyDescent="0.3">
      <c r="A3660" s="1">
        <v>42328</v>
      </c>
      <c r="B3660" s="3">
        <f t="shared" si="114"/>
        <v>11</v>
      </c>
      <c r="C3660" s="3">
        <f t="shared" si="115"/>
        <v>2015</v>
      </c>
      <c r="D3660" t="s">
        <v>60</v>
      </c>
      <c r="E3660" t="s">
        <v>26</v>
      </c>
      <c r="F3660" t="s">
        <v>10</v>
      </c>
      <c r="G3660" t="s">
        <v>19</v>
      </c>
      <c r="H3660" t="s">
        <v>1111</v>
      </c>
      <c r="I3660">
        <v>89.7</v>
      </c>
      <c r="J3660">
        <v>4</v>
      </c>
      <c r="K3660">
        <v>33.64</v>
      </c>
    </row>
    <row r="3661" spans="1:11" x14ac:dyDescent="0.3">
      <c r="A3661" s="1">
        <v>42328</v>
      </c>
      <c r="B3661" s="3">
        <f t="shared" si="114"/>
        <v>11</v>
      </c>
      <c r="C3661" s="3">
        <f t="shared" si="115"/>
        <v>2015</v>
      </c>
      <c r="D3661" t="s">
        <v>60</v>
      </c>
      <c r="E3661" t="s">
        <v>26</v>
      </c>
      <c r="F3661" t="s">
        <v>10</v>
      </c>
      <c r="G3661" t="s">
        <v>15</v>
      </c>
      <c r="H3661" t="s">
        <v>1024</v>
      </c>
      <c r="I3661">
        <v>50.12</v>
      </c>
      <c r="J3661">
        <v>4</v>
      </c>
      <c r="K3661">
        <v>23.56</v>
      </c>
    </row>
    <row r="3662" spans="1:11" x14ac:dyDescent="0.3">
      <c r="A3662" s="1">
        <v>42328</v>
      </c>
      <c r="B3662" s="3">
        <f t="shared" si="114"/>
        <v>11</v>
      </c>
      <c r="C3662" s="3">
        <f t="shared" si="115"/>
        <v>2015</v>
      </c>
      <c r="D3662" t="s">
        <v>1411</v>
      </c>
      <c r="E3662" t="s">
        <v>26</v>
      </c>
      <c r="F3662" t="s">
        <v>33</v>
      </c>
      <c r="G3662" t="s">
        <v>46</v>
      </c>
      <c r="H3662" t="s">
        <v>1354</v>
      </c>
      <c r="I3662">
        <v>32.04</v>
      </c>
      <c r="J3662">
        <v>3</v>
      </c>
      <c r="K3662">
        <v>8.01</v>
      </c>
    </row>
    <row r="3663" spans="1:11" x14ac:dyDescent="0.3">
      <c r="A3663" s="1">
        <v>42329</v>
      </c>
      <c r="B3663" s="3">
        <f t="shared" si="114"/>
        <v>11</v>
      </c>
      <c r="C3663" s="3">
        <f t="shared" si="115"/>
        <v>2015</v>
      </c>
      <c r="D3663" t="s">
        <v>856</v>
      </c>
      <c r="E3663" t="s">
        <v>77</v>
      </c>
      <c r="F3663" t="s">
        <v>33</v>
      </c>
      <c r="G3663" t="s">
        <v>34</v>
      </c>
      <c r="H3663" t="s">
        <v>861</v>
      </c>
      <c r="I3663">
        <v>396.8</v>
      </c>
      <c r="J3663">
        <v>7</v>
      </c>
      <c r="K3663">
        <v>-11.34</v>
      </c>
    </row>
    <row r="3664" spans="1:11" x14ac:dyDescent="0.3">
      <c r="A3664" s="1">
        <v>42329</v>
      </c>
      <c r="B3664" s="3">
        <f t="shared" si="114"/>
        <v>11</v>
      </c>
      <c r="C3664" s="3">
        <f t="shared" si="115"/>
        <v>2015</v>
      </c>
      <c r="D3664" t="s">
        <v>856</v>
      </c>
      <c r="E3664" t="s">
        <v>77</v>
      </c>
      <c r="F3664" t="s">
        <v>10</v>
      </c>
      <c r="G3664" t="s">
        <v>199</v>
      </c>
      <c r="H3664" t="s">
        <v>1840</v>
      </c>
      <c r="I3664">
        <v>15.88</v>
      </c>
      <c r="J3664">
        <v>5</v>
      </c>
      <c r="K3664">
        <v>-3.77</v>
      </c>
    </row>
    <row r="3665" spans="1:11" x14ac:dyDescent="0.3">
      <c r="A3665" s="1">
        <v>42329</v>
      </c>
      <c r="B3665" s="3">
        <f t="shared" si="114"/>
        <v>11</v>
      </c>
      <c r="C3665" s="3">
        <f t="shared" si="115"/>
        <v>2015</v>
      </c>
      <c r="D3665" t="s">
        <v>847</v>
      </c>
      <c r="E3665" t="s">
        <v>125</v>
      </c>
      <c r="F3665" t="s">
        <v>33</v>
      </c>
      <c r="G3665" t="s">
        <v>73</v>
      </c>
      <c r="H3665" t="s">
        <v>1908</v>
      </c>
      <c r="I3665">
        <v>141.96</v>
      </c>
      <c r="J3665">
        <v>2</v>
      </c>
      <c r="K3665">
        <v>41.17</v>
      </c>
    </row>
    <row r="3666" spans="1:11" x14ac:dyDescent="0.3">
      <c r="A3666" s="1">
        <v>42329</v>
      </c>
      <c r="B3666" s="3">
        <f t="shared" si="114"/>
        <v>11</v>
      </c>
      <c r="C3666" s="3">
        <f t="shared" si="115"/>
        <v>2015</v>
      </c>
      <c r="D3666" t="s">
        <v>847</v>
      </c>
      <c r="E3666" t="s">
        <v>125</v>
      </c>
      <c r="F3666" t="s">
        <v>10</v>
      </c>
      <c r="G3666" t="s">
        <v>19</v>
      </c>
      <c r="H3666" t="s">
        <v>1174</v>
      </c>
      <c r="I3666">
        <v>66.05</v>
      </c>
      <c r="J3666">
        <v>4</v>
      </c>
      <c r="K3666">
        <v>23.12</v>
      </c>
    </row>
    <row r="3667" spans="1:11" x14ac:dyDescent="0.3">
      <c r="A3667" s="1">
        <v>42329</v>
      </c>
      <c r="B3667" s="3">
        <f t="shared" si="114"/>
        <v>11</v>
      </c>
      <c r="C3667" s="3">
        <f t="shared" si="115"/>
        <v>2015</v>
      </c>
      <c r="D3667" t="s">
        <v>138</v>
      </c>
      <c r="E3667" t="s">
        <v>9</v>
      </c>
      <c r="F3667" t="s">
        <v>33</v>
      </c>
      <c r="G3667" t="s">
        <v>73</v>
      </c>
      <c r="H3667" t="s">
        <v>2174</v>
      </c>
      <c r="I3667">
        <v>246.13</v>
      </c>
      <c r="J3667">
        <v>2</v>
      </c>
      <c r="K3667">
        <v>-76.010000000000005</v>
      </c>
    </row>
    <row r="3668" spans="1:11" x14ac:dyDescent="0.3">
      <c r="A3668" s="1">
        <v>42329</v>
      </c>
      <c r="B3668" s="3">
        <f t="shared" si="114"/>
        <v>11</v>
      </c>
      <c r="C3668" s="3">
        <f t="shared" si="115"/>
        <v>2015</v>
      </c>
      <c r="D3668" t="s">
        <v>138</v>
      </c>
      <c r="E3668" t="s">
        <v>9</v>
      </c>
      <c r="F3668" t="s">
        <v>10</v>
      </c>
      <c r="G3668" t="s">
        <v>15</v>
      </c>
      <c r="H3668" t="s">
        <v>1039</v>
      </c>
      <c r="I3668">
        <v>11.7</v>
      </c>
      <c r="J3668">
        <v>2</v>
      </c>
      <c r="K3668">
        <v>3.95</v>
      </c>
    </row>
    <row r="3669" spans="1:11" x14ac:dyDescent="0.3">
      <c r="A3669" s="1">
        <v>42329</v>
      </c>
      <c r="B3669" s="3">
        <f t="shared" si="114"/>
        <v>11</v>
      </c>
      <c r="C3669" s="3">
        <f t="shared" si="115"/>
        <v>2015</v>
      </c>
      <c r="D3669" t="s">
        <v>138</v>
      </c>
      <c r="E3669" t="s">
        <v>9</v>
      </c>
      <c r="F3669" t="s">
        <v>38</v>
      </c>
      <c r="G3669" t="s">
        <v>602</v>
      </c>
      <c r="H3669" t="s">
        <v>1088</v>
      </c>
      <c r="I3669">
        <v>439.99</v>
      </c>
      <c r="J3669">
        <v>1</v>
      </c>
      <c r="K3669">
        <v>165</v>
      </c>
    </row>
    <row r="3670" spans="1:11" x14ac:dyDescent="0.3">
      <c r="A3670" s="1">
        <v>42329</v>
      </c>
      <c r="B3670" s="3">
        <f t="shared" si="114"/>
        <v>11</v>
      </c>
      <c r="C3670" s="3">
        <f t="shared" si="115"/>
        <v>2015</v>
      </c>
      <c r="D3670" t="s">
        <v>867</v>
      </c>
      <c r="E3670" t="s">
        <v>128</v>
      </c>
      <c r="F3670" t="s">
        <v>10</v>
      </c>
      <c r="G3670" t="s">
        <v>23</v>
      </c>
      <c r="H3670" t="s">
        <v>2350</v>
      </c>
      <c r="I3670">
        <v>10.92</v>
      </c>
      <c r="J3670">
        <v>6</v>
      </c>
      <c r="K3670">
        <v>4.91</v>
      </c>
    </row>
    <row r="3671" spans="1:11" x14ac:dyDescent="0.3">
      <c r="A3671" s="1">
        <v>42329</v>
      </c>
      <c r="B3671" s="3">
        <f t="shared" si="114"/>
        <v>11</v>
      </c>
      <c r="C3671" s="3">
        <f t="shared" si="115"/>
        <v>2015</v>
      </c>
      <c r="D3671" t="s">
        <v>867</v>
      </c>
      <c r="E3671" t="s">
        <v>128</v>
      </c>
      <c r="F3671" t="s">
        <v>38</v>
      </c>
      <c r="G3671" t="s">
        <v>301</v>
      </c>
      <c r="H3671" t="s">
        <v>2351</v>
      </c>
      <c r="I3671">
        <v>83.9</v>
      </c>
      <c r="J3671">
        <v>2</v>
      </c>
      <c r="K3671">
        <v>22.65</v>
      </c>
    </row>
    <row r="3672" spans="1:11" x14ac:dyDescent="0.3">
      <c r="A3672" s="1">
        <v>42329</v>
      </c>
      <c r="B3672" s="3">
        <f t="shared" si="114"/>
        <v>11</v>
      </c>
      <c r="C3672" s="3">
        <f t="shared" si="115"/>
        <v>2015</v>
      </c>
      <c r="D3672" t="s">
        <v>867</v>
      </c>
      <c r="E3672" t="s">
        <v>128</v>
      </c>
      <c r="F3672" t="s">
        <v>10</v>
      </c>
      <c r="G3672" t="s">
        <v>91</v>
      </c>
      <c r="H3672" t="s">
        <v>1467</v>
      </c>
      <c r="I3672">
        <v>19.75</v>
      </c>
      <c r="J3672">
        <v>5</v>
      </c>
      <c r="K3672">
        <v>5.14</v>
      </c>
    </row>
    <row r="3673" spans="1:11" x14ac:dyDescent="0.3">
      <c r="A3673" s="1">
        <v>42329</v>
      </c>
      <c r="B3673" s="3">
        <f t="shared" si="114"/>
        <v>11</v>
      </c>
      <c r="C3673" s="3">
        <f t="shared" si="115"/>
        <v>2015</v>
      </c>
      <c r="D3673" t="s">
        <v>867</v>
      </c>
      <c r="E3673" t="s">
        <v>128</v>
      </c>
      <c r="F3673" t="s">
        <v>38</v>
      </c>
      <c r="G3673" t="s">
        <v>51</v>
      </c>
      <c r="H3673" t="s">
        <v>2352</v>
      </c>
      <c r="I3673">
        <v>393.54</v>
      </c>
      <c r="J3673">
        <v>3</v>
      </c>
      <c r="K3673">
        <v>165.29</v>
      </c>
    </row>
    <row r="3674" spans="1:11" x14ac:dyDescent="0.3">
      <c r="A3674" s="1">
        <v>42329</v>
      </c>
      <c r="B3674" s="3">
        <f t="shared" si="114"/>
        <v>11</v>
      </c>
      <c r="C3674" s="3">
        <f t="shared" si="115"/>
        <v>2015</v>
      </c>
      <c r="D3674" t="s">
        <v>2178</v>
      </c>
      <c r="E3674" t="s">
        <v>94</v>
      </c>
      <c r="F3674" t="s">
        <v>10</v>
      </c>
      <c r="G3674" t="s">
        <v>91</v>
      </c>
      <c r="H3674" t="s">
        <v>2353</v>
      </c>
      <c r="I3674">
        <v>325.63</v>
      </c>
      <c r="J3674">
        <v>6</v>
      </c>
      <c r="K3674">
        <v>28.49</v>
      </c>
    </row>
    <row r="3675" spans="1:11" x14ac:dyDescent="0.3">
      <c r="A3675" s="1">
        <v>42329</v>
      </c>
      <c r="B3675" s="3">
        <f t="shared" si="114"/>
        <v>11</v>
      </c>
      <c r="C3675" s="3">
        <f t="shared" si="115"/>
        <v>2015</v>
      </c>
      <c r="D3675" t="s">
        <v>2178</v>
      </c>
      <c r="E3675" t="s">
        <v>94</v>
      </c>
      <c r="F3675" t="s">
        <v>38</v>
      </c>
      <c r="G3675" t="s">
        <v>51</v>
      </c>
      <c r="H3675" t="s">
        <v>1226</v>
      </c>
      <c r="I3675">
        <v>23.34</v>
      </c>
      <c r="J3675">
        <v>2</v>
      </c>
      <c r="K3675">
        <v>-1.46</v>
      </c>
    </row>
    <row r="3676" spans="1:11" x14ac:dyDescent="0.3">
      <c r="A3676" s="1">
        <v>42329</v>
      </c>
      <c r="B3676" s="3">
        <f t="shared" si="114"/>
        <v>11</v>
      </c>
      <c r="C3676" s="3">
        <f t="shared" si="115"/>
        <v>2015</v>
      </c>
      <c r="D3676" t="s">
        <v>2178</v>
      </c>
      <c r="E3676" t="s">
        <v>94</v>
      </c>
      <c r="F3676" t="s">
        <v>10</v>
      </c>
      <c r="G3676" t="s">
        <v>15</v>
      </c>
      <c r="H3676" t="s">
        <v>638</v>
      </c>
      <c r="I3676">
        <v>16.52</v>
      </c>
      <c r="J3676">
        <v>5</v>
      </c>
      <c r="K3676">
        <v>5.37</v>
      </c>
    </row>
    <row r="3677" spans="1:11" x14ac:dyDescent="0.3">
      <c r="A3677" s="1">
        <v>42329</v>
      </c>
      <c r="B3677" s="3">
        <f t="shared" si="114"/>
        <v>11</v>
      </c>
      <c r="C3677" s="3">
        <f t="shared" si="115"/>
        <v>2015</v>
      </c>
      <c r="D3677" t="s">
        <v>739</v>
      </c>
      <c r="E3677" t="s">
        <v>22</v>
      </c>
      <c r="F3677" t="s">
        <v>33</v>
      </c>
      <c r="G3677" t="s">
        <v>144</v>
      </c>
      <c r="H3677" t="s">
        <v>254</v>
      </c>
      <c r="I3677">
        <v>1252.7</v>
      </c>
      <c r="J3677">
        <v>8</v>
      </c>
      <c r="K3677">
        <v>-480.2</v>
      </c>
    </row>
    <row r="3678" spans="1:11" x14ac:dyDescent="0.3">
      <c r="A3678" s="1">
        <v>42329</v>
      </c>
      <c r="B3678" s="3">
        <f t="shared" si="114"/>
        <v>11</v>
      </c>
      <c r="C3678" s="3">
        <f t="shared" si="115"/>
        <v>2015</v>
      </c>
      <c r="D3678" t="s">
        <v>739</v>
      </c>
      <c r="E3678" t="s">
        <v>22</v>
      </c>
      <c r="F3678" t="s">
        <v>38</v>
      </c>
      <c r="G3678" t="s">
        <v>39</v>
      </c>
      <c r="H3678" t="s">
        <v>900</v>
      </c>
      <c r="I3678">
        <v>110.97</v>
      </c>
      <c r="J3678">
        <v>5</v>
      </c>
      <c r="K3678">
        <v>-24.04</v>
      </c>
    </row>
    <row r="3679" spans="1:11" x14ac:dyDescent="0.3">
      <c r="A3679" s="1">
        <v>42329</v>
      </c>
      <c r="B3679" s="3">
        <f t="shared" si="114"/>
        <v>11</v>
      </c>
      <c r="C3679" s="3">
        <f t="shared" si="115"/>
        <v>2015</v>
      </c>
      <c r="D3679" t="s">
        <v>2102</v>
      </c>
      <c r="E3679" t="s">
        <v>9</v>
      </c>
      <c r="F3679" t="s">
        <v>10</v>
      </c>
      <c r="G3679" t="s">
        <v>23</v>
      </c>
      <c r="H3679" t="s">
        <v>1843</v>
      </c>
      <c r="I3679">
        <v>5.34</v>
      </c>
      <c r="J3679">
        <v>2</v>
      </c>
      <c r="K3679">
        <v>0.73</v>
      </c>
    </row>
    <row r="3680" spans="1:11" x14ac:dyDescent="0.3">
      <c r="A3680" s="1">
        <v>42329</v>
      </c>
      <c r="B3680" s="3">
        <f t="shared" si="114"/>
        <v>11</v>
      </c>
      <c r="C3680" s="3">
        <f t="shared" si="115"/>
        <v>2015</v>
      </c>
      <c r="D3680" t="s">
        <v>2102</v>
      </c>
      <c r="E3680" t="s">
        <v>9</v>
      </c>
      <c r="F3680" t="s">
        <v>10</v>
      </c>
      <c r="G3680" t="s">
        <v>19</v>
      </c>
      <c r="H3680" t="s">
        <v>833</v>
      </c>
      <c r="I3680">
        <v>1.7</v>
      </c>
      <c r="J3680">
        <v>2</v>
      </c>
      <c r="K3680">
        <v>-2.54</v>
      </c>
    </row>
    <row r="3681" spans="1:11" x14ac:dyDescent="0.3">
      <c r="A3681" s="1">
        <v>42329</v>
      </c>
      <c r="B3681" s="3">
        <f t="shared" si="114"/>
        <v>11</v>
      </c>
      <c r="C3681" s="3">
        <f t="shared" si="115"/>
        <v>2015</v>
      </c>
      <c r="D3681" t="s">
        <v>2102</v>
      </c>
      <c r="E3681" t="s">
        <v>9</v>
      </c>
      <c r="F3681" t="s">
        <v>10</v>
      </c>
      <c r="G3681" t="s">
        <v>91</v>
      </c>
      <c r="H3681" t="s">
        <v>1868</v>
      </c>
      <c r="I3681">
        <v>24.59</v>
      </c>
      <c r="J3681">
        <v>3</v>
      </c>
      <c r="K3681">
        <v>-67.62</v>
      </c>
    </row>
    <row r="3682" spans="1:11" x14ac:dyDescent="0.3">
      <c r="A3682" s="1">
        <v>42329</v>
      </c>
      <c r="B3682" s="3">
        <f t="shared" si="114"/>
        <v>11</v>
      </c>
      <c r="C3682" s="3">
        <f t="shared" si="115"/>
        <v>2015</v>
      </c>
      <c r="D3682" t="s">
        <v>2102</v>
      </c>
      <c r="E3682" t="s">
        <v>9</v>
      </c>
      <c r="F3682" t="s">
        <v>10</v>
      </c>
      <c r="G3682" t="s">
        <v>19</v>
      </c>
      <c r="H3682" t="s">
        <v>2176</v>
      </c>
      <c r="I3682">
        <v>7.98</v>
      </c>
      <c r="J3682">
        <v>5</v>
      </c>
      <c r="K3682">
        <v>-13.17</v>
      </c>
    </row>
    <row r="3683" spans="1:11" x14ac:dyDescent="0.3">
      <c r="A3683" s="1">
        <v>42329</v>
      </c>
      <c r="B3683" s="3">
        <f t="shared" si="114"/>
        <v>11</v>
      </c>
      <c r="C3683" s="3">
        <f t="shared" si="115"/>
        <v>2015</v>
      </c>
      <c r="D3683" t="s">
        <v>680</v>
      </c>
      <c r="E3683" t="s">
        <v>244</v>
      </c>
      <c r="F3683" t="s">
        <v>33</v>
      </c>
      <c r="G3683" t="s">
        <v>46</v>
      </c>
      <c r="H3683" t="s">
        <v>2008</v>
      </c>
      <c r="I3683">
        <v>18.18</v>
      </c>
      <c r="J3683">
        <v>1</v>
      </c>
      <c r="K3683">
        <v>4.7699999999999996</v>
      </c>
    </row>
    <row r="3684" spans="1:11" x14ac:dyDescent="0.3">
      <c r="A3684" s="1">
        <v>42330</v>
      </c>
      <c r="B3684" s="3">
        <f t="shared" si="114"/>
        <v>11</v>
      </c>
      <c r="C3684" s="3">
        <f t="shared" si="115"/>
        <v>2015</v>
      </c>
      <c r="D3684" t="s">
        <v>625</v>
      </c>
      <c r="E3684" t="s">
        <v>9</v>
      </c>
      <c r="F3684" t="s">
        <v>10</v>
      </c>
      <c r="G3684" t="s">
        <v>91</v>
      </c>
      <c r="H3684" t="s">
        <v>113</v>
      </c>
      <c r="I3684">
        <v>68.81</v>
      </c>
      <c r="J3684">
        <v>5</v>
      </c>
      <c r="K3684">
        <v>-123.86</v>
      </c>
    </row>
    <row r="3685" spans="1:11" x14ac:dyDescent="0.3">
      <c r="A3685" s="1">
        <v>42330</v>
      </c>
      <c r="B3685" s="3">
        <f t="shared" si="114"/>
        <v>11</v>
      </c>
      <c r="C3685" s="3">
        <f t="shared" si="115"/>
        <v>2015</v>
      </c>
      <c r="D3685" t="s">
        <v>625</v>
      </c>
      <c r="E3685" t="s">
        <v>9</v>
      </c>
      <c r="F3685" t="s">
        <v>10</v>
      </c>
      <c r="G3685" t="s">
        <v>19</v>
      </c>
      <c r="H3685" t="s">
        <v>833</v>
      </c>
      <c r="I3685">
        <v>2.54</v>
      </c>
      <c r="J3685">
        <v>3</v>
      </c>
      <c r="K3685">
        <v>-3.82</v>
      </c>
    </row>
    <row r="3686" spans="1:11" x14ac:dyDescent="0.3">
      <c r="A3686" s="1">
        <v>42330</v>
      </c>
      <c r="B3686" s="3">
        <f t="shared" si="114"/>
        <v>11</v>
      </c>
      <c r="C3686" s="3">
        <f t="shared" si="115"/>
        <v>2015</v>
      </c>
      <c r="D3686" t="s">
        <v>1802</v>
      </c>
      <c r="E3686" t="s">
        <v>22</v>
      </c>
      <c r="F3686" t="s">
        <v>10</v>
      </c>
      <c r="G3686" t="s">
        <v>19</v>
      </c>
      <c r="H3686" t="s">
        <v>547</v>
      </c>
      <c r="I3686">
        <v>11.61</v>
      </c>
      <c r="J3686">
        <v>2</v>
      </c>
      <c r="K3686">
        <v>-9.2899999999999991</v>
      </c>
    </row>
    <row r="3687" spans="1:11" x14ac:dyDescent="0.3">
      <c r="A3687" s="1">
        <v>42330</v>
      </c>
      <c r="B3687" s="3">
        <f t="shared" si="114"/>
        <v>11</v>
      </c>
      <c r="C3687" s="3">
        <f t="shared" si="115"/>
        <v>2015</v>
      </c>
      <c r="D3687" t="s">
        <v>2247</v>
      </c>
      <c r="E3687" t="s">
        <v>9</v>
      </c>
      <c r="F3687" t="s">
        <v>33</v>
      </c>
      <c r="G3687" t="s">
        <v>144</v>
      </c>
      <c r="H3687" t="s">
        <v>1332</v>
      </c>
      <c r="I3687">
        <v>206.96</v>
      </c>
      <c r="J3687">
        <v>2</v>
      </c>
      <c r="K3687">
        <v>-32.520000000000003</v>
      </c>
    </row>
    <row r="3688" spans="1:11" x14ac:dyDescent="0.3">
      <c r="A3688" s="1">
        <v>42330</v>
      </c>
      <c r="B3688" s="3">
        <f t="shared" si="114"/>
        <v>11</v>
      </c>
      <c r="C3688" s="3">
        <f t="shared" si="115"/>
        <v>2015</v>
      </c>
      <c r="D3688" t="s">
        <v>1704</v>
      </c>
      <c r="E3688" t="s">
        <v>433</v>
      </c>
      <c r="F3688" t="s">
        <v>10</v>
      </c>
      <c r="G3688" t="s">
        <v>11</v>
      </c>
      <c r="H3688" t="s">
        <v>1709</v>
      </c>
      <c r="I3688">
        <v>14.94</v>
      </c>
      <c r="J3688">
        <v>3</v>
      </c>
      <c r="K3688">
        <v>7.02</v>
      </c>
    </row>
    <row r="3689" spans="1:11" x14ac:dyDescent="0.3">
      <c r="A3689" s="1">
        <v>42330</v>
      </c>
      <c r="B3689" s="3">
        <f t="shared" si="114"/>
        <v>11</v>
      </c>
      <c r="C3689" s="3">
        <f t="shared" si="115"/>
        <v>2015</v>
      </c>
      <c r="D3689" t="s">
        <v>245</v>
      </c>
      <c r="E3689" t="s">
        <v>9</v>
      </c>
      <c r="F3689" t="s">
        <v>38</v>
      </c>
      <c r="G3689" t="s">
        <v>51</v>
      </c>
      <c r="H3689" t="s">
        <v>2354</v>
      </c>
      <c r="I3689">
        <v>27.17</v>
      </c>
      <c r="J3689">
        <v>4</v>
      </c>
      <c r="K3689">
        <v>-1.36</v>
      </c>
    </row>
    <row r="3690" spans="1:11" x14ac:dyDescent="0.3">
      <c r="A3690" s="1">
        <v>42330</v>
      </c>
      <c r="B3690" s="3">
        <f t="shared" si="114"/>
        <v>11</v>
      </c>
      <c r="C3690" s="3">
        <f t="shared" si="115"/>
        <v>2015</v>
      </c>
      <c r="D3690" t="s">
        <v>1250</v>
      </c>
      <c r="E3690" t="s">
        <v>119</v>
      </c>
      <c r="F3690" t="s">
        <v>10</v>
      </c>
      <c r="G3690" t="s">
        <v>19</v>
      </c>
      <c r="H3690" t="s">
        <v>1312</v>
      </c>
      <c r="I3690">
        <v>2.95</v>
      </c>
      <c r="J3690">
        <v>2</v>
      </c>
      <c r="K3690">
        <v>-2.06</v>
      </c>
    </row>
    <row r="3691" spans="1:11" x14ac:dyDescent="0.3">
      <c r="A3691" s="1">
        <v>42330</v>
      </c>
      <c r="B3691" s="3">
        <f t="shared" si="114"/>
        <v>11</v>
      </c>
      <c r="C3691" s="3">
        <f t="shared" si="115"/>
        <v>2015</v>
      </c>
      <c r="D3691" t="s">
        <v>1250</v>
      </c>
      <c r="E3691" t="s">
        <v>119</v>
      </c>
      <c r="F3691" t="s">
        <v>10</v>
      </c>
      <c r="G3691" t="s">
        <v>42</v>
      </c>
      <c r="H3691" t="s">
        <v>1108</v>
      </c>
      <c r="I3691">
        <v>55.1</v>
      </c>
      <c r="J3691">
        <v>6</v>
      </c>
      <c r="K3691">
        <v>18.600000000000001</v>
      </c>
    </row>
    <row r="3692" spans="1:11" x14ac:dyDescent="0.3">
      <c r="A3692" s="1">
        <v>42330</v>
      </c>
      <c r="B3692" s="3">
        <f t="shared" si="114"/>
        <v>11</v>
      </c>
      <c r="C3692" s="3">
        <f t="shared" si="115"/>
        <v>2015</v>
      </c>
      <c r="D3692" t="s">
        <v>1686</v>
      </c>
      <c r="E3692" t="s">
        <v>26</v>
      </c>
      <c r="F3692" t="s">
        <v>10</v>
      </c>
      <c r="G3692" t="s">
        <v>11</v>
      </c>
      <c r="H3692" t="s">
        <v>305</v>
      </c>
      <c r="I3692">
        <v>37.94</v>
      </c>
      <c r="J3692">
        <v>2</v>
      </c>
      <c r="K3692">
        <v>18.21</v>
      </c>
    </row>
    <row r="3693" spans="1:11" x14ac:dyDescent="0.3">
      <c r="A3693" s="1">
        <v>42330</v>
      </c>
      <c r="B3693" s="3">
        <f t="shared" si="114"/>
        <v>11</v>
      </c>
      <c r="C3693" s="3">
        <f t="shared" si="115"/>
        <v>2015</v>
      </c>
      <c r="D3693" t="s">
        <v>1686</v>
      </c>
      <c r="E3693" t="s">
        <v>26</v>
      </c>
      <c r="F3693" t="s">
        <v>10</v>
      </c>
      <c r="G3693" t="s">
        <v>11</v>
      </c>
      <c r="H3693" t="s">
        <v>241</v>
      </c>
      <c r="I3693">
        <v>42.8</v>
      </c>
      <c r="J3693">
        <v>10</v>
      </c>
      <c r="K3693">
        <v>19.260000000000002</v>
      </c>
    </row>
    <row r="3694" spans="1:11" x14ac:dyDescent="0.3">
      <c r="A3694" s="1">
        <v>42330</v>
      </c>
      <c r="B3694" s="3">
        <f t="shared" si="114"/>
        <v>11</v>
      </c>
      <c r="C3694" s="3">
        <f t="shared" si="115"/>
        <v>2015</v>
      </c>
      <c r="D3694" t="s">
        <v>1686</v>
      </c>
      <c r="E3694" t="s">
        <v>26</v>
      </c>
      <c r="F3694" t="s">
        <v>10</v>
      </c>
      <c r="G3694" t="s">
        <v>17</v>
      </c>
      <c r="H3694" t="s">
        <v>550</v>
      </c>
      <c r="I3694">
        <v>33.630000000000003</v>
      </c>
      <c r="J3694">
        <v>3</v>
      </c>
      <c r="K3694">
        <v>10.09</v>
      </c>
    </row>
    <row r="3695" spans="1:11" x14ac:dyDescent="0.3">
      <c r="A3695" s="1">
        <v>42330</v>
      </c>
      <c r="B3695" s="3">
        <f t="shared" si="114"/>
        <v>11</v>
      </c>
      <c r="C3695" s="3">
        <f t="shared" si="115"/>
        <v>2015</v>
      </c>
      <c r="D3695" t="s">
        <v>795</v>
      </c>
      <c r="E3695" t="s">
        <v>122</v>
      </c>
      <c r="F3695" t="s">
        <v>38</v>
      </c>
      <c r="G3695" t="s">
        <v>301</v>
      </c>
      <c r="H3695" t="s">
        <v>824</v>
      </c>
      <c r="I3695">
        <v>32.99</v>
      </c>
      <c r="J3695">
        <v>3</v>
      </c>
      <c r="K3695">
        <v>-1.98</v>
      </c>
    </row>
    <row r="3696" spans="1:11" x14ac:dyDescent="0.3">
      <c r="A3696" s="1">
        <v>42330</v>
      </c>
      <c r="B3696" s="3">
        <f t="shared" si="114"/>
        <v>11</v>
      </c>
      <c r="C3696" s="3">
        <f t="shared" si="115"/>
        <v>2015</v>
      </c>
      <c r="D3696" t="s">
        <v>660</v>
      </c>
      <c r="E3696" t="s">
        <v>433</v>
      </c>
      <c r="F3696" t="s">
        <v>10</v>
      </c>
      <c r="G3696" t="s">
        <v>23</v>
      </c>
      <c r="H3696" t="s">
        <v>844</v>
      </c>
      <c r="I3696">
        <v>17.12</v>
      </c>
      <c r="J3696">
        <v>4</v>
      </c>
      <c r="K3696">
        <v>4.96</v>
      </c>
    </row>
    <row r="3697" spans="1:11" x14ac:dyDescent="0.3">
      <c r="A3697" s="1">
        <v>42330</v>
      </c>
      <c r="B3697" s="3">
        <f t="shared" si="114"/>
        <v>11</v>
      </c>
      <c r="C3697" s="3">
        <f t="shared" si="115"/>
        <v>2015</v>
      </c>
      <c r="D3697" t="s">
        <v>660</v>
      </c>
      <c r="E3697" t="s">
        <v>433</v>
      </c>
      <c r="F3697" t="s">
        <v>10</v>
      </c>
      <c r="G3697" t="s">
        <v>11</v>
      </c>
      <c r="H3697" t="s">
        <v>2355</v>
      </c>
      <c r="I3697">
        <v>59.94</v>
      </c>
      <c r="J3697">
        <v>3</v>
      </c>
      <c r="K3697">
        <v>28.17</v>
      </c>
    </row>
    <row r="3698" spans="1:11" x14ac:dyDescent="0.3">
      <c r="A3698" s="1">
        <v>42331</v>
      </c>
      <c r="B3698" s="3">
        <f t="shared" si="114"/>
        <v>11</v>
      </c>
      <c r="C3698" s="3">
        <f t="shared" si="115"/>
        <v>2015</v>
      </c>
      <c r="D3698" t="s">
        <v>2161</v>
      </c>
      <c r="E3698" t="s">
        <v>9</v>
      </c>
      <c r="F3698" t="s">
        <v>10</v>
      </c>
      <c r="G3698" t="s">
        <v>11</v>
      </c>
      <c r="H3698" t="s">
        <v>2242</v>
      </c>
      <c r="I3698">
        <v>335.52</v>
      </c>
      <c r="J3698">
        <v>4</v>
      </c>
      <c r="K3698">
        <v>117.43</v>
      </c>
    </row>
    <row r="3699" spans="1:11" x14ac:dyDescent="0.3">
      <c r="A3699" s="1">
        <v>42331</v>
      </c>
      <c r="B3699" s="3">
        <f t="shared" si="114"/>
        <v>11</v>
      </c>
      <c r="C3699" s="3">
        <f t="shared" si="115"/>
        <v>2015</v>
      </c>
      <c r="D3699" t="s">
        <v>2161</v>
      </c>
      <c r="E3699" t="s">
        <v>9</v>
      </c>
      <c r="F3699" t="s">
        <v>10</v>
      </c>
      <c r="G3699" t="s">
        <v>19</v>
      </c>
      <c r="H3699" t="s">
        <v>887</v>
      </c>
      <c r="I3699">
        <v>23.91</v>
      </c>
      <c r="J3699">
        <v>2</v>
      </c>
      <c r="K3699">
        <v>-40.65</v>
      </c>
    </row>
    <row r="3700" spans="1:11" x14ac:dyDescent="0.3">
      <c r="A3700" s="1">
        <v>42331</v>
      </c>
      <c r="B3700" s="3">
        <f t="shared" si="114"/>
        <v>11</v>
      </c>
      <c r="C3700" s="3">
        <f t="shared" si="115"/>
        <v>2015</v>
      </c>
      <c r="D3700" t="s">
        <v>2161</v>
      </c>
      <c r="E3700" t="s">
        <v>9</v>
      </c>
      <c r="F3700" t="s">
        <v>10</v>
      </c>
      <c r="G3700" t="s">
        <v>17</v>
      </c>
      <c r="H3700" t="s">
        <v>1955</v>
      </c>
      <c r="I3700">
        <v>27.06</v>
      </c>
      <c r="J3700">
        <v>2</v>
      </c>
      <c r="K3700">
        <v>2.37</v>
      </c>
    </row>
    <row r="3701" spans="1:11" x14ac:dyDescent="0.3">
      <c r="A3701" s="1">
        <v>42331</v>
      </c>
      <c r="B3701" s="3">
        <f t="shared" si="114"/>
        <v>11</v>
      </c>
      <c r="C3701" s="3">
        <f t="shared" si="115"/>
        <v>2015</v>
      </c>
      <c r="D3701" t="s">
        <v>1195</v>
      </c>
      <c r="E3701" t="s">
        <v>176</v>
      </c>
      <c r="F3701" t="s">
        <v>10</v>
      </c>
      <c r="G3701" t="s">
        <v>91</v>
      </c>
      <c r="H3701" t="s">
        <v>2290</v>
      </c>
      <c r="I3701">
        <v>2625.12</v>
      </c>
      <c r="J3701">
        <v>8</v>
      </c>
      <c r="K3701">
        <v>735.03</v>
      </c>
    </row>
    <row r="3702" spans="1:11" x14ac:dyDescent="0.3">
      <c r="A3702" s="1">
        <v>42331</v>
      </c>
      <c r="B3702" s="3">
        <f t="shared" si="114"/>
        <v>11</v>
      </c>
      <c r="C3702" s="3">
        <f t="shared" si="115"/>
        <v>2015</v>
      </c>
      <c r="D3702" t="s">
        <v>1195</v>
      </c>
      <c r="E3702" t="s">
        <v>176</v>
      </c>
      <c r="F3702" t="s">
        <v>10</v>
      </c>
      <c r="G3702" t="s">
        <v>23</v>
      </c>
      <c r="H3702" t="s">
        <v>959</v>
      </c>
      <c r="I3702">
        <v>17.940000000000001</v>
      </c>
      <c r="J3702">
        <v>3</v>
      </c>
      <c r="K3702">
        <v>4.49</v>
      </c>
    </row>
    <row r="3703" spans="1:11" x14ac:dyDescent="0.3">
      <c r="A3703" s="1">
        <v>42331</v>
      </c>
      <c r="B3703" s="3">
        <f t="shared" si="114"/>
        <v>11</v>
      </c>
      <c r="C3703" s="3">
        <f t="shared" si="115"/>
        <v>2015</v>
      </c>
      <c r="D3703" t="s">
        <v>1642</v>
      </c>
      <c r="E3703" t="s">
        <v>58</v>
      </c>
      <c r="F3703" t="s">
        <v>38</v>
      </c>
      <c r="G3703" t="s">
        <v>39</v>
      </c>
      <c r="H3703" t="s">
        <v>1346</v>
      </c>
      <c r="I3703">
        <v>307.98</v>
      </c>
      <c r="J3703">
        <v>2</v>
      </c>
      <c r="K3703">
        <v>89.31</v>
      </c>
    </row>
    <row r="3704" spans="1:11" x14ac:dyDescent="0.3">
      <c r="A3704" s="1">
        <v>42331</v>
      </c>
      <c r="B3704" s="3">
        <f t="shared" si="114"/>
        <v>11</v>
      </c>
      <c r="C3704" s="3">
        <f t="shared" si="115"/>
        <v>2015</v>
      </c>
      <c r="D3704" t="s">
        <v>1642</v>
      </c>
      <c r="E3704" t="s">
        <v>58</v>
      </c>
      <c r="F3704" t="s">
        <v>10</v>
      </c>
      <c r="G3704" t="s">
        <v>11</v>
      </c>
      <c r="H3704" t="s">
        <v>1665</v>
      </c>
      <c r="I3704">
        <v>44.1</v>
      </c>
      <c r="J3704">
        <v>6</v>
      </c>
      <c r="K3704">
        <v>20.73</v>
      </c>
    </row>
    <row r="3705" spans="1:11" x14ac:dyDescent="0.3">
      <c r="A3705" s="1">
        <v>42331</v>
      </c>
      <c r="B3705" s="3">
        <f t="shared" si="114"/>
        <v>11</v>
      </c>
      <c r="C3705" s="3">
        <f t="shared" si="115"/>
        <v>2015</v>
      </c>
      <c r="D3705" t="s">
        <v>1642</v>
      </c>
      <c r="E3705" t="s">
        <v>58</v>
      </c>
      <c r="F3705" t="s">
        <v>10</v>
      </c>
      <c r="G3705" t="s">
        <v>23</v>
      </c>
      <c r="H3705" t="s">
        <v>2356</v>
      </c>
      <c r="I3705">
        <v>13.12</v>
      </c>
      <c r="J3705">
        <v>4</v>
      </c>
      <c r="K3705">
        <v>5.64</v>
      </c>
    </row>
    <row r="3706" spans="1:11" x14ac:dyDescent="0.3">
      <c r="A3706" s="1">
        <v>42331</v>
      </c>
      <c r="B3706" s="3">
        <f t="shared" si="114"/>
        <v>11</v>
      </c>
      <c r="C3706" s="3">
        <f t="shared" si="115"/>
        <v>2015</v>
      </c>
      <c r="D3706" t="s">
        <v>1642</v>
      </c>
      <c r="E3706" t="s">
        <v>58</v>
      </c>
      <c r="F3706" t="s">
        <v>10</v>
      </c>
      <c r="G3706" t="s">
        <v>62</v>
      </c>
      <c r="H3706" t="s">
        <v>63</v>
      </c>
      <c r="I3706">
        <v>16.559999999999999</v>
      </c>
      <c r="J3706">
        <v>2</v>
      </c>
      <c r="K3706">
        <v>7.78</v>
      </c>
    </row>
    <row r="3707" spans="1:11" x14ac:dyDescent="0.3">
      <c r="A3707" s="1">
        <v>42331</v>
      </c>
      <c r="B3707" s="3">
        <f t="shared" si="114"/>
        <v>11</v>
      </c>
      <c r="C3707" s="3">
        <f t="shared" si="115"/>
        <v>2015</v>
      </c>
      <c r="D3707" t="s">
        <v>1642</v>
      </c>
      <c r="E3707" t="s">
        <v>58</v>
      </c>
      <c r="F3707" t="s">
        <v>10</v>
      </c>
      <c r="G3707" t="s">
        <v>11</v>
      </c>
      <c r="H3707" t="s">
        <v>492</v>
      </c>
      <c r="I3707">
        <v>38.880000000000003</v>
      </c>
      <c r="J3707">
        <v>6</v>
      </c>
      <c r="K3707">
        <v>18.66</v>
      </c>
    </row>
    <row r="3708" spans="1:11" x14ac:dyDescent="0.3">
      <c r="A3708" s="1">
        <v>42332</v>
      </c>
      <c r="B3708" s="3">
        <f t="shared" si="114"/>
        <v>11</v>
      </c>
      <c r="C3708" s="3">
        <f t="shared" si="115"/>
        <v>2015</v>
      </c>
      <c r="D3708" t="s">
        <v>404</v>
      </c>
      <c r="E3708" t="s">
        <v>26</v>
      </c>
      <c r="F3708" t="s">
        <v>38</v>
      </c>
      <c r="G3708" t="s">
        <v>51</v>
      </c>
      <c r="H3708" t="s">
        <v>1324</v>
      </c>
      <c r="I3708">
        <v>13.98</v>
      </c>
      <c r="J3708">
        <v>2</v>
      </c>
      <c r="K3708">
        <v>6.15</v>
      </c>
    </row>
    <row r="3709" spans="1:11" x14ac:dyDescent="0.3">
      <c r="A3709" s="1">
        <v>42332</v>
      </c>
      <c r="B3709" s="3">
        <f t="shared" si="114"/>
        <v>11</v>
      </c>
      <c r="C3709" s="3">
        <f t="shared" si="115"/>
        <v>2015</v>
      </c>
      <c r="D3709" t="s">
        <v>404</v>
      </c>
      <c r="E3709" t="s">
        <v>26</v>
      </c>
      <c r="F3709" t="s">
        <v>10</v>
      </c>
      <c r="G3709" t="s">
        <v>19</v>
      </c>
      <c r="H3709" t="s">
        <v>630</v>
      </c>
      <c r="I3709">
        <v>25.82</v>
      </c>
      <c r="J3709">
        <v>6</v>
      </c>
      <c r="K3709">
        <v>9.36</v>
      </c>
    </row>
    <row r="3710" spans="1:11" x14ac:dyDescent="0.3">
      <c r="A3710" s="1">
        <v>42332</v>
      </c>
      <c r="B3710" s="3">
        <f t="shared" si="114"/>
        <v>11</v>
      </c>
      <c r="C3710" s="3">
        <f t="shared" si="115"/>
        <v>2015</v>
      </c>
      <c r="D3710" t="s">
        <v>404</v>
      </c>
      <c r="E3710" t="s">
        <v>26</v>
      </c>
      <c r="F3710" t="s">
        <v>10</v>
      </c>
      <c r="G3710" t="s">
        <v>11</v>
      </c>
      <c r="H3710" t="s">
        <v>2357</v>
      </c>
      <c r="I3710">
        <v>146.72999999999999</v>
      </c>
      <c r="J3710">
        <v>3</v>
      </c>
      <c r="K3710">
        <v>68.959999999999994</v>
      </c>
    </row>
    <row r="3711" spans="1:11" x14ac:dyDescent="0.3">
      <c r="A3711" s="1">
        <v>42332</v>
      </c>
      <c r="B3711" s="3">
        <f t="shared" si="114"/>
        <v>11</v>
      </c>
      <c r="C3711" s="3">
        <f t="shared" si="115"/>
        <v>2015</v>
      </c>
      <c r="D3711" t="s">
        <v>404</v>
      </c>
      <c r="E3711" t="s">
        <v>26</v>
      </c>
      <c r="F3711" t="s">
        <v>33</v>
      </c>
      <c r="G3711" t="s">
        <v>46</v>
      </c>
      <c r="H3711" t="s">
        <v>1585</v>
      </c>
      <c r="I3711">
        <v>79.760000000000005</v>
      </c>
      <c r="J3711">
        <v>4</v>
      </c>
      <c r="K3711">
        <v>22.33</v>
      </c>
    </row>
    <row r="3712" spans="1:11" x14ac:dyDescent="0.3">
      <c r="A3712" s="1">
        <v>42332</v>
      </c>
      <c r="B3712" s="3">
        <f t="shared" si="114"/>
        <v>11</v>
      </c>
      <c r="C3712" s="3">
        <f t="shared" si="115"/>
        <v>2015</v>
      </c>
      <c r="D3712" t="s">
        <v>8</v>
      </c>
      <c r="E3712" t="s">
        <v>26</v>
      </c>
      <c r="F3712" t="s">
        <v>10</v>
      </c>
      <c r="G3712" t="s">
        <v>11</v>
      </c>
      <c r="H3712" t="s">
        <v>359</v>
      </c>
      <c r="I3712">
        <v>368.91</v>
      </c>
      <c r="J3712">
        <v>9</v>
      </c>
      <c r="K3712">
        <v>180.77</v>
      </c>
    </row>
    <row r="3713" spans="1:11" x14ac:dyDescent="0.3">
      <c r="A3713" s="1">
        <v>42332</v>
      </c>
      <c r="B3713" s="3">
        <f t="shared" si="114"/>
        <v>11</v>
      </c>
      <c r="C3713" s="3">
        <f t="shared" si="115"/>
        <v>2015</v>
      </c>
      <c r="D3713" t="s">
        <v>8</v>
      </c>
      <c r="E3713" t="s">
        <v>26</v>
      </c>
      <c r="F3713" t="s">
        <v>10</v>
      </c>
      <c r="G3713" t="s">
        <v>23</v>
      </c>
      <c r="H3713" t="s">
        <v>1251</v>
      </c>
      <c r="I3713">
        <v>14.7</v>
      </c>
      <c r="J3713">
        <v>5</v>
      </c>
      <c r="K3713">
        <v>6.62</v>
      </c>
    </row>
    <row r="3714" spans="1:11" x14ac:dyDescent="0.3">
      <c r="A3714" s="1">
        <v>42332</v>
      </c>
      <c r="B3714" s="3">
        <f t="shared" ref="B3714:B3777" si="116">MONTH(A:A)</f>
        <v>11</v>
      </c>
      <c r="C3714" s="3">
        <f t="shared" ref="C3714:C3777" si="117">YEAR(A:A)</f>
        <v>2015</v>
      </c>
      <c r="D3714" t="s">
        <v>93</v>
      </c>
      <c r="E3714" t="s">
        <v>26</v>
      </c>
      <c r="F3714" t="s">
        <v>10</v>
      </c>
      <c r="G3714" t="s">
        <v>19</v>
      </c>
      <c r="H3714" t="s">
        <v>2286</v>
      </c>
      <c r="I3714">
        <v>3.17</v>
      </c>
      <c r="J3714">
        <v>2</v>
      </c>
      <c r="K3714">
        <v>0.99</v>
      </c>
    </row>
    <row r="3715" spans="1:11" x14ac:dyDescent="0.3">
      <c r="A3715" s="1">
        <v>42332</v>
      </c>
      <c r="B3715" s="3">
        <f t="shared" si="116"/>
        <v>11</v>
      </c>
      <c r="C3715" s="3">
        <f t="shared" si="117"/>
        <v>2015</v>
      </c>
      <c r="D3715" t="s">
        <v>93</v>
      </c>
      <c r="E3715" t="s">
        <v>26</v>
      </c>
      <c r="F3715" t="s">
        <v>10</v>
      </c>
      <c r="G3715" t="s">
        <v>11</v>
      </c>
      <c r="H3715" t="s">
        <v>27</v>
      </c>
      <c r="I3715">
        <v>19.440000000000001</v>
      </c>
      <c r="J3715">
        <v>3</v>
      </c>
      <c r="K3715">
        <v>9.33</v>
      </c>
    </row>
    <row r="3716" spans="1:11" x14ac:dyDescent="0.3">
      <c r="A3716" s="1">
        <v>42332</v>
      </c>
      <c r="B3716" s="3">
        <f t="shared" si="116"/>
        <v>11</v>
      </c>
      <c r="C3716" s="3">
        <f t="shared" si="117"/>
        <v>2015</v>
      </c>
      <c r="D3716" t="s">
        <v>93</v>
      </c>
      <c r="E3716" t="s">
        <v>26</v>
      </c>
      <c r="F3716" t="s">
        <v>10</v>
      </c>
      <c r="G3716" t="s">
        <v>17</v>
      </c>
      <c r="H3716" t="s">
        <v>2358</v>
      </c>
      <c r="I3716">
        <v>454.86</v>
      </c>
      <c r="J3716">
        <v>7</v>
      </c>
      <c r="K3716">
        <v>54.58</v>
      </c>
    </row>
    <row r="3717" spans="1:11" x14ac:dyDescent="0.3">
      <c r="A3717" s="1">
        <v>42332</v>
      </c>
      <c r="B3717" s="3">
        <f t="shared" si="116"/>
        <v>11</v>
      </c>
      <c r="C3717" s="3">
        <f t="shared" si="117"/>
        <v>2015</v>
      </c>
      <c r="D3717" t="s">
        <v>93</v>
      </c>
      <c r="E3717" t="s">
        <v>26</v>
      </c>
      <c r="F3717" t="s">
        <v>10</v>
      </c>
      <c r="G3717" t="s">
        <v>19</v>
      </c>
      <c r="H3717" t="s">
        <v>818</v>
      </c>
      <c r="I3717">
        <v>91.39</v>
      </c>
      <c r="J3717">
        <v>8</v>
      </c>
      <c r="K3717">
        <v>29.7</v>
      </c>
    </row>
    <row r="3718" spans="1:11" x14ac:dyDescent="0.3">
      <c r="A3718" s="1">
        <v>42333</v>
      </c>
      <c r="B3718" s="3">
        <f t="shared" si="116"/>
        <v>11</v>
      </c>
      <c r="C3718" s="3">
        <f t="shared" si="117"/>
        <v>2015</v>
      </c>
      <c r="D3718" t="s">
        <v>1272</v>
      </c>
      <c r="E3718" t="s">
        <v>244</v>
      </c>
      <c r="F3718" t="s">
        <v>10</v>
      </c>
      <c r="G3718" t="s">
        <v>23</v>
      </c>
      <c r="H3718" t="s">
        <v>2359</v>
      </c>
      <c r="I3718">
        <v>13.12</v>
      </c>
      <c r="J3718">
        <v>5</v>
      </c>
      <c r="K3718">
        <v>1.48</v>
      </c>
    </row>
    <row r="3719" spans="1:11" x14ac:dyDescent="0.3">
      <c r="A3719" s="1">
        <v>42334</v>
      </c>
      <c r="B3719" s="3">
        <f t="shared" si="116"/>
        <v>11</v>
      </c>
      <c r="C3719" s="3">
        <f t="shared" si="117"/>
        <v>2015</v>
      </c>
      <c r="D3719" t="s">
        <v>469</v>
      </c>
      <c r="E3719" t="s">
        <v>433</v>
      </c>
      <c r="F3719" t="s">
        <v>10</v>
      </c>
      <c r="G3719" t="s">
        <v>19</v>
      </c>
      <c r="H3719" t="s">
        <v>149</v>
      </c>
      <c r="I3719">
        <v>14.73</v>
      </c>
      <c r="J3719">
        <v>3</v>
      </c>
      <c r="K3719">
        <v>6.92</v>
      </c>
    </row>
    <row r="3720" spans="1:11" x14ac:dyDescent="0.3">
      <c r="A3720" s="1">
        <v>42334</v>
      </c>
      <c r="B3720" s="3">
        <f t="shared" si="116"/>
        <v>11</v>
      </c>
      <c r="C3720" s="3">
        <f t="shared" si="117"/>
        <v>2015</v>
      </c>
      <c r="D3720" t="s">
        <v>469</v>
      </c>
      <c r="E3720" t="s">
        <v>433</v>
      </c>
      <c r="F3720" t="s">
        <v>10</v>
      </c>
      <c r="G3720" t="s">
        <v>17</v>
      </c>
      <c r="H3720" t="s">
        <v>1964</v>
      </c>
      <c r="I3720">
        <v>104.9</v>
      </c>
      <c r="J3720">
        <v>5</v>
      </c>
      <c r="K3720">
        <v>25.18</v>
      </c>
    </row>
    <row r="3721" spans="1:11" x14ac:dyDescent="0.3">
      <c r="A3721" s="1">
        <v>42334</v>
      </c>
      <c r="B3721" s="3">
        <f t="shared" si="116"/>
        <v>11</v>
      </c>
      <c r="C3721" s="3">
        <f t="shared" si="117"/>
        <v>2015</v>
      </c>
      <c r="D3721" t="s">
        <v>469</v>
      </c>
      <c r="E3721" t="s">
        <v>433</v>
      </c>
      <c r="F3721" t="s">
        <v>10</v>
      </c>
      <c r="G3721" t="s">
        <v>19</v>
      </c>
      <c r="H3721" t="s">
        <v>1992</v>
      </c>
      <c r="I3721">
        <v>61.04</v>
      </c>
      <c r="J3721">
        <v>4</v>
      </c>
      <c r="K3721">
        <v>30.52</v>
      </c>
    </row>
    <row r="3722" spans="1:11" x14ac:dyDescent="0.3">
      <c r="A3722" s="1">
        <v>42334</v>
      </c>
      <c r="B3722" s="3">
        <f t="shared" si="116"/>
        <v>11</v>
      </c>
      <c r="C3722" s="3">
        <f t="shared" si="117"/>
        <v>2015</v>
      </c>
      <c r="D3722" t="s">
        <v>469</v>
      </c>
      <c r="E3722" t="s">
        <v>433</v>
      </c>
      <c r="F3722" t="s">
        <v>10</v>
      </c>
      <c r="G3722" t="s">
        <v>11</v>
      </c>
      <c r="H3722" t="s">
        <v>2320</v>
      </c>
      <c r="I3722">
        <v>10.95</v>
      </c>
      <c r="J3722">
        <v>3</v>
      </c>
      <c r="K3722">
        <v>5.15</v>
      </c>
    </row>
    <row r="3723" spans="1:11" x14ac:dyDescent="0.3">
      <c r="A3723" s="1">
        <v>42334</v>
      </c>
      <c r="B3723" s="3">
        <f t="shared" si="116"/>
        <v>11</v>
      </c>
      <c r="C3723" s="3">
        <f t="shared" si="117"/>
        <v>2015</v>
      </c>
      <c r="D3723" t="s">
        <v>1797</v>
      </c>
      <c r="E3723" t="s">
        <v>119</v>
      </c>
      <c r="F3723" t="s">
        <v>33</v>
      </c>
      <c r="G3723" t="s">
        <v>46</v>
      </c>
      <c r="H3723" t="s">
        <v>1781</v>
      </c>
      <c r="I3723">
        <v>692.47</v>
      </c>
      <c r="J3723">
        <v>11</v>
      </c>
      <c r="K3723">
        <v>190.43</v>
      </c>
    </row>
    <row r="3724" spans="1:11" x14ac:dyDescent="0.3">
      <c r="A3724" s="1">
        <v>42334</v>
      </c>
      <c r="B3724" s="3">
        <f t="shared" si="116"/>
        <v>11</v>
      </c>
      <c r="C3724" s="3">
        <f t="shared" si="117"/>
        <v>2015</v>
      </c>
      <c r="D3724" t="s">
        <v>1286</v>
      </c>
      <c r="E3724" t="s">
        <v>185</v>
      </c>
      <c r="F3724" t="s">
        <v>38</v>
      </c>
      <c r="G3724" t="s">
        <v>602</v>
      </c>
      <c r="H3724" t="s">
        <v>1347</v>
      </c>
      <c r="I3724">
        <v>599.99</v>
      </c>
      <c r="J3724">
        <v>1</v>
      </c>
      <c r="K3724">
        <v>234</v>
      </c>
    </row>
    <row r="3725" spans="1:11" x14ac:dyDescent="0.3">
      <c r="A3725" s="1">
        <v>42335</v>
      </c>
      <c r="B3725" s="3">
        <f t="shared" si="116"/>
        <v>11</v>
      </c>
      <c r="C3725" s="3">
        <f t="shared" si="117"/>
        <v>2015</v>
      </c>
      <c r="D3725" t="s">
        <v>1425</v>
      </c>
      <c r="E3725" t="s">
        <v>122</v>
      </c>
      <c r="F3725" t="s">
        <v>33</v>
      </c>
      <c r="G3725" t="s">
        <v>144</v>
      </c>
      <c r="H3725" t="s">
        <v>1500</v>
      </c>
      <c r="I3725">
        <v>375.46</v>
      </c>
      <c r="J3725">
        <v>3</v>
      </c>
      <c r="K3725">
        <v>-157.01</v>
      </c>
    </row>
    <row r="3726" spans="1:11" x14ac:dyDescent="0.3">
      <c r="A3726" s="1">
        <v>42335</v>
      </c>
      <c r="B3726" s="3">
        <f t="shared" si="116"/>
        <v>11</v>
      </c>
      <c r="C3726" s="3">
        <f t="shared" si="117"/>
        <v>2015</v>
      </c>
      <c r="D3726" t="s">
        <v>1425</v>
      </c>
      <c r="E3726" t="s">
        <v>122</v>
      </c>
      <c r="F3726" t="s">
        <v>38</v>
      </c>
      <c r="G3726" t="s">
        <v>51</v>
      </c>
      <c r="H3726" t="s">
        <v>2360</v>
      </c>
      <c r="I3726">
        <v>83.98</v>
      </c>
      <c r="J3726">
        <v>3</v>
      </c>
      <c r="K3726">
        <v>-1.05</v>
      </c>
    </row>
    <row r="3727" spans="1:11" x14ac:dyDescent="0.3">
      <c r="A3727" s="1">
        <v>42335</v>
      </c>
      <c r="B3727" s="3">
        <f t="shared" si="116"/>
        <v>11</v>
      </c>
      <c r="C3727" s="3">
        <f t="shared" si="117"/>
        <v>2015</v>
      </c>
      <c r="D3727" t="s">
        <v>377</v>
      </c>
      <c r="E3727" t="s">
        <v>26</v>
      </c>
      <c r="F3727" t="s">
        <v>33</v>
      </c>
      <c r="G3727" t="s">
        <v>34</v>
      </c>
      <c r="H3727" t="s">
        <v>792</v>
      </c>
      <c r="I3727">
        <v>283.92</v>
      </c>
      <c r="J3727">
        <v>5</v>
      </c>
      <c r="K3727">
        <v>17.75</v>
      </c>
    </row>
    <row r="3728" spans="1:11" x14ac:dyDescent="0.3">
      <c r="A3728" s="1">
        <v>42335</v>
      </c>
      <c r="B3728" s="3">
        <f t="shared" si="116"/>
        <v>11</v>
      </c>
      <c r="C3728" s="3">
        <f t="shared" si="117"/>
        <v>2015</v>
      </c>
      <c r="D3728" t="s">
        <v>1845</v>
      </c>
      <c r="E3728" t="s">
        <v>100</v>
      </c>
      <c r="F3728" t="s">
        <v>10</v>
      </c>
      <c r="G3728" t="s">
        <v>19</v>
      </c>
      <c r="H3728" t="s">
        <v>435</v>
      </c>
      <c r="I3728">
        <v>6.24</v>
      </c>
      <c r="J3728">
        <v>2</v>
      </c>
      <c r="K3728">
        <v>3.06</v>
      </c>
    </row>
    <row r="3729" spans="1:11" x14ac:dyDescent="0.3">
      <c r="A3729" s="1">
        <v>42335</v>
      </c>
      <c r="B3729" s="3">
        <f t="shared" si="116"/>
        <v>11</v>
      </c>
      <c r="C3729" s="3">
        <f t="shared" si="117"/>
        <v>2015</v>
      </c>
      <c r="D3729" t="s">
        <v>1634</v>
      </c>
      <c r="E3729" t="s">
        <v>58</v>
      </c>
      <c r="F3729" t="s">
        <v>38</v>
      </c>
      <c r="G3729" t="s">
        <v>39</v>
      </c>
      <c r="H3729" t="s">
        <v>2361</v>
      </c>
      <c r="I3729">
        <v>83.97</v>
      </c>
      <c r="J3729">
        <v>3</v>
      </c>
      <c r="K3729">
        <v>23.51</v>
      </c>
    </row>
    <row r="3730" spans="1:11" x14ac:dyDescent="0.3">
      <c r="A3730" s="1">
        <v>42335</v>
      </c>
      <c r="B3730" s="3">
        <f t="shared" si="116"/>
        <v>11</v>
      </c>
      <c r="C3730" s="3">
        <f t="shared" si="117"/>
        <v>2015</v>
      </c>
      <c r="D3730" t="s">
        <v>1634</v>
      </c>
      <c r="E3730" t="s">
        <v>58</v>
      </c>
      <c r="F3730" t="s">
        <v>38</v>
      </c>
      <c r="G3730" t="s">
        <v>51</v>
      </c>
      <c r="H3730" t="s">
        <v>2362</v>
      </c>
      <c r="I3730">
        <v>104.97</v>
      </c>
      <c r="J3730">
        <v>3</v>
      </c>
      <c r="K3730">
        <v>7.35</v>
      </c>
    </row>
    <row r="3731" spans="1:11" x14ac:dyDescent="0.3">
      <c r="A3731" s="1">
        <v>42335</v>
      </c>
      <c r="B3731" s="3">
        <f t="shared" si="116"/>
        <v>11</v>
      </c>
      <c r="C3731" s="3">
        <f t="shared" si="117"/>
        <v>2015</v>
      </c>
      <c r="D3731" t="s">
        <v>1950</v>
      </c>
      <c r="E3731" t="s">
        <v>148</v>
      </c>
      <c r="F3731" t="s">
        <v>10</v>
      </c>
      <c r="G3731" t="s">
        <v>23</v>
      </c>
      <c r="H3731" t="s">
        <v>405</v>
      </c>
      <c r="I3731">
        <v>29.79</v>
      </c>
      <c r="J3731">
        <v>3</v>
      </c>
      <c r="K3731">
        <v>12.51</v>
      </c>
    </row>
    <row r="3732" spans="1:11" x14ac:dyDescent="0.3">
      <c r="A3732" s="1">
        <v>42335</v>
      </c>
      <c r="B3732" s="3">
        <f t="shared" si="116"/>
        <v>11</v>
      </c>
      <c r="C3732" s="3">
        <f t="shared" si="117"/>
        <v>2015</v>
      </c>
      <c r="D3732" t="s">
        <v>627</v>
      </c>
      <c r="E3732" t="s">
        <v>26</v>
      </c>
      <c r="F3732" t="s">
        <v>38</v>
      </c>
      <c r="G3732" t="s">
        <v>51</v>
      </c>
      <c r="H3732" t="s">
        <v>866</v>
      </c>
      <c r="I3732">
        <v>107.97</v>
      </c>
      <c r="J3732">
        <v>3</v>
      </c>
      <c r="K3732">
        <v>22.67</v>
      </c>
    </row>
    <row r="3733" spans="1:11" x14ac:dyDescent="0.3">
      <c r="A3733" s="1">
        <v>42335</v>
      </c>
      <c r="B3733" s="3">
        <f t="shared" si="116"/>
        <v>11</v>
      </c>
      <c r="C3733" s="3">
        <f t="shared" si="117"/>
        <v>2015</v>
      </c>
      <c r="D3733" t="s">
        <v>627</v>
      </c>
      <c r="E3733" t="s">
        <v>26</v>
      </c>
      <c r="F3733" t="s">
        <v>10</v>
      </c>
      <c r="G3733" t="s">
        <v>11</v>
      </c>
      <c r="H3733" t="s">
        <v>1254</v>
      </c>
      <c r="I3733">
        <v>113.82</v>
      </c>
      <c r="J3733">
        <v>3</v>
      </c>
      <c r="K3733">
        <v>53.5</v>
      </c>
    </row>
    <row r="3734" spans="1:11" x14ac:dyDescent="0.3">
      <c r="A3734" s="1">
        <v>42335</v>
      </c>
      <c r="B3734" s="3">
        <f t="shared" si="116"/>
        <v>11</v>
      </c>
      <c r="C3734" s="3">
        <f t="shared" si="117"/>
        <v>2015</v>
      </c>
      <c r="D3734" t="s">
        <v>1493</v>
      </c>
      <c r="E3734" t="s">
        <v>22</v>
      </c>
      <c r="F3734" t="s">
        <v>38</v>
      </c>
      <c r="G3734" t="s">
        <v>39</v>
      </c>
      <c r="H3734" t="s">
        <v>2363</v>
      </c>
      <c r="I3734">
        <v>748.75</v>
      </c>
      <c r="J3734">
        <v>8</v>
      </c>
      <c r="K3734">
        <v>-162.22999999999999</v>
      </c>
    </row>
    <row r="3735" spans="1:11" x14ac:dyDescent="0.3">
      <c r="A3735" s="1">
        <v>42335</v>
      </c>
      <c r="B3735" s="3">
        <f t="shared" si="116"/>
        <v>11</v>
      </c>
      <c r="C3735" s="3">
        <f t="shared" si="117"/>
        <v>2015</v>
      </c>
      <c r="D3735" t="s">
        <v>1087</v>
      </c>
      <c r="E3735" t="s">
        <v>433</v>
      </c>
      <c r="F3735" t="s">
        <v>10</v>
      </c>
      <c r="G3735" t="s">
        <v>11</v>
      </c>
      <c r="H3735" t="s">
        <v>1980</v>
      </c>
      <c r="I3735">
        <v>40.08</v>
      </c>
      <c r="J3735">
        <v>6</v>
      </c>
      <c r="K3735">
        <v>19.239999999999998</v>
      </c>
    </row>
    <row r="3736" spans="1:11" x14ac:dyDescent="0.3">
      <c r="A3736" s="1">
        <v>42335</v>
      </c>
      <c r="B3736" s="3">
        <f t="shared" si="116"/>
        <v>11</v>
      </c>
      <c r="C3736" s="3">
        <f t="shared" si="117"/>
        <v>2015</v>
      </c>
      <c r="D3736" t="s">
        <v>1087</v>
      </c>
      <c r="E3736" t="s">
        <v>433</v>
      </c>
      <c r="F3736" t="s">
        <v>10</v>
      </c>
      <c r="G3736" t="s">
        <v>11</v>
      </c>
      <c r="H3736" t="s">
        <v>1051</v>
      </c>
      <c r="I3736">
        <v>59.94</v>
      </c>
      <c r="J3736">
        <v>3</v>
      </c>
      <c r="K3736">
        <v>28.17</v>
      </c>
    </row>
    <row r="3737" spans="1:11" x14ac:dyDescent="0.3">
      <c r="A3737" s="1">
        <v>42335</v>
      </c>
      <c r="B3737" s="3">
        <f t="shared" si="116"/>
        <v>11</v>
      </c>
      <c r="C3737" s="3">
        <f t="shared" si="117"/>
        <v>2015</v>
      </c>
      <c r="D3737" t="s">
        <v>1087</v>
      </c>
      <c r="E3737" t="s">
        <v>433</v>
      </c>
      <c r="F3737" t="s">
        <v>38</v>
      </c>
      <c r="G3737" t="s">
        <v>51</v>
      </c>
      <c r="H3737" t="s">
        <v>2080</v>
      </c>
      <c r="I3737">
        <v>259.98</v>
      </c>
      <c r="J3737">
        <v>2</v>
      </c>
      <c r="K3737">
        <v>88.39</v>
      </c>
    </row>
    <row r="3738" spans="1:11" x14ac:dyDescent="0.3">
      <c r="A3738" s="1">
        <v>42335</v>
      </c>
      <c r="B3738" s="3">
        <f t="shared" si="116"/>
        <v>11</v>
      </c>
      <c r="C3738" s="3">
        <f t="shared" si="117"/>
        <v>2015</v>
      </c>
      <c r="D3738" t="s">
        <v>1087</v>
      </c>
      <c r="E3738" t="s">
        <v>433</v>
      </c>
      <c r="F3738" t="s">
        <v>33</v>
      </c>
      <c r="G3738" t="s">
        <v>73</v>
      </c>
      <c r="H3738" t="s">
        <v>1038</v>
      </c>
      <c r="I3738">
        <v>170.98</v>
      </c>
      <c r="J3738">
        <v>1</v>
      </c>
      <c r="K3738">
        <v>32.49</v>
      </c>
    </row>
    <row r="3739" spans="1:11" x14ac:dyDescent="0.3">
      <c r="A3739" s="1">
        <v>42335</v>
      </c>
      <c r="B3739" s="3">
        <f t="shared" si="116"/>
        <v>11</v>
      </c>
      <c r="C3739" s="3">
        <f t="shared" si="117"/>
        <v>2015</v>
      </c>
      <c r="D3739" t="s">
        <v>1087</v>
      </c>
      <c r="E3739" t="s">
        <v>433</v>
      </c>
      <c r="F3739" t="s">
        <v>33</v>
      </c>
      <c r="G3739" t="s">
        <v>46</v>
      </c>
      <c r="H3739" t="s">
        <v>2086</v>
      </c>
      <c r="I3739">
        <v>38.97</v>
      </c>
      <c r="J3739">
        <v>3</v>
      </c>
      <c r="K3739">
        <v>4.68</v>
      </c>
    </row>
    <row r="3740" spans="1:11" x14ac:dyDescent="0.3">
      <c r="A3740" s="1">
        <v>42335</v>
      </c>
      <c r="B3740" s="3">
        <f t="shared" si="116"/>
        <v>11</v>
      </c>
      <c r="C3740" s="3">
        <f t="shared" si="117"/>
        <v>2015</v>
      </c>
      <c r="D3740" t="s">
        <v>1087</v>
      </c>
      <c r="E3740" t="s">
        <v>433</v>
      </c>
      <c r="F3740" t="s">
        <v>10</v>
      </c>
      <c r="G3740" t="s">
        <v>11</v>
      </c>
      <c r="H3740" t="s">
        <v>1441</v>
      </c>
      <c r="I3740">
        <v>154.9</v>
      </c>
      <c r="J3740">
        <v>5</v>
      </c>
      <c r="K3740">
        <v>69.709999999999994</v>
      </c>
    </row>
    <row r="3741" spans="1:11" x14ac:dyDescent="0.3">
      <c r="A3741" s="1">
        <v>42335</v>
      </c>
      <c r="B3741" s="3">
        <f t="shared" si="116"/>
        <v>11</v>
      </c>
      <c r="C3741" s="3">
        <f t="shared" si="117"/>
        <v>2015</v>
      </c>
      <c r="D3741" t="s">
        <v>1087</v>
      </c>
      <c r="E3741" t="s">
        <v>433</v>
      </c>
      <c r="F3741" t="s">
        <v>33</v>
      </c>
      <c r="G3741" t="s">
        <v>144</v>
      </c>
      <c r="H3741" t="s">
        <v>1773</v>
      </c>
      <c r="I3741">
        <v>446.07</v>
      </c>
      <c r="J3741">
        <v>4</v>
      </c>
      <c r="K3741">
        <v>0</v>
      </c>
    </row>
    <row r="3742" spans="1:11" x14ac:dyDescent="0.3">
      <c r="A3742" s="1">
        <v>42336</v>
      </c>
      <c r="B3742" s="3">
        <f t="shared" si="116"/>
        <v>11</v>
      </c>
      <c r="C3742" s="3">
        <f t="shared" si="117"/>
        <v>2015</v>
      </c>
      <c r="D3742" t="s">
        <v>2264</v>
      </c>
      <c r="E3742" t="s">
        <v>14</v>
      </c>
      <c r="F3742" t="s">
        <v>33</v>
      </c>
      <c r="G3742" t="s">
        <v>46</v>
      </c>
      <c r="H3742" t="s">
        <v>1626</v>
      </c>
      <c r="I3742">
        <v>12.13</v>
      </c>
      <c r="J3742">
        <v>9</v>
      </c>
      <c r="K3742">
        <v>-8.49</v>
      </c>
    </row>
    <row r="3743" spans="1:11" x14ac:dyDescent="0.3">
      <c r="A3743" s="1">
        <v>42336</v>
      </c>
      <c r="B3743" s="3">
        <f t="shared" si="116"/>
        <v>11</v>
      </c>
      <c r="C3743" s="3">
        <f t="shared" si="117"/>
        <v>2015</v>
      </c>
      <c r="D3743" t="s">
        <v>2264</v>
      </c>
      <c r="E3743" t="s">
        <v>14</v>
      </c>
      <c r="F3743" t="s">
        <v>10</v>
      </c>
      <c r="G3743" t="s">
        <v>17</v>
      </c>
      <c r="H3743" t="s">
        <v>1016</v>
      </c>
      <c r="I3743">
        <v>82.37</v>
      </c>
      <c r="J3743">
        <v>2</v>
      </c>
      <c r="K3743">
        <v>-19.559999999999999</v>
      </c>
    </row>
    <row r="3744" spans="1:11" x14ac:dyDescent="0.3">
      <c r="A3744" s="1">
        <v>42336</v>
      </c>
      <c r="B3744" s="3">
        <f t="shared" si="116"/>
        <v>11</v>
      </c>
      <c r="C3744" s="3">
        <f t="shared" si="117"/>
        <v>2015</v>
      </c>
      <c r="D3744" t="s">
        <v>2264</v>
      </c>
      <c r="E3744" t="s">
        <v>14</v>
      </c>
      <c r="F3744" t="s">
        <v>10</v>
      </c>
      <c r="G3744" t="s">
        <v>17</v>
      </c>
      <c r="H3744" t="s">
        <v>2091</v>
      </c>
      <c r="I3744">
        <v>53.92</v>
      </c>
      <c r="J3744">
        <v>5</v>
      </c>
      <c r="K3744">
        <v>4.04</v>
      </c>
    </row>
    <row r="3745" spans="1:11" x14ac:dyDescent="0.3">
      <c r="A3745" s="1">
        <v>42336</v>
      </c>
      <c r="B3745" s="3">
        <f t="shared" si="116"/>
        <v>11</v>
      </c>
      <c r="C3745" s="3">
        <f t="shared" si="117"/>
        <v>2015</v>
      </c>
      <c r="D3745" t="s">
        <v>2264</v>
      </c>
      <c r="E3745" t="s">
        <v>14</v>
      </c>
      <c r="F3745" t="s">
        <v>38</v>
      </c>
      <c r="G3745" t="s">
        <v>39</v>
      </c>
      <c r="H3745" t="s">
        <v>1706</v>
      </c>
      <c r="I3745">
        <v>647.9</v>
      </c>
      <c r="J3745">
        <v>6</v>
      </c>
      <c r="K3745">
        <v>56.69</v>
      </c>
    </row>
    <row r="3746" spans="1:11" x14ac:dyDescent="0.3">
      <c r="A3746" s="1">
        <v>42336</v>
      </c>
      <c r="B3746" s="3">
        <f t="shared" si="116"/>
        <v>11</v>
      </c>
      <c r="C3746" s="3">
        <f t="shared" si="117"/>
        <v>2015</v>
      </c>
      <c r="D3746" t="s">
        <v>566</v>
      </c>
      <c r="E3746" t="s">
        <v>14</v>
      </c>
      <c r="F3746" t="s">
        <v>33</v>
      </c>
      <c r="G3746" t="s">
        <v>46</v>
      </c>
      <c r="H3746" t="s">
        <v>1849</v>
      </c>
      <c r="I3746">
        <v>151.96</v>
      </c>
      <c r="J3746">
        <v>5</v>
      </c>
      <c r="K3746">
        <v>-182.35</v>
      </c>
    </row>
    <row r="3747" spans="1:11" x14ac:dyDescent="0.3">
      <c r="A3747" s="1">
        <v>42336</v>
      </c>
      <c r="B3747" s="3">
        <f t="shared" si="116"/>
        <v>11</v>
      </c>
      <c r="C3747" s="3">
        <f t="shared" si="117"/>
        <v>2015</v>
      </c>
      <c r="D3747" t="s">
        <v>2364</v>
      </c>
      <c r="E3747" t="s">
        <v>148</v>
      </c>
      <c r="F3747" t="s">
        <v>33</v>
      </c>
      <c r="G3747" t="s">
        <v>46</v>
      </c>
      <c r="H3747" t="s">
        <v>2365</v>
      </c>
      <c r="I3747">
        <v>322.58999999999997</v>
      </c>
      <c r="J3747">
        <v>3</v>
      </c>
      <c r="K3747">
        <v>64.52</v>
      </c>
    </row>
    <row r="3748" spans="1:11" x14ac:dyDescent="0.3">
      <c r="A3748" s="1">
        <v>42336</v>
      </c>
      <c r="B3748" s="3">
        <f t="shared" si="116"/>
        <v>11</v>
      </c>
      <c r="C3748" s="3">
        <f t="shared" si="117"/>
        <v>2015</v>
      </c>
      <c r="D3748" t="s">
        <v>747</v>
      </c>
      <c r="E3748" t="s">
        <v>148</v>
      </c>
      <c r="F3748" t="s">
        <v>33</v>
      </c>
      <c r="G3748" t="s">
        <v>46</v>
      </c>
      <c r="H3748" t="s">
        <v>2008</v>
      </c>
      <c r="I3748">
        <v>68.16</v>
      </c>
      <c r="J3748">
        <v>3</v>
      </c>
      <c r="K3748">
        <v>27.95</v>
      </c>
    </row>
    <row r="3749" spans="1:11" x14ac:dyDescent="0.3">
      <c r="A3749" s="1">
        <v>42336</v>
      </c>
      <c r="B3749" s="3">
        <f t="shared" si="116"/>
        <v>11</v>
      </c>
      <c r="C3749" s="3">
        <f t="shared" si="117"/>
        <v>2015</v>
      </c>
      <c r="D3749" t="s">
        <v>747</v>
      </c>
      <c r="E3749" t="s">
        <v>148</v>
      </c>
      <c r="F3749" t="s">
        <v>10</v>
      </c>
      <c r="G3749" t="s">
        <v>62</v>
      </c>
      <c r="H3749" t="s">
        <v>63</v>
      </c>
      <c r="I3749">
        <v>62.24</v>
      </c>
      <c r="J3749">
        <v>8</v>
      </c>
      <c r="K3749">
        <v>29.25</v>
      </c>
    </row>
    <row r="3750" spans="1:11" x14ac:dyDescent="0.3">
      <c r="A3750" s="1">
        <v>42336</v>
      </c>
      <c r="B3750" s="3">
        <f t="shared" si="116"/>
        <v>11</v>
      </c>
      <c r="C3750" s="3">
        <f t="shared" si="117"/>
        <v>2015</v>
      </c>
      <c r="D3750" t="s">
        <v>1407</v>
      </c>
      <c r="E3750" t="s">
        <v>9</v>
      </c>
      <c r="F3750" t="s">
        <v>10</v>
      </c>
      <c r="G3750" t="s">
        <v>11</v>
      </c>
      <c r="H3750" t="s">
        <v>881</v>
      </c>
      <c r="I3750">
        <v>335.52</v>
      </c>
      <c r="J3750">
        <v>4</v>
      </c>
      <c r="K3750">
        <v>117.43</v>
      </c>
    </row>
    <row r="3751" spans="1:11" x14ac:dyDescent="0.3">
      <c r="A3751" s="1">
        <v>42336</v>
      </c>
      <c r="B3751" s="3">
        <f t="shared" si="116"/>
        <v>11</v>
      </c>
      <c r="C3751" s="3">
        <f t="shared" si="117"/>
        <v>2015</v>
      </c>
      <c r="D3751" t="s">
        <v>1337</v>
      </c>
      <c r="E3751" t="s">
        <v>398</v>
      </c>
      <c r="F3751" t="s">
        <v>10</v>
      </c>
      <c r="G3751" t="s">
        <v>23</v>
      </c>
      <c r="H3751" t="s">
        <v>1234</v>
      </c>
      <c r="I3751">
        <v>8.2799999999999994</v>
      </c>
      <c r="J3751">
        <v>2</v>
      </c>
      <c r="K3751">
        <v>3.48</v>
      </c>
    </row>
    <row r="3752" spans="1:11" x14ac:dyDescent="0.3">
      <c r="A3752" s="1">
        <v>42336</v>
      </c>
      <c r="B3752" s="3">
        <f t="shared" si="116"/>
        <v>11</v>
      </c>
      <c r="C3752" s="3">
        <f t="shared" si="117"/>
        <v>2015</v>
      </c>
      <c r="D3752" t="s">
        <v>243</v>
      </c>
      <c r="E3752" t="s">
        <v>26</v>
      </c>
      <c r="F3752" t="s">
        <v>10</v>
      </c>
      <c r="G3752" t="s">
        <v>91</v>
      </c>
      <c r="H3752" t="s">
        <v>2366</v>
      </c>
      <c r="I3752">
        <v>45.28</v>
      </c>
      <c r="J3752">
        <v>4</v>
      </c>
      <c r="K3752">
        <v>15.4</v>
      </c>
    </row>
    <row r="3753" spans="1:11" x14ac:dyDescent="0.3">
      <c r="A3753" s="1">
        <v>42336</v>
      </c>
      <c r="B3753" s="3">
        <f t="shared" si="116"/>
        <v>11</v>
      </c>
      <c r="C3753" s="3">
        <f t="shared" si="117"/>
        <v>2015</v>
      </c>
      <c r="D3753" t="s">
        <v>2016</v>
      </c>
      <c r="E3753" t="s">
        <v>77</v>
      </c>
      <c r="F3753" t="s">
        <v>33</v>
      </c>
      <c r="G3753" t="s">
        <v>46</v>
      </c>
      <c r="H3753" t="s">
        <v>1904</v>
      </c>
      <c r="I3753">
        <v>71.12</v>
      </c>
      <c r="J3753">
        <v>5</v>
      </c>
      <c r="K3753">
        <v>9.7799999999999994</v>
      </c>
    </row>
    <row r="3754" spans="1:11" x14ac:dyDescent="0.3">
      <c r="A3754" s="1">
        <v>42336</v>
      </c>
      <c r="B3754" s="3">
        <f t="shared" si="116"/>
        <v>11</v>
      </c>
      <c r="C3754" s="3">
        <f t="shared" si="117"/>
        <v>2015</v>
      </c>
      <c r="D3754" t="s">
        <v>2016</v>
      </c>
      <c r="E3754" t="s">
        <v>77</v>
      </c>
      <c r="F3754" t="s">
        <v>10</v>
      </c>
      <c r="G3754" t="s">
        <v>42</v>
      </c>
      <c r="H3754" t="s">
        <v>159</v>
      </c>
      <c r="I3754">
        <v>3.01</v>
      </c>
      <c r="J3754">
        <v>2</v>
      </c>
      <c r="K3754">
        <v>0.56000000000000005</v>
      </c>
    </row>
    <row r="3755" spans="1:11" x14ac:dyDescent="0.3">
      <c r="A3755" s="1">
        <v>42337</v>
      </c>
      <c r="B3755" s="3">
        <f t="shared" si="116"/>
        <v>11</v>
      </c>
      <c r="C3755" s="3">
        <f t="shared" si="117"/>
        <v>2015</v>
      </c>
      <c r="D3755" t="s">
        <v>1501</v>
      </c>
      <c r="E3755" t="s">
        <v>109</v>
      </c>
      <c r="F3755" t="s">
        <v>33</v>
      </c>
      <c r="G3755" t="s">
        <v>34</v>
      </c>
      <c r="H3755" t="s">
        <v>2158</v>
      </c>
      <c r="I3755">
        <v>301.95999999999998</v>
      </c>
      <c r="J3755">
        <v>2</v>
      </c>
      <c r="K3755">
        <v>87.57</v>
      </c>
    </row>
    <row r="3756" spans="1:11" x14ac:dyDescent="0.3">
      <c r="A3756" s="1">
        <v>42337</v>
      </c>
      <c r="B3756" s="3">
        <f t="shared" si="116"/>
        <v>11</v>
      </c>
      <c r="C3756" s="3">
        <f t="shared" si="117"/>
        <v>2015</v>
      </c>
      <c r="D3756" t="s">
        <v>1501</v>
      </c>
      <c r="E3756" t="s">
        <v>109</v>
      </c>
      <c r="F3756" t="s">
        <v>10</v>
      </c>
      <c r="G3756" t="s">
        <v>91</v>
      </c>
      <c r="H3756" t="s">
        <v>2003</v>
      </c>
      <c r="I3756">
        <v>555.21</v>
      </c>
      <c r="J3756">
        <v>5</v>
      </c>
      <c r="K3756">
        <v>178.9</v>
      </c>
    </row>
    <row r="3757" spans="1:11" x14ac:dyDescent="0.3">
      <c r="A3757" s="1">
        <v>42337</v>
      </c>
      <c r="B3757" s="3">
        <f t="shared" si="116"/>
        <v>11</v>
      </c>
      <c r="C3757" s="3">
        <f t="shared" si="117"/>
        <v>2015</v>
      </c>
      <c r="D3757" t="s">
        <v>1501</v>
      </c>
      <c r="E3757" t="s">
        <v>109</v>
      </c>
      <c r="F3757" t="s">
        <v>10</v>
      </c>
      <c r="G3757" t="s">
        <v>17</v>
      </c>
      <c r="H3757" t="s">
        <v>2367</v>
      </c>
      <c r="I3757">
        <v>523.48</v>
      </c>
      <c r="J3757">
        <v>4</v>
      </c>
      <c r="K3757">
        <v>130.87</v>
      </c>
    </row>
    <row r="3758" spans="1:11" x14ac:dyDescent="0.3">
      <c r="A3758" s="1">
        <v>42337</v>
      </c>
      <c r="B3758" s="3">
        <f t="shared" si="116"/>
        <v>11</v>
      </c>
      <c r="C3758" s="3">
        <f t="shared" si="117"/>
        <v>2015</v>
      </c>
      <c r="D3758" t="s">
        <v>1501</v>
      </c>
      <c r="E3758" t="s">
        <v>109</v>
      </c>
      <c r="F3758" t="s">
        <v>10</v>
      </c>
      <c r="G3758" t="s">
        <v>23</v>
      </c>
      <c r="H3758" t="s">
        <v>1200</v>
      </c>
      <c r="I3758">
        <v>161.82</v>
      </c>
      <c r="J3758">
        <v>9</v>
      </c>
      <c r="K3758">
        <v>46.93</v>
      </c>
    </row>
    <row r="3759" spans="1:11" x14ac:dyDescent="0.3">
      <c r="A3759" s="1">
        <v>42337</v>
      </c>
      <c r="B3759" s="3">
        <f t="shared" si="116"/>
        <v>11</v>
      </c>
      <c r="C3759" s="3">
        <f t="shared" si="117"/>
        <v>2015</v>
      </c>
      <c r="D3759" t="s">
        <v>1516</v>
      </c>
      <c r="E3759" t="s">
        <v>109</v>
      </c>
      <c r="F3759" t="s">
        <v>10</v>
      </c>
      <c r="G3759" t="s">
        <v>11</v>
      </c>
      <c r="H3759" t="s">
        <v>624</v>
      </c>
      <c r="I3759">
        <v>19.920000000000002</v>
      </c>
      <c r="J3759">
        <v>4</v>
      </c>
      <c r="K3759">
        <v>9.36</v>
      </c>
    </row>
    <row r="3760" spans="1:11" x14ac:dyDescent="0.3">
      <c r="A3760" s="1">
        <v>42337</v>
      </c>
      <c r="B3760" s="3">
        <f t="shared" si="116"/>
        <v>11</v>
      </c>
      <c r="C3760" s="3">
        <f t="shared" si="117"/>
        <v>2015</v>
      </c>
      <c r="D3760" t="s">
        <v>1516</v>
      </c>
      <c r="E3760" t="s">
        <v>109</v>
      </c>
      <c r="F3760" t="s">
        <v>33</v>
      </c>
      <c r="G3760" t="s">
        <v>34</v>
      </c>
      <c r="H3760" t="s">
        <v>918</v>
      </c>
      <c r="I3760">
        <v>1106.9100000000001</v>
      </c>
      <c r="J3760">
        <v>9</v>
      </c>
      <c r="K3760">
        <v>121.76</v>
      </c>
    </row>
    <row r="3761" spans="1:11" x14ac:dyDescent="0.3">
      <c r="A3761" s="1">
        <v>42337</v>
      </c>
      <c r="B3761" s="3">
        <f t="shared" si="116"/>
        <v>11</v>
      </c>
      <c r="C3761" s="3">
        <f t="shared" si="117"/>
        <v>2015</v>
      </c>
      <c r="D3761" t="s">
        <v>2011</v>
      </c>
      <c r="E3761" t="s">
        <v>9</v>
      </c>
      <c r="F3761" t="s">
        <v>38</v>
      </c>
      <c r="G3761" t="s">
        <v>51</v>
      </c>
      <c r="H3761" t="s">
        <v>1421</v>
      </c>
      <c r="I3761">
        <v>21.48</v>
      </c>
      <c r="J3761">
        <v>3</v>
      </c>
      <c r="K3761">
        <v>-0.27</v>
      </c>
    </row>
    <row r="3762" spans="1:11" x14ac:dyDescent="0.3">
      <c r="A3762" s="1">
        <v>42337</v>
      </c>
      <c r="B3762" s="3">
        <f t="shared" si="116"/>
        <v>11</v>
      </c>
      <c r="C3762" s="3">
        <f t="shared" si="117"/>
        <v>2015</v>
      </c>
      <c r="D3762" t="s">
        <v>2011</v>
      </c>
      <c r="E3762" t="s">
        <v>9</v>
      </c>
      <c r="F3762" t="s">
        <v>10</v>
      </c>
      <c r="G3762" t="s">
        <v>19</v>
      </c>
      <c r="H3762" t="s">
        <v>1958</v>
      </c>
      <c r="I3762">
        <v>8.7799999999999994</v>
      </c>
      <c r="J3762">
        <v>4</v>
      </c>
      <c r="K3762">
        <v>-13.62</v>
      </c>
    </row>
    <row r="3763" spans="1:11" x14ac:dyDescent="0.3">
      <c r="A3763" s="1">
        <v>42337</v>
      </c>
      <c r="B3763" s="3">
        <f t="shared" si="116"/>
        <v>11</v>
      </c>
      <c r="C3763" s="3">
        <f t="shared" si="117"/>
        <v>2015</v>
      </c>
      <c r="D3763" t="s">
        <v>13</v>
      </c>
      <c r="E3763" t="s">
        <v>26</v>
      </c>
      <c r="F3763" t="s">
        <v>10</v>
      </c>
      <c r="G3763" t="s">
        <v>19</v>
      </c>
      <c r="H3763" t="s">
        <v>630</v>
      </c>
      <c r="I3763">
        <v>4.3</v>
      </c>
      <c r="J3763">
        <v>1</v>
      </c>
      <c r="K3763">
        <v>1.56</v>
      </c>
    </row>
    <row r="3764" spans="1:11" x14ac:dyDescent="0.3">
      <c r="A3764" s="1">
        <v>42337</v>
      </c>
      <c r="B3764" s="3">
        <f t="shared" si="116"/>
        <v>11</v>
      </c>
      <c r="C3764" s="3">
        <f t="shared" si="117"/>
        <v>2015</v>
      </c>
      <c r="D3764" t="s">
        <v>340</v>
      </c>
      <c r="E3764" t="s">
        <v>26</v>
      </c>
      <c r="F3764" t="s">
        <v>10</v>
      </c>
      <c r="G3764" t="s">
        <v>23</v>
      </c>
      <c r="H3764" t="s">
        <v>1599</v>
      </c>
      <c r="I3764">
        <v>56.3</v>
      </c>
      <c r="J3764">
        <v>2</v>
      </c>
      <c r="K3764">
        <v>15.76</v>
      </c>
    </row>
    <row r="3765" spans="1:11" x14ac:dyDescent="0.3">
      <c r="A3765" s="1">
        <v>42338</v>
      </c>
      <c r="B3765" s="3">
        <f t="shared" si="116"/>
        <v>11</v>
      </c>
      <c r="C3765" s="3">
        <f t="shared" si="117"/>
        <v>2015</v>
      </c>
      <c r="D3765" t="s">
        <v>1562</v>
      </c>
      <c r="E3765" t="s">
        <v>22</v>
      </c>
      <c r="F3765" t="s">
        <v>10</v>
      </c>
      <c r="G3765" t="s">
        <v>19</v>
      </c>
      <c r="H3765" t="s">
        <v>527</v>
      </c>
      <c r="I3765">
        <v>152.99</v>
      </c>
      <c r="J3765">
        <v>3</v>
      </c>
      <c r="K3765">
        <v>-122.39</v>
      </c>
    </row>
    <row r="3766" spans="1:11" x14ac:dyDescent="0.3">
      <c r="A3766" s="1">
        <v>42338</v>
      </c>
      <c r="B3766" s="3">
        <f t="shared" si="116"/>
        <v>11</v>
      </c>
      <c r="C3766" s="3">
        <f t="shared" si="117"/>
        <v>2015</v>
      </c>
      <c r="D3766" t="s">
        <v>1562</v>
      </c>
      <c r="E3766" t="s">
        <v>22</v>
      </c>
      <c r="F3766" t="s">
        <v>10</v>
      </c>
      <c r="G3766" t="s">
        <v>42</v>
      </c>
      <c r="H3766" t="s">
        <v>1306</v>
      </c>
      <c r="I3766">
        <v>10.58</v>
      </c>
      <c r="J3766">
        <v>7</v>
      </c>
      <c r="K3766">
        <v>-2.38</v>
      </c>
    </row>
    <row r="3767" spans="1:11" x14ac:dyDescent="0.3">
      <c r="A3767" s="1">
        <v>42338</v>
      </c>
      <c r="B3767" s="3">
        <f t="shared" si="116"/>
        <v>11</v>
      </c>
      <c r="C3767" s="3">
        <f t="shared" si="117"/>
        <v>2015</v>
      </c>
      <c r="D3767" t="s">
        <v>1562</v>
      </c>
      <c r="E3767" t="s">
        <v>22</v>
      </c>
      <c r="F3767" t="s">
        <v>38</v>
      </c>
      <c r="G3767" t="s">
        <v>39</v>
      </c>
      <c r="H3767" t="s">
        <v>2368</v>
      </c>
      <c r="I3767">
        <v>94.92</v>
      </c>
      <c r="J3767">
        <v>4</v>
      </c>
      <c r="K3767">
        <v>15.82</v>
      </c>
    </row>
    <row r="3768" spans="1:11" x14ac:dyDescent="0.3">
      <c r="A3768" s="1">
        <v>42338</v>
      </c>
      <c r="B3768" s="3">
        <f t="shared" si="116"/>
        <v>11</v>
      </c>
      <c r="C3768" s="3">
        <f t="shared" si="117"/>
        <v>2015</v>
      </c>
      <c r="D3768" t="s">
        <v>166</v>
      </c>
      <c r="E3768" t="s">
        <v>9</v>
      </c>
      <c r="F3768" t="s">
        <v>10</v>
      </c>
      <c r="G3768" t="s">
        <v>19</v>
      </c>
      <c r="H3768" t="s">
        <v>1366</v>
      </c>
      <c r="I3768">
        <v>3.88</v>
      </c>
      <c r="J3768">
        <v>3</v>
      </c>
      <c r="K3768">
        <v>-5.82</v>
      </c>
    </row>
    <row r="3769" spans="1:11" x14ac:dyDescent="0.3">
      <c r="A3769" s="1">
        <v>42338</v>
      </c>
      <c r="B3769" s="3">
        <f t="shared" si="116"/>
        <v>11</v>
      </c>
      <c r="C3769" s="3">
        <f t="shared" si="117"/>
        <v>2015</v>
      </c>
      <c r="D3769" t="s">
        <v>532</v>
      </c>
      <c r="E3769" t="s">
        <v>32</v>
      </c>
      <c r="F3769" t="s">
        <v>10</v>
      </c>
      <c r="G3769" t="s">
        <v>62</v>
      </c>
      <c r="H3769" t="s">
        <v>784</v>
      </c>
      <c r="I3769">
        <v>17.48</v>
      </c>
      <c r="J3769">
        <v>2</v>
      </c>
      <c r="K3769">
        <v>8.2200000000000006</v>
      </c>
    </row>
    <row r="3770" spans="1:11" x14ac:dyDescent="0.3">
      <c r="A3770" s="1">
        <v>42338</v>
      </c>
      <c r="B3770" s="3">
        <f t="shared" si="116"/>
        <v>11</v>
      </c>
      <c r="C3770" s="3">
        <f t="shared" si="117"/>
        <v>2015</v>
      </c>
      <c r="D3770" t="s">
        <v>532</v>
      </c>
      <c r="E3770" t="s">
        <v>32</v>
      </c>
      <c r="F3770" t="s">
        <v>10</v>
      </c>
      <c r="G3770" t="s">
        <v>62</v>
      </c>
      <c r="H3770" t="s">
        <v>2369</v>
      </c>
      <c r="I3770">
        <v>71.88</v>
      </c>
      <c r="J3770">
        <v>2</v>
      </c>
      <c r="K3770">
        <v>32.35</v>
      </c>
    </row>
    <row r="3771" spans="1:11" x14ac:dyDescent="0.3">
      <c r="A3771" s="1">
        <v>42338</v>
      </c>
      <c r="B3771" s="3">
        <f t="shared" si="116"/>
        <v>11</v>
      </c>
      <c r="C3771" s="3">
        <f t="shared" si="117"/>
        <v>2015</v>
      </c>
      <c r="D3771" t="s">
        <v>654</v>
      </c>
      <c r="E3771" t="s">
        <v>244</v>
      </c>
      <c r="F3771" t="s">
        <v>38</v>
      </c>
      <c r="G3771" t="s">
        <v>39</v>
      </c>
      <c r="H3771" t="s">
        <v>2370</v>
      </c>
      <c r="I3771">
        <v>177.48</v>
      </c>
      <c r="J3771">
        <v>3</v>
      </c>
      <c r="K3771">
        <v>19.97</v>
      </c>
    </row>
    <row r="3772" spans="1:11" x14ac:dyDescent="0.3">
      <c r="A3772" s="1">
        <v>42338</v>
      </c>
      <c r="B3772" s="3">
        <f t="shared" si="116"/>
        <v>11</v>
      </c>
      <c r="C3772" s="3">
        <f t="shared" si="117"/>
        <v>2015</v>
      </c>
      <c r="D3772" t="s">
        <v>713</v>
      </c>
      <c r="E3772" t="s">
        <v>148</v>
      </c>
      <c r="F3772" t="s">
        <v>10</v>
      </c>
      <c r="G3772" t="s">
        <v>11</v>
      </c>
      <c r="H3772" t="s">
        <v>1179</v>
      </c>
      <c r="I3772">
        <v>23.66</v>
      </c>
      <c r="J3772">
        <v>7</v>
      </c>
      <c r="K3772">
        <v>10.88</v>
      </c>
    </row>
    <row r="3773" spans="1:11" x14ac:dyDescent="0.3">
      <c r="A3773" s="1">
        <v>42338</v>
      </c>
      <c r="B3773" s="3">
        <f t="shared" si="116"/>
        <v>11</v>
      </c>
      <c r="C3773" s="3">
        <f t="shared" si="117"/>
        <v>2015</v>
      </c>
      <c r="D3773" t="s">
        <v>713</v>
      </c>
      <c r="E3773" t="s">
        <v>148</v>
      </c>
      <c r="F3773" t="s">
        <v>33</v>
      </c>
      <c r="G3773" t="s">
        <v>73</v>
      </c>
      <c r="H3773" t="s">
        <v>834</v>
      </c>
      <c r="I3773">
        <v>681.41</v>
      </c>
      <c r="J3773">
        <v>12</v>
      </c>
      <c r="K3773">
        <v>42.59</v>
      </c>
    </row>
    <row r="3774" spans="1:11" x14ac:dyDescent="0.3">
      <c r="A3774" s="1">
        <v>42338</v>
      </c>
      <c r="B3774" s="3">
        <f t="shared" si="116"/>
        <v>11</v>
      </c>
      <c r="C3774" s="3">
        <f t="shared" si="117"/>
        <v>2015</v>
      </c>
      <c r="D3774" t="s">
        <v>1660</v>
      </c>
      <c r="E3774" t="s">
        <v>125</v>
      </c>
      <c r="F3774" t="s">
        <v>33</v>
      </c>
      <c r="G3774" t="s">
        <v>46</v>
      </c>
      <c r="H3774" t="s">
        <v>380</v>
      </c>
      <c r="I3774">
        <v>80.959999999999994</v>
      </c>
      <c r="J3774">
        <v>4</v>
      </c>
      <c r="K3774">
        <v>29.15</v>
      </c>
    </row>
    <row r="3775" spans="1:11" x14ac:dyDescent="0.3">
      <c r="A3775" s="1">
        <v>42338</v>
      </c>
      <c r="B3775" s="3">
        <f t="shared" si="116"/>
        <v>11</v>
      </c>
      <c r="C3775" s="3">
        <f t="shared" si="117"/>
        <v>2015</v>
      </c>
      <c r="D3775" t="s">
        <v>1660</v>
      </c>
      <c r="E3775" t="s">
        <v>125</v>
      </c>
      <c r="F3775" t="s">
        <v>10</v>
      </c>
      <c r="G3775" t="s">
        <v>11</v>
      </c>
      <c r="H3775" t="s">
        <v>1943</v>
      </c>
      <c r="I3775">
        <v>25.92</v>
      </c>
      <c r="J3775">
        <v>4</v>
      </c>
      <c r="K3775">
        <v>12.44</v>
      </c>
    </row>
    <row r="3776" spans="1:11" x14ac:dyDescent="0.3">
      <c r="A3776" s="1">
        <v>42338</v>
      </c>
      <c r="B3776" s="3">
        <f t="shared" si="116"/>
        <v>11</v>
      </c>
      <c r="C3776" s="3">
        <f t="shared" si="117"/>
        <v>2015</v>
      </c>
      <c r="D3776" t="s">
        <v>1647</v>
      </c>
      <c r="E3776" t="s">
        <v>244</v>
      </c>
      <c r="F3776" t="s">
        <v>33</v>
      </c>
      <c r="G3776" t="s">
        <v>46</v>
      </c>
      <c r="H3776" t="s">
        <v>1354</v>
      </c>
      <c r="I3776">
        <v>17.09</v>
      </c>
      <c r="J3776">
        <v>2</v>
      </c>
      <c r="K3776">
        <v>1.07</v>
      </c>
    </row>
    <row r="3777" spans="1:11" x14ac:dyDescent="0.3">
      <c r="A3777" s="1">
        <v>42338</v>
      </c>
      <c r="B3777" s="3">
        <f t="shared" si="116"/>
        <v>11</v>
      </c>
      <c r="C3777" s="3">
        <f t="shared" si="117"/>
        <v>2015</v>
      </c>
      <c r="D3777" t="s">
        <v>1078</v>
      </c>
      <c r="E3777" t="s">
        <v>244</v>
      </c>
      <c r="F3777" t="s">
        <v>10</v>
      </c>
      <c r="G3777" t="s">
        <v>19</v>
      </c>
      <c r="H3777" t="s">
        <v>898</v>
      </c>
      <c r="I3777">
        <v>6.05</v>
      </c>
      <c r="J3777">
        <v>7</v>
      </c>
      <c r="K3777">
        <v>-4.2300000000000004</v>
      </c>
    </row>
    <row r="3778" spans="1:11" x14ac:dyDescent="0.3">
      <c r="A3778" s="1">
        <v>42338</v>
      </c>
      <c r="B3778" s="3">
        <f t="shared" ref="B3778:B3841" si="118">MONTH(A:A)</f>
        <v>11</v>
      </c>
      <c r="C3778" s="3">
        <f t="shared" ref="C3778:C3841" si="119">YEAR(A:A)</f>
        <v>2015</v>
      </c>
      <c r="D3778" t="s">
        <v>1078</v>
      </c>
      <c r="E3778" t="s">
        <v>244</v>
      </c>
      <c r="F3778" t="s">
        <v>10</v>
      </c>
      <c r="G3778" t="s">
        <v>91</v>
      </c>
      <c r="H3778" t="s">
        <v>198</v>
      </c>
      <c r="I3778">
        <v>98.35</v>
      </c>
      <c r="J3778">
        <v>3</v>
      </c>
      <c r="K3778">
        <v>9.84</v>
      </c>
    </row>
    <row r="3779" spans="1:11" x14ac:dyDescent="0.3">
      <c r="A3779" s="1">
        <v>42338</v>
      </c>
      <c r="B3779" s="3">
        <f t="shared" si="118"/>
        <v>11</v>
      </c>
      <c r="C3779" s="3">
        <f t="shared" si="119"/>
        <v>2015</v>
      </c>
      <c r="D3779" t="s">
        <v>1078</v>
      </c>
      <c r="E3779" t="s">
        <v>244</v>
      </c>
      <c r="F3779" t="s">
        <v>33</v>
      </c>
      <c r="G3779" t="s">
        <v>46</v>
      </c>
      <c r="H3779" t="s">
        <v>2371</v>
      </c>
      <c r="I3779">
        <v>335.74</v>
      </c>
      <c r="J3779">
        <v>2</v>
      </c>
      <c r="K3779">
        <v>25.18</v>
      </c>
    </row>
    <row r="3780" spans="1:11" x14ac:dyDescent="0.3">
      <c r="A3780" s="1">
        <v>42339</v>
      </c>
      <c r="B3780" s="3">
        <f t="shared" si="118"/>
        <v>12</v>
      </c>
      <c r="C3780" s="3">
        <f t="shared" si="119"/>
        <v>2015</v>
      </c>
      <c r="D3780" t="s">
        <v>1262</v>
      </c>
      <c r="E3780" t="s">
        <v>163</v>
      </c>
      <c r="F3780" t="s">
        <v>10</v>
      </c>
      <c r="G3780" t="s">
        <v>19</v>
      </c>
      <c r="H3780" t="s">
        <v>762</v>
      </c>
      <c r="I3780">
        <v>55.42</v>
      </c>
      <c r="J3780">
        <v>2</v>
      </c>
      <c r="K3780">
        <v>19.399999999999999</v>
      </c>
    </row>
    <row r="3781" spans="1:11" x14ac:dyDescent="0.3">
      <c r="A3781" s="1">
        <v>42339</v>
      </c>
      <c r="B3781" s="3">
        <f t="shared" si="118"/>
        <v>12</v>
      </c>
      <c r="C3781" s="3">
        <f t="shared" si="119"/>
        <v>2015</v>
      </c>
      <c r="D3781" t="s">
        <v>2229</v>
      </c>
      <c r="E3781" t="s">
        <v>9</v>
      </c>
      <c r="F3781" t="s">
        <v>33</v>
      </c>
      <c r="G3781" t="s">
        <v>46</v>
      </c>
      <c r="H3781" t="s">
        <v>1778</v>
      </c>
      <c r="I3781">
        <v>6.69</v>
      </c>
      <c r="J3781">
        <v>4</v>
      </c>
      <c r="K3781">
        <v>-4.01</v>
      </c>
    </row>
    <row r="3782" spans="1:11" x14ac:dyDescent="0.3">
      <c r="A3782" s="1">
        <v>42339</v>
      </c>
      <c r="B3782" s="3">
        <f t="shared" si="118"/>
        <v>12</v>
      </c>
      <c r="C3782" s="3">
        <f t="shared" si="119"/>
        <v>2015</v>
      </c>
      <c r="D3782" t="s">
        <v>568</v>
      </c>
      <c r="E3782" t="s">
        <v>163</v>
      </c>
      <c r="F3782" t="s">
        <v>10</v>
      </c>
      <c r="G3782" t="s">
        <v>23</v>
      </c>
      <c r="H3782" t="s">
        <v>868</v>
      </c>
      <c r="I3782">
        <v>13.9</v>
      </c>
      <c r="J3782">
        <v>5</v>
      </c>
      <c r="K3782">
        <v>5.56</v>
      </c>
    </row>
    <row r="3783" spans="1:11" x14ac:dyDescent="0.3">
      <c r="A3783" s="1">
        <v>42339</v>
      </c>
      <c r="B3783" s="3">
        <f t="shared" si="118"/>
        <v>12</v>
      </c>
      <c r="C3783" s="3">
        <f t="shared" si="119"/>
        <v>2015</v>
      </c>
      <c r="D3783" t="s">
        <v>1393</v>
      </c>
      <c r="E3783" t="s">
        <v>54</v>
      </c>
      <c r="F3783" t="s">
        <v>10</v>
      </c>
      <c r="G3783" t="s">
        <v>17</v>
      </c>
      <c r="H3783" t="s">
        <v>1330</v>
      </c>
      <c r="I3783">
        <v>61.68</v>
      </c>
      <c r="J3783">
        <v>4</v>
      </c>
      <c r="K3783">
        <v>16.649999999999999</v>
      </c>
    </row>
    <row r="3784" spans="1:11" x14ac:dyDescent="0.3">
      <c r="A3784" s="1">
        <v>42339</v>
      </c>
      <c r="B3784" s="3">
        <f t="shared" si="118"/>
        <v>12</v>
      </c>
      <c r="C3784" s="3">
        <f t="shared" si="119"/>
        <v>2015</v>
      </c>
      <c r="D3784" t="s">
        <v>1393</v>
      </c>
      <c r="E3784" t="s">
        <v>54</v>
      </c>
      <c r="F3784" t="s">
        <v>10</v>
      </c>
      <c r="G3784" t="s">
        <v>19</v>
      </c>
      <c r="H3784" t="s">
        <v>743</v>
      </c>
      <c r="I3784">
        <v>63.96</v>
      </c>
      <c r="J3784">
        <v>4</v>
      </c>
      <c r="K3784">
        <v>30.7</v>
      </c>
    </row>
    <row r="3785" spans="1:11" x14ac:dyDescent="0.3">
      <c r="A3785" s="1">
        <v>42339</v>
      </c>
      <c r="B3785" s="3">
        <f t="shared" si="118"/>
        <v>12</v>
      </c>
      <c r="C3785" s="3">
        <f t="shared" si="119"/>
        <v>2015</v>
      </c>
      <c r="D3785" t="s">
        <v>1825</v>
      </c>
      <c r="E3785" t="s">
        <v>163</v>
      </c>
      <c r="F3785" t="s">
        <v>33</v>
      </c>
      <c r="G3785" t="s">
        <v>34</v>
      </c>
      <c r="H3785" t="s">
        <v>990</v>
      </c>
      <c r="I3785">
        <v>2003.92</v>
      </c>
      <c r="J3785">
        <v>5</v>
      </c>
      <c r="K3785">
        <v>125.25</v>
      </c>
    </row>
    <row r="3786" spans="1:11" x14ac:dyDescent="0.3">
      <c r="A3786" s="1">
        <v>42339</v>
      </c>
      <c r="B3786" s="3">
        <f t="shared" si="118"/>
        <v>12</v>
      </c>
      <c r="C3786" s="3">
        <f t="shared" si="119"/>
        <v>2015</v>
      </c>
      <c r="D3786" t="s">
        <v>1825</v>
      </c>
      <c r="E3786" t="s">
        <v>163</v>
      </c>
      <c r="F3786" t="s">
        <v>10</v>
      </c>
      <c r="G3786" t="s">
        <v>11</v>
      </c>
      <c r="H3786" t="s">
        <v>2084</v>
      </c>
      <c r="I3786">
        <v>32.4</v>
      </c>
      <c r="J3786">
        <v>5</v>
      </c>
      <c r="K3786">
        <v>15.55</v>
      </c>
    </row>
    <row r="3787" spans="1:11" x14ac:dyDescent="0.3">
      <c r="A3787" s="1">
        <v>42339</v>
      </c>
      <c r="B3787" s="3">
        <f t="shared" si="118"/>
        <v>12</v>
      </c>
      <c r="C3787" s="3">
        <f t="shared" si="119"/>
        <v>2015</v>
      </c>
      <c r="D3787" t="s">
        <v>1825</v>
      </c>
      <c r="E3787" t="s">
        <v>163</v>
      </c>
      <c r="F3787" t="s">
        <v>33</v>
      </c>
      <c r="G3787" t="s">
        <v>144</v>
      </c>
      <c r="H3787" t="s">
        <v>549</v>
      </c>
      <c r="I3787">
        <v>1913.4</v>
      </c>
      <c r="J3787">
        <v>9</v>
      </c>
      <c r="K3787">
        <v>401.81</v>
      </c>
    </row>
    <row r="3788" spans="1:11" x14ac:dyDescent="0.3">
      <c r="A3788" s="1">
        <v>42339</v>
      </c>
      <c r="B3788" s="3">
        <f t="shared" si="118"/>
        <v>12</v>
      </c>
      <c r="C3788" s="3">
        <f t="shared" si="119"/>
        <v>2015</v>
      </c>
      <c r="D3788" t="s">
        <v>1825</v>
      </c>
      <c r="E3788" t="s">
        <v>163</v>
      </c>
      <c r="F3788" t="s">
        <v>10</v>
      </c>
      <c r="G3788" t="s">
        <v>17</v>
      </c>
      <c r="H3788" t="s">
        <v>1869</v>
      </c>
      <c r="I3788">
        <v>146.72999999999999</v>
      </c>
      <c r="J3788">
        <v>3</v>
      </c>
      <c r="K3788">
        <v>2.93</v>
      </c>
    </row>
    <row r="3789" spans="1:11" x14ac:dyDescent="0.3">
      <c r="A3789" s="1">
        <v>42339</v>
      </c>
      <c r="B3789" s="3">
        <f t="shared" si="118"/>
        <v>12</v>
      </c>
      <c r="C3789" s="3">
        <f t="shared" si="119"/>
        <v>2015</v>
      </c>
      <c r="D3789" t="s">
        <v>1825</v>
      </c>
      <c r="E3789" t="s">
        <v>163</v>
      </c>
      <c r="F3789" t="s">
        <v>10</v>
      </c>
      <c r="G3789" t="s">
        <v>11</v>
      </c>
      <c r="H3789" t="s">
        <v>1772</v>
      </c>
      <c r="I3789">
        <v>114.2</v>
      </c>
      <c r="J3789">
        <v>5</v>
      </c>
      <c r="K3789">
        <v>52.53</v>
      </c>
    </row>
    <row r="3790" spans="1:11" x14ac:dyDescent="0.3">
      <c r="A3790" s="1">
        <v>42339</v>
      </c>
      <c r="B3790" s="3">
        <f t="shared" si="118"/>
        <v>12</v>
      </c>
      <c r="C3790" s="3">
        <f t="shared" si="119"/>
        <v>2015</v>
      </c>
      <c r="D3790" t="s">
        <v>1921</v>
      </c>
      <c r="E3790" t="s">
        <v>26</v>
      </c>
      <c r="F3790" t="s">
        <v>33</v>
      </c>
      <c r="G3790" t="s">
        <v>34</v>
      </c>
      <c r="H3790" t="s">
        <v>571</v>
      </c>
      <c r="I3790">
        <v>2676.67</v>
      </c>
      <c r="J3790">
        <v>9</v>
      </c>
      <c r="K3790">
        <v>267.67</v>
      </c>
    </row>
    <row r="3791" spans="1:11" x14ac:dyDescent="0.3">
      <c r="A3791" s="1">
        <v>42339</v>
      </c>
      <c r="B3791" s="3">
        <f t="shared" si="118"/>
        <v>12</v>
      </c>
      <c r="C3791" s="3">
        <f t="shared" si="119"/>
        <v>2015</v>
      </c>
      <c r="D3791" t="s">
        <v>1087</v>
      </c>
      <c r="E3791" t="s">
        <v>109</v>
      </c>
      <c r="F3791" t="s">
        <v>10</v>
      </c>
      <c r="G3791" t="s">
        <v>11</v>
      </c>
      <c r="H3791" t="s">
        <v>2372</v>
      </c>
      <c r="I3791">
        <v>19.440000000000001</v>
      </c>
      <c r="J3791">
        <v>3</v>
      </c>
      <c r="K3791">
        <v>9.33</v>
      </c>
    </row>
    <row r="3792" spans="1:11" x14ac:dyDescent="0.3">
      <c r="A3792" s="1">
        <v>42339</v>
      </c>
      <c r="B3792" s="3">
        <f t="shared" si="118"/>
        <v>12</v>
      </c>
      <c r="C3792" s="3">
        <f t="shared" si="119"/>
        <v>2015</v>
      </c>
      <c r="D3792" t="s">
        <v>1087</v>
      </c>
      <c r="E3792" t="s">
        <v>109</v>
      </c>
      <c r="F3792" t="s">
        <v>10</v>
      </c>
      <c r="G3792" t="s">
        <v>23</v>
      </c>
      <c r="H3792" t="s">
        <v>2373</v>
      </c>
      <c r="I3792">
        <v>3.64</v>
      </c>
      <c r="J3792">
        <v>2</v>
      </c>
      <c r="K3792">
        <v>1.02</v>
      </c>
    </row>
    <row r="3793" spans="1:11" x14ac:dyDescent="0.3">
      <c r="A3793" s="1">
        <v>42339</v>
      </c>
      <c r="B3793" s="3">
        <f t="shared" si="118"/>
        <v>12</v>
      </c>
      <c r="C3793" s="3">
        <f t="shared" si="119"/>
        <v>2015</v>
      </c>
      <c r="D3793" t="s">
        <v>1087</v>
      </c>
      <c r="E3793" t="s">
        <v>109</v>
      </c>
      <c r="F3793" t="s">
        <v>10</v>
      </c>
      <c r="G3793" t="s">
        <v>11</v>
      </c>
      <c r="H3793" t="s">
        <v>1607</v>
      </c>
      <c r="I3793">
        <v>18.54</v>
      </c>
      <c r="J3793">
        <v>2</v>
      </c>
      <c r="K3793">
        <v>8.7100000000000009</v>
      </c>
    </row>
    <row r="3794" spans="1:11" x14ac:dyDescent="0.3">
      <c r="A3794" s="1">
        <v>42341</v>
      </c>
      <c r="B3794" s="3">
        <f t="shared" si="118"/>
        <v>12</v>
      </c>
      <c r="C3794" s="3">
        <f t="shared" si="119"/>
        <v>2015</v>
      </c>
      <c r="D3794" t="s">
        <v>290</v>
      </c>
      <c r="E3794" t="s">
        <v>22</v>
      </c>
      <c r="F3794" t="s">
        <v>38</v>
      </c>
      <c r="G3794" t="s">
        <v>301</v>
      </c>
      <c r="H3794" t="s">
        <v>2374</v>
      </c>
      <c r="I3794">
        <v>482.34</v>
      </c>
      <c r="J3794">
        <v>4</v>
      </c>
      <c r="K3794">
        <v>-337.64</v>
      </c>
    </row>
    <row r="3795" spans="1:11" x14ac:dyDescent="0.3">
      <c r="A3795" s="1">
        <v>42341</v>
      </c>
      <c r="B3795" s="3">
        <f t="shared" si="118"/>
        <v>12</v>
      </c>
      <c r="C3795" s="3">
        <f t="shared" si="119"/>
        <v>2015</v>
      </c>
      <c r="D3795" t="s">
        <v>290</v>
      </c>
      <c r="E3795" t="s">
        <v>22</v>
      </c>
      <c r="F3795" t="s">
        <v>33</v>
      </c>
      <c r="G3795" t="s">
        <v>46</v>
      </c>
      <c r="H3795" t="s">
        <v>760</v>
      </c>
      <c r="I3795">
        <v>2.96</v>
      </c>
      <c r="J3795">
        <v>1</v>
      </c>
      <c r="K3795">
        <v>0.78</v>
      </c>
    </row>
    <row r="3796" spans="1:11" x14ac:dyDescent="0.3">
      <c r="A3796" s="1">
        <v>42341</v>
      </c>
      <c r="B3796" s="3">
        <f t="shared" si="118"/>
        <v>12</v>
      </c>
      <c r="C3796" s="3">
        <f t="shared" si="119"/>
        <v>2015</v>
      </c>
      <c r="D3796" t="s">
        <v>412</v>
      </c>
      <c r="E3796" t="s">
        <v>148</v>
      </c>
      <c r="F3796" t="s">
        <v>10</v>
      </c>
      <c r="G3796" t="s">
        <v>19</v>
      </c>
      <c r="H3796" t="s">
        <v>892</v>
      </c>
      <c r="I3796">
        <v>10.75</v>
      </c>
      <c r="J3796">
        <v>4</v>
      </c>
      <c r="K3796">
        <v>3.36</v>
      </c>
    </row>
    <row r="3797" spans="1:11" x14ac:dyDescent="0.3">
      <c r="A3797" s="1">
        <v>42341</v>
      </c>
      <c r="B3797" s="3">
        <f t="shared" si="118"/>
        <v>12</v>
      </c>
      <c r="C3797" s="3">
        <f t="shared" si="119"/>
        <v>2015</v>
      </c>
      <c r="D3797" t="s">
        <v>1002</v>
      </c>
      <c r="E3797" t="s">
        <v>22</v>
      </c>
      <c r="F3797" t="s">
        <v>10</v>
      </c>
      <c r="G3797" t="s">
        <v>11</v>
      </c>
      <c r="H3797" t="s">
        <v>12</v>
      </c>
      <c r="I3797">
        <v>16.45</v>
      </c>
      <c r="J3797">
        <v>2</v>
      </c>
      <c r="K3797">
        <v>5.55</v>
      </c>
    </row>
    <row r="3798" spans="1:11" x14ac:dyDescent="0.3">
      <c r="A3798" s="1">
        <v>42341</v>
      </c>
      <c r="B3798" s="3">
        <f t="shared" si="118"/>
        <v>12</v>
      </c>
      <c r="C3798" s="3">
        <f t="shared" si="119"/>
        <v>2015</v>
      </c>
      <c r="D3798" t="s">
        <v>1002</v>
      </c>
      <c r="E3798" t="s">
        <v>22</v>
      </c>
      <c r="F3798" t="s">
        <v>38</v>
      </c>
      <c r="G3798" t="s">
        <v>51</v>
      </c>
      <c r="H3798" t="s">
        <v>1968</v>
      </c>
      <c r="I3798">
        <v>36.78</v>
      </c>
      <c r="J3798">
        <v>2</v>
      </c>
      <c r="K3798">
        <v>10.58</v>
      </c>
    </row>
    <row r="3799" spans="1:11" x14ac:dyDescent="0.3">
      <c r="A3799" s="1">
        <v>42341</v>
      </c>
      <c r="B3799" s="3">
        <f t="shared" si="118"/>
        <v>12</v>
      </c>
      <c r="C3799" s="3">
        <f t="shared" si="119"/>
        <v>2015</v>
      </c>
      <c r="D3799" t="s">
        <v>1721</v>
      </c>
      <c r="E3799" t="s">
        <v>148</v>
      </c>
      <c r="F3799" t="s">
        <v>10</v>
      </c>
      <c r="G3799" t="s">
        <v>19</v>
      </c>
      <c r="H3799" t="s">
        <v>2375</v>
      </c>
      <c r="I3799">
        <v>590.35</v>
      </c>
      <c r="J3799">
        <v>6</v>
      </c>
      <c r="K3799">
        <v>206.62</v>
      </c>
    </row>
    <row r="3800" spans="1:11" x14ac:dyDescent="0.3">
      <c r="A3800" s="1">
        <v>42341</v>
      </c>
      <c r="B3800" s="3">
        <f t="shared" si="118"/>
        <v>12</v>
      </c>
      <c r="C3800" s="3">
        <f t="shared" si="119"/>
        <v>2015</v>
      </c>
      <c r="D3800" t="s">
        <v>1642</v>
      </c>
      <c r="E3800" t="s">
        <v>26</v>
      </c>
      <c r="F3800" t="s">
        <v>33</v>
      </c>
      <c r="G3800" t="s">
        <v>73</v>
      </c>
      <c r="H3800" t="s">
        <v>2169</v>
      </c>
      <c r="I3800">
        <v>359.5</v>
      </c>
      <c r="J3800">
        <v>3</v>
      </c>
      <c r="K3800">
        <v>-29.61</v>
      </c>
    </row>
    <row r="3801" spans="1:11" x14ac:dyDescent="0.3">
      <c r="A3801" s="1">
        <v>42341</v>
      </c>
      <c r="B3801" s="3">
        <f t="shared" si="118"/>
        <v>12</v>
      </c>
      <c r="C3801" s="3">
        <f t="shared" si="119"/>
        <v>2015</v>
      </c>
      <c r="D3801" t="s">
        <v>1345</v>
      </c>
      <c r="E3801" t="s">
        <v>244</v>
      </c>
      <c r="F3801" t="s">
        <v>33</v>
      </c>
      <c r="G3801" t="s">
        <v>46</v>
      </c>
      <c r="H3801" t="s">
        <v>1310</v>
      </c>
      <c r="I3801">
        <v>77.95</v>
      </c>
      <c r="J3801">
        <v>3</v>
      </c>
      <c r="K3801">
        <v>12.67</v>
      </c>
    </row>
    <row r="3802" spans="1:11" x14ac:dyDescent="0.3">
      <c r="A3802" s="1">
        <v>42341</v>
      </c>
      <c r="B3802" s="3">
        <f t="shared" si="118"/>
        <v>12</v>
      </c>
      <c r="C3802" s="3">
        <f t="shared" si="119"/>
        <v>2015</v>
      </c>
      <c r="D3802" t="s">
        <v>1345</v>
      </c>
      <c r="E3802" t="s">
        <v>244</v>
      </c>
      <c r="F3802" t="s">
        <v>10</v>
      </c>
      <c r="G3802" t="s">
        <v>19</v>
      </c>
      <c r="H3802" t="s">
        <v>1135</v>
      </c>
      <c r="I3802">
        <v>95.97</v>
      </c>
      <c r="J3802">
        <v>5</v>
      </c>
      <c r="K3802">
        <v>-73.58</v>
      </c>
    </row>
    <row r="3803" spans="1:11" x14ac:dyDescent="0.3">
      <c r="A3803" s="1">
        <v>42341</v>
      </c>
      <c r="B3803" s="3">
        <f t="shared" si="118"/>
        <v>12</v>
      </c>
      <c r="C3803" s="3">
        <f t="shared" si="119"/>
        <v>2015</v>
      </c>
      <c r="D3803" t="s">
        <v>1345</v>
      </c>
      <c r="E3803" t="s">
        <v>244</v>
      </c>
      <c r="F3803" t="s">
        <v>38</v>
      </c>
      <c r="G3803" t="s">
        <v>39</v>
      </c>
      <c r="H3803" t="s">
        <v>2299</v>
      </c>
      <c r="I3803">
        <v>105.58</v>
      </c>
      <c r="J3803">
        <v>2</v>
      </c>
      <c r="K3803">
        <v>9.24</v>
      </c>
    </row>
    <row r="3804" spans="1:11" x14ac:dyDescent="0.3">
      <c r="A3804" s="1">
        <v>42341</v>
      </c>
      <c r="B3804" s="3">
        <f t="shared" si="118"/>
        <v>12</v>
      </c>
      <c r="C3804" s="3">
        <f t="shared" si="119"/>
        <v>2015</v>
      </c>
      <c r="D3804" t="s">
        <v>1345</v>
      </c>
      <c r="E3804" t="s">
        <v>244</v>
      </c>
      <c r="F3804" t="s">
        <v>10</v>
      </c>
      <c r="G3804" t="s">
        <v>23</v>
      </c>
      <c r="H3804" t="s">
        <v>50</v>
      </c>
      <c r="I3804">
        <v>9.34</v>
      </c>
      <c r="J3804">
        <v>2</v>
      </c>
      <c r="K3804">
        <v>1.17</v>
      </c>
    </row>
    <row r="3805" spans="1:11" x14ac:dyDescent="0.3">
      <c r="A3805" s="1">
        <v>42341</v>
      </c>
      <c r="B3805" s="3">
        <f t="shared" si="118"/>
        <v>12</v>
      </c>
      <c r="C3805" s="3">
        <f t="shared" si="119"/>
        <v>2015</v>
      </c>
      <c r="D3805" t="s">
        <v>625</v>
      </c>
      <c r="E3805" t="s">
        <v>684</v>
      </c>
      <c r="F3805" t="s">
        <v>10</v>
      </c>
      <c r="G3805" t="s">
        <v>11</v>
      </c>
      <c r="H3805" t="s">
        <v>2376</v>
      </c>
      <c r="I3805">
        <v>184.66</v>
      </c>
      <c r="J3805">
        <v>7</v>
      </c>
      <c r="K3805">
        <v>84.94</v>
      </c>
    </row>
    <row r="3806" spans="1:11" x14ac:dyDescent="0.3">
      <c r="A3806" s="1">
        <v>42342</v>
      </c>
      <c r="B3806" s="3">
        <f t="shared" si="118"/>
        <v>12</v>
      </c>
      <c r="C3806" s="3">
        <f t="shared" si="119"/>
        <v>2015</v>
      </c>
      <c r="D3806" t="s">
        <v>2377</v>
      </c>
      <c r="E3806" t="s">
        <v>122</v>
      </c>
      <c r="F3806" t="s">
        <v>10</v>
      </c>
      <c r="G3806" t="s">
        <v>19</v>
      </c>
      <c r="H3806" t="s">
        <v>864</v>
      </c>
      <c r="I3806">
        <v>8.23</v>
      </c>
      <c r="J3806">
        <v>3</v>
      </c>
      <c r="K3806">
        <v>-6.03</v>
      </c>
    </row>
    <row r="3807" spans="1:11" x14ac:dyDescent="0.3">
      <c r="A3807" s="1">
        <v>42342</v>
      </c>
      <c r="B3807" s="3">
        <f t="shared" si="118"/>
        <v>12</v>
      </c>
      <c r="C3807" s="3">
        <f t="shared" si="119"/>
        <v>2015</v>
      </c>
      <c r="D3807" t="s">
        <v>2283</v>
      </c>
      <c r="E3807" t="s">
        <v>148</v>
      </c>
      <c r="F3807" t="s">
        <v>33</v>
      </c>
      <c r="G3807" t="s">
        <v>46</v>
      </c>
      <c r="H3807" t="s">
        <v>2048</v>
      </c>
      <c r="I3807">
        <v>28.44</v>
      </c>
      <c r="J3807">
        <v>3</v>
      </c>
      <c r="K3807">
        <v>11.38</v>
      </c>
    </row>
    <row r="3808" spans="1:11" x14ac:dyDescent="0.3">
      <c r="A3808" s="1">
        <v>42342</v>
      </c>
      <c r="B3808" s="3">
        <f t="shared" si="118"/>
        <v>12</v>
      </c>
      <c r="C3808" s="3">
        <f t="shared" si="119"/>
        <v>2015</v>
      </c>
      <c r="D3808" t="s">
        <v>2283</v>
      </c>
      <c r="E3808" t="s">
        <v>148</v>
      </c>
      <c r="F3808" t="s">
        <v>33</v>
      </c>
      <c r="G3808" t="s">
        <v>34</v>
      </c>
      <c r="H3808" t="s">
        <v>963</v>
      </c>
      <c r="I3808">
        <v>364.41</v>
      </c>
      <c r="J3808">
        <v>5</v>
      </c>
      <c r="K3808">
        <v>8.1</v>
      </c>
    </row>
    <row r="3809" spans="1:11" x14ac:dyDescent="0.3">
      <c r="A3809" s="1">
        <v>42342</v>
      </c>
      <c r="B3809" s="3">
        <f t="shared" si="118"/>
        <v>12</v>
      </c>
      <c r="C3809" s="3">
        <f t="shared" si="119"/>
        <v>2015</v>
      </c>
      <c r="D3809" t="s">
        <v>2283</v>
      </c>
      <c r="E3809" t="s">
        <v>148</v>
      </c>
      <c r="F3809" t="s">
        <v>38</v>
      </c>
      <c r="G3809" t="s">
        <v>39</v>
      </c>
      <c r="H3809" t="s">
        <v>596</v>
      </c>
      <c r="I3809">
        <v>39.96</v>
      </c>
      <c r="J3809">
        <v>4</v>
      </c>
      <c r="K3809">
        <v>10.39</v>
      </c>
    </row>
    <row r="3810" spans="1:11" x14ac:dyDescent="0.3">
      <c r="A3810" s="1">
        <v>42342</v>
      </c>
      <c r="B3810" s="3">
        <f t="shared" si="118"/>
        <v>12</v>
      </c>
      <c r="C3810" s="3">
        <f t="shared" si="119"/>
        <v>2015</v>
      </c>
      <c r="D3810" t="s">
        <v>2283</v>
      </c>
      <c r="E3810" t="s">
        <v>148</v>
      </c>
      <c r="F3810" t="s">
        <v>33</v>
      </c>
      <c r="G3810" t="s">
        <v>34</v>
      </c>
      <c r="H3810" t="s">
        <v>429</v>
      </c>
      <c r="I3810">
        <v>361.76</v>
      </c>
      <c r="J3810">
        <v>2</v>
      </c>
      <c r="K3810">
        <v>68.33</v>
      </c>
    </row>
    <row r="3811" spans="1:11" x14ac:dyDescent="0.3">
      <c r="A3811" s="1">
        <v>42342</v>
      </c>
      <c r="B3811" s="3">
        <f t="shared" si="118"/>
        <v>12</v>
      </c>
      <c r="C3811" s="3">
        <f t="shared" si="119"/>
        <v>2015</v>
      </c>
      <c r="D3811" t="s">
        <v>1257</v>
      </c>
      <c r="E3811" t="s">
        <v>148</v>
      </c>
      <c r="F3811" t="s">
        <v>10</v>
      </c>
      <c r="G3811" t="s">
        <v>62</v>
      </c>
      <c r="H3811" t="s">
        <v>2073</v>
      </c>
      <c r="I3811">
        <v>17.940000000000001</v>
      </c>
      <c r="J3811">
        <v>3</v>
      </c>
      <c r="K3811">
        <v>8.7899999999999991</v>
      </c>
    </row>
    <row r="3812" spans="1:11" x14ac:dyDescent="0.3">
      <c r="A3812" s="1">
        <v>42342</v>
      </c>
      <c r="B3812" s="3">
        <f t="shared" si="118"/>
        <v>12</v>
      </c>
      <c r="C3812" s="3">
        <f t="shared" si="119"/>
        <v>2015</v>
      </c>
      <c r="D3812" t="s">
        <v>1257</v>
      </c>
      <c r="E3812" t="s">
        <v>148</v>
      </c>
      <c r="F3812" t="s">
        <v>33</v>
      </c>
      <c r="G3812" t="s">
        <v>34</v>
      </c>
      <c r="H3812" t="s">
        <v>2040</v>
      </c>
      <c r="I3812">
        <v>384.17</v>
      </c>
      <c r="J3812">
        <v>7</v>
      </c>
      <c r="K3812">
        <v>29.88</v>
      </c>
    </row>
    <row r="3813" spans="1:11" x14ac:dyDescent="0.3">
      <c r="A3813" s="1">
        <v>42342</v>
      </c>
      <c r="B3813" s="3">
        <f t="shared" si="118"/>
        <v>12</v>
      </c>
      <c r="C3813" s="3">
        <f t="shared" si="119"/>
        <v>2015</v>
      </c>
      <c r="D3813" t="s">
        <v>1257</v>
      </c>
      <c r="E3813" t="s">
        <v>148</v>
      </c>
      <c r="F3813" t="s">
        <v>38</v>
      </c>
      <c r="G3813" t="s">
        <v>39</v>
      </c>
      <c r="H3813" t="s">
        <v>897</v>
      </c>
      <c r="I3813">
        <v>1799.75</v>
      </c>
      <c r="J3813">
        <v>5</v>
      </c>
      <c r="K3813">
        <v>539.92999999999995</v>
      </c>
    </row>
    <row r="3814" spans="1:11" x14ac:dyDescent="0.3">
      <c r="A3814" s="1">
        <v>42342</v>
      </c>
      <c r="B3814" s="3">
        <f t="shared" si="118"/>
        <v>12</v>
      </c>
      <c r="C3814" s="3">
        <f t="shared" si="119"/>
        <v>2015</v>
      </c>
      <c r="D3814" t="s">
        <v>891</v>
      </c>
      <c r="E3814" t="s">
        <v>185</v>
      </c>
      <c r="F3814" t="s">
        <v>10</v>
      </c>
      <c r="G3814" t="s">
        <v>11</v>
      </c>
      <c r="H3814" t="s">
        <v>935</v>
      </c>
      <c r="I3814">
        <v>85.96</v>
      </c>
      <c r="J3814">
        <v>7</v>
      </c>
      <c r="K3814">
        <v>40.4</v>
      </c>
    </row>
    <row r="3815" spans="1:11" x14ac:dyDescent="0.3">
      <c r="A3815" s="1">
        <v>42342</v>
      </c>
      <c r="B3815" s="3">
        <f t="shared" si="118"/>
        <v>12</v>
      </c>
      <c r="C3815" s="3">
        <f t="shared" si="119"/>
        <v>2015</v>
      </c>
      <c r="D3815" t="s">
        <v>2070</v>
      </c>
      <c r="E3815" t="s">
        <v>119</v>
      </c>
      <c r="F3815" t="s">
        <v>10</v>
      </c>
      <c r="G3815" t="s">
        <v>19</v>
      </c>
      <c r="H3815" t="s">
        <v>2126</v>
      </c>
      <c r="I3815">
        <v>1598.06</v>
      </c>
      <c r="J3815">
        <v>7</v>
      </c>
      <c r="K3815">
        <v>-1065.3699999999999</v>
      </c>
    </row>
    <row r="3816" spans="1:11" x14ac:dyDescent="0.3">
      <c r="A3816" s="1">
        <v>42342</v>
      </c>
      <c r="B3816" s="3">
        <f t="shared" si="118"/>
        <v>12</v>
      </c>
      <c r="C3816" s="3">
        <f t="shared" si="119"/>
        <v>2015</v>
      </c>
      <c r="D3816" t="s">
        <v>2070</v>
      </c>
      <c r="E3816" t="s">
        <v>119</v>
      </c>
      <c r="F3816" t="s">
        <v>10</v>
      </c>
      <c r="G3816" t="s">
        <v>23</v>
      </c>
      <c r="H3816" t="s">
        <v>807</v>
      </c>
      <c r="I3816">
        <v>36.96</v>
      </c>
      <c r="J3816">
        <v>4</v>
      </c>
      <c r="K3816">
        <v>12.01</v>
      </c>
    </row>
    <row r="3817" spans="1:11" x14ac:dyDescent="0.3">
      <c r="A3817" s="1">
        <v>42342</v>
      </c>
      <c r="B3817" s="3">
        <f t="shared" si="118"/>
        <v>12</v>
      </c>
      <c r="C3817" s="3">
        <f t="shared" si="119"/>
        <v>2015</v>
      </c>
      <c r="D3817" t="s">
        <v>991</v>
      </c>
      <c r="E3817" t="s">
        <v>26</v>
      </c>
      <c r="F3817" t="s">
        <v>10</v>
      </c>
      <c r="G3817" t="s">
        <v>62</v>
      </c>
      <c r="H3817" t="s">
        <v>2037</v>
      </c>
      <c r="I3817">
        <v>271.44</v>
      </c>
      <c r="J3817">
        <v>3</v>
      </c>
      <c r="K3817">
        <v>122.15</v>
      </c>
    </row>
    <row r="3818" spans="1:11" x14ac:dyDescent="0.3">
      <c r="A3818" s="1">
        <v>42342</v>
      </c>
      <c r="B3818" s="3">
        <f t="shared" si="118"/>
        <v>12</v>
      </c>
      <c r="C3818" s="3">
        <f t="shared" si="119"/>
        <v>2015</v>
      </c>
      <c r="D3818" t="s">
        <v>991</v>
      </c>
      <c r="E3818" t="s">
        <v>26</v>
      </c>
      <c r="F3818" t="s">
        <v>38</v>
      </c>
      <c r="G3818" t="s">
        <v>39</v>
      </c>
      <c r="H3818" t="s">
        <v>2378</v>
      </c>
      <c r="I3818">
        <v>110.35</v>
      </c>
      <c r="J3818">
        <v>3</v>
      </c>
      <c r="K3818">
        <v>8.2799999999999994</v>
      </c>
    </row>
    <row r="3819" spans="1:11" x14ac:dyDescent="0.3">
      <c r="A3819" s="1">
        <v>42342</v>
      </c>
      <c r="B3819" s="3">
        <f t="shared" si="118"/>
        <v>12</v>
      </c>
      <c r="C3819" s="3">
        <f t="shared" si="119"/>
        <v>2015</v>
      </c>
      <c r="D3819" t="s">
        <v>991</v>
      </c>
      <c r="E3819" t="s">
        <v>26</v>
      </c>
      <c r="F3819" t="s">
        <v>33</v>
      </c>
      <c r="G3819" t="s">
        <v>46</v>
      </c>
      <c r="H3819" t="s">
        <v>180</v>
      </c>
      <c r="I3819">
        <v>36.4</v>
      </c>
      <c r="J3819">
        <v>5</v>
      </c>
      <c r="K3819">
        <v>13.83</v>
      </c>
    </row>
    <row r="3820" spans="1:11" x14ac:dyDescent="0.3">
      <c r="A3820" s="1">
        <v>42342</v>
      </c>
      <c r="B3820" s="3">
        <f t="shared" si="118"/>
        <v>12</v>
      </c>
      <c r="C3820" s="3">
        <f t="shared" si="119"/>
        <v>2015</v>
      </c>
      <c r="D3820" t="s">
        <v>1594</v>
      </c>
      <c r="E3820" t="s">
        <v>26</v>
      </c>
      <c r="F3820" t="s">
        <v>10</v>
      </c>
      <c r="G3820" t="s">
        <v>23</v>
      </c>
      <c r="H3820" t="s">
        <v>291</v>
      </c>
      <c r="I3820">
        <v>16.899999999999999</v>
      </c>
      <c r="J3820">
        <v>5</v>
      </c>
      <c r="K3820">
        <v>6.25</v>
      </c>
    </row>
    <row r="3821" spans="1:11" x14ac:dyDescent="0.3">
      <c r="A3821" s="1">
        <v>42342</v>
      </c>
      <c r="B3821" s="3">
        <f t="shared" si="118"/>
        <v>12</v>
      </c>
      <c r="C3821" s="3">
        <f t="shared" si="119"/>
        <v>2015</v>
      </c>
      <c r="D3821" t="s">
        <v>1594</v>
      </c>
      <c r="E3821" t="s">
        <v>26</v>
      </c>
      <c r="F3821" t="s">
        <v>33</v>
      </c>
      <c r="G3821" t="s">
        <v>46</v>
      </c>
      <c r="H3821" t="s">
        <v>1778</v>
      </c>
      <c r="I3821">
        <v>25.08</v>
      </c>
      <c r="J3821">
        <v>6</v>
      </c>
      <c r="K3821">
        <v>9.0299999999999994</v>
      </c>
    </row>
    <row r="3822" spans="1:11" x14ac:dyDescent="0.3">
      <c r="A3822" s="1">
        <v>42343</v>
      </c>
      <c r="B3822" s="3">
        <f t="shared" si="118"/>
        <v>12</v>
      </c>
      <c r="C3822" s="3">
        <f t="shared" si="119"/>
        <v>2015</v>
      </c>
      <c r="D3822" t="s">
        <v>2379</v>
      </c>
      <c r="E3822" t="s">
        <v>26</v>
      </c>
      <c r="F3822" t="s">
        <v>33</v>
      </c>
      <c r="G3822" t="s">
        <v>46</v>
      </c>
      <c r="H3822" t="s">
        <v>1793</v>
      </c>
      <c r="I3822">
        <v>44.46</v>
      </c>
      <c r="J3822">
        <v>2</v>
      </c>
      <c r="K3822">
        <v>14.67</v>
      </c>
    </row>
    <row r="3823" spans="1:11" x14ac:dyDescent="0.3">
      <c r="A3823" s="1">
        <v>42343</v>
      </c>
      <c r="B3823" s="3">
        <f t="shared" si="118"/>
        <v>12</v>
      </c>
      <c r="C3823" s="3">
        <f t="shared" si="119"/>
        <v>2015</v>
      </c>
      <c r="D3823" t="s">
        <v>976</v>
      </c>
      <c r="E3823" t="s">
        <v>22</v>
      </c>
      <c r="F3823" t="s">
        <v>38</v>
      </c>
      <c r="G3823" t="s">
        <v>51</v>
      </c>
      <c r="H3823" t="s">
        <v>1555</v>
      </c>
      <c r="I3823">
        <v>47.98</v>
      </c>
      <c r="J3823">
        <v>2</v>
      </c>
      <c r="K3823">
        <v>0.6</v>
      </c>
    </row>
    <row r="3824" spans="1:11" x14ac:dyDescent="0.3">
      <c r="A3824" s="1">
        <v>42343</v>
      </c>
      <c r="B3824" s="3">
        <f t="shared" si="118"/>
        <v>12</v>
      </c>
      <c r="C3824" s="3">
        <f t="shared" si="119"/>
        <v>2015</v>
      </c>
      <c r="D3824" t="s">
        <v>976</v>
      </c>
      <c r="E3824" t="s">
        <v>22</v>
      </c>
      <c r="F3824" t="s">
        <v>10</v>
      </c>
      <c r="G3824" t="s">
        <v>19</v>
      </c>
      <c r="H3824" t="s">
        <v>1648</v>
      </c>
      <c r="I3824">
        <v>26.06</v>
      </c>
      <c r="J3824">
        <v>6</v>
      </c>
      <c r="K3824">
        <v>-19.98</v>
      </c>
    </row>
    <row r="3825" spans="1:11" x14ac:dyDescent="0.3">
      <c r="A3825" s="1">
        <v>42343</v>
      </c>
      <c r="B3825" s="3">
        <f t="shared" si="118"/>
        <v>12</v>
      </c>
      <c r="C3825" s="3">
        <f t="shared" si="119"/>
        <v>2015</v>
      </c>
      <c r="D3825" t="s">
        <v>2380</v>
      </c>
      <c r="E3825" t="s">
        <v>109</v>
      </c>
      <c r="F3825" t="s">
        <v>10</v>
      </c>
      <c r="G3825" t="s">
        <v>19</v>
      </c>
      <c r="H3825" t="s">
        <v>161</v>
      </c>
      <c r="I3825">
        <v>152.80000000000001</v>
      </c>
      <c r="J3825">
        <v>5</v>
      </c>
      <c r="K3825">
        <v>76.400000000000006</v>
      </c>
    </row>
    <row r="3826" spans="1:11" x14ac:dyDescent="0.3">
      <c r="A3826" s="1">
        <v>42343</v>
      </c>
      <c r="B3826" s="3">
        <f t="shared" si="118"/>
        <v>12</v>
      </c>
      <c r="C3826" s="3">
        <f t="shared" si="119"/>
        <v>2015</v>
      </c>
      <c r="D3826" t="s">
        <v>1272</v>
      </c>
      <c r="E3826" t="s">
        <v>9</v>
      </c>
      <c r="F3826" t="s">
        <v>10</v>
      </c>
      <c r="G3826" t="s">
        <v>23</v>
      </c>
      <c r="H3826" t="s">
        <v>1599</v>
      </c>
      <c r="I3826">
        <v>45.04</v>
      </c>
      <c r="J3826">
        <v>2</v>
      </c>
      <c r="K3826">
        <v>4.5</v>
      </c>
    </row>
    <row r="3827" spans="1:11" x14ac:dyDescent="0.3">
      <c r="A3827" s="1">
        <v>42343</v>
      </c>
      <c r="B3827" s="3">
        <f t="shared" si="118"/>
        <v>12</v>
      </c>
      <c r="C3827" s="3">
        <f t="shared" si="119"/>
        <v>2015</v>
      </c>
      <c r="D3827" t="s">
        <v>1435</v>
      </c>
      <c r="E3827" t="s">
        <v>148</v>
      </c>
      <c r="F3827" t="s">
        <v>10</v>
      </c>
      <c r="G3827" t="s">
        <v>19</v>
      </c>
      <c r="H3827" t="s">
        <v>661</v>
      </c>
      <c r="I3827">
        <v>232.4</v>
      </c>
      <c r="J3827">
        <v>5</v>
      </c>
      <c r="K3827">
        <v>78.44</v>
      </c>
    </row>
    <row r="3828" spans="1:11" x14ac:dyDescent="0.3">
      <c r="A3828" s="1">
        <v>42343</v>
      </c>
      <c r="B3828" s="3">
        <f t="shared" si="118"/>
        <v>12</v>
      </c>
      <c r="C3828" s="3">
        <f t="shared" si="119"/>
        <v>2015</v>
      </c>
      <c r="D3828" t="s">
        <v>1435</v>
      </c>
      <c r="E3828" t="s">
        <v>148</v>
      </c>
      <c r="F3828" t="s">
        <v>33</v>
      </c>
      <c r="G3828" t="s">
        <v>34</v>
      </c>
      <c r="H3828" t="s">
        <v>2040</v>
      </c>
      <c r="I3828">
        <v>164.65</v>
      </c>
      <c r="J3828">
        <v>3</v>
      </c>
      <c r="K3828">
        <v>12.81</v>
      </c>
    </row>
    <row r="3829" spans="1:11" x14ac:dyDescent="0.3">
      <c r="A3829" s="1">
        <v>42343</v>
      </c>
      <c r="B3829" s="3">
        <f t="shared" si="118"/>
        <v>12</v>
      </c>
      <c r="C3829" s="3">
        <f t="shared" si="119"/>
        <v>2015</v>
      </c>
      <c r="D3829" t="s">
        <v>1435</v>
      </c>
      <c r="E3829" t="s">
        <v>148</v>
      </c>
      <c r="F3829" t="s">
        <v>10</v>
      </c>
      <c r="G3829" t="s">
        <v>11</v>
      </c>
      <c r="H3829" t="s">
        <v>2115</v>
      </c>
      <c r="I3829">
        <v>22.68</v>
      </c>
      <c r="J3829">
        <v>2</v>
      </c>
      <c r="K3829">
        <v>11.11</v>
      </c>
    </row>
    <row r="3830" spans="1:11" x14ac:dyDescent="0.3">
      <c r="A3830" s="1">
        <v>42343</v>
      </c>
      <c r="B3830" s="3">
        <f t="shared" si="118"/>
        <v>12</v>
      </c>
      <c r="C3830" s="3">
        <f t="shared" si="119"/>
        <v>2015</v>
      </c>
      <c r="D3830" t="s">
        <v>582</v>
      </c>
      <c r="E3830" t="s">
        <v>26</v>
      </c>
      <c r="F3830" t="s">
        <v>38</v>
      </c>
      <c r="G3830" t="s">
        <v>51</v>
      </c>
      <c r="H3830" t="s">
        <v>52</v>
      </c>
      <c r="I3830">
        <v>39</v>
      </c>
      <c r="J3830">
        <v>3</v>
      </c>
      <c r="K3830">
        <v>17.55</v>
      </c>
    </row>
    <row r="3831" spans="1:11" x14ac:dyDescent="0.3">
      <c r="A3831" s="1">
        <v>42343</v>
      </c>
      <c r="B3831" s="3">
        <f t="shared" si="118"/>
        <v>12</v>
      </c>
      <c r="C3831" s="3">
        <f t="shared" si="119"/>
        <v>2015</v>
      </c>
      <c r="D3831" t="s">
        <v>582</v>
      </c>
      <c r="E3831" t="s">
        <v>26</v>
      </c>
      <c r="F3831" t="s">
        <v>10</v>
      </c>
      <c r="G3831" t="s">
        <v>15</v>
      </c>
      <c r="H3831" t="s">
        <v>581</v>
      </c>
      <c r="I3831">
        <v>12.6</v>
      </c>
      <c r="J3831">
        <v>4</v>
      </c>
      <c r="K3831">
        <v>6.05</v>
      </c>
    </row>
    <row r="3832" spans="1:11" x14ac:dyDescent="0.3">
      <c r="A3832" s="1">
        <v>42343</v>
      </c>
      <c r="B3832" s="3">
        <f t="shared" si="118"/>
        <v>12</v>
      </c>
      <c r="C3832" s="3">
        <f t="shared" si="119"/>
        <v>2015</v>
      </c>
      <c r="D3832" t="s">
        <v>1259</v>
      </c>
      <c r="E3832" t="s">
        <v>119</v>
      </c>
      <c r="F3832" t="s">
        <v>33</v>
      </c>
      <c r="G3832" t="s">
        <v>34</v>
      </c>
      <c r="H3832" t="s">
        <v>264</v>
      </c>
      <c r="I3832">
        <v>97.42</v>
      </c>
      <c r="J3832">
        <v>2</v>
      </c>
      <c r="K3832">
        <v>10.96</v>
      </c>
    </row>
    <row r="3833" spans="1:11" x14ac:dyDescent="0.3">
      <c r="A3833" s="1">
        <v>42343</v>
      </c>
      <c r="B3833" s="3">
        <f t="shared" si="118"/>
        <v>12</v>
      </c>
      <c r="C3833" s="3">
        <f t="shared" si="119"/>
        <v>2015</v>
      </c>
      <c r="D3833" t="s">
        <v>1761</v>
      </c>
      <c r="E3833" t="s">
        <v>14</v>
      </c>
      <c r="F3833" t="s">
        <v>10</v>
      </c>
      <c r="G3833" t="s">
        <v>62</v>
      </c>
      <c r="H3833" t="s">
        <v>769</v>
      </c>
      <c r="I3833">
        <v>12.22</v>
      </c>
      <c r="J3833">
        <v>2</v>
      </c>
      <c r="K3833">
        <v>4.43</v>
      </c>
    </row>
    <row r="3834" spans="1:11" x14ac:dyDescent="0.3">
      <c r="A3834" s="1">
        <v>42344</v>
      </c>
      <c r="B3834" s="3">
        <f t="shared" si="118"/>
        <v>12</v>
      </c>
      <c r="C3834" s="3">
        <f t="shared" si="119"/>
        <v>2015</v>
      </c>
      <c r="D3834" t="s">
        <v>666</v>
      </c>
      <c r="E3834" t="s">
        <v>26</v>
      </c>
      <c r="F3834" t="s">
        <v>10</v>
      </c>
      <c r="G3834" t="s">
        <v>23</v>
      </c>
      <c r="H3834" t="s">
        <v>465</v>
      </c>
      <c r="I3834">
        <v>120.15</v>
      </c>
      <c r="J3834">
        <v>9</v>
      </c>
      <c r="K3834">
        <v>33.64</v>
      </c>
    </row>
    <row r="3835" spans="1:11" x14ac:dyDescent="0.3">
      <c r="A3835" s="1">
        <v>42344</v>
      </c>
      <c r="B3835" s="3">
        <f t="shared" si="118"/>
        <v>12</v>
      </c>
      <c r="C3835" s="3">
        <f t="shared" si="119"/>
        <v>2015</v>
      </c>
      <c r="D3835" t="s">
        <v>666</v>
      </c>
      <c r="E3835" t="s">
        <v>26</v>
      </c>
      <c r="F3835" t="s">
        <v>38</v>
      </c>
      <c r="G3835" t="s">
        <v>39</v>
      </c>
      <c r="H3835" t="s">
        <v>520</v>
      </c>
      <c r="I3835">
        <v>219.18</v>
      </c>
      <c r="J3835">
        <v>2</v>
      </c>
      <c r="K3835">
        <v>19.18</v>
      </c>
    </row>
    <row r="3836" spans="1:11" x14ac:dyDescent="0.3">
      <c r="A3836" s="1">
        <v>42344</v>
      </c>
      <c r="B3836" s="3">
        <f t="shared" si="118"/>
        <v>12</v>
      </c>
      <c r="C3836" s="3">
        <f t="shared" si="119"/>
        <v>2015</v>
      </c>
      <c r="D3836" t="s">
        <v>2211</v>
      </c>
      <c r="E3836" t="s">
        <v>9</v>
      </c>
      <c r="F3836" t="s">
        <v>10</v>
      </c>
      <c r="G3836" t="s">
        <v>19</v>
      </c>
      <c r="H3836" t="s">
        <v>2286</v>
      </c>
      <c r="I3836">
        <v>2.77</v>
      </c>
      <c r="J3836">
        <v>7</v>
      </c>
      <c r="K3836">
        <v>-4.8499999999999996</v>
      </c>
    </row>
    <row r="3837" spans="1:11" x14ac:dyDescent="0.3">
      <c r="A3837" s="1">
        <v>42344</v>
      </c>
      <c r="B3837" s="3">
        <f t="shared" si="118"/>
        <v>12</v>
      </c>
      <c r="C3837" s="3">
        <f t="shared" si="119"/>
        <v>2015</v>
      </c>
      <c r="D3837" t="s">
        <v>825</v>
      </c>
      <c r="E3837" t="s">
        <v>94</v>
      </c>
      <c r="F3837" t="s">
        <v>33</v>
      </c>
      <c r="G3837" t="s">
        <v>46</v>
      </c>
      <c r="H3837" t="s">
        <v>1544</v>
      </c>
      <c r="I3837">
        <v>206.11</v>
      </c>
      <c r="J3837">
        <v>6</v>
      </c>
      <c r="K3837">
        <v>48.95</v>
      </c>
    </row>
    <row r="3838" spans="1:11" x14ac:dyDescent="0.3">
      <c r="A3838" s="1">
        <v>42344</v>
      </c>
      <c r="B3838" s="3">
        <f t="shared" si="118"/>
        <v>12</v>
      </c>
      <c r="C3838" s="3">
        <f t="shared" si="119"/>
        <v>2015</v>
      </c>
      <c r="D3838" t="s">
        <v>825</v>
      </c>
      <c r="E3838" t="s">
        <v>94</v>
      </c>
      <c r="F3838" t="s">
        <v>10</v>
      </c>
      <c r="G3838" t="s">
        <v>11</v>
      </c>
      <c r="H3838" t="s">
        <v>1709</v>
      </c>
      <c r="I3838">
        <v>19.920000000000002</v>
      </c>
      <c r="J3838">
        <v>5</v>
      </c>
      <c r="K3838">
        <v>6.72</v>
      </c>
    </row>
    <row r="3839" spans="1:11" x14ac:dyDescent="0.3">
      <c r="A3839" s="1">
        <v>42344</v>
      </c>
      <c r="B3839" s="3">
        <f t="shared" si="118"/>
        <v>12</v>
      </c>
      <c r="C3839" s="3">
        <f t="shared" si="119"/>
        <v>2015</v>
      </c>
      <c r="D3839" t="s">
        <v>825</v>
      </c>
      <c r="E3839" t="s">
        <v>94</v>
      </c>
      <c r="F3839" t="s">
        <v>10</v>
      </c>
      <c r="G3839" t="s">
        <v>11</v>
      </c>
      <c r="H3839" t="s">
        <v>1323</v>
      </c>
      <c r="I3839">
        <v>198.27</v>
      </c>
      <c r="J3839">
        <v>8</v>
      </c>
      <c r="K3839">
        <v>61.96</v>
      </c>
    </row>
    <row r="3840" spans="1:11" x14ac:dyDescent="0.3">
      <c r="A3840" s="1">
        <v>42344</v>
      </c>
      <c r="B3840" s="3">
        <f t="shared" si="118"/>
        <v>12</v>
      </c>
      <c r="C3840" s="3">
        <f t="shared" si="119"/>
        <v>2015</v>
      </c>
      <c r="D3840" t="s">
        <v>825</v>
      </c>
      <c r="E3840" t="s">
        <v>94</v>
      </c>
      <c r="F3840" t="s">
        <v>10</v>
      </c>
      <c r="G3840" t="s">
        <v>17</v>
      </c>
      <c r="H3840" t="s">
        <v>1016</v>
      </c>
      <c r="I3840">
        <v>247.1</v>
      </c>
      <c r="J3840">
        <v>6</v>
      </c>
      <c r="K3840">
        <v>-58.69</v>
      </c>
    </row>
    <row r="3841" spans="1:11" x14ac:dyDescent="0.3">
      <c r="A3841" s="1">
        <v>42344</v>
      </c>
      <c r="B3841" s="3">
        <f t="shared" si="118"/>
        <v>12</v>
      </c>
      <c r="C3841" s="3">
        <f t="shared" si="119"/>
        <v>2015</v>
      </c>
      <c r="D3841" t="s">
        <v>825</v>
      </c>
      <c r="E3841" t="s">
        <v>94</v>
      </c>
      <c r="F3841" t="s">
        <v>10</v>
      </c>
      <c r="G3841" t="s">
        <v>23</v>
      </c>
      <c r="H3841" t="s">
        <v>1200</v>
      </c>
      <c r="I3841">
        <v>86.3</v>
      </c>
      <c r="J3841">
        <v>6</v>
      </c>
      <c r="K3841">
        <v>9.7100000000000009</v>
      </c>
    </row>
    <row r="3842" spans="1:11" x14ac:dyDescent="0.3">
      <c r="A3842" s="1">
        <v>42344</v>
      </c>
      <c r="B3842" s="3">
        <f t="shared" ref="B3842:B3905" si="120">MONTH(A:A)</f>
        <v>12</v>
      </c>
      <c r="C3842" s="3">
        <f t="shared" ref="C3842:C3905" si="121">YEAR(A:A)</f>
        <v>2015</v>
      </c>
      <c r="D3842" t="s">
        <v>1220</v>
      </c>
      <c r="E3842" t="s">
        <v>77</v>
      </c>
      <c r="F3842" t="s">
        <v>38</v>
      </c>
      <c r="G3842" t="s">
        <v>39</v>
      </c>
      <c r="H3842" t="s">
        <v>855</v>
      </c>
      <c r="I3842">
        <v>485.94</v>
      </c>
      <c r="J3842">
        <v>2</v>
      </c>
      <c r="K3842">
        <v>-89.09</v>
      </c>
    </row>
    <row r="3843" spans="1:11" x14ac:dyDescent="0.3">
      <c r="A3843" s="1">
        <v>42344</v>
      </c>
      <c r="B3843" s="3">
        <f t="shared" si="120"/>
        <v>12</v>
      </c>
      <c r="C3843" s="3">
        <f t="shared" si="121"/>
        <v>2015</v>
      </c>
      <c r="D3843" t="s">
        <v>1220</v>
      </c>
      <c r="E3843" t="s">
        <v>77</v>
      </c>
      <c r="F3843" t="s">
        <v>10</v>
      </c>
      <c r="G3843" t="s">
        <v>23</v>
      </c>
      <c r="H3843" t="s">
        <v>50</v>
      </c>
      <c r="I3843">
        <v>37.380000000000003</v>
      </c>
      <c r="J3843">
        <v>8</v>
      </c>
      <c r="K3843">
        <v>4.67</v>
      </c>
    </row>
    <row r="3844" spans="1:11" x14ac:dyDescent="0.3">
      <c r="A3844" s="1">
        <v>42344</v>
      </c>
      <c r="B3844" s="3">
        <f t="shared" si="120"/>
        <v>12</v>
      </c>
      <c r="C3844" s="3">
        <f t="shared" si="121"/>
        <v>2015</v>
      </c>
      <c r="D3844" t="s">
        <v>1220</v>
      </c>
      <c r="E3844" t="s">
        <v>77</v>
      </c>
      <c r="F3844" t="s">
        <v>33</v>
      </c>
      <c r="G3844" t="s">
        <v>34</v>
      </c>
      <c r="H3844" t="s">
        <v>1818</v>
      </c>
      <c r="I3844">
        <v>70.69</v>
      </c>
      <c r="J3844">
        <v>1</v>
      </c>
      <c r="K3844">
        <v>-24.24</v>
      </c>
    </row>
    <row r="3845" spans="1:11" x14ac:dyDescent="0.3">
      <c r="A3845" s="1">
        <v>42344</v>
      </c>
      <c r="B3845" s="3">
        <f t="shared" si="120"/>
        <v>12</v>
      </c>
      <c r="C3845" s="3">
        <f t="shared" si="121"/>
        <v>2015</v>
      </c>
      <c r="D3845" t="s">
        <v>972</v>
      </c>
      <c r="E3845" t="s">
        <v>26</v>
      </c>
      <c r="F3845" t="s">
        <v>10</v>
      </c>
      <c r="G3845" t="s">
        <v>11</v>
      </c>
      <c r="H3845" t="s">
        <v>853</v>
      </c>
      <c r="I3845">
        <v>32.75</v>
      </c>
      <c r="J3845">
        <v>5</v>
      </c>
      <c r="K3845">
        <v>15.07</v>
      </c>
    </row>
    <row r="3846" spans="1:11" x14ac:dyDescent="0.3">
      <c r="A3846" s="1">
        <v>42344</v>
      </c>
      <c r="B3846" s="3">
        <f t="shared" si="120"/>
        <v>12</v>
      </c>
      <c r="C3846" s="3">
        <f t="shared" si="121"/>
        <v>2015</v>
      </c>
      <c r="D3846" t="s">
        <v>127</v>
      </c>
      <c r="E3846" t="s">
        <v>148</v>
      </c>
      <c r="F3846" t="s">
        <v>10</v>
      </c>
      <c r="G3846" t="s">
        <v>11</v>
      </c>
      <c r="H3846" t="s">
        <v>2084</v>
      </c>
      <c r="I3846">
        <v>6.48</v>
      </c>
      <c r="J3846">
        <v>1</v>
      </c>
      <c r="K3846">
        <v>3.11</v>
      </c>
    </row>
    <row r="3847" spans="1:11" x14ac:dyDescent="0.3">
      <c r="A3847" s="1">
        <v>42344</v>
      </c>
      <c r="B3847" s="3">
        <f t="shared" si="120"/>
        <v>12</v>
      </c>
      <c r="C3847" s="3">
        <f t="shared" si="121"/>
        <v>2015</v>
      </c>
      <c r="D3847" t="s">
        <v>127</v>
      </c>
      <c r="E3847" t="s">
        <v>148</v>
      </c>
      <c r="F3847" t="s">
        <v>10</v>
      </c>
      <c r="G3847" t="s">
        <v>11</v>
      </c>
      <c r="H3847" t="s">
        <v>1469</v>
      </c>
      <c r="I3847">
        <v>41.86</v>
      </c>
      <c r="J3847">
        <v>7</v>
      </c>
      <c r="K3847">
        <v>20.51</v>
      </c>
    </row>
    <row r="3848" spans="1:11" x14ac:dyDescent="0.3">
      <c r="A3848" s="1">
        <v>42344</v>
      </c>
      <c r="B3848" s="3">
        <f t="shared" si="120"/>
        <v>12</v>
      </c>
      <c r="C3848" s="3">
        <f t="shared" si="121"/>
        <v>2015</v>
      </c>
      <c r="D3848" t="s">
        <v>127</v>
      </c>
      <c r="E3848" t="s">
        <v>148</v>
      </c>
      <c r="F3848" t="s">
        <v>38</v>
      </c>
      <c r="G3848" t="s">
        <v>51</v>
      </c>
      <c r="H3848" t="s">
        <v>2330</v>
      </c>
      <c r="I3848">
        <v>1619.91</v>
      </c>
      <c r="J3848">
        <v>9</v>
      </c>
      <c r="K3848">
        <v>97.19</v>
      </c>
    </row>
    <row r="3849" spans="1:11" x14ac:dyDescent="0.3">
      <c r="A3849" s="1">
        <v>42344</v>
      </c>
      <c r="B3849" s="3">
        <f t="shared" si="120"/>
        <v>12</v>
      </c>
      <c r="C3849" s="3">
        <f t="shared" si="121"/>
        <v>2015</v>
      </c>
      <c r="D3849" t="s">
        <v>127</v>
      </c>
      <c r="E3849" t="s">
        <v>148</v>
      </c>
      <c r="F3849" t="s">
        <v>33</v>
      </c>
      <c r="G3849" t="s">
        <v>46</v>
      </c>
      <c r="H3849" t="s">
        <v>774</v>
      </c>
      <c r="I3849">
        <v>113.92</v>
      </c>
      <c r="J3849">
        <v>4</v>
      </c>
      <c r="K3849">
        <v>42.15</v>
      </c>
    </row>
    <row r="3850" spans="1:11" x14ac:dyDescent="0.3">
      <c r="A3850" s="1">
        <v>42344</v>
      </c>
      <c r="B3850" s="3">
        <f t="shared" si="120"/>
        <v>12</v>
      </c>
      <c r="C3850" s="3">
        <f t="shared" si="121"/>
        <v>2015</v>
      </c>
      <c r="D3850" t="s">
        <v>267</v>
      </c>
      <c r="E3850" t="s">
        <v>128</v>
      </c>
      <c r="F3850" t="s">
        <v>38</v>
      </c>
      <c r="G3850" t="s">
        <v>602</v>
      </c>
      <c r="H3850" t="s">
        <v>1468</v>
      </c>
      <c r="I3850">
        <v>999.98</v>
      </c>
      <c r="J3850">
        <v>2</v>
      </c>
      <c r="K3850">
        <v>449.99</v>
      </c>
    </row>
    <row r="3851" spans="1:11" x14ac:dyDescent="0.3">
      <c r="A3851" s="1">
        <v>42344</v>
      </c>
      <c r="B3851" s="3">
        <f t="shared" si="120"/>
        <v>12</v>
      </c>
      <c r="C3851" s="3">
        <f t="shared" si="121"/>
        <v>2015</v>
      </c>
      <c r="D3851" t="s">
        <v>1041</v>
      </c>
      <c r="E3851" t="s">
        <v>125</v>
      </c>
      <c r="F3851" t="s">
        <v>10</v>
      </c>
      <c r="G3851" t="s">
        <v>11</v>
      </c>
      <c r="H3851" t="s">
        <v>2381</v>
      </c>
      <c r="I3851">
        <v>6.48</v>
      </c>
      <c r="J3851">
        <v>1</v>
      </c>
      <c r="K3851">
        <v>3.11</v>
      </c>
    </row>
    <row r="3852" spans="1:11" x14ac:dyDescent="0.3">
      <c r="A3852" s="1">
        <v>42344</v>
      </c>
      <c r="B3852" s="3">
        <f t="shared" si="120"/>
        <v>12</v>
      </c>
      <c r="C3852" s="3">
        <f t="shared" si="121"/>
        <v>2015</v>
      </c>
      <c r="D3852" t="s">
        <v>1041</v>
      </c>
      <c r="E3852" t="s">
        <v>125</v>
      </c>
      <c r="F3852" t="s">
        <v>10</v>
      </c>
      <c r="G3852" t="s">
        <v>17</v>
      </c>
      <c r="H3852" t="s">
        <v>72</v>
      </c>
      <c r="I3852">
        <v>1325.85</v>
      </c>
      <c r="J3852">
        <v>5</v>
      </c>
      <c r="K3852">
        <v>238.65</v>
      </c>
    </row>
    <row r="3853" spans="1:11" x14ac:dyDescent="0.3">
      <c r="A3853" s="1">
        <v>42344</v>
      </c>
      <c r="B3853" s="3">
        <f t="shared" si="120"/>
        <v>12</v>
      </c>
      <c r="C3853" s="3">
        <f t="shared" si="121"/>
        <v>2015</v>
      </c>
      <c r="D3853" t="s">
        <v>1041</v>
      </c>
      <c r="E3853" t="s">
        <v>125</v>
      </c>
      <c r="F3853" t="s">
        <v>10</v>
      </c>
      <c r="G3853" t="s">
        <v>15</v>
      </c>
      <c r="H3853" t="s">
        <v>187</v>
      </c>
      <c r="I3853">
        <v>14.94</v>
      </c>
      <c r="J3853">
        <v>3</v>
      </c>
      <c r="K3853">
        <v>6.87</v>
      </c>
    </row>
    <row r="3854" spans="1:11" x14ac:dyDescent="0.3">
      <c r="A3854" s="1">
        <v>42344</v>
      </c>
      <c r="B3854" s="3">
        <f t="shared" si="120"/>
        <v>12</v>
      </c>
      <c r="C3854" s="3">
        <f t="shared" si="121"/>
        <v>2015</v>
      </c>
      <c r="D3854" t="s">
        <v>2382</v>
      </c>
      <c r="E3854" t="s">
        <v>26</v>
      </c>
      <c r="F3854" t="s">
        <v>10</v>
      </c>
      <c r="G3854" t="s">
        <v>91</v>
      </c>
      <c r="H3854" t="s">
        <v>775</v>
      </c>
      <c r="I3854">
        <v>7.78</v>
      </c>
      <c r="J3854">
        <v>2</v>
      </c>
      <c r="K3854">
        <v>2.02</v>
      </c>
    </row>
    <row r="3855" spans="1:11" x14ac:dyDescent="0.3">
      <c r="A3855" s="1">
        <v>42344</v>
      </c>
      <c r="B3855" s="3">
        <f t="shared" si="120"/>
        <v>12</v>
      </c>
      <c r="C3855" s="3">
        <f t="shared" si="121"/>
        <v>2015</v>
      </c>
      <c r="D3855" t="s">
        <v>2070</v>
      </c>
      <c r="E3855" t="s">
        <v>54</v>
      </c>
      <c r="F3855" t="s">
        <v>38</v>
      </c>
      <c r="G3855" t="s">
        <v>39</v>
      </c>
      <c r="H3855" t="s">
        <v>173</v>
      </c>
      <c r="I3855">
        <v>173.94</v>
      </c>
      <c r="J3855">
        <v>6</v>
      </c>
      <c r="K3855">
        <v>50.44</v>
      </c>
    </row>
    <row r="3856" spans="1:11" x14ac:dyDescent="0.3">
      <c r="A3856" s="1">
        <v>42344</v>
      </c>
      <c r="B3856" s="3">
        <f t="shared" si="120"/>
        <v>12</v>
      </c>
      <c r="C3856" s="3">
        <f t="shared" si="121"/>
        <v>2015</v>
      </c>
      <c r="D3856" t="s">
        <v>400</v>
      </c>
      <c r="E3856" t="s">
        <v>77</v>
      </c>
      <c r="F3856" t="s">
        <v>10</v>
      </c>
      <c r="G3856" t="s">
        <v>19</v>
      </c>
      <c r="H3856" t="s">
        <v>468</v>
      </c>
      <c r="I3856">
        <v>14.83</v>
      </c>
      <c r="J3856">
        <v>3</v>
      </c>
      <c r="K3856">
        <v>-10.38</v>
      </c>
    </row>
    <row r="3857" spans="1:11" x14ac:dyDescent="0.3">
      <c r="A3857" s="1">
        <v>42344</v>
      </c>
      <c r="B3857" s="3">
        <f t="shared" si="120"/>
        <v>12</v>
      </c>
      <c r="C3857" s="3">
        <f t="shared" si="121"/>
        <v>2015</v>
      </c>
      <c r="D3857" t="s">
        <v>2052</v>
      </c>
      <c r="E3857" t="s">
        <v>26</v>
      </c>
      <c r="F3857" t="s">
        <v>10</v>
      </c>
      <c r="G3857" t="s">
        <v>11</v>
      </c>
      <c r="H3857" t="s">
        <v>1487</v>
      </c>
      <c r="I3857">
        <v>8.9600000000000009</v>
      </c>
      <c r="J3857">
        <v>2</v>
      </c>
      <c r="K3857">
        <v>4.3899999999999997</v>
      </c>
    </row>
    <row r="3858" spans="1:11" x14ac:dyDescent="0.3">
      <c r="A3858" s="1">
        <v>42345</v>
      </c>
      <c r="B3858" s="3">
        <f t="shared" si="120"/>
        <v>12</v>
      </c>
      <c r="C3858" s="3">
        <f t="shared" si="121"/>
        <v>2015</v>
      </c>
      <c r="D3858" t="s">
        <v>1692</v>
      </c>
      <c r="E3858" t="s">
        <v>32</v>
      </c>
      <c r="F3858" t="s">
        <v>10</v>
      </c>
      <c r="G3858" t="s">
        <v>91</v>
      </c>
      <c r="H3858" t="s">
        <v>1061</v>
      </c>
      <c r="I3858">
        <v>152.94</v>
      </c>
      <c r="J3858">
        <v>3</v>
      </c>
      <c r="K3858">
        <v>41.29</v>
      </c>
    </row>
    <row r="3859" spans="1:11" x14ac:dyDescent="0.3">
      <c r="A3859" s="1">
        <v>42345</v>
      </c>
      <c r="B3859" s="3">
        <f t="shared" si="120"/>
        <v>12</v>
      </c>
      <c r="C3859" s="3">
        <f t="shared" si="121"/>
        <v>2015</v>
      </c>
      <c r="D3859" t="s">
        <v>1692</v>
      </c>
      <c r="E3859" t="s">
        <v>32</v>
      </c>
      <c r="F3859" t="s">
        <v>33</v>
      </c>
      <c r="G3859" t="s">
        <v>34</v>
      </c>
      <c r="H3859" t="s">
        <v>792</v>
      </c>
      <c r="I3859">
        <v>283.92</v>
      </c>
      <c r="J3859">
        <v>4</v>
      </c>
      <c r="K3859">
        <v>70.98</v>
      </c>
    </row>
    <row r="3860" spans="1:11" x14ac:dyDescent="0.3">
      <c r="A3860" s="1">
        <v>42345</v>
      </c>
      <c r="B3860" s="3">
        <f t="shared" si="120"/>
        <v>12</v>
      </c>
      <c r="C3860" s="3">
        <f t="shared" si="121"/>
        <v>2015</v>
      </c>
      <c r="D3860" t="s">
        <v>1486</v>
      </c>
      <c r="E3860" t="s">
        <v>163</v>
      </c>
      <c r="F3860" t="s">
        <v>10</v>
      </c>
      <c r="G3860" t="s">
        <v>42</v>
      </c>
      <c r="H3860" t="s">
        <v>129</v>
      </c>
      <c r="I3860">
        <v>3.96</v>
      </c>
      <c r="J3860">
        <v>2</v>
      </c>
      <c r="K3860">
        <v>0</v>
      </c>
    </row>
    <row r="3861" spans="1:11" x14ac:dyDescent="0.3">
      <c r="A3861" s="1">
        <v>42345</v>
      </c>
      <c r="B3861" s="3">
        <f t="shared" si="120"/>
        <v>12</v>
      </c>
      <c r="C3861" s="3">
        <f t="shared" si="121"/>
        <v>2015</v>
      </c>
      <c r="D3861" t="s">
        <v>1486</v>
      </c>
      <c r="E3861" t="s">
        <v>163</v>
      </c>
      <c r="F3861" t="s">
        <v>10</v>
      </c>
      <c r="G3861" t="s">
        <v>15</v>
      </c>
      <c r="H3861" t="s">
        <v>1739</v>
      </c>
      <c r="I3861">
        <v>2.61</v>
      </c>
      <c r="J3861">
        <v>1</v>
      </c>
      <c r="K3861">
        <v>1.2</v>
      </c>
    </row>
    <row r="3862" spans="1:11" x14ac:dyDescent="0.3">
      <c r="A3862" s="1">
        <v>42345</v>
      </c>
      <c r="B3862" s="3">
        <f t="shared" si="120"/>
        <v>12</v>
      </c>
      <c r="C3862" s="3">
        <f t="shared" si="121"/>
        <v>2015</v>
      </c>
      <c r="D3862" t="s">
        <v>49</v>
      </c>
      <c r="E3862" t="s">
        <v>26</v>
      </c>
      <c r="F3862" t="s">
        <v>33</v>
      </c>
      <c r="G3862" t="s">
        <v>46</v>
      </c>
      <c r="H3862" t="s">
        <v>1734</v>
      </c>
      <c r="I3862">
        <v>79.92</v>
      </c>
      <c r="J3862">
        <v>4</v>
      </c>
      <c r="K3862">
        <v>28.77</v>
      </c>
    </row>
    <row r="3863" spans="1:11" x14ac:dyDescent="0.3">
      <c r="A3863" s="1">
        <v>42345</v>
      </c>
      <c r="B3863" s="3">
        <f t="shared" si="120"/>
        <v>12</v>
      </c>
      <c r="C3863" s="3">
        <f t="shared" si="121"/>
        <v>2015</v>
      </c>
      <c r="D3863" t="s">
        <v>1722</v>
      </c>
      <c r="E3863" t="s">
        <v>148</v>
      </c>
      <c r="F3863" t="s">
        <v>10</v>
      </c>
      <c r="G3863" t="s">
        <v>19</v>
      </c>
      <c r="H3863" t="s">
        <v>202</v>
      </c>
      <c r="I3863">
        <v>21.36</v>
      </c>
      <c r="J3863">
        <v>5</v>
      </c>
      <c r="K3863">
        <v>7.21</v>
      </c>
    </row>
    <row r="3864" spans="1:11" x14ac:dyDescent="0.3">
      <c r="A3864" s="1">
        <v>42345</v>
      </c>
      <c r="B3864" s="3">
        <f t="shared" si="120"/>
        <v>12</v>
      </c>
      <c r="C3864" s="3">
        <f t="shared" si="121"/>
        <v>2015</v>
      </c>
      <c r="D3864" t="s">
        <v>1722</v>
      </c>
      <c r="E3864" t="s">
        <v>148</v>
      </c>
      <c r="F3864" t="s">
        <v>10</v>
      </c>
      <c r="G3864" t="s">
        <v>19</v>
      </c>
      <c r="H3864" t="s">
        <v>1490</v>
      </c>
      <c r="I3864">
        <v>6.69</v>
      </c>
      <c r="J3864">
        <v>2</v>
      </c>
      <c r="K3864">
        <v>2.34</v>
      </c>
    </row>
    <row r="3865" spans="1:11" x14ac:dyDescent="0.3">
      <c r="A3865" s="1">
        <v>42345</v>
      </c>
      <c r="B3865" s="3">
        <f t="shared" si="120"/>
        <v>12</v>
      </c>
      <c r="C3865" s="3">
        <f t="shared" si="121"/>
        <v>2015</v>
      </c>
      <c r="D3865" t="s">
        <v>1722</v>
      </c>
      <c r="E3865" t="s">
        <v>148</v>
      </c>
      <c r="F3865" t="s">
        <v>38</v>
      </c>
      <c r="G3865" t="s">
        <v>39</v>
      </c>
      <c r="H3865" t="s">
        <v>1517</v>
      </c>
      <c r="I3865">
        <v>773.94</v>
      </c>
      <c r="J3865">
        <v>6</v>
      </c>
      <c r="K3865">
        <v>224.44</v>
      </c>
    </row>
    <row r="3866" spans="1:11" x14ac:dyDescent="0.3">
      <c r="A3866" s="1">
        <v>42345</v>
      </c>
      <c r="B3866" s="3">
        <f t="shared" si="120"/>
        <v>12</v>
      </c>
      <c r="C3866" s="3">
        <f t="shared" si="121"/>
        <v>2015</v>
      </c>
      <c r="D3866" t="s">
        <v>356</v>
      </c>
      <c r="E3866" t="s">
        <v>26</v>
      </c>
      <c r="F3866" t="s">
        <v>10</v>
      </c>
      <c r="G3866" t="s">
        <v>11</v>
      </c>
      <c r="H3866" t="s">
        <v>2383</v>
      </c>
      <c r="I3866">
        <v>12.96</v>
      </c>
      <c r="J3866">
        <v>2</v>
      </c>
      <c r="K3866">
        <v>6.22</v>
      </c>
    </row>
    <row r="3867" spans="1:11" x14ac:dyDescent="0.3">
      <c r="A3867" s="1">
        <v>42346</v>
      </c>
      <c r="B3867" s="3">
        <f t="shared" si="120"/>
        <v>12</v>
      </c>
      <c r="C3867" s="3">
        <f t="shared" si="121"/>
        <v>2015</v>
      </c>
      <c r="D3867" t="s">
        <v>2384</v>
      </c>
      <c r="E3867" t="s">
        <v>9</v>
      </c>
      <c r="F3867" t="s">
        <v>10</v>
      </c>
      <c r="G3867" t="s">
        <v>11</v>
      </c>
      <c r="H3867" t="s">
        <v>490</v>
      </c>
      <c r="I3867">
        <v>360.71</v>
      </c>
      <c r="J3867">
        <v>11</v>
      </c>
      <c r="K3867">
        <v>130.76</v>
      </c>
    </row>
    <row r="3868" spans="1:11" x14ac:dyDescent="0.3">
      <c r="A3868" s="1">
        <v>42346</v>
      </c>
      <c r="B3868" s="3">
        <f t="shared" si="120"/>
        <v>12</v>
      </c>
      <c r="C3868" s="3">
        <f t="shared" si="121"/>
        <v>2015</v>
      </c>
      <c r="D3868" t="s">
        <v>2384</v>
      </c>
      <c r="E3868" t="s">
        <v>9</v>
      </c>
      <c r="F3868" t="s">
        <v>38</v>
      </c>
      <c r="G3868" t="s">
        <v>39</v>
      </c>
      <c r="H3868" t="s">
        <v>647</v>
      </c>
      <c r="I3868">
        <v>1718.4</v>
      </c>
      <c r="J3868">
        <v>6</v>
      </c>
      <c r="K3868">
        <v>150.36000000000001</v>
      </c>
    </row>
    <row r="3869" spans="1:11" x14ac:dyDescent="0.3">
      <c r="A3869" s="1">
        <v>42346</v>
      </c>
      <c r="B3869" s="3">
        <f t="shared" si="120"/>
        <v>12</v>
      </c>
      <c r="C3869" s="3">
        <f t="shared" si="121"/>
        <v>2015</v>
      </c>
      <c r="D3869" t="s">
        <v>2279</v>
      </c>
      <c r="E3869" t="s">
        <v>9</v>
      </c>
      <c r="F3869" t="s">
        <v>38</v>
      </c>
      <c r="G3869" t="s">
        <v>39</v>
      </c>
      <c r="H3869" t="s">
        <v>1658</v>
      </c>
      <c r="I3869">
        <v>119.96</v>
      </c>
      <c r="J3869">
        <v>5</v>
      </c>
      <c r="K3869">
        <v>12</v>
      </c>
    </row>
    <row r="3870" spans="1:11" x14ac:dyDescent="0.3">
      <c r="A3870" s="1">
        <v>42346</v>
      </c>
      <c r="B3870" s="3">
        <f t="shared" si="120"/>
        <v>12</v>
      </c>
      <c r="C3870" s="3">
        <f t="shared" si="121"/>
        <v>2015</v>
      </c>
      <c r="D3870" t="s">
        <v>1890</v>
      </c>
      <c r="E3870" t="s">
        <v>26</v>
      </c>
      <c r="F3870" t="s">
        <v>10</v>
      </c>
      <c r="G3870" t="s">
        <v>17</v>
      </c>
      <c r="H3870" t="s">
        <v>1593</v>
      </c>
      <c r="I3870">
        <v>221.96</v>
      </c>
      <c r="J3870">
        <v>2</v>
      </c>
      <c r="K3870">
        <v>4.4400000000000004</v>
      </c>
    </row>
    <row r="3871" spans="1:11" x14ac:dyDescent="0.3">
      <c r="A3871" s="1">
        <v>42346</v>
      </c>
      <c r="B3871" s="3">
        <f t="shared" si="120"/>
        <v>12</v>
      </c>
      <c r="C3871" s="3">
        <f t="shared" si="121"/>
        <v>2015</v>
      </c>
      <c r="D3871" t="s">
        <v>1890</v>
      </c>
      <c r="E3871" t="s">
        <v>26</v>
      </c>
      <c r="F3871" t="s">
        <v>38</v>
      </c>
      <c r="G3871" t="s">
        <v>51</v>
      </c>
      <c r="H3871" t="s">
        <v>1292</v>
      </c>
      <c r="I3871">
        <v>236</v>
      </c>
      <c r="J3871">
        <v>4</v>
      </c>
      <c r="K3871">
        <v>40.119999999999997</v>
      </c>
    </row>
    <row r="3872" spans="1:11" x14ac:dyDescent="0.3">
      <c r="A3872" s="1">
        <v>42346</v>
      </c>
      <c r="B3872" s="3">
        <f t="shared" si="120"/>
        <v>12</v>
      </c>
      <c r="C3872" s="3">
        <f t="shared" si="121"/>
        <v>2015</v>
      </c>
      <c r="D3872" t="s">
        <v>1342</v>
      </c>
      <c r="E3872" t="s">
        <v>277</v>
      </c>
      <c r="F3872" t="s">
        <v>10</v>
      </c>
      <c r="G3872" t="s">
        <v>11</v>
      </c>
      <c r="H3872" t="s">
        <v>1402</v>
      </c>
      <c r="I3872">
        <v>15.7</v>
      </c>
      <c r="J3872">
        <v>3</v>
      </c>
      <c r="K3872">
        <v>5.0999999999999996</v>
      </c>
    </row>
    <row r="3873" spans="1:11" x14ac:dyDescent="0.3">
      <c r="A3873" s="1">
        <v>42347</v>
      </c>
      <c r="B3873" s="3">
        <f t="shared" si="120"/>
        <v>12</v>
      </c>
      <c r="C3873" s="3">
        <f t="shared" si="121"/>
        <v>2015</v>
      </c>
      <c r="D3873" t="s">
        <v>1865</v>
      </c>
      <c r="E3873" t="s">
        <v>128</v>
      </c>
      <c r="F3873" t="s">
        <v>10</v>
      </c>
      <c r="G3873" t="s">
        <v>11</v>
      </c>
      <c r="H3873" t="s">
        <v>2115</v>
      </c>
      <c r="I3873">
        <v>34.020000000000003</v>
      </c>
      <c r="J3873">
        <v>3</v>
      </c>
      <c r="K3873">
        <v>16.670000000000002</v>
      </c>
    </row>
    <row r="3874" spans="1:11" x14ac:dyDescent="0.3">
      <c r="A3874" s="1">
        <v>42348</v>
      </c>
      <c r="B3874" s="3">
        <f t="shared" si="120"/>
        <v>12</v>
      </c>
      <c r="C3874" s="3">
        <f t="shared" si="121"/>
        <v>2015</v>
      </c>
      <c r="D3874" t="s">
        <v>1393</v>
      </c>
      <c r="E3874" t="s">
        <v>109</v>
      </c>
      <c r="F3874" t="s">
        <v>10</v>
      </c>
      <c r="G3874" t="s">
        <v>23</v>
      </c>
      <c r="H3874" t="s">
        <v>1588</v>
      </c>
      <c r="I3874">
        <v>3.9</v>
      </c>
      <c r="J3874">
        <v>2</v>
      </c>
      <c r="K3874">
        <v>1.52</v>
      </c>
    </row>
    <row r="3875" spans="1:11" x14ac:dyDescent="0.3">
      <c r="A3875" s="1">
        <v>42348</v>
      </c>
      <c r="B3875" s="3">
        <f t="shared" si="120"/>
        <v>12</v>
      </c>
      <c r="C3875" s="3">
        <f t="shared" si="121"/>
        <v>2015</v>
      </c>
      <c r="D3875" t="s">
        <v>1393</v>
      </c>
      <c r="E3875" t="s">
        <v>109</v>
      </c>
      <c r="F3875" t="s">
        <v>33</v>
      </c>
      <c r="G3875" t="s">
        <v>144</v>
      </c>
      <c r="H3875" t="s">
        <v>1188</v>
      </c>
      <c r="I3875">
        <v>801.96</v>
      </c>
      <c r="J3875">
        <v>2</v>
      </c>
      <c r="K3875">
        <v>200.49</v>
      </c>
    </row>
    <row r="3876" spans="1:11" x14ac:dyDescent="0.3">
      <c r="A3876" s="1">
        <v>42348</v>
      </c>
      <c r="B3876" s="3">
        <f t="shared" si="120"/>
        <v>12</v>
      </c>
      <c r="C3876" s="3">
        <f t="shared" si="121"/>
        <v>2015</v>
      </c>
      <c r="D3876" t="s">
        <v>1393</v>
      </c>
      <c r="E3876" t="s">
        <v>109</v>
      </c>
      <c r="F3876" t="s">
        <v>33</v>
      </c>
      <c r="G3876" t="s">
        <v>34</v>
      </c>
      <c r="H3876" t="s">
        <v>1255</v>
      </c>
      <c r="I3876">
        <v>191.96</v>
      </c>
      <c r="J3876">
        <v>2</v>
      </c>
      <c r="K3876">
        <v>32.630000000000003</v>
      </c>
    </row>
    <row r="3877" spans="1:11" x14ac:dyDescent="0.3">
      <c r="A3877" s="1">
        <v>42348</v>
      </c>
      <c r="B3877" s="3">
        <f t="shared" si="120"/>
        <v>12</v>
      </c>
      <c r="C3877" s="3">
        <f t="shared" si="121"/>
        <v>2015</v>
      </c>
      <c r="D3877" t="s">
        <v>1393</v>
      </c>
      <c r="E3877" t="s">
        <v>109</v>
      </c>
      <c r="F3877" t="s">
        <v>10</v>
      </c>
      <c r="G3877" t="s">
        <v>15</v>
      </c>
      <c r="H3877" t="s">
        <v>1631</v>
      </c>
      <c r="I3877">
        <v>2.61</v>
      </c>
      <c r="J3877">
        <v>1</v>
      </c>
      <c r="K3877">
        <v>1.2</v>
      </c>
    </row>
    <row r="3878" spans="1:11" x14ac:dyDescent="0.3">
      <c r="A3878" s="1">
        <v>42348</v>
      </c>
      <c r="B3878" s="3">
        <f t="shared" si="120"/>
        <v>12</v>
      </c>
      <c r="C3878" s="3">
        <f t="shared" si="121"/>
        <v>2015</v>
      </c>
      <c r="D3878" t="s">
        <v>1821</v>
      </c>
      <c r="E3878" t="s">
        <v>29</v>
      </c>
      <c r="F3878" t="s">
        <v>10</v>
      </c>
      <c r="G3878" t="s">
        <v>23</v>
      </c>
      <c r="H3878" t="s">
        <v>206</v>
      </c>
      <c r="I3878">
        <v>1.78</v>
      </c>
      <c r="J3878">
        <v>1</v>
      </c>
      <c r="K3878">
        <v>0.5</v>
      </c>
    </row>
    <row r="3879" spans="1:11" x14ac:dyDescent="0.3">
      <c r="A3879" s="1">
        <v>42348</v>
      </c>
      <c r="B3879" s="3">
        <f t="shared" si="120"/>
        <v>12</v>
      </c>
      <c r="C3879" s="3">
        <f t="shared" si="121"/>
        <v>2015</v>
      </c>
      <c r="D3879" t="s">
        <v>1821</v>
      </c>
      <c r="E3879" t="s">
        <v>29</v>
      </c>
      <c r="F3879" t="s">
        <v>10</v>
      </c>
      <c r="G3879" t="s">
        <v>11</v>
      </c>
      <c r="H3879" t="s">
        <v>2385</v>
      </c>
      <c r="I3879">
        <v>25.92</v>
      </c>
      <c r="J3879">
        <v>4</v>
      </c>
      <c r="K3879">
        <v>12.44</v>
      </c>
    </row>
    <row r="3880" spans="1:11" x14ac:dyDescent="0.3">
      <c r="A3880" s="1">
        <v>42348</v>
      </c>
      <c r="B3880" s="3">
        <f t="shared" si="120"/>
        <v>12</v>
      </c>
      <c r="C3880" s="3">
        <f t="shared" si="121"/>
        <v>2015</v>
      </c>
      <c r="D3880" t="s">
        <v>1821</v>
      </c>
      <c r="E3880" t="s">
        <v>29</v>
      </c>
      <c r="F3880" t="s">
        <v>38</v>
      </c>
      <c r="G3880" t="s">
        <v>51</v>
      </c>
      <c r="H3880" t="s">
        <v>1509</v>
      </c>
      <c r="I3880">
        <v>101.94</v>
      </c>
      <c r="J3880">
        <v>6</v>
      </c>
      <c r="K3880">
        <v>21.41</v>
      </c>
    </row>
    <row r="3881" spans="1:11" x14ac:dyDescent="0.3">
      <c r="A3881" s="1">
        <v>42348</v>
      </c>
      <c r="B3881" s="3">
        <f t="shared" si="120"/>
        <v>12</v>
      </c>
      <c r="C3881" s="3">
        <f t="shared" si="121"/>
        <v>2015</v>
      </c>
      <c r="D3881" t="s">
        <v>1087</v>
      </c>
      <c r="E3881" t="s">
        <v>148</v>
      </c>
      <c r="F3881" t="s">
        <v>10</v>
      </c>
      <c r="G3881" t="s">
        <v>15</v>
      </c>
      <c r="H3881" t="s">
        <v>2029</v>
      </c>
      <c r="I3881">
        <v>7.31</v>
      </c>
      <c r="J3881">
        <v>1</v>
      </c>
      <c r="K3881">
        <v>3.44</v>
      </c>
    </row>
    <row r="3882" spans="1:11" x14ac:dyDescent="0.3">
      <c r="A3882" s="1">
        <v>42348</v>
      </c>
      <c r="B3882" s="3">
        <f t="shared" si="120"/>
        <v>12</v>
      </c>
      <c r="C3882" s="3">
        <f t="shared" si="121"/>
        <v>2015</v>
      </c>
      <c r="D3882" t="s">
        <v>1087</v>
      </c>
      <c r="E3882" t="s">
        <v>148</v>
      </c>
      <c r="F3882" t="s">
        <v>38</v>
      </c>
      <c r="G3882" t="s">
        <v>602</v>
      </c>
      <c r="H3882" t="s">
        <v>1468</v>
      </c>
      <c r="I3882">
        <v>799.98</v>
      </c>
      <c r="J3882">
        <v>2</v>
      </c>
      <c r="K3882">
        <v>250</v>
      </c>
    </row>
    <row r="3883" spans="1:11" x14ac:dyDescent="0.3">
      <c r="A3883" s="1">
        <v>42348</v>
      </c>
      <c r="B3883" s="3">
        <f t="shared" si="120"/>
        <v>12</v>
      </c>
      <c r="C3883" s="3">
        <f t="shared" si="121"/>
        <v>2015</v>
      </c>
      <c r="D3883" t="s">
        <v>1087</v>
      </c>
      <c r="E3883" t="s">
        <v>148</v>
      </c>
      <c r="F3883" t="s">
        <v>10</v>
      </c>
      <c r="G3883" t="s">
        <v>11</v>
      </c>
      <c r="H3883" t="s">
        <v>2386</v>
      </c>
      <c r="I3883">
        <v>41.28</v>
      </c>
      <c r="J3883">
        <v>6</v>
      </c>
      <c r="K3883">
        <v>18.989999999999998</v>
      </c>
    </row>
    <row r="3884" spans="1:11" x14ac:dyDescent="0.3">
      <c r="A3884" s="1">
        <v>42348</v>
      </c>
      <c r="B3884" s="3">
        <f t="shared" si="120"/>
        <v>12</v>
      </c>
      <c r="C3884" s="3">
        <f t="shared" si="121"/>
        <v>2015</v>
      </c>
      <c r="D3884" t="s">
        <v>1087</v>
      </c>
      <c r="E3884" t="s">
        <v>148</v>
      </c>
      <c r="F3884" t="s">
        <v>10</v>
      </c>
      <c r="G3884" t="s">
        <v>11</v>
      </c>
      <c r="H3884" t="s">
        <v>1966</v>
      </c>
      <c r="I3884">
        <v>184.66</v>
      </c>
      <c r="J3884">
        <v>7</v>
      </c>
      <c r="K3884">
        <v>84.94</v>
      </c>
    </row>
    <row r="3885" spans="1:11" x14ac:dyDescent="0.3">
      <c r="A3885" s="1">
        <v>42348</v>
      </c>
      <c r="B3885" s="3">
        <f t="shared" si="120"/>
        <v>12</v>
      </c>
      <c r="C3885" s="3">
        <f t="shared" si="121"/>
        <v>2015</v>
      </c>
      <c r="D3885" t="s">
        <v>2146</v>
      </c>
      <c r="E3885" t="s">
        <v>530</v>
      </c>
      <c r="F3885" t="s">
        <v>10</v>
      </c>
      <c r="G3885" t="s">
        <v>23</v>
      </c>
      <c r="H3885" t="s">
        <v>2232</v>
      </c>
      <c r="I3885">
        <v>27.36</v>
      </c>
      <c r="J3885">
        <v>9</v>
      </c>
      <c r="K3885">
        <v>9.3000000000000007</v>
      </c>
    </row>
    <row r="3886" spans="1:11" x14ac:dyDescent="0.3">
      <c r="A3886" s="1">
        <v>42348</v>
      </c>
      <c r="B3886" s="3">
        <f t="shared" si="120"/>
        <v>12</v>
      </c>
      <c r="C3886" s="3">
        <f t="shared" si="121"/>
        <v>2015</v>
      </c>
      <c r="D3886" t="s">
        <v>2146</v>
      </c>
      <c r="E3886" t="s">
        <v>530</v>
      </c>
      <c r="F3886" t="s">
        <v>10</v>
      </c>
      <c r="G3886" t="s">
        <v>11</v>
      </c>
      <c r="H3886" t="s">
        <v>1581</v>
      </c>
      <c r="I3886">
        <v>44.75</v>
      </c>
      <c r="J3886">
        <v>5</v>
      </c>
      <c r="K3886">
        <v>20.59</v>
      </c>
    </row>
    <row r="3887" spans="1:11" x14ac:dyDescent="0.3">
      <c r="A3887" s="1">
        <v>42348</v>
      </c>
      <c r="B3887" s="3">
        <f t="shared" si="120"/>
        <v>12</v>
      </c>
      <c r="C3887" s="3">
        <f t="shared" si="121"/>
        <v>2015</v>
      </c>
      <c r="D3887" t="s">
        <v>2146</v>
      </c>
      <c r="E3887" t="s">
        <v>530</v>
      </c>
      <c r="F3887" t="s">
        <v>38</v>
      </c>
      <c r="G3887" t="s">
        <v>39</v>
      </c>
      <c r="H3887" t="s">
        <v>346</v>
      </c>
      <c r="I3887">
        <v>134.99</v>
      </c>
      <c r="J3887">
        <v>1</v>
      </c>
      <c r="K3887">
        <v>36.450000000000003</v>
      </c>
    </row>
    <row r="3888" spans="1:11" x14ac:dyDescent="0.3">
      <c r="A3888" s="1">
        <v>42348</v>
      </c>
      <c r="B3888" s="3">
        <f t="shared" si="120"/>
        <v>12</v>
      </c>
      <c r="C3888" s="3">
        <f t="shared" si="121"/>
        <v>2015</v>
      </c>
      <c r="D3888" t="s">
        <v>2146</v>
      </c>
      <c r="E3888" t="s">
        <v>530</v>
      </c>
      <c r="F3888" t="s">
        <v>10</v>
      </c>
      <c r="G3888" t="s">
        <v>11</v>
      </c>
      <c r="H3888" t="s">
        <v>1767</v>
      </c>
      <c r="I3888">
        <v>26.4</v>
      </c>
      <c r="J3888">
        <v>5</v>
      </c>
      <c r="K3888">
        <v>12.67</v>
      </c>
    </row>
    <row r="3889" spans="1:11" x14ac:dyDescent="0.3">
      <c r="A3889" s="1">
        <v>42348</v>
      </c>
      <c r="B3889" s="3">
        <f t="shared" si="120"/>
        <v>12</v>
      </c>
      <c r="C3889" s="3">
        <f t="shared" si="121"/>
        <v>2015</v>
      </c>
      <c r="D3889" t="s">
        <v>2146</v>
      </c>
      <c r="E3889" t="s">
        <v>530</v>
      </c>
      <c r="F3889" t="s">
        <v>33</v>
      </c>
      <c r="G3889" t="s">
        <v>34</v>
      </c>
      <c r="H3889" t="s">
        <v>2181</v>
      </c>
      <c r="I3889">
        <v>542.94000000000005</v>
      </c>
      <c r="J3889">
        <v>3</v>
      </c>
      <c r="K3889">
        <v>141.16</v>
      </c>
    </row>
    <row r="3890" spans="1:11" x14ac:dyDescent="0.3">
      <c r="A3890" s="1">
        <v>42348</v>
      </c>
      <c r="B3890" s="3">
        <f t="shared" si="120"/>
        <v>12</v>
      </c>
      <c r="C3890" s="3">
        <f t="shared" si="121"/>
        <v>2015</v>
      </c>
      <c r="D3890" t="s">
        <v>2114</v>
      </c>
      <c r="E3890" t="s">
        <v>26</v>
      </c>
      <c r="F3890" t="s">
        <v>10</v>
      </c>
      <c r="G3890" t="s">
        <v>23</v>
      </c>
      <c r="H3890" t="s">
        <v>1599</v>
      </c>
      <c r="I3890">
        <v>56.3</v>
      </c>
      <c r="J3890">
        <v>2</v>
      </c>
      <c r="K3890">
        <v>15.76</v>
      </c>
    </row>
    <row r="3891" spans="1:11" x14ac:dyDescent="0.3">
      <c r="A3891" s="1">
        <v>42348</v>
      </c>
      <c r="B3891" s="3">
        <f t="shared" si="120"/>
        <v>12</v>
      </c>
      <c r="C3891" s="3">
        <f t="shared" si="121"/>
        <v>2015</v>
      </c>
      <c r="D3891" t="s">
        <v>1965</v>
      </c>
      <c r="E3891" t="s">
        <v>14</v>
      </c>
      <c r="F3891" t="s">
        <v>10</v>
      </c>
      <c r="G3891" t="s">
        <v>91</v>
      </c>
      <c r="H3891" t="s">
        <v>2015</v>
      </c>
      <c r="I3891">
        <v>53.09</v>
      </c>
      <c r="J3891">
        <v>7</v>
      </c>
      <c r="K3891">
        <v>-108.83</v>
      </c>
    </row>
    <row r="3892" spans="1:11" x14ac:dyDescent="0.3">
      <c r="A3892" s="1">
        <v>42348</v>
      </c>
      <c r="B3892" s="3">
        <f t="shared" si="120"/>
        <v>12</v>
      </c>
      <c r="C3892" s="3">
        <f t="shared" si="121"/>
        <v>2015</v>
      </c>
      <c r="D3892" t="s">
        <v>2318</v>
      </c>
      <c r="E3892" t="s">
        <v>26</v>
      </c>
      <c r="F3892" t="s">
        <v>10</v>
      </c>
      <c r="G3892" t="s">
        <v>15</v>
      </c>
      <c r="H3892" t="s">
        <v>583</v>
      </c>
      <c r="I3892">
        <v>5.76</v>
      </c>
      <c r="J3892">
        <v>2</v>
      </c>
      <c r="K3892">
        <v>2.82</v>
      </c>
    </row>
    <row r="3893" spans="1:11" x14ac:dyDescent="0.3">
      <c r="A3893" s="1">
        <v>42348</v>
      </c>
      <c r="B3893" s="3">
        <f t="shared" si="120"/>
        <v>12</v>
      </c>
      <c r="C3893" s="3">
        <f t="shared" si="121"/>
        <v>2015</v>
      </c>
      <c r="D3893" t="s">
        <v>1192</v>
      </c>
      <c r="E3893" t="s">
        <v>77</v>
      </c>
      <c r="F3893" t="s">
        <v>38</v>
      </c>
      <c r="G3893" t="s">
        <v>51</v>
      </c>
      <c r="H3893" t="s">
        <v>597</v>
      </c>
      <c r="I3893">
        <v>25.49</v>
      </c>
      <c r="J3893">
        <v>2</v>
      </c>
      <c r="K3893">
        <v>4.46</v>
      </c>
    </row>
    <row r="3894" spans="1:11" x14ac:dyDescent="0.3">
      <c r="A3894" s="1">
        <v>42349</v>
      </c>
      <c r="B3894" s="3">
        <f t="shared" si="120"/>
        <v>12</v>
      </c>
      <c r="C3894" s="3">
        <f t="shared" si="121"/>
        <v>2015</v>
      </c>
      <c r="D3894" t="s">
        <v>2125</v>
      </c>
      <c r="E3894" t="s">
        <v>54</v>
      </c>
      <c r="F3894" t="s">
        <v>10</v>
      </c>
      <c r="G3894" t="s">
        <v>15</v>
      </c>
      <c r="H3894" t="s">
        <v>813</v>
      </c>
      <c r="I3894">
        <v>196.62</v>
      </c>
      <c r="J3894">
        <v>2</v>
      </c>
      <c r="K3894">
        <v>96.34</v>
      </c>
    </row>
    <row r="3895" spans="1:11" x14ac:dyDescent="0.3">
      <c r="A3895" s="1">
        <v>42349</v>
      </c>
      <c r="B3895" s="3">
        <f t="shared" si="120"/>
        <v>12</v>
      </c>
      <c r="C3895" s="3">
        <f t="shared" si="121"/>
        <v>2015</v>
      </c>
      <c r="D3895" t="s">
        <v>2387</v>
      </c>
      <c r="E3895" t="s">
        <v>9</v>
      </c>
      <c r="F3895" t="s">
        <v>38</v>
      </c>
      <c r="G3895" t="s">
        <v>51</v>
      </c>
      <c r="H3895" t="s">
        <v>730</v>
      </c>
      <c r="I3895">
        <v>159.97999999999999</v>
      </c>
      <c r="J3895">
        <v>2</v>
      </c>
      <c r="K3895">
        <v>36</v>
      </c>
    </row>
    <row r="3896" spans="1:11" x14ac:dyDescent="0.3">
      <c r="A3896" s="1">
        <v>42349</v>
      </c>
      <c r="B3896" s="3">
        <f t="shared" si="120"/>
        <v>12</v>
      </c>
      <c r="C3896" s="3">
        <f t="shared" si="121"/>
        <v>2015</v>
      </c>
      <c r="D3896" t="s">
        <v>2387</v>
      </c>
      <c r="E3896" t="s">
        <v>9</v>
      </c>
      <c r="F3896" t="s">
        <v>10</v>
      </c>
      <c r="G3896" t="s">
        <v>17</v>
      </c>
      <c r="H3896" t="s">
        <v>1316</v>
      </c>
      <c r="I3896">
        <v>46.34</v>
      </c>
      <c r="J3896">
        <v>3</v>
      </c>
      <c r="K3896">
        <v>4.63</v>
      </c>
    </row>
    <row r="3897" spans="1:11" x14ac:dyDescent="0.3">
      <c r="A3897" s="1">
        <v>42349</v>
      </c>
      <c r="B3897" s="3">
        <f t="shared" si="120"/>
        <v>12</v>
      </c>
      <c r="C3897" s="3">
        <f t="shared" si="121"/>
        <v>2015</v>
      </c>
      <c r="D3897" t="s">
        <v>825</v>
      </c>
      <c r="E3897" t="s">
        <v>122</v>
      </c>
      <c r="F3897" t="s">
        <v>10</v>
      </c>
      <c r="G3897" t="s">
        <v>19</v>
      </c>
      <c r="H3897" t="s">
        <v>951</v>
      </c>
      <c r="I3897">
        <v>12.83</v>
      </c>
      <c r="J3897">
        <v>2</v>
      </c>
      <c r="K3897">
        <v>-8.98</v>
      </c>
    </row>
    <row r="3898" spans="1:11" x14ac:dyDescent="0.3">
      <c r="A3898" s="1">
        <v>42349</v>
      </c>
      <c r="B3898" s="3">
        <f t="shared" si="120"/>
        <v>12</v>
      </c>
      <c r="C3898" s="3">
        <f t="shared" si="121"/>
        <v>2015</v>
      </c>
      <c r="D3898" t="s">
        <v>1802</v>
      </c>
      <c r="E3898" t="s">
        <v>277</v>
      </c>
      <c r="F3898" t="s">
        <v>10</v>
      </c>
      <c r="G3898" t="s">
        <v>23</v>
      </c>
      <c r="H3898" t="s">
        <v>1320</v>
      </c>
      <c r="I3898">
        <v>13.12</v>
      </c>
      <c r="J3898">
        <v>5</v>
      </c>
      <c r="K3898">
        <v>1.1499999999999999</v>
      </c>
    </row>
    <row r="3899" spans="1:11" x14ac:dyDescent="0.3">
      <c r="A3899" s="1">
        <v>42349</v>
      </c>
      <c r="B3899" s="3">
        <f t="shared" si="120"/>
        <v>12</v>
      </c>
      <c r="C3899" s="3">
        <f t="shared" si="121"/>
        <v>2015</v>
      </c>
      <c r="D3899" t="s">
        <v>1802</v>
      </c>
      <c r="E3899" t="s">
        <v>277</v>
      </c>
      <c r="F3899" t="s">
        <v>33</v>
      </c>
      <c r="G3899" t="s">
        <v>73</v>
      </c>
      <c r="H3899" t="s">
        <v>2388</v>
      </c>
      <c r="I3899">
        <v>69.58</v>
      </c>
      <c r="J3899">
        <v>4</v>
      </c>
      <c r="K3899">
        <v>-143.79</v>
      </c>
    </row>
    <row r="3900" spans="1:11" x14ac:dyDescent="0.3">
      <c r="A3900" s="1">
        <v>42349</v>
      </c>
      <c r="B3900" s="3">
        <f t="shared" si="120"/>
        <v>12</v>
      </c>
      <c r="C3900" s="3">
        <f t="shared" si="121"/>
        <v>2015</v>
      </c>
      <c r="D3900" t="s">
        <v>1802</v>
      </c>
      <c r="E3900" t="s">
        <v>277</v>
      </c>
      <c r="F3900" t="s">
        <v>10</v>
      </c>
      <c r="G3900" t="s">
        <v>23</v>
      </c>
      <c r="H3900" t="s">
        <v>2389</v>
      </c>
      <c r="I3900">
        <v>4.22</v>
      </c>
      <c r="J3900">
        <v>3</v>
      </c>
      <c r="K3900">
        <v>0.48</v>
      </c>
    </row>
    <row r="3901" spans="1:11" x14ac:dyDescent="0.3">
      <c r="A3901" s="1">
        <v>42349</v>
      </c>
      <c r="B3901" s="3">
        <f t="shared" si="120"/>
        <v>12</v>
      </c>
      <c r="C3901" s="3">
        <f t="shared" si="121"/>
        <v>2015</v>
      </c>
      <c r="D3901" t="s">
        <v>1802</v>
      </c>
      <c r="E3901" t="s">
        <v>277</v>
      </c>
      <c r="F3901" t="s">
        <v>38</v>
      </c>
      <c r="G3901" t="s">
        <v>51</v>
      </c>
      <c r="H3901" t="s">
        <v>2022</v>
      </c>
      <c r="I3901">
        <v>58.08</v>
      </c>
      <c r="J3901">
        <v>4</v>
      </c>
      <c r="K3901">
        <v>-6.53</v>
      </c>
    </row>
    <row r="3902" spans="1:11" x14ac:dyDescent="0.3">
      <c r="A3902" s="1">
        <v>42349</v>
      </c>
      <c r="B3902" s="3">
        <f t="shared" si="120"/>
        <v>12</v>
      </c>
      <c r="C3902" s="3">
        <f t="shared" si="121"/>
        <v>2015</v>
      </c>
      <c r="D3902" t="s">
        <v>1802</v>
      </c>
      <c r="E3902" t="s">
        <v>277</v>
      </c>
      <c r="F3902" t="s">
        <v>33</v>
      </c>
      <c r="G3902" t="s">
        <v>46</v>
      </c>
      <c r="H3902" t="s">
        <v>1187</v>
      </c>
      <c r="I3902">
        <v>52.42</v>
      </c>
      <c r="J3902">
        <v>9</v>
      </c>
      <c r="K3902">
        <v>15.07</v>
      </c>
    </row>
    <row r="3903" spans="1:11" x14ac:dyDescent="0.3">
      <c r="A3903" s="1">
        <v>42349</v>
      </c>
      <c r="B3903" s="3">
        <f t="shared" si="120"/>
        <v>12</v>
      </c>
      <c r="C3903" s="3">
        <f t="shared" si="121"/>
        <v>2015</v>
      </c>
      <c r="D3903" t="s">
        <v>1802</v>
      </c>
      <c r="E3903" t="s">
        <v>277</v>
      </c>
      <c r="F3903" t="s">
        <v>33</v>
      </c>
      <c r="G3903" t="s">
        <v>46</v>
      </c>
      <c r="H3903" t="s">
        <v>364</v>
      </c>
      <c r="I3903">
        <v>54.92</v>
      </c>
      <c r="J3903">
        <v>5</v>
      </c>
      <c r="K3903">
        <v>10.98</v>
      </c>
    </row>
    <row r="3904" spans="1:11" x14ac:dyDescent="0.3">
      <c r="A3904" s="1">
        <v>42349</v>
      </c>
      <c r="B3904" s="3">
        <f t="shared" si="120"/>
        <v>12</v>
      </c>
      <c r="C3904" s="3">
        <f t="shared" si="121"/>
        <v>2015</v>
      </c>
      <c r="D3904" t="s">
        <v>1802</v>
      </c>
      <c r="E3904" t="s">
        <v>277</v>
      </c>
      <c r="F3904" t="s">
        <v>33</v>
      </c>
      <c r="G3904" t="s">
        <v>144</v>
      </c>
      <c r="H3904" t="s">
        <v>1643</v>
      </c>
      <c r="I3904">
        <v>364.95</v>
      </c>
      <c r="J3904">
        <v>5</v>
      </c>
      <c r="K3904">
        <v>-248.17</v>
      </c>
    </row>
    <row r="3905" spans="1:11" x14ac:dyDescent="0.3">
      <c r="A3905" s="1">
        <v>42349</v>
      </c>
      <c r="B3905" s="3">
        <f t="shared" si="120"/>
        <v>12</v>
      </c>
      <c r="C3905" s="3">
        <f t="shared" si="121"/>
        <v>2015</v>
      </c>
      <c r="D3905" t="s">
        <v>1802</v>
      </c>
      <c r="E3905" t="s">
        <v>277</v>
      </c>
      <c r="F3905" t="s">
        <v>10</v>
      </c>
      <c r="G3905" t="s">
        <v>11</v>
      </c>
      <c r="H3905" t="s">
        <v>2390</v>
      </c>
      <c r="I3905">
        <v>85.06</v>
      </c>
      <c r="J3905">
        <v>3</v>
      </c>
      <c r="K3905">
        <v>28.71</v>
      </c>
    </row>
    <row r="3906" spans="1:11" x14ac:dyDescent="0.3">
      <c r="A3906" s="1">
        <v>42349</v>
      </c>
      <c r="B3906" s="3">
        <f t="shared" ref="B3906:B3969" si="122">MONTH(A:A)</f>
        <v>12</v>
      </c>
      <c r="C3906" s="3">
        <f t="shared" ref="C3906:C3969" si="123">YEAR(A:A)</f>
        <v>2015</v>
      </c>
      <c r="D3906" t="s">
        <v>1802</v>
      </c>
      <c r="E3906" t="s">
        <v>277</v>
      </c>
      <c r="F3906" t="s">
        <v>10</v>
      </c>
      <c r="G3906" t="s">
        <v>11</v>
      </c>
      <c r="H3906" t="s">
        <v>2391</v>
      </c>
      <c r="I3906">
        <v>27.7</v>
      </c>
      <c r="J3906">
        <v>3</v>
      </c>
      <c r="K3906">
        <v>9.69</v>
      </c>
    </row>
    <row r="3907" spans="1:11" x14ac:dyDescent="0.3">
      <c r="A3907" s="1">
        <v>42349</v>
      </c>
      <c r="B3907" s="3">
        <f t="shared" si="122"/>
        <v>12</v>
      </c>
      <c r="C3907" s="3">
        <f t="shared" si="123"/>
        <v>2015</v>
      </c>
      <c r="D3907" t="s">
        <v>566</v>
      </c>
      <c r="E3907" t="s">
        <v>77</v>
      </c>
      <c r="F3907" t="s">
        <v>10</v>
      </c>
      <c r="G3907" t="s">
        <v>19</v>
      </c>
      <c r="H3907" t="s">
        <v>2225</v>
      </c>
      <c r="I3907">
        <v>10.33</v>
      </c>
      <c r="J3907">
        <v>3</v>
      </c>
      <c r="K3907">
        <v>-7.58</v>
      </c>
    </row>
    <row r="3908" spans="1:11" x14ac:dyDescent="0.3">
      <c r="A3908" s="1">
        <v>42349</v>
      </c>
      <c r="B3908" s="3">
        <f t="shared" si="122"/>
        <v>12</v>
      </c>
      <c r="C3908" s="3">
        <f t="shared" si="123"/>
        <v>2015</v>
      </c>
      <c r="D3908" t="s">
        <v>1331</v>
      </c>
      <c r="E3908" t="s">
        <v>26</v>
      </c>
      <c r="F3908" t="s">
        <v>10</v>
      </c>
      <c r="G3908" t="s">
        <v>19</v>
      </c>
      <c r="H3908" t="s">
        <v>167</v>
      </c>
      <c r="I3908">
        <v>110.53</v>
      </c>
      <c r="J3908">
        <v>4</v>
      </c>
      <c r="K3908">
        <v>38.68</v>
      </c>
    </row>
    <row r="3909" spans="1:11" x14ac:dyDescent="0.3">
      <c r="A3909" s="1">
        <v>42349</v>
      </c>
      <c r="B3909" s="3">
        <f t="shared" si="122"/>
        <v>12</v>
      </c>
      <c r="C3909" s="3">
        <f t="shared" si="123"/>
        <v>2015</v>
      </c>
      <c r="D3909" t="s">
        <v>878</v>
      </c>
      <c r="E3909" t="s">
        <v>109</v>
      </c>
      <c r="F3909" t="s">
        <v>38</v>
      </c>
      <c r="G3909" t="s">
        <v>51</v>
      </c>
      <c r="H3909" t="s">
        <v>2392</v>
      </c>
      <c r="I3909">
        <v>175.23</v>
      </c>
      <c r="J3909">
        <v>11</v>
      </c>
      <c r="K3909">
        <v>61.33</v>
      </c>
    </row>
    <row r="3910" spans="1:11" x14ac:dyDescent="0.3">
      <c r="A3910" s="1">
        <v>42349</v>
      </c>
      <c r="B3910" s="3">
        <f t="shared" si="122"/>
        <v>12</v>
      </c>
      <c r="C3910" s="3">
        <f t="shared" si="123"/>
        <v>2015</v>
      </c>
      <c r="D3910" t="s">
        <v>878</v>
      </c>
      <c r="E3910" t="s">
        <v>109</v>
      </c>
      <c r="F3910" t="s">
        <v>38</v>
      </c>
      <c r="G3910" t="s">
        <v>39</v>
      </c>
      <c r="H3910" t="s">
        <v>1113</v>
      </c>
      <c r="I3910">
        <v>125.99</v>
      </c>
      <c r="J3910">
        <v>1</v>
      </c>
      <c r="K3910">
        <v>31.5</v>
      </c>
    </row>
    <row r="3911" spans="1:11" x14ac:dyDescent="0.3">
      <c r="A3911" s="1">
        <v>42349</v>
      </c>
      <c r="B3911" s="3">
        <f t="shared" si="122"/>
        <v>12</v>
      </c>
      <c r="C3911" s="3">
        <f t="shared" si="123"/>
        <v>2015</v>
      </c>
      <c r="D3911" t="s">
        <v>878</v>
      </c>
      <c r="E3911" t="s">
        <v>109</v>
      </c>
      <c r="F3911" t="s">
        <v>10</v>
      </c>
      <c r="G3911" t="s">
        <v>19</v>
      </c>
      <c r="H3911" t="s">
        <v>1371</v>
      </c>
      <c r="I3911">
        <v>23</v>
      </c>
      <c r="J3911">
        <v>2</v>
      </c>
      <c r="K3911">
        <v>10.35</v>
      </c>
    </row>
    <row r="3912" spans="1:11" x14ac:dyDescent="0.3">
      <c r="A3912" s="1">
        <v>42350</v>
      </c>
      <c r="B3912" s="3">
        <f t="shared" si="122"/>
        <v>12</v>
      </c>
      <c r="C3912" s="3">
        <f t="shared" si="123"/>
        <v>2015</v>
      </c>
      <c r="D3912" t="s">
        <v>759</v>
      </c>
      <c r="E3912" t="s">
        <v>26</v>
      </c>
      <c r="F3912" t="s">
        <v>33</v>
      </c>
      <c r="G3912" t="s">
        <v>34</v>
      </c>
      <c r="H3912" t="s">
        <v>632</v>
      </c>
      <c r="I3912">
        <v>348.93</v>
      </c>
      <c r="J3912">
        <v>2</v>
      </c>
      <c r="K3912">
        <v>34.89</v>
      </c>
    </row>
    <row r="3913" spans="1:11" x14ac:dyDescent="0.3">
      <c r="A3913" s="1">
        <v>42350</v>
      </c>
      <c r="B3913" s="3">
        <f t="shared" si="122"/>
        <v>12</v>
      </c>
      <c r="C3913" s="3">
        <f t="shared" si="123"/>
        <v>2015</v>
      </c>
      <c r="D3913" t="s">
        <v>1220</v>
      </c>
      <c r="E3913" t="s">
        <v>26</v>
      </c>
      <c r="F3913" t="s">
        <v>10</v>
      </c>
      <c r="G3913" t="s">
        <v>42</v>
      </c>
      <c r="H3913" t="s">
        <v>159</v>
      </c>
      <c r="I3913">
        <v>7.86</v>
      </c>
      <c r="J3913">
        <v>2</v>
      </c>
      <c r="K3913">
        <v>3.62</v>
      </c>
    </row>
    <row r="3914" spans="1:11" x14ac:dyDescent="0.3">
      <c r="A3914" s="1">
        <v>42350</v>
      </c>
      <c r="B3914" s="3">
        <f t="shared" si="122"/>
        <v>12</v>
      </c>
      <c r="C3914" s="3">
        <f t="shared" si="123"/>
        <v>2015</v>
      </c>
      <c r="D3914" t="s">
        <v>1220</v>
      </c>
      <c r="E3914" t="s">
        <v>26</v>
      </c>
      <c r="F3914" t="s">
        <v>10</v>
      </c>
      <c r="G3914" t="s">
        <v>19</v>
      </c>
      <c r="H3914" t="s">
        <v>2256</v>
      </c>
      <c r="I3914">
        <v>24.45</v>
      </c>
      <c r="J3914">
        <v>2</v>
      </c>
      <c r="K3914">
        <v>8.86</v>
      </c>
    </row>
    <row r="3915" spans="1:11" x14ac:dyDescent="0.3">
      <c r="A3915" s="1">
        <v>42350</v>
      </c>
      <c r="B3915" s="3">
        <f t="shared" si="122"/>
        <v>12</v>
      </c>
      <c r="C3915" s="3">
        <f t="shared" si="123"/>
        <v>2015</v>
      </c>
      <c r="D3915" t="s">
        <v>2275</v>
      </c>
      <c r="E3915" t="s">
        <v>530</v>
      </c>
      <c r="F3915" t="s">
        <v>10</v>
      </c>
      <c r="G3915" t="s">
        <v>23</v>
      </c>
      <c r="H3915" t="s">
        <v>37</v>
      </c>
      <c r="I3915">
        <v>8.2200000000000006</v>
      </c>
      <c r="J3915">
        <v>3</v>
      </c>
      <c r="K3915">
        <v>2.2200000000000002</v>
      </c>
    </row>
    <row r="3916" spans="1:11" x14ac:dyDescent="0.3">
      <c r="A3916" s="1">
        <v>42350</v>
      </c>
      <c r="B3916" s="3">
        <f t="shared" si="122"/>
        <v>12</v>
      </c>
      <c r="C3916" s="3">
        <f t="shared" si="123"/>
        <v>2015</v>
      </c>
      <c r="D3916" t="s">
        <v>1751</v>
      </c>
      <c r="E3916" t="s">
        <v>9</v>
      </c>
      <c r="F3916" t="s">
        <v>38</v>
      </c>
      <c r="G3916" t="s">
        <v>51</v>
      </c>
      <c r="H3916" t="s">
        <v>2329</v>
      </c>
      <c r="I3916">
        <v>22.37</v>
      </c>
      <c r="J3916">
        <v>4</v>
      </c>
      <c r="K3916">
        <v>6.43</v>
      </c>
    </row>
    <row r="3917" spans="1:11" x14ac:dyDescent="0.3">
      <c r="A3917" s="1">
        <v>42350</v>
      </c>
      <c r="B3917" s="3">
        <f t="shared" si="122"/>
        <v>12</v>
      </c>
      <c r="C3917" s="3">
        <f t="shared" si="123"/>
        <v>2015</v>
      </c>
      <c r="D3917" t="s">
        <v>108</v>
      </c>
      <c r="E3917" t="s">
        <v>26</v>
      </c>
      <c r="F3917" t="s">
        <v>10</v>
      </c>
      <c r="G3917" t="s">
        <v>23</v>
      </c>
      <c r="H3917" t="s">
        <v>2083</v>
      </c>
      <c r="I3917">
        <v>2.21</v>
      </c>
      <c r="J3917">
        <v>1</v>
      </c>
      <c r="K3917">
        <v>0.6</v>
      </c>
    </row>
    <row r="3918" spans="1:11" x14ac:dyDescent="0.3">
      <c r="A3918" s="1">
        <v>42350</v>
      </c>
      <c r="B3918" s="3">
        <f t="shared" si="122"/>
        <v>12</v>
      </c>
      <c r="C3918" s="3">
        <f t="shared" si="123"/>
        <v>2015</v>
      </c>
      <c r="D3918" t="s">
        <v>108</v>
      </c>
      <c r="E3918" t="s">
        <v>26</v>
      </c>
      <c r="F3918" t="s">
        <v>10</v>
      </c>
      <c r="G3918" t="s">
        <v>62</v>
      </c>
      <c r="H3918" t="s">
        <v>1271</v>
      </c>
      <c r="I3918">
        <v>15.52</v>
      </c>
      <c r="J3918">
        <v>4</v>
      </c>
      <c r="K3918">
        <v>7.45</v>
      </c>
    </row>
    <row r="3919" spans="1:11" x14ac:dyDescent="0.3">
      <c r="A3919" s="1">
        <v>42350</v>
      </c>
      <c r="B3919" s="3">
        <f t="shared" si="122"/>
        <v>12</v>
      </c>
      <c r="C3919" s="3">
        <f t="shared" si="123"/>
        <v>2015</v>
      </c>
      <c r="D3919" t="s">
        <v>108</v>
      </c>
      <c r="E3919" t="s">
        <v>26</v>
      </c>
      <c r="F3919" t="s">
        <v>10</v>
      </c>
      <c r="G3919" t="s">
        <v>11</v>
      </c>
      <c r="H3919" t="s">
        <v>2333</v>
      </c>
      <c r="I3919">
        <v>36.44</v>
      </c>
      <c r="J3919">
        <v>4</v>
      </c>
      <c r="K3919">
        <v>16.399999999999999</v>
      </c>
    </row>
    <row r="3920" spans="1:11" x14ac:dyDescent="0.3">
      <c r="A3920" s="1">
        <v>42350</v>
      </c>
      <c r="B3920" s="3">
        <f t="shared" si="122"/>
        <v>12</v>
      </c>
      <c r="C3920" s="3">
        <f t="shared" si="123"/>
        <v>2015</v>
      </c>
      <c r="D3920" t="s">
        <v>886</v>
      </c>
      <c r="E3920" t="s">
        <v>26</v>
      </c>
      <c r="F3920" t="s">
        <v>33</v>
      </c>
      <c r="G3920" t="s">
        <v>46</v>
      </c>
      <c r="H3920" t="s">
        <v>343</v>
      </c>
      <c r="I3920">
        <v>166.5</v>
      </c>
      <c r="J3920">
        <v>3</v>
      </c>
      <c r="K3920">
        <v>21.65</v>
      </c>
    </row>
    <row r="3921" spans="1:11" x14ac:dyDescent="0.3">
      <c r="A3921" s="1">
        <v>42350</v>
      </c>
      <c r="B3921" s="3">
        <f t="shared" si="122"/>
        <v>12</v>
      </c>
      <c r="C3921" s="3">
        <f t="shared" si="123"/>
        <v>2015</v>
      </c>
      <c r="D3921" t="s">
        <v>886</v>
      </c>
      <c r="E3921" t="s">
        <v>26</v>
      </c>
      <c r="F3921" t="s">
        <v>10</v>
      </c>
      <c r="G3921" t="s">
        <v>17</v>
      </c>
      <c r="H3921" t="s">
        <v>1756</v>
      </c>
      <c r="I3921">
        <v>360.38</v>
      </c>
      <c r="J3921">
        <v>2</v>
      </c>
      <c r="K3921">
        <v>93.7</v>
      </c>
    </row>
    <row r="3922" spans="1:11" x14ac:dyDescent="0.3">
      <c r="A3922" s="1">
        <v>42350</v>
      </c>
      <c r="B3922" s="3">
        <f t="shared" si="122"/>
        <v>12</v>
      </c>
      <c r="C3922" s="3">
        <f t="shared" si="123"/>
        <v>2015</v>
      </c>
      <c r="D3922" t="s">
        <v>386</v>
      </c>
      <c r="E3922" t="s">
        <v>125</v>
      </c>
      <c r="F3922" t="s">
        <v>10</v>
      </c>
      <c r="G3922" t="s">
        <v>11</v>
      </c>
      <c r="H3922" t="s">
        <v>2393</v>
      </c>
      <c r="I3922">
        <v>32.4</v>
      </c>
      <c r="J3922">
        <v>5</v>
      </c>
      <c r="K3922">
        <v>15.88</v>
      </c>
    </row>
    <row r="3923" spans="1:11" x14ac:dyDescent="0.3">
      <c r="A3923" s="1">
        <v>42350</v>
      </c>
      <c r="B3923" s="3">
        <f t="shared" si="122"/>
        <v>12</v>
      </c>
      <c r="C3923" s="3">
        <f t="shared" si="123"/>
        <v>2015</v>
      </c>
      <c r="D3923" t="s">
        <v>386</v>
      </c>
      <c r="E3923" t="s">
        <v>125</v>
      </c>
      <c r="F3923" t="s">
        <v>10</v>
      </c>
      <c r="G3923" t="s">
        <v>11</v>
      </c>
      <c r="H3923" t="s">
        <v>1040</v>
      </c>
      <c r="I3923">
        <v>97.88</v>
      </c>
      <c r="J3923">
        <v>2</v>
      </c>
      <c r="K3923">
        <v>48.94</v>
      </c>
    </row>
    <row r="3924" spans="1:11" x14ac:dyDescent="0.3">
      <c r="A3924" s="1">
        <v>42350</v>
      </c>
      <c r="B3924" s="3">
        <f t="shared" si="122"/>
        <v>12</v>
      </c>
      <c r="C3924" s="3">
        <f t="shared" si="123"/>
        <v>2015</v>
      </c>
      <c r="D3924" t="s">
        <v>1597</v>
      </c>
      <c r="E3924" t="s">
        <v>26</v>
      </c>
      <c r="F3924" t="s">
        <v>38</v>
      </c>
      <c r="G3924" t="s">
        <v>51</v>
      </c>
      <c r="H3924" t="s">
        <v>453</v>
      </c>
      <c r="I3924">
        <v>299.94</v>
      </c>
      <c r="J3924">
        <v>6</v>
      </c>
      <c r="K3924">
        <v>128.97</v>
      </c>
    </row>
    <row r="3925" spans="1:11" x14ac:dyDescent="0.3">
      <c r="A3925" s="1">
        <v>42350</v>
      </c>
      <c r="B3925" s="3">
        <f t="shared" si="122"/>
        <v>12</v>
      </c>
      <c r="C3925" s="3">
        <f t="shared" si="123"/>
        <v>2015</v>
      </c>
      <c r="D3925" t="s">
        <v>1597</v>
      </c>
      <c r="E3925" t="s">
        <v>26</v>
      </c>
      <c r="F3925" t="s">
        <v>10</v>
      </c>
      <c r="G3925" t="s">
        <v>199</v>
      </c>
      <c r="H3925" t="s">
        <v>806</v>
      </c>
      <c r="I3925">
        <v>25.76</v>
      </c>
      <c r="J3925">
        <v>7</v>
      </c>
      <c r="K3925">
        <v>0.52</v>
      </c>
    </row>
    <row r="3926" spans="1:11" x14ac:dyDescent="0.3">
      <c r="A3926" s="1">
        <v>42351</v>
      </c>
      <c r="B3926" s="3">
        <f t="shared" si="122"/>
        <v>12</v>
      </c>
      <c r="C3926" s="3">
        <f t="shared" si="123"/>
        <v>2015</v>
      </c>
      <c r="D3926" t="s">
        <v>1488</v>
      </c>
      <c r="E3926" t="s">
        <v>26</v>
      </c>
      <c r="F3926" t="s">
        <v>10</v>
      </c>
      <c r="G3926" t="s">
        <v>11</v>
      </c>
      <c r="H3926" t="s">
        <v>523</v>
      </c>
      <c r="I3926">
        <v>12.96</v>
      </c>
      <c r="J3926">
        <v>2</v>
      </c>
      <c r="K3926">
        <v>6.22</v>
      </c>
    </row>
    <row r="3927" spans="1:11" x14ac:dyDescent="0.3">
      <c r="A3927" s="1">
        <v>42351</v>
      </c>
      <c r="B3927" s="3">
        <f t="shared" si="122"/>
        <v>12</v>
      </c>
      <c r="C3927" s="3">
        <f t="shared" si="123"/>
        <v>2015</v>
      </c>
      <c r="D3927" t="s">
        <v>1488</v>
      </c>
      <c r="E3927" t="s">
        <v>26</v>
      </c>
      <c r="F3927" t="s">
        <v>10</v>
      </c>
      <c r="G3927" t="s">
        <v>91</v>
      </c>
      <c r="H3927" t="s">
        <v>2394</v>
      </c>
      <c r="I3927">
        <v>134.47999999999999</v>
      </c>
      <c r="J3927">
        <v>4</v>
      </c>
      <c r="K3927">
        <v>34.96</v>
      </c>
    </row>
    <row r="3928" spans="1:11" x14ac:dyDescent="0.3">
      <c r="A3928" s="1">
        <v>42351</v>
      </c>
      <c r="B3928" s="3">
        <f t="shared" si="122"/>
        <v>12</v>
      </c>
      <c r="C3928" s="3">
        <f t="shared" si="123"/>
        <v>2015</v>
      </c>
      <c r="D3928" t="s">
        <v>1737</v>
      </c>
      <c r="E3928" t="s">
        <v>26</v>
      </c>
      <c r="F3928" t="s">
        <v>10</v>
      </c>
      <c r="G3928" t="s">
        <v>15</v>
      </c>
      <c r="H3928" t="s">
        <v>771</v>
      </c>
      <c r="I3928">
        <v>9.9600000000000009</v>
      </c>
      <c r="J3928">
        <v>2</v>
      </c>
      <c r="K3928">
        <v>4.58</v>
      </c>
    </row>
    <row r="3929" spans="1:11" x14ac:dyDescent="0.3">
      <c r="A3929" s="1">
        <v>42351</v>
      </c>
      <c r="B3929" s="3">
        <f t="shared" si="122"/>
        <v>12</v>
      </c>
      <c r="C3929" s="3">
        <f t="shared" si="123"/>
        <v>2015</v>
      </c>
      <c r="D3929" t="s">
        <v>436</v>
      </c>
      <c r="E3929" t="s">
        <v>26</v>
      </c>
      <c r="F3929" t="s">
        <v>38</v>
      </c>
      <c r="G3929" t="s">
        <v>39</v>
      </c>
      <c r="H3929" t="s">
        <v>693</v>
      </c>
      <c r="I3929">
        <v>494.38</v>
      </c>
      <c r="J3929">
        <v>3</v>
      </c>
      <c r="K3929">
        <v>49.44</v>
      </c>
    </row>
    <row r="3930" spans="1:11" x14ac:dyDescent="0.3">
      <c r="A3930" s="1">
        <v>42351</v>
      </c>
      <c r="B3930" s="3">
        <f t="shared" si="122"/>
        <v>12</v>
      </c>
      <c r="C3930" s="3">
        <f t="shared" si="123"/>
        <v>2015</v>
      </c>
      <c r="D3930" t="s">
        <v>436</v>
      </c>
      <c r="E3930" t="s">
        <v>26</v>
      </c>
      <c r="F3930" t="s">
        <v>10</v>
      </c>
      <c r="G3930" t="s">
        <v>19</v>
      </c>
      <c r="H3930" t="s">
        <v>1224</v>
      </c>
      <c r="I3930">
        <v>29.2</v>
      </c>
      <c r="J3930">
        <v>5</v>
      </c>
      <c r="K3930">
        <v>9.86</v>
      </c>
    </row>
    <row r="3931" spans="1:11" x14ac:dyDescent="0.3">
      <c r="A3931" s="1">
        <v>42351</v>
      </c>
      <c r="B3931" s="3">
        <f t="shared" si="122"/>
        <v>12</v>
      </c>
      <c r="C3931" s="3">
        <f t="shared" si="123"/>
        <v>2015</v>
      </c>
      <c r="D3931" t="s">
        <v>436</v>
      </c>
      <c r="E3931" t="s">
        <v>26</v>
      </c>
      <c r="F3931" t="s">
        <v>38</v>
      </c>
      <c r="G3931" t="s">
        <v>51</v>
      </c>
      <c r="H3931" t="s">
        <v>2308</v>
      </c>
      <c r="I3931">
        <v>248.85</v>
      </c>
      <c r="J3931">
        <v>5</v>
      </c>
      <c r="K3931">
        <v>27.37</v>
      </c>
    </row>
    <row r="3932" spans="1:11" x14ac:dyDescent="0.3">
      <c r="A3932" s="1">
        <v>42351</v>
      </c>
      <c r="B3932" s="3">
        <f t="shared" si="122"/>
        <v>12</v>
      </c>
      <c r="C3932" s="3">
        <f t="shared" si="123"/>
        <v>2015</v>
      </c>
      <c r="D3932" t="s">
        <v>436</v>
      </c>
      <c r="E3932" t="s">
        <v>26</v>
      </c>
      <c r="F3932" t="s">
        <v>38</v>
      </c>
      <c r="G3932" t="s">
        <v>51</v>
      </c>
      <c r="H3932" t="s">
        <v>517</v>
      </c>
      <c r="I3932">
        <v>36.24</v>
      </c>
      <c r="J3932">
        <v>1</v>
      </c>
      <c r="K3932">
        <v>15.22</v>
      </c>
    </row>
    <row r="3933" spans="1:11" x14ac:dyDescent="0.3">
      <c r="A3933" s="1">
        <v>42351</v>
      </c>
      <c r="B3933" s="3">
        <f t="shared" si="122"/>
        <v>12</v>
      </c>
      <c r="C3933" s="3">
        <f t="shared" si="123"/>
        <v>2015</v>
      </c>
      <c r="D3933" t="s">
        <v>723</v>
      </c>
      <c r="E3933" t="s">
        <v>433</v>
      </c>
      <c r="F3933" t="s">
        <v>10</v>
      </c>
      <c r="G3933" t="s">
        <v>11</v>
      </c>
      <c r="H3933" t="s">
        <v>2107</v>
      </c>
      <c r="I3933">
        <v>19.440000000000001</v>
      </c>
      <c r="J3933">
        <v>3</v>
      </c>
      <c r="K3933">
        <v>9.33</v>
      </c>
    </row>
    <row r="3934" spans="1:11" x14ac:dyDescent="0.3">
      <c r="A3934" s="1">
        <v>42351</v>
      </c>
      <c r="B3934" s="3">
        <f t="shared" si="122"/>
        <v>12</v>
      </c>
      <c r="C3934" s="3">
        <f t="shared" si="123"/>
        <v>2015</v>
      </c>
      <c r="D3934" t="s">
        <v>723</v>
      </c>
      <c r="E3934" t="s">
        <v>433</v>
      </c>
      <c r="F3934" t="s">
        <v>10</v>
      </c>
      <c r="G3934" t="s">
        <v>19</v>
      </c>
      <c r="H3934" t="s">
        <v>1461</v>
      </c>
      <c r="I3934">
        <v>37.880000000000003</v>
      </c>
      <c r="J3934">
        <v>2</v>
      </c>
      <c r="K3934">
        <v>18.940000000000001</v>
      </c>
    </row>
    <row r="3935" spans="1:11" x14ac:dyDescent="0.3">
      <c r="A3935" s="1">
        <v>42352</v>
      </c>
      <c r="B3935" s="3">
        <f t="shared" si="122"/>
        <v>12</v>
      </c>
      <c r="C3935" s="3">
        <f t="shared" si="123"/>
        <v>2015</v>
      </c>
      <c r="D3935" t="s">
        <v>118</v>
      </c>
      <c r="E3935" t="s">
        <v>29</v>
      </c>
      <c r="F3935" t="s">
        <v>10</v>
      </c>
      <c r="G3935" t="s">
        <v>19</v>
      </c>
      <c r="H3935" t="s">
        <v>66</v>
      </c>
      <c r="I3935">
        <v>3.76</v>
      </c>
      <c r="J3935">
        <v>2</v>
      </c>
      <c r="K3935">
        <v>1.8</v>
      </c>
    </row>
    <row r="3936" spans="1:11" x14ac:dyDescent="0.3">
      <c r="A3936" s="1">
        <v>42352</v>
      </c>
      <c r="B3936" s="3">
        <f t="shared" si="122"/>
        <v>12</v>
      </c>
      <c r="C3936" s="3">
        <f t="shared" si="123"/>
        <v>2015</v>
      </c>
      <c r="D3936" t="s">
        <v>2395</v>
      </c>
      <c r="E3936" t="s">
        <v>90</v>
      </c>
      <c r="F3936" t="s">
        <v>38</v>
      </c>
      <c r="G3936" t="s">
        <v>39</v>
      </c>
      <c r="H3936" t="s">
        <v>1863</v>
      </c>
      <c r="I3936">
        <v>319.97000000000003</v>
      </c>
      <c r="J3936">
        <v>4</v>
      </c>
      <c r="K3936">
        <v>36</v>
      </c>
    </row>
    <row r="3937" spans="1:11" x14ac:dyDescent="0.3">
      <c r="A3937" s="1">
        <v>42352</v>
      </c>
      <c r="B3937" s="3">
        <f t="shared" si="122"/>
        <v>12</v>
      </c>
      <c r="C3937" s="3">
        <f t="shared" si="123"/>
        <v>2015</v>
      </c>
      <c r="D3937" t="s">
        <v>793</v>
      </c>
      <c r="E3937" t="s">
        <v>26</v>
      </c>
      <c r="F3937" t="s">
        <v>10</v>
      </c>
      <c r="G3937" t="s">
        <v>19</v>
      </c>
      <c r="H3937" t="s">
        <v>1196</v>
      </c>
      <c r="I3937">
        <v>8.1</v>
      </c>
      <c r="J3937">
        <v>2</v>
      </c>
      <c r="K3937">
        <v>2.73</v>
      </c>
    </row>
    <row r="3938" spans="1:11" x14ac:dyDescent="0.3">
      <c r="A3938" s="1">
        <v>42352</v>
      </c>
      <c r="B3938" s="3">
        <f t="shared" si="122"/>
        <v>12</v>
      </c>
      <c r="C3938" s="3">
        <f t="shared" si="123"/>
        <v>2015</v>
      </c>
      <c r="D3938" t="s">
        <v>1393</v>
      </c>
      <c r="E3938" t="s">
        <v>328</v>
      </c>
      <c r="F3938" t="s">
        <v>33</v>
      </c>
      <c r="G3938" t="s">
        <v>46</v>
      </c>
      <c r="H3938" t="s">
        <v>1789</v>
      </c>
      <c r="I3938">
        <v>6.16</v>
      </c>
      <c r="J3938">
        <v>2</v>
      </c>
      <c r="K3938">
        <v>1.97</v>
      </c>
    </row>
    <row r="3939" spans="1:11" x14ac:dyDescent="0.3">
      <c r="A3939" s="1">
        <v>42352</v>
      </c>
      <c r="B3939" s="3">
        <f t="shared" si="122"/>
        <v>12</v>
      </c>
      <c r="C3939" s="3">
        <f t="shared" si="123"/>
        <v>2015</v>
      </c>
      <c r="D3939" t="s">
        <v>1393</v>
      </c>
      <c r="E3939" t="s">
        <v>328</v>
      </c>
      <c r="F3939" t="s">
        <v>10</v>
      </c>
      <c r="G3939" t="s">
        <v>23</v>
      </c>
      <c r="H3939" t="s">
        <v>1599</v>
      </c>
      <c r="I3939">
        <v>56.3</v>
      </c>
      <c r="J3939">
        <v>2</v>
      </c>
      <c r="K3939">
        <v>15.76</v>
      </c>
    </row>
    <row r="3940" spans="1:11" x14ac:dyDescent="0.3">
      <c r="A3940" s="1">
        <v>42352</v>
      </c>
      <c r="B3940" s="3">
        <f t="shared" si="122"/>
        <v>12</v>
      </c>
      <c r="C3940" s="3">
        <f t="shared" si="123"/>
        <v>2015</v>
      </c>
      <c r="D3940" t="s">
        <v>1180</v>
      </c>
      <c r="E3940" t="s">
        <v>26</v>
      </c>
      <c r="F3940" t="s">
        <v>33</v>
      </c>
      <c r="G3940" t="s">
        <v>46</v>
      </c>
      <c r="H3940" t="s">
        <v>2396</v>
      </c>
      <c r="I3940">
        <v>15.24</v>
      </c>
      <c r="J3940">
        <v>3</v>
      </c>
      <c r="K3940">
        <v>5.18</v>
      </c>
    </row>
    <row r="3941" spans="1:11" x14ac:dyDescent="0.3">
      <c r="A3941" s="1">
        <v>42352</v>
      </c>
      <c r="B3941" s="3">
        <f t="shared" si="122"/>
        <v>12</v>
      </c>
      <c r="C3941" s="3">
        <f t="shared" si="123"/>
        <v>2015</v>
      </c>
      <c r="D3941" t="s">
        <v>899</v>
      </c>
      <c r="E3941" t="s">
        <v>26</v>
      </c>
      <c r="F3941" t="s">
        <v>33</v>
      </c>
      <c r="G3941" t="s">
        <v>46</v>
      </c>
      <c r="H3941" t="s">
        <v>1014</v>
      </c>
      <c r="I3941">
        <v>29.22</v>
      </c>
      <c r="J3941">
        <v>3</v>
      </c>
      <c r="K3941">
        <v>12.86</v>
      </c>
    </row>
    <row r="3942" spans="1:11" x14ac:dyDescent="0.3">
      <c r="A3942" s="1">
        <v>42352</v>
      </c>
      <c r="B3942" s="3">
        <f t="shared" si="122"/>
        <v>12</v>
      </c>
      <c r="C3942" s="3">
        <f t="shared" si="123"/>
        <v>2015</v>
      </c>
      <c r="D3942" t="s">
        <v>243</v>
      </c>
      <c r="E3942" t="s">
        <v>26</v>
      </c>
      <c r="F3942" t="s">
        <v>38</v>
      </c>
      <c r="G3942" t="s">
        <v>51</v>
      </c>
      <c r="H3942" t="s">
        <v>2397</v>
      </c>
      <c r="I3942">
        <v>50</v>
      </c>
      <c r="J3942">
        <v>2</v>
      </c>
      <c r="K3942">
        <v>10.5</v>
      </c>
    </row>
    <row r="3943" spans="1:11" x14ac:dyDescent="0.3">
      <c r="A3943" s="1">
        <v>42352</v>
      </c>
      <c r="B3943" s="3">
        <f t="shared" si="122"/>
        <v>12</v>
      </c>
      <c r="C3943" s="3">
        <f t="shared" si="123"/>
        <v>2015</v>
      </c>
      <c r="D3943" t="s">
        <v>1613</v>
      </c>
      <c r="E3943" t="s">
        <v>26</v>
      </c>
      <c r="F3943" t="s">
        <v>10</v>
      </c>
      <c r="G3943" t="s">
        <v>19</v>
      </c>
      <c r="H3943" t="s">
        <v>2398</v>
      </c>
      <c r="I3943">
        <v>55.26</v>
      </c>
      <c r="J3943">
        <v>2</v>
      </c>
      <c r="K3943">
        <v>20.72</v>
      </c>
    </row>
    <row r="3944" spans="1:11" x14ac:dyDescent="0.3">
      <c r="A3944" s="1">
        <v>42352</v>
      </c>
      <c r="B3944" s="3">
        <f t="shared" si="122"/>
        <v>12</v>
      </c>
      <c r="C3944" s="3">
        <f t="shared" si="123"/>
        <v>2015</v>
      </c>
      <c r="D3944" t="s">
        <v>1613</v>
      </c>
      <c r="E3944" t="s">
        <v>26</v>
      </c>
      <c r="F3944" t="s">
        <v>10</v>
      </c>
      <c r="G3944" t="s">
        <v>11</v>
      </c>
      <c r="H3944" t="s">
        <v>1169</v>
      </c>
      <c r="I3944">
        <v>6.48</v>
      </c>
      <c r="J3944">
        <v>1</v>
      </c>
      <c r="K3944">
        <v>3.11</v>
      </c>
    </row>
    <row r="3945" spans="1:11" x14ac:dyDescent="0.3">
      <c r="A3945" s="1">
        <v>42352</v>
      </c>
      <c r="B3945" s="3">
        <f t="shared" si="122"/>
        <v>12</v>
      </c>
      <c r="C3945" s="3">
        <f t="shared" si="123"/>
        <v>2015</v>
      </c>
      <c r="D3945" t="s">
        <v>1613</v>
      </c>
      <c r="E3945" t="s">
        <v>26</v>
      </c>
      <c r="F3945" t="s">
        <v>10</v>
      </c>
      <c r="G3945" t="s">
        <v>19</v>
      </c>
      <c r="H3945" t="s">
        <v>1217</v>
      </c>
      <c r="I3945">
        <v>34.25</v>
      </c>
      <c r="J3945">
        <v>3</v>
      </c>
      <c r="K3945">
        <v>11.56</v>
      </c>
    </row>
    <row r="3946" spans="1:11" x14ac:dyDescent="0.3">
      <c r="A3946" s="1">
        <v>42352</v>
      </c>
      <c r="B3946" s="3">
        <f t="shared" si="122"/>
        <v>12</v>
      </c>
      <c r="C3946" s="3">
        <f t="shared" si="123"/>
        <v>2015</v>
      </c>
      <c r="D3946" t="s">
        <v>1613</v>
      </c>
      <c r="E3946" t="s">
        <v>26</v>
      </c>
      <c r="F3946" t="s">
        <v>33</v>
      </c>
      <c r="G3946" t="s">
        <v>144</v>
      </c>
      <c r="H3946" t="s">
        <v>2399</v>
      </c>
      <c r="I3946">
        <v>273.57</v>
      </c>
      <c r="J3946">
        <v>2</v>
      </c>
      <c r="K3946">
        <v>10.26</v>
      </c>
    </row>
    <row r="3947" spans="1:11" x14ac:dyDescent="0.3">
      <c r="A3947" s="1">
        <v>42353</v>
      </c>
      <c r="B3947" s="3">
        <f t="shared" si="122"/>
        <v>12</v>
      </c>
      <c r="C3947" s="3">
        <f t="shared" si="123"/>
        <v>2015</v>
      </c>
      <c r="D3947" t="s">
        <v>1331</v>
      </c>
      <c r="E3947" t="s">
        <v>148</v>
      </c>
      <c r="F3947" t="s">
        <v>10</v>
      </c>
      <c r="G3947" t="s">
        <v>23</v>
      </c>
      <c r="H3947" t="s">
        <v>2356</v>
      </c>
      <c r="I3947">
        <v>3.28</v>
      </c>
      <c r="J3947">
        <v>1</v>
      </c>
      <c r="K3947">
        <v>1.41</v>
      </c>
    </row>
    <row r="3948" spans="1:11" x14ac:dyDescent="0.3">
      <c r="A3948" s="1">
        <v>42353</v>
      </c>
      <c r="B3948" s="3">
        <f t="shared" si="122"/>
        <v>12</v>
      </c>
      <c r="C3948" s="3">
        <f t="shared" si="123"/>
        <v>2015</v>
      </c>
      <c r="D3948" t="s">
        <v>1101</v>
      </c>
      <c r="E3948" t="s">
        <v>163</v>
      </c>
      <c r="F3948" t="s">
        <v>10</v>
      </c>
      <c r="G3948" t="s">
        <v>91</v>
      </c>
      <c r="H3948" t="s">
        <v>2400</v>
      </c>
      <c r="I3948">
        <v>103.92</v>
      </c>
      <c r="J3948">
        <v>4</v>
      </c>
      <c r="K3948">
        <v>36.369999999999997</v>
      </c>
    </row>
    <row r="3949" spans="1:11" x14ac:dyDescent="0.3">
      <c r="A3949" s="1">
        <v>42353</v>
      </c>
      <c r="B3949" s="3">
        <f t="shared" si="122"/>
        <v>12</v>
      </c>
      <c r="C3949" s="3">
        <f t="shared" si="123"/>
        <v>2015</v>
      </c>
      <c r="D3949" t="s">
        <v>1101</v>
      </c>
      <c r="E3949" t="s">
        <v>163</v>
      </c>
      <c r="F3949" t="s">
        <v>38</v>
      </c>
      <c r="G3949" t="s">
        <v>51</v>
      </c>
      <c r="H3949" t="s">
        <v>1077</v>
      </c>
      <c r="I3949">
        <v>899.91</v>
      </c>
      <c r="J3949">
        <v>9</v>
      </c>
      <c r="K3949">
        <v>377.96</v>
      </c>
    </row>
    <row r="3950" spans="1:11" x14ac:dyDescent="0.3">
      <c r="A3950" s="1">
        <v>42353</v>
      </c>
      <c r="B3950" s="3">
        <f t="shared" si="122"/>
        <v>12</v>
      </c>
      <c r="C3950" s="3">
        <f t="shared" si="123"/>
        <v>2015</v>
      </c>
      <c r="D3950" t="s">
        <v>1101</v>
      </c>
      <c r="E3950" t="s">
        <v>163</v>
      </c>
      <c r="F3950" t="s">
        <v>10</v>
      </c>
      <c r="G3950" t="s">
        <v>19</v>
      </c>
      <c r="H3950" t="s">
        <v>951</v>
      </c>
      <c r="I3950">
        <v>51.31</v>
      </c>
      <c r="J3950">
        <v>3</v>
      </c>
      <c r="K3950">
        <v>18.600000000000001</v>
      </c>
    </row>
    <row r="3951" spans="1:11" x14ac:dyDescent="0.3">
      <c r="A3951" s="1">
        <v>42353</v>
      </c>
      <c r="B3951" s="3">
        <f t="shared" si="122"/>
        <v>12</v>
      </c>
      <c r="C3951" s="3">
        <f t="shared" si="123"/>
        <v>2015</v>
      </c>
      <c r="D3951" t="s">
        <v>181</v>
      </c>
      <c r="E3951" t="s">
        <v>77</v>
      </c>
      <c r="F3951" t="s">
        <v>38</v>
      </c>
      <c r="G3951" t="s">
        <v>51</v>
      </c>
      <c r="H3951" t="s">
        <v>1874</v>
      </c>
      <c r="I3951">
        <v>2025.36</v>
      </c>
      <c r="J3951">
        <v>6</v>
      </c>
      <c r="K3951">
        <v>607.61</v>
      </c>
    </row>
    <row r="3952" spans="1:11" x14ac:dyDescent="0.3">
      <c r="A3952" s="1">
        <v>42353</v>
      </c>
      <c r="B3952" s="3">
        <f t="shared" si="122"/>
        <v>12</v>
      </c>
      <c r="C3952" s="3">
        <f t="shared" si="123"/>
        <v>2015</v>
      </c>
      <c r="D3952" t="s">
        <v>181</v>
      </c>
      <c r="E3952" t="s">
        <v>77</v>
      </c>
      <c r="F3952" t="s">
        <v>38</v>
      </c>
      <c r="G3952" t="s">
        <v>301</v>
      </c>
      <c r="H3952" t="s">
        <v>2401</v>
      </c>
      <c r="I3952">
        <v>1799.99</v>
      </c>
      <c r="J3952">
        <v>2</v>
      </c>
      <c r="K3952">
        <v>-2639.99</v>
      </c>
    </row>
    <row r="3953" spans="1:11" x14ac:dyDescent="0.3">
      <c r="A3953" s="1">
        <v>42353</v>
      </c>
      <c r="B3953" s="3">
        <f t="shared" si="122"/>
        <v>12</v>
      </c>
      <c r="C3953" s="3">
        <f t="shared" si="123"/>
        <v>2015</v>
      </c>
      <c r="D3953" t="s">
        <v>181</v>
      </c>
      <c r="E3953" t="s">
        <v>77</v>
      </c>
      <c r="F3953" t="s">
        <v>38</v>
      </c>
      <c r="G3953" t="s">
        <v>39</v>
      </c>
      <c r="H3953" t="s">
        <v>1877</v>
      </c>
      <c r="I3953">
        <v>101.99</v>
      </c>
      <c r="J3953">
        <v>2</v>
      </c>
      <c r="K3953">
        <v>-17</v>
      </c>
    </row>
    <row r="3954" spans="1:11" x14ac:dyDescent="0.3">
      <c r="A3954" s="1">
        <v>42353</v>
      </c>
      <c r="B3954" s="3">
        <f t="shared" si="122"/>
        <v>12</v>
      </c>
      <c r="C3954" s="3">
        <f t="shared" si="123"/>
        <v>2015</v>
      </c>
      <c r="D3954" t="s">
        <v>181</v>
      </c>
      <c r="E3954" t="s">
        <v>77</v>
      </c>
      <c r="F3954" t="s">
        <v>33</v>
      </c>
      <c r="G3954" t="s">
        <v>46</v>
      </c>
      <c r="H3954" t="s">
        <v>534</v>
      </c>
      <c r="I3954">
        <v>262.86</v>
      </c>
      <c r="J3954">
        <v>7</v>
      </c>
      <c r="K3954">
        <v>69</v>
      </c>
    </row>
    <row r="3955" spans="1:11" x14ac:dyDescent="0.3">
      <c r="A3955" s="1">
        <v>42353</v>
      </c>
      <c r="B3955" s="3">
        <f t="shared" si="122"/>
        <v>12</v>
      </c>
      <c r="C3955" s="3">
        <f t="shared" si="123"/>
        <v>2015</v>
      </c>
      <c r="D3955" t="s">
        <v>1259</v>
      </c>
      <c r="E3955" t="s">
        <v>244</v>
      </c>
      <c r="F3955" t="s">
        <v>38</v>
      </c>
      <c r="G3955" t="s">
        <v>39</v>
      </c>
      <c r="H3955" t="s">
        <v>2402</v>
      </c>
      <c r="I3955">
        <v>246.17</v>
      </c>
      <c r="J3955">
        <v>3</v>
      </c>
      <c r="K3955">
        <v>21.54</v>
      </c>
    </row>
    <row r="3956" spans="1:11" x14ac:dyDescent="0.3">
      <c r="A3956" s="1">
        <v>42354</v>
      </c>
      <c r="B3956" s="3">
        <f t="shared" si="122"/>
        <v>12</v>
      </c>
      <c r="C3956" s="3">
        <f t="shared" si="123"/>
        <v>2015</v>
      </c>
      <c r="D3956" t="s">
        <v>2305</v>
      </c>
      <c r="E3956" t="s">
        <v>163</v>
      </c>
      <c r="F3956" t="s">
        <v>10</v>
      </c>
      <c r="G3956" t="s">
        <v>11</v>
      </c>
      <c r="H3956" t="s">
        <v>378</v>
      </c>
      <c r="I3956">
        <v>4.9800000000000004</v>
      </c>
      <c r="J3956">
        <v>1</v>
      </c>
      <c r="K3956">
        <v>2.34</v>
      </c>
    </row>
    <row r="3957" spans="1:11" x14ac:dyDescent="0.3">
      <c r="A3957" s="1">
        <v>42355</v>
      </c>
      <c r="B3957" s="3">
        <f t="shared" si="122"/>
        <v>12</v>
      </c>
      <c r="C3957" s="3">
        <f t="shared" si="123"/>
        <v>2015</v>
      </c>
      <c r="D3957" t="s">
        <v>536</v>
      </c>
      <c r="E3957" t="s">
        <v>109</v>
      </c>
      <c r="F3957" t="s">
        <v>10</v>
      </c>
      <c r="G3957" t="s">
        <v>19</v>
      </c>
      <c r="H3957" t="s">
        <v>221</v>
      </c>
      <c r="I3957">
        <v>29.52</v>
      </c>
      <c r="J3957">
        <v>4</v>
      </c>
      <c r="K3957">
        <v>14.46</v>
      </c>
    </row>
    <row r="3958" spans="1:11" x14ac:dyDescent="0.3">
      <c r="A3958" s="1">
        <v>42355</v>
      </c>
      <c r="B3958" s="3">
        <f t="shared" si="122"/>
        <v>12</v>
      </c>
      <c r="C3958" s="3">
        <f t="shared" si="123"/>
        <v>2015</v>
      </c>
      <c r="D3958" t="s">
        <v>536</v>
      </c>
      <c r="E3958" t="s">
        <v>109</v>
      </c>
      <c r="F3958" t="s">
        <v>33</v>
      </c>
      <c r="G3958" t="s">
        <v>34</v>
      </c>
      <c r="H3958" t="s">
        <v>2403</v>
      </c>
      <c r="I3958">
        <v>302.94</v>
      </c>
      <c r="J3958">
        <v>3</v>
      </c>
      <c r="K3958">
        <v>48.47</v>
      </c>
    </row>
    <row r="3959" spans="1:11" x14ac:dyDescent="0.3">
      <c r="A3959" s="1">
        <v>42355</v>
      </c>
      <c r="B3959" s="3">
        <f t="shared" si="122"/>
        <v>12</v>
      </c>
      <c r="C3959" s="3">
        <f t="shared" si="123"/>
        <v>2015</v>
      </c>
      <c r="D3959" t="s">
        <v>536</v>
      </c>
      <c r="E3959" t="s">
        <v>109</v>
      </c>
      <c r="F3959" t="s">
        <v>33</v>
      </c>
      <c r="G3959" t="s">
        <v>34</v>
      </c>
      <c r="H3959" t="s">
        <v>1820</v>
      </c>
      <c r="I3959">
        <v>142.36000000000001</v>
      </c>
      <c r="J3959">
        <v>2</v>
      </c>
      <c r="K3959">
        <v>38.44</v>
      </c>
    </row>
    <row r="3960" spans="1:11" x14ac:dyDescent="0.3">
      <c r="A3960" s="1">
        <v>42355</v>
      </c>
      <c r="B3960" s="3">
        <f t="shared" si="122"/>
        <v>12</v>
      </c>
      <c r="C3960" s="3">
        <f t="shared" si="123"/>
        <v>2015</v>
      </c>
      <c r="D3960" t="s">
        <v>536</v>
      </c>
      <c r="E3960" t="s">
        <v>109</v>
      </c>
      <c r="F3960" t="s">
        <v>33</v>
      </c>
      <c r="G3960" t="s">
        <v>34</v>
      </c>
      <c r="H3960" t="s">
        <v>1065</v>
      </c>
      <c r="I3960">
        <v>546.66</v>
      </c>
      <c r="J3960">
        <v>9</v>
      </c>
      <c r="K3960">
        <v>136.66999999999999</v>
      </c>
    </row>
    <row r="3961" spans="1:11" x14ac:dyDescent="0.3">
      <c r="A3961" s="1">
        <v>42355</v>
      </c>
      <c r="B3961" s="3">
        <f t="shared" si="122"/>
        <v>12</v>
      </c>
      <c r="C3961" s="3">
        <f t="shared" si="123"/>
        <v>2015</v>
      </c>
      <c r="D3961" t="s">
        <v>536</v>
      </c>
      <c r="E3961" t="s">
        <v>109</v>
      </c>
      <c r="F3961" t="s">
        <v>33</v>
      </c>
      <c r="G3961" t="s">
        <v>46</v>
      </c>
      <c r="H3961" t="s">
        <v>1204</v>
      </c>
      <c r="I3961">
        <v>212.13</v>
      </c>
      <c r="J3961">
        <v>3</v>
      </c>
      <c r="K3961">
        <v>14.85</v>
      </c>
    </row>
    <row r="3962" spans="1:11" x14ac:dyDescent="0.3">
      <c r="A3962" s="1">
        <v>42355</v>
      </c>
      <c r="B3962" s="3">
        <f t="shared" si="122"/>
        <v>12</v>
      </c>
      <c r="C3962" s="3">
        <f t="shared" si="123"/>
        <v>2015</v>
      </c>
      <c r="D3962" t="s">
        <v>830</v>
      </c>
      <c r="E3962" t="s">
        <v>14</v>
      </c>
      <c r="F3962" t="s">
        <v>10</v>
      </c>
      <c r="G3962" t="s">
        <v>17</v>
      </c>
      <c r="H3962" t="s">
        <v>1571</v>
      </c>
      <c r="I3962">
        <v>180.02</v>
      </c>
      <c r="J3962">
        <v>1</v>
      </c>
      <c r="K3962">
        <v>-15.75</v>
      </c>
    </row>
    <row r="3963" spans="1:11" x14ac:dyDescent="0.3">
      <c r="A3963" s="1">
        <v>42355</v>
      </c>
      <c r="B3963" s="3">
        <f t="shared" si="122"/>
        <v>12</v>
      </c>
      <c r="C3963" s="3">
        <f t="shared" si="123"/>
        <v>2015</v>
      </c>
      <c r="D3963" t="s">
        <v>830</v>
      </c>
      <c r="E3963" t="s">
        <v>14</v>
      </c>
      <c r="F3963" t="s">
        <v>33</v>
      </c>
      <c r="G3963" t="s">
        <v>46</v>
      </c>
      <c r="H3963" t="s">
        <v>56</v>
      </c>
      <c r="I3963">
        <v>41.55</v>
      </c>
      <c r="J3963">
        <v>2</v>
      </c>
      <c r="K3963">
        <v>-19.739999999999998</v>
      </c>
    </row>
    <row r="3964" spans="1:11" x14ac:dyDescent="0.3">
      <c r="A3964" s="1">
        <v>42355</v>
      </c>
      <c r="B3964" s="3">
        <f t="shared" si="122"/>
        <v>12</v>
      </c>
      <c r="C3964" s="3">
        <f t="shared" si="123"/>
        <v>2015</v>
      </c>
      <c r="D3964" t="s">
        <v>830</v>
      </c>
      <c r="E3964" t="s">
        <v>14</v>
      </c>
      <c r="F3964" t="s">
        <v>10</v>
      </c>
      <c r="G3964" t="s">
        <v>23</v>
      </c>
      <c r="H3964" t="s">
        <v>316</v>
      </c>
      <c r="I3964">
        <v>13.12</v>
      </c>
      <c r="J3964">
        <v>5</v>
      </c>
      <c r="K3964">
        <v>1.48</v>
      </c>
    </row>
    <row r="3965" spans="1:11" x14ac:dyDescent="0.3">
      <c r="A3965" s="1">
        <v>42355</v>
      </c>
      <c r="B3965" s="3">
        <f t="shared" si="122"/>
        <v>12</v>
      </c>
      <c r="C3965" s="3">
        <f t="shared" si="123"/>
        <v>2015</v>
      </c>
      <c r="D3965" t="s">
        <v>650</v>
      </c>
      <c r="E3965" t="s">
        <v>26</v>
      </c>
      <c r="F3965" t="s">
        <v>10</v>
      </c>
      <c r="G3965" t="s">
        <v>23</v>
      </c>
      <c r="H3965" t="s">
        <v>1107</v>
      </c>
      <c r="I3965">
        <v>204.85</v>
      </c>
      <c r="J3965">
        <v>5</v>
      </c>
      <c r="K3965">
        <v>53.26</v>
      </c>
    </row>
    <row r="3966" spans="1:11" x14ac:dyDescent="0.3">
      <c r="A3966" s="1">
        <v>42355</v>
      </c>
      <c r="B3966" s="3">
        <f t="shared" si="122"/>
        <v>12</v>
      </c>
      <c r="C3966" s="3">
        <f t="shared" si="123"/>
        <v>2015</v>
      </c>
      <c r="D3966" t="s">
        <v>650</v>
      </c>
      <c r="E3966" t="s">
        <v>26</v>
      </c>
      <c r="F3966" t="s">
        <v>38</v>
      </c>
      <c r="G3966" t="s">
        <v>39</v>
      </c>
      <c r="H3966" t="s">
        <v>1877</v>
      </c>
      <c r="I3966">
        <v>135.97999999999999</v>
      </c>
      <c r="J3966">
        <v>2</v>
      </c>
      <c r="K3966">
        <v>17</v>
      </c>
    </row>
    <row r="3967" spans="1:11" x14ac:dyDescent="0.3">
      <c r="A3967" s="1">
        <v>42355</v>
      </c>
      <c r="B3967" s="3">
        <f t="shared" si="122"/>
        <v>12</v>
      </c>
      <c r="C3967" s="3">
        <f t="shared" si="123"/>
        <v>2015</v>
      </c>
      <c r="D3967" t="s">
        <v>650</v>
      </c>
      <c r="E3967" t="s">
        <v>26</v>
      </c>
      <c r="F3967" t="s">
        <v>10</v>
      </c>
      <c r="G3967" t="s">
        <v>23</v>
      </c>
      <c r="H3967" t="s">
        <v>2356</v>
      </c>
      <c r="I3967">
        <v>16.399999999999999</v>
      </c>
      <c r="J3967">
        <v>5</v>
      </c>
      <c r="K3967">
        <v>7.05</v>
      </c>
    </row>
    <row r="3968" spans="1:11" x14ac:dyDescent="0.3">
      <c r="A3968" s="1">
        <v>42355</v>
      </c>
      <c r="B3968" s="3">
        <f t="shared" si="122"/>
        <v>12</v>
      </c>
      <c r="C3968" s="3">
        <f t="shared" si="123"/>
        <v>2015</v>
      </c>
      <c r="D3968" t="s">
        <v>650</v>
      </c>
      <c r="E3968" t="s">
        <v>26</v>
      </c>
      <c r="F3968" t="s">
        <v>10</v>
      </c>
      <c r="G3968" t="s">
        <v>19</v>
      </c>
      <c r="H3968" t="s">
        <v>661</v>
      </c>
      <c r="I3968">
        <v>92.96</v>
      </c>
      <c r="J3968">
        <v>2</v>
      </c>
      <c r="K3968">
        <v>31.37</v>
      </c>
    </row>
    <row r="3969" spans="1:11" x14ac:dyDescent="0.3">
      <c r="A3969" s="1">
        <v>42356</v>
      </c>
      <c r="B3969" s="3">
        <f t="shared" si="122"/>
        <v>12</v>
      </c>
      <c r="C3969" s="3">
        <f t="shared" si="123"/>
        <v>2015</v>
      </c>
      <c r="D3969" t="s">
        <v>877</v>
      </c>
      <c r="E3969" t="s">
        <v>77</v>
      </c>
      <c r="F3969" t="s">
        <v>10</v>
      </c>
      <c r="G3969" t="s">
        <v>17</v>
      </c>
      <c r="H3969" t="s">
        <v>728</v>
      </c>
      <c r="I3969">
        <v>646.78</v>
      </c>
      <c r="J3969">
        <v>9</v>
      </c>
      <c r="K3969">
        <v>-145.52000000000001</v>
      </c>
    </row>
    <row r="3970" spans="1:11" x14ac:dyDescent="0.3">
      <c r="A3970" s="1">
        <v>42356</v>
      </c>
      <c r="B3970" s="3">
        <f t="shared" ref="B3970:B4033" si="124">MONTH(A:A)</f>
        <v>12</v>
      </c>
      <c r="C3970" s="3">
        <f t="shared" ref="C3970:C4033" si="125">YEAR(A:A)</f>
        <v>2015</v>
      </c>
      <c r="D3970" t="s">
        <v>1171</v>
      </c>
      <c r="E3970" t="s">
        <v>148</v>
      </c>
      <c r="F3970" t="s">
        <v>38</v>
      </c>
      <c r="G3970" t="s">
        <v>51</v>
      </c>
      <c r="H3970" t="s">
        <v>1979</v>
      </c>
      <c r="I3970">
        <v>166.24</v>
      </c>
      <c r="J3970">
        <v>1</v>
      </c>
      <c r="K3970">
        <v>24.94</v>
      </c>
    </row>
    <row r="3971" spans="1:11" x14ac:dyDescent="0.3">
      <c r="A3971" s="1">
        <v>42356</v>
      </c>
      <c r="B3971" s="3">
        <f t="shared" si="124"/>
        <v>12</v>
      </c>
      <c r="C3971" s="3">
        <f t="shared" si="125"/>
        <v>2015</v>
      </c>
      <c r="D3971" t="s">
        <v>1656</v>
      </c>
      <c r="E3971" t="s">
        <v>277</v>
      </c>
      <c r="F3971" t="s">
        <v>10</v>
      </c>
      <c r="G3971" t="s">
        <v>23</v>
      </c>
      <c r="H3971" t="s">
        <v>1269</v>
      </c>
      <c r="I3971">
        <v>6.85</v>
      </c>
      <c r="J3971">
        <v>2</v>
      </c>
      <c r="K3971">
        <v>0.6</v>
      </c>
    </row>
    <row r="3972" spans="1:11" x14ac:dyDescent="0.3">
      <c r="A3972" s="1">
        <v>42356</v>
      </c>
      <c r="B3972" s="3">
        <f t="shared" si="124"/>
        <v>12</v>
      </c>
      <c r="C3972" s="3">
        <f t="shared" si="125"/>
        <v>2015</v>
      </c>
      <c r="D3972" t="s">
        <v>1150</v>
      </c>
      <c r="E3972" t="s">
        <v>119</v>
      </c>
      <c r="F3972" t="s">
        <v>10</v>
      </c>
      <c r="G3972" t="s">
        <v>62</v>
      </c>
      <c r="H3972" t="s">
        <v>784</v>
      </c>
      <c r="I3972">
        <v>55.94</v>
      </c>
      <c r="J3972">
        <v>8</v>
      </c>
      <c r="K3972">
        <v>18.88</v>
      </c>
    </row>
    <row r="3973" spans="1:11" x14ac:dyDescent="0.3">
      <c r="A3973" s="1">
        <v>42356</v>
      </c>
      <c r="B3973" s="3">
        <f t="shared" si="124"/>
        <v>12</v>
      </c>
      <c r="C3973" s="3">
        <f t="shared" si="125"/>
        <v>2015</v>
      </c>
      <c r="D3973" t="s">
        <v>1150</v>
      </c>
      <c r="E3973" t="s">
        <v>119</v>
      </c>
      <c r="F3973" t="s">
        <v>10</v>
      </c>
      <c r="G3973" t="s">
        <v>15</v>
      </c>
      <c r="H3973" t="s">
        <v>2298</v>
      </c>
      <c r="I3973">
        <v>18.43</v>
      </c>
      <c r="J3973">
        <v>8</v>
      </c>
      <c r="K3973">
        <v>5.99</v>
      </c>
    </row>
    <row r="3974" spans="1:11" x14ac:dyDescent="0.3">
      <c r="A3974" s="1">
        <v>42356</v>
      </c>
      <c r="B3974" s="3">
        <f t="shared" si="124"/>
        <v>12</v>
      </c>
      <c r="C3974" s="3">
        <f t="shared" si="125"/>
        <v>2015</v>
      </c>
      <c r="D3974" t="s">
        <v>1150</v>
      </c>
      <c r="E3974" t="s">
        <v>119</v>
      </c>
      <c r="F3974" t="s">
        <v>33</v>
      </c>
      <c r="G3974" t="s">
        <v>46</v>
      </c>
      <c r="H3974" t="s">
        <v>213</v>
      </c>
      <c r="I3974">
        <v>20.32</v>
      </c>
      <c r="J3974">
        <v>5</v>
      </c>
      <c r="K3974">
        <v>3.56</v>
      </c>
    </row>
    <row r="3975" spans="1:11" x14ac:dyDescent="0.3">
      <c r="A3975" s="1">
        <v>42356</v>
      </c>
      <c r="B3975" s="3">
        <f t="shared" si="124"/>
        <v>12</v>
      </c>
      <c r="C3975" s="3">
        <f t="shared" si="125"/>
        <v>2015</v>
      </c>
      <c r="D3975" t="s">
        <v>1331</v>
      </c>
      <c r="E3975" t="s">
        <v>77</v>
      </c>
      <c r="F3975" t="s">
        <v>10</v>
      </c>
      <c r="G3975" t="s">
        <v>11</v>
      </c>
      <c r="H3975" t="s">
        <v>492</v>
      </c>
      <c r="I3975">
        <v>20.74</v>
      </c>
      <c r="J3975">
        <v>4</v>
      </c>
      <c r="K3975">
        <v>7.26</v>
      </c>
    </row>
    <row r="3976" spans="1:11" x14ac:dyDescent="0.3">
      <c r="A3976" s="1">
        <v>42357</v>
      </c>
      <c r="B3976" s="3">
        <f t="shared" si="124"/>
        <v>12</v>
      </c>
      <c r="C3976" s="3">
        <f t="shared" si="125"/>
        <v>2015</v>
      </c>
      <c r="D3976" t="s">
        <v>741</v>
      </c>
      <c r="E3976" t="s">
        <v>26</v>
      </c>
      <c r="F3976" t="s">
        <v>38</v>
      </c>
      <c r="G3976" t="s">
        <v>39</v>
      </c>
      <c r="H3976" t="s">
        <v>2062</v>
      </c>
      <c r="I3976">
        <v>675.96</v>
      </c>
      <c r="J3976">
        <v>5</v>
      </c>
      <c r="K3976">
        <v>84.5</v>
      </c>
    </row>
    <row r="3977" spans="1:11" x14ac:dyDescent="0.3">
      <c r="A3977" s="1">
        <v>42357</v>
      </c>
      <c r="B3977" s="3">
        <f t="shared" si="124"/>
        <v>12</v>
      </c>
      <c r="C3977" s="3">
        <f t="shared" si="125"/>
        <v>2015</v>
      </c>
      <c r="D3977" t="s">
        <v>741</v>
      </c>
      <c r="E3977" t="s">
        <v>26</v>
      </c>
      <c r="F3977" t="s">
        <v>38</v>
      </c>
      <c r="G3977" t="s">
        <v>51</v>
      </c>
      <c r="H3977" t="s">
        <v>1874</v>
      </c>
      <c r="I3977">
        <v>1265.8499999999999</v>
      </c>
      <c r="J3977">
        <v>3</v>
      </c>
      <c r="K3977">
        <v>556.97</v>
      </c>
    </row>
    <row r="3978" spans="1:11" x14ac:dyDescent="0.3">
      <c r="A3978" s="1">
        <v>42357</v>
      </c>
      <c r="B3978" s="3">
        <f t="shared" si="124"/>
        <v>12</v>
      </c>
      <c r="C3978" s="3">
        <f t="shared" si="125"/>
        <v>2015</v>
      </c>
      <c r="D3978" t="s">
        <v>504</v>
      </c>
      <c r="E3978" t="s">
        <v>22</v>
      </c>
      <c r="F3978" t="s">
        <v>10</v>
      </c>
      <c r="G3978" t="s">
        <v>91</v>
      </c>
      <c r="H3978" t="s">
        <v>1834</v>
      </c>
      <c r="I3978">
        <v>434.35</v>
      </c>
      <c r="J3978">
        <v>3</v>
      </c>
      <c r="K3978">
        <v>43.44</v>
      </c>
    </row>
    <row r="3979" spans="1:11" x14ac:dyDescent="0.3">
      <c r="A3979" s="1">
        <v>42357</v>
      </c>
      <c r="B3979" s="3">
        <f t="shared" si="124"/>
        <v>12</v>
      </c>
      <c r="C3979" s="3">
        <f t="shared" si="125"/>
        <v>2015</v>
      </c>
      <c r="D3979" t="s">
        <v>504</v>
      </c>
      <c r="E3979" t="s">
        <v>22</v>
      </c>
      <c r="F3979" t="s">
        <v>10</v>
      </c>
      <c r="G3979" t="s">
        <v>91</v>
      </c>
      <c r="H3979" t="s">
        <v>1927</v>
      </c>
      <c r="I3979">
        <v>3.55</v>
      </c>
      <c r="J3979">
        <v>2</v>
      </c>
      <c r="K3979">
        <v>0.44</v>
      </c>
    </row>
    <row r="3980" spans="1:11" x14ac:dyDescent="0.3">
      <c r="A3980" s="1">
        <v>42357</v>
      </c>
      <c r="B3980" s="3">
        <f t="shared" si="124"/>
        <v>12</v>
      </c>
      <c r="C3980" s="3">
        <f t="shared" si="125"/>
        <v>2015</v>
      </c>
      <c r="D3980" t="s">
        <v>504</v>
      </c>
      <c r="E3980" t="s">
        <v>22</v>
      </c>
      <c r="F3980" t="s">
        <v>10</v>
      </c>
      <c r="G3980" t="s">
        <v>91</v>
      </c>
      <c r="H3980" t="s">
        <v>850</v>
      </c>
      <c r="I3980">
        <v>88.83</v>
      </c>
      <c r="J3980">
        <v>4</v>
      </c>
      <c r="K3980">
        <v>7.77</v>
      </c>
    </row>
    <row r="3981" spans="1:11" x14ac:dyDescent="0.3">
      <c r="A3981" s="1">
        <v>42357</v>
      </c>
      <c r="B3981" s="3">
        <f t="shared" si="124"/>
        <v>12</v>
      </c>
      <c r="C3981" s="3">
        <f t="shared" si="125"/>
        <v>2015</v>
      </c>
      <c r="D3981" t="s">
        <v>1400</v>
      </c>
      <c r="E3981" t="s">
        <v>995</v>
      </c>
      <c r="F3981" t="s">
        <v>10</v>
      </c>
      <c r="G3981" t="s">
        <v>19</v>
      </c>
      <c r="H3981" t="s">
        <v>880</v>
      </c>
      <c r="I3981">
        <v>7.04</v>
      </c>
      <c r="J3981">
        <v>2</v>
      </c>
      <c r="K3981">
        <v>3.31</v>
      </c>
    </row>
    <row r="3982" spans="1:11" x14ac:dyDescent="0.3">
      <c r="A3982" s="1">
        <v>42357</v>
      </c>
      <c r="B3982" s="3">
        <f t="shared" si="124"/>
        <v>12</v>
      </c>
      <c r="C3982" s="3">
        <f t="shared" si="125"/>
        <v>2015</v>
      </c>
      <c r="D3982" t="s">
        <v>1400</v>
      </c>
      <c r="E3982" t="s">
        <v>995</v>
      </c>
      <c r="F3982" t="s">
        <v>10</v>
      </c>
      <c r="G3982" t="s">
        <v>42</v>
      </c>
      <c r="H3982" t="s">
        <v>2095</v>
      </c>
      <c r="I3982">
        <v>5.04</v>
      </c>
      <c r="J3982">
        <v>4</v>
      </c>
      <c r="K3982">
        <v>0.2</v>
      </c>
    </row>
    <row r="3983" spans="1:11" x14ac:dyDescent="0.3">
      <c r="A3983" s="1">
        <v>42357</v>
      </c>
      <c r="B3983" s="3">
        <f t="shared" si="124"/>
        <v>12</v>
      </c>
      <c r="C3983" s="3">
        <f t="shared" si="125"/>
        <v>2015</v>
      </c>
      <c r="D3983" t="s">
        <v>1400</v>
      </c>
      <c r="E3983" t="s">
        <v>995</v>
      </c>
      <c r="F3983" t="s">
        <v>10</v>
      </c>
      <c r="G3983" t="s">
        <v>11</v>
      </c>
      <c r="H3983" t="s">
        <v>1053</v>
      </c>
      <c r="I3983">
        <v>116.28</v>
      </c>
      <c r="J3983">
        <v>3</v>
      </c>
      <c r="K3983">
        <v>56.98</v>
      </c>
    </row>
    <row r="3984" spans="1:11" x14ac:dyDescent="0.3">
      <c r="A3984" s="1">
        <v>42357</v>
      </c>
      <c r="B3984" s="3">
        <f t="shared" si="124"/>
        <v>12</v>
      </c>
      <c r="C3984" s="3">
        <f t="shared" si="125"/>
        <v>2015</v>
      </c>
      <c r="D3984" t="s">
        <v>1211</v>
      </c>
      <c r="E3984" t="s">
        <v>14</v>
      </c>
      <c r="F3984" t="s">
        <v>38</v>
      </c>
      <c r="G3984" t="s">
        <v>39</v>
      </c>
      <c r="H3984" t="s">
        <v>1550</v>
      </c>
      <c r="I3984">
        <v>158.38</v>
      </c>
      <c r="J3984">
        <v>3</v>
      </c>
      <c r="K3984">
        <v>13.86</v>
      </c>
    </row>
    <row r="3985" spans="1:11" x14ac:dyDescent="0.3">
      <c r="A3985" s="1">
        <v>42357</v>
      </c>
      <c r="B3985" s="3">
        <f t="shared" si="124"/>
        <v>12</v>
      </c>
      <c r="C3985" s="3">
        <f t="shared" si="125"/>
        <v>2015</v>
      </c>
      <c r="D3985" t="s">
        <v>2404</v>
      </c>
      <c r="E3985" t="s">
        <v>684</v>
      </c>
      <c r="F3985" t="s">
        <v>10</v>
      </c>
      <c r="G3985" t="s">
        <v>11</v>
      </c>
      <c r="H3985" t="s">
        <v>1469</v>
      </c>
      <c r="I3985">
        <v>29.9</v>
      </c>
      <c r="J3985">
        <v>5</v>
      </c>
      <c r="K3985">
        <v>14.65</v>
      </c>
    </row>
    <row r="3986" spans="1:11" x14ac:dyDescent="0.3">
      <c r="A3986" s="1">
        <v>42357</v>
      </c>
      <c r="B3986" s="3">
        <f t="shared" si="124"/>
        <v>12</v>
      </c>
      <c r="C3986" s="3">
        <f t="shared" si="125"/>
        <v>2015</v>
      </c>
      <c r="D3986" t="s">
        <v>2404</v>
      </c>
      <c r="E3986" t="s">
        <v>684</v>
      </c>
      <c r="F3986" t="s">
        <v>38</v>
      </c>
      <c r="G3986" t="s">
        <v>51</v>
      </c>
      <c r="H3986" t="s">
        <v>2340</v>
      </c>
      <c r="I3986">
        <v>2249.91</v>
      </c>
      <c r="J3986">
        <v>9</v>
      </c>
      <c r="K3986">
        <v>517.48</v>
      </c>
    </row>
    <row r="3987" spans="1:11" x14ac:dyDescent="0.3">
      <c r="A3987" s="1">
        <v>42357</v>
      </c>
      <c r="B3987" s="3">
        <f t="shared" si="124"/>
        <v>12</v>
      </c>
      <c r="C3987" s="3">
        <f t="shared" si="125"/>
        <v>2015</v>
      </c>
      <c r="D3987" t="s">
        <v>2404</v>
      </c>
      <c r="E3987" t="s">
        <v>684</v>
      </c>
      <c r="F3987" t="s">
        <v>33</v>
      </c>
      <c r="G3987" t="s">
        <v>144</v>
      </c>
      <c r="H3987" t="s">
        <v>319</v>
      </c>
      <c r="I3987">
        <v>1053.1600000000001</v>
      </c>
      <c r="J3987">
        <v>4</v>
      </c>
      <c r="K3987">
        <v>-105.32</v>
      </c>
    </row>
    <row r="3988" spans="1:11" x14ac:dyDescent="0.3">
      <c r="A3988" s="1">
        <v>42357</v>
      </c>
      <c r="B3988" s="3">
        <f t="shared" si="124"/>
        <v>12</v>
      </c>
      <c r="C3988" s="3">
        <f t="shared" si="125"/>
        <v>2015</v>
      </c>
      <c r="D3988" t="s">
        <v>340</v>
      </c>
      <c r="E3988" t="s">
        <v>14</v>
      </c>
      <c r="F3988" t="s">
        <v>38</v>
      </c>
      <c r="G3988" t="s">
        <v>51</v>
      </c>
      <c r="H3988" t="s">
        <v>2392</v>
      </c>
      <c r="I3988">
        <v>25.49</v>
      </c>
      <c r="J3988">
        <v>2</v>
      </c>
      <c r="K3988">
        <v>4.78</v>
      </c>
    </row>
    <row r="3989" spans="1:11" x14ac:dyDescent="0.3">
      <c r="A3989" s="1">
        <v>42357</v>
      </c>
      <c r="B3989" s="3">
        <f t="shared" si="124"/>
        <v>12</v>
      </c>
      <c r="C3989" s="3">
        <f t="shared" si="125"/>
        <v>2015</v>
      </c>
      <c r="D3989" t="s">
        <v>1004</v>
      </c>
      <c r="E3989" t="s">
        <v>22</v>
      </c>
      <c r="F3989" t="s">
        <v>10</v>
      </c>
      <c r="G3989" t="s">
        <v>15</v>
      </c>
      <c r="H3989" t="s">
        <v>2209</v>
      </c>
      <c r="I3989">
        <v>6.91</v>
      </c>
      <c r="J3989">
        <v>3</v>
      </c>
      <c r="K3989">
        <v>2.5099999999999998</v>
      </c>
    </row>
    <row r="3990" spans="1:11" x14ac:dyDescent="0.3">
      <c r="A3990" s="1">
        <v>42358</v>
      </c>
      <c r="B3990" s="3">
        <f t="shared" si="124"/>
        <v>12</v>
      </c>
      <c r="C3990" s="3">
        <f t="shared" si="125"/>
        <v>2015</v>
      </c>
      <c r="D3990" t="s">
        <v>1063</v>
      </c>
      <c r="E3990" t="s">
        <v>9</v>
      </c>
      <c r="F3990" t="s">
        <v>10</v>
      </c>
      <c r="G3990" t="s">
        <v>17</v>
      </c>
      <c r="H3990" t="s">
        <v>637</v>
      </c>
      <c r="I3990">
        <v>88.8</v>
      </c>
      <c r="J3990">
        <v>4</v>
      </c>
      <c r="K3990">
        <v>-2.2200000000000002</v>
      </c>
    </row>
    <row r="3991" spans="1:11" x14ac:dyDescent="0.3">
      <c r="A3991" s="1">
        <v>42358</v>
      </c>
      <c r="B3991" s="3">
        <f t="shared" si="124"/>
        <v>12</v>
      </c>
      <c r="C3991" s="3">
        <f t="shared" si="125"/>
        <v>2015</v>
      </c>
      <c r="D3991" t="s">
        <v>726</v>
      </c>
      <c r="E3991" t="s">
        <v>148</v>
      </c>
      <c r="F3991" t="s">
        <v>10</v>
      </c>
      <c r="G3991" t="s">
        <v>11</v>
      </c>
      <c r="H3991" t="s">
        <v>456</v>
      </c>
      <c r="I3991">
        <v>55.48</v>
      </c>
      <c r="J3991">
        <v>1</v>
      </c>
      <c r="K3991">
        <v>26.63</v>
      </c>
    </row>
    <row r="3992" spans="1:11" x14ac:dyDescent="0.3">
      <c r="A3992" s="1">
        <v>42358</v>
      </c>
      <c r="B3992" s="3">
        <f t="shared" si="124"/>
        <v>12</v>
      </c>
      <c r="C3992" s="3">
        <f t="shared" si="125"/>
        <v>2015</v>
      </c>
      <c r="D3992" t="s">
        <v>1206</v>
      </c>
      <c r="E3992" t="s">
        <v>14</v>
      </c>
      <c r="F3992" t="s">
        <v>38</v>
      </c>
      <c r="G3992" t="s">
        <v>39</v>
      </c>
      <c r="H3992" t="s">
        <v>101</v>
      </c>
      <c r="I3992">
        <v>159.97999999999999</v>
      </c>
      <c r="J3992">
        <v>2</v>
      </c>
      <c r="K3992">
        <v>12</v>
      </c>
    </row>
    <row r="3993" spans="1:11" x14ac:dyDescent="0.3">
      <c r="A3993" s="1">
        <v>42358</v>
      </c>
      <c r="B3993" s="3">
        <f t="shared" si="124"/>
        <v>12</v>
      </c>
      <c r="C3993" s="3">
        <f t="shared" si="125"/>
        <v>2015</v>
      </c>
      <c r="D3993" t="s">
        <v>1206</v>
      </c>
      <c r="E3993" t="s">
        <v>14</v>
      </c>
      <c r="F3993" t="s">
        <v>38</v>
      </c>
      <c r="G3993" t="s">
        <v>51</v>
      </c>
      <c r="H3993" t="s">
        <v>197</v>
      </c>
      <c r="I3993">
        <v>255.97</v>
      </c>
      <c r="J3993">
        <v>4</v>
      </c>
      <c r="K3993">
        <v>51.19</v>
      </c>
    </row>
    <row r="3994" spans="1:11" x14ac:dyDescent="0.3">
      <c r="A3994" s="1">
        <v>42358</v>
      </c>
      <c r="B3994" s="3">
        <f t="shared" si="124"/>
        <v>12</v>
      </c>
      <c r="C3994" s="3">
        <f t="shared" si="125"/>
        <v>2015</v>
      </c>
      <c r="D3994" t="s">
        <v>1206</v>
      </c>
      <c r="E3994" t="s">
        <v>14</v>
      </c>
      <c r="F3994" t="s">
        <v>33</v>
      </c>
      <c r="G3994" t="s">
        <v>73</v>
      </c>
      <c r="H3994" t="s">
        <v>154</v>
      </c>
      <c r="I3994">
        <v>359.06</v>
      </c>
      <c r="J3994">
        <v>3</v>
      </c>
      <c r="K3994">
        <v>-71.81</v>
      </c>
    </row>
    <row r="3995" spans="1:11" x14ac:dyDescent="0.3">
      <c r="A3995" s="1">
        <v>42358</v>
      </c>
      <c r="B3995" s="3">
        <f t="shared" si="124"/>
        <v>12</v>
      </c>
      <c r="C3995" s="3">
        <f t="shared" si="125"/>
        <v>2015</v>
      </c>
      <c r="D3995" t="s">
        <v>1073</v>
      </c>
      <c r="E3995" t="s">
        <v>94</v>
      </c>
      <c r="F3995" t="s">
        <v>10</v>
      </c>
      <c r="G3995" t="s">
        <v>62</v>
      </c>
      <c r="H3995" t="s">
        <v>2262</v>
      </c>
      <c r="I3995">
        <v>7.92</v>
      </c>
      <c r="J3995">
        <v>1</v>
      </c>
      <c r="K3995">
        <v>2.77</v>
      </c>
    </row>
    <row r="3996" spans="1:11" x14ac:dyDescent="0.3">
      <c r="A3996" s="1">
        <v>42358</v>
      </c>
      <c r="B3996" s="3">
        <f t="shared" si="124"/>
        <v>12</v>
      </c>
      <c r="C3996" s="3">
        <f t="shared" si="125"/>
        <v>2015</v>
      </c>
      <c r="D3996" t="s">
        <v>1073</v>
      </c>
      <c r="E3996" t="s">
        <v>94</v>
      </c>
      <c r="F3996" t="s">
        <v>33</v>
      </c>
      <c r="G3996" t="s">
        <v>46</v>
      </c>
      <c r="H3996" t="s">
        <v>1091</v>
      </c>
      <c r="I3996">
        <v>14.37</v>
      </c>
      <c r="J3996">
        <v>2</v>
      </c>
      <c r="K3996">
        <v>3.95</v>
      </c>
    </row>
    <row r="3997" spans="1:11" x14ac:dyDescent="0.3">
      <c r="A3997" s="1">
        <v>42358</v>
      </c>
      <c r="B3997" s="3">
        <f t="shared" si="124"/>
        <v>12</v>
      </c>
      <c r="C3997" s="3">
        <f t="shared" si="125"/>
        <v>2015</v>
      </c>
      <c r="D3997" t="s">
        <v>2405</v>
      </c>
      <c r="E3997" t="s">
        <v>122</v>
      </c>
      <c r="F3997" t="s">
        <v>10</v>
      </c>
      <c r="G3997" t="s">
        <v>15</v>
      </c>
      <c r="H3997" t="s">
        <v>2029</v>
      </c>
      <c r="I3997">
        <v>11.7</v>
      </c>
      <c r="J3997">
        <v>2</v>
      </c>
      <c r="K3997">
        <v>3.95</v>
      </c>
    </row>
    <row r="3998" spans="1:11" x14ac:dyDescent="0.3">
      <c r="A3998" s="1">
        <v>42358</v>
      </c>
      <c r="B3998" s="3">
        <f t="shared" si="124"/>
        <v>12</v>
      </c>
      <c r="C3998" s="3">
        <f t="shared" si="125"/>
        <v>2015</v>
      </c>
      <c r="D3998" t="s">
        <v>586</v>
      </c>
      <c r="E3998" t="s">
        <v>26</v>
      </c>
      <c r="F3998" t="s">
        <v>10</v>
      </c>
      <c r="G3998" t="s">
        <v>11</v>
      </c>
      <c r="H3998" t="s">
        <v>624</v>
      </c>
      <c r="I3998">
        <v>17.12</v>
      </c>
      <c r="J3998">
        <v>4</v>
      </c>
      <c r="K3998">
        <v>7.7</v>
      </c>
    </row>
    <row r="3999" spans="1:11" x14ac:dyDescent="0.3">
      <c r="A3999" s="1">
        <v>42358</v>
      </c>
      <c r="B3999" s="3">
        <f t="shared" si="124"/>
        <v>12</v>
      </c>
      <c r="C3999" s="3">
        <f t="shared" si="125"/>
        <v>2015</v>
      </c>
      <c r="D3999" t="s">
        <v>1660</v>
      </c>
      <c r="E3999" t="s">
        <v>54</v>
      </c>
      <c r="F3999" t="s">
        <v>10</v>
      </c>
      <c r="G3999" t="s">
        <v>91</v>
      </c>
      <c r="H3999" t="s">
        <v>1030</v>
      </c>
      <c r="I3999">
        <v>36.270000000000003</v>
      </c>
      <c r="J3999">
        <v>3</v>
      </c>
      <c r="K3999">
        <v>10.88</v>
      </c>
    </row>
    <row r="4000" spans="1:11" x14ac:dyDescent="0.3">
      <c r="A4000" s="1">
        <v>42358</v>
      </c>
      <c r="B4000" s="3">
        <f t="shared" si="124"/>
        <v>12</v>
      </c>
      <c r="C4000" s="3">
        <f t="shared" si="125"/>
        <v>2015</v>
      </c>
      <c r="D4000" t="s">
        <v>1096</v>
      </c>
      <c r="E4000" t="s">
        <v>9</v>
      </c>
      <c r="F4000" t="s">
        <v>38</v>
      </c>
      <c r="G4000" t="s">
        <v>51</v>
      </c>
      <c r="H4000" t="s">
        <v>242</v>
      </c>
      <c r="I4000">
        <v>100.8</v>
      </c>
      <c r="J4000">
        <v>2</v>
      </c>
      <c r="K4000">
        <v>21.42</v>
      </c>
    </row>
    <row r="4001" spans="1:11" x14ac:dyDescent="0.3">
      <c r="A4001" s="1">
        <v>42359</v>
      </c>
      <c r="B4001" s="3">
        <f t="shared" si="124"/>
        <v>12</v>
      </c>
      <c r="C4001" s="3">
        <f t="shared" si="125"/>
        <v>2015</v>
      </c>
      <c r="D4001" t="s">
        <v>502</v>
      </c>
      <c r="E4001" t="s">
        <v>163</v>
      </c>
      <c r="F4001" t="s">
        <v>33</v>
      </c>
      <c r="G4001" t="s">
        <v>144</v>
      </c>
      <c r="H4001" t="s">
        <v>500</v>
      </c>
      <c r="I4001">
        <v>1618.37</v>
      </c>
      <c r="J4001">
        <v>13</v>
      </c>
      <c r="K4001">
        <v>356.04</v>
      </c>
    </row>
    <row r="4002" spans="1:11" x14ac:dyDescent="0.3">
      <c r="A4002" s="1">
        <v>42359</v>
      </c>
      <c r="B4002" s="3">
        <f t="shared" si="124"/>
        <v>12</v>
      </c>
      <c r="C4002" s="3">
        <f t="shared" si="125"/>
        <v>2015</v>
      </c>
      <c r="D4002" t="s">
        <v>502</v>
      </c>
      <c r="E4002" t="s">
        <v>163</v>
      </c>
      <c r="F4002" t="s">
        <v>38</v>
      </c>
      <c r="G4002" t="s">
        <v>51</v>
      </c>
      <c r="H4002" t="s">
        <v>1848</v>
      </c>
      <c r="I4002">
        <v>99.6</v>
      </c>
      <c r="J4002">
        <v>1</v>
      </c>
      <c r="K4002">
        <v>36.85</v>
      </c>
    </row>
    <row r="4003" spans="1:11" x14ac:dyDescent="0.3">
      <c r="A4003" s="1">
        <v>42359</v>
      </c>
      <c r="B4003" s="3">
        <f t="shared" si="124"/>
        <v>12</v>
      </c>
      <c r="C4003" s="3">
        <f t="shared" si="125"/>
        <v>2015</v>
      </c>
      <c r="D4003" t="s">
        <v>2406</v>
      </c>
      <c r="E4003" t="s">
        <v>277</v>
      </c>
      <c r="F4003" t="s">
        <v>10</v>
      </c>
      <c r="G4003" t="s">
        <v>91</v>
      </c>
      <c r="H4003" t="s">
        <v>332</v>
      </c>
      <c r="I4003">
        <v>60.98</v>
      </c>
      <c r="J4003">
        <v>7</v>
      </c>
      <c r="K4003">
        <v>4.57</v>
      </c>
    </row>
    <row r="4004" spans="1:11" x14ac:dyDescent="0.3">
      <c r="A4004" s="1">
        <v>42359</v>
      </c>
      <c r="B4004" s="3">
        <f t="shared" si="124"/>
        <v>12</v>
      </c>
      <c r="C4004" s="3">
        <f t="shared" si="125"/>
        <v>2015</v>
      </c>
      <c r="D4004" t="s">
        <v>1474</v>
      </c>
      <c r="E4004" t="s">
        <v>244</v>
      </c>
      <c r="F4004" t="s">
        <v>38</v>
      </c>
      <c r="G4004" t="s">
        <v>39</v>
      </c>
      <c r="H4004" t="s">
        <v>2407</v>
      </c>
      <c r="I4004">
        <v>47.98</v>
      </c>
      <c r="J4004">
        <v>3</v>
      </c>
      <c r="K4004">
        <v>4.8</v>
      </c>
    </row>
    <row r="4005" spans="1:11" x14ac:dyDescent="0.3">
      <c r="A4005" s="1">
        <v>42359</v>
      </c>
      <c r="B4005" s="3">
        <f t="shared" si="124"/>
        <v>12</v>
      </c>
      <c r="C4005" s="3">
        <f t="shared" si="125"/>
        <v>2015</v>
      </c>
      <c r="D4005" t="s">
        <v>982</v>
      </c>
      <c r="E4005" t="s">
        <v>122</v>
      </c>
      <c r="F4005" t="s">
        <v>38</v>
      </c>
      <c r="G4005" t="s">
        <v>51</v>
      </c>
      <c r="H4005" t="s">
        <v>1046</v>
      </c>
      <c r="I4005">
        <v>50.88</v>
      </c>
      <c r="J4005">
        <v>6</v>
      </c>
      <c r="K4005">
        <v>14.63</v>
      </c>
    </row>
    <row r="4006" spans="1:11" x14ac:dyDescent="0.3">
      <c r="A4006" s="1">
        <v>42359</v>
      </c>
      <c r="B4006" s="3">
        <f t="shared" si="124"/>
        <v>12</v>
      </c>
      <c r="C4006" s="3">
        <f t="shared" si="125"/>
        <v>2015</v>
      </c>
      <c r="D4006" t="s">
        <v>982</v>
      </c>
      <c r="E4006" t="s">
        <v>122</v>
      </c>
      <c r="F4006" t="s">
        <v>10</v>
      </c>
      <c r="G4006" t="s">
        <v>62</v>
      </c>
      <c r="H4006" t="s">
        <v>2408</v>
      </c>
      <c r="I4006">
        <v>27.31</v>
      </c>
      <c r="J4006">
        <v>2</v>
      </c>
      <c r="K4006">
        <v>9.2200000000000006</v>
      </c>
    </row>
    <row r="4007" spans="1:11" x14ac:dyDescent="0.3">
      <c r="A4007" s="1">
        <v>42359</v>
      </c>
      <c r="B4007" s="3">
        <f t="shared" si="124"/>
        <v>12</v>
      </c>
      <c r="C4007" s="3">
        <f t="shared" si="125"/>
        <v>2015</v>
      </c>
      <c r="D4007" t="s">
        <v>1630</v>
      </c>
      <c r="E4007" t="s">
        <v>77</v>
      </c>
      <c r="F4007" t="s">
        <v>10</v>
      </c>
      <c r="G4007" t="s">
        <v>23</v>
      </c>
      <c r="H4007" t="s">
        <v>843</v>
      </c>
      <c r="I4007">
        <v>3.01</v>
      </c>
      <c r="J4007">
        <v>2</v>
      </c>
      <c r="K4007">
        <v>0.34</v>
      </c>
    </row>
    <row r="4008" spans="1:11" x14ac:dyDescent="0.3">
      <c r="A4008" s="1">
        <v>42359</v>
      </c>
      <c r="B4008" s="3">
        <f t="shared" si="124"/>
        <v>12</v>
      </c>
      <c r="C4008" s="3">
        <f t="shared" si="125"/>
        <v>2015</v>
      </c>
      <c r="D4008" t="s">
        <v>1222</v>
      </c>
      <c r="E4008" t="s">
        <v>14</v>
      </c>
      <c r="F4008" t="s">
        <v>38</v>
      </c>
      <c r="G4008" t="s">
        <v>301</v>
      </c>
      <c r="H4008" t="s">
        <v>1398</v>
      </c>
      <c r="I4008">
        <v>600.53</v>
      </c>
      <c r="J4008">
        <v>2</v>
      </c>
      <c r="K4008">
        <v>137.26</v>
      </c>
    </row>
    <row r="4009" spans="1:11" x14ac:dyDescent="0.3">
      <c r="A4009" s="1">
        <v>42359</v>
      </c>
      <c r="B4009" s="3">
        <f t="shared" si="124"/>
        <v>12</v>
      </c>
      <c r="C4009" s="3">
        <f t="shared" si="125"/>
        <v>2015</v>
      </c>
      <c r="D4009" t="s">
        <v>1222</v>
      </c>
      <c r="E4009" t="s">
        <v>14</v>
      </c>
      <c r="F4009" t="s">
        <v>10</v>
      </c>
      <c r="G4009" t="s">
        <v>23</v>
      </c>
      <c r="H4009" t="s">
        <v>2057</v>
      </c>
      <c r="I4009">
        <v>59.9</v>
      </c>
      <c r="J4009">
        <v>2</v>
      </c>
      <c r="K4009">
        <v>14.23</v>
      </c>
    </row>
    <row r="4010" spans="1:11" x14ac:dyDescent="0.3">
      <c r="A4010" s="1">
        <v>42359</v>
      </c>
      <c r="B4010" s="3">
        <f t="shared" si="124"/>
        <v>12</v>
      </c>
      <c r="C4010" s="3">
        <f t="shared" si="125"/>
        <v>2015</v>
      </c>
      <c r="D4010" t="s">
        <v>1222</v>
      </c>
      <c r="E4010" t="s">
        <v>14</v>
      </c>
      <c r="F4010" t="s">
        <v>38</v>
      </c>
      <c r="G4010" t="s">
        <v>51</v>
      </c>
      <c r="H4010" t="s">
        <v>1848</v>
      </c>
      <c r="I4010">
        <v>637.44000000000005</v>
      </c>
      <c r="J4010">
        <v>8</v>
      </c>
      <c r="K4010">
        <v>135.46</v>
      </c>
    </row>
    <row r="4011" spans="1:11" x14ac:dyDescent="0.3">
      <c r="A4011" s="1">
        <v>42359</v>
      </c>
      <c r="B4011" s="3">
        <f t="shared" si="124"/>
        <v>12</v>
      </c>
      <c r="C4011" s="3">
        <f t="shared" si="125"/>
        <v>2015</v>
      </c>
      <c r="D4011" t="s">
        <v>1222</v>
      </c>
      <c r="E4011" t="s">
        <v>14</v>
      </c>
      <c r="F4011" t="s">
        <v>33</v>
      </c>
      <c r="G4011" t="s">
        <v>46</v>
      </c>
      <c r="H4011" t="s">
        <v>919</v>
      </c>
      <c r="I4011">
        <v>51.76</v>
      </c>
      <c r="J4011">
        <v>3</v>
      </c>
      <c r="K4011">
        <v>-33.64</v>
      </c>
    </row>
    <row r="4012" spans="1:11" x14ac:dyDescent="0.3">
      <c r="A4012" s="1">
        <v>42360</v>
      </c>
      <c r="B4012" s="3">
        <f t="shared" si="124"/>
        <v>12</v>
      </c>
      <c r="C4012" s="3">
        <f t="shared" si="125"/>
        <v>2015</v>
      </c>
      <c r="D4012" t="s">
        <v>568</v>
      </c>
      <c r="E4012" t="s">
        <v>156</v>
      </c>
      <c r="F4012" t="s">
        <v>10</v>
      </c>
      <c r="G4012" t="s">
        <v>23</v>
      </c>
      <c r="H4012" t="s">
        <v>2200</v>
      </c>
      <c r="I4012">
        <v>17.12</v>
      </c>
      <c r="J4012">
        <v>4</v>
      </c>
      <c r="K4012">
        <v>4.96</v>
      </c>
    </row>
    <row r="4013" spans="1:11" x14ac:dyDescent="0.3">
      <c r="A4013" s="1">
        <v>42360</v>
      </c>
      <c r="B4013" s="3">
        <f t="shared" si="124"/>
        <v>12</v>
      </c>
      <c r="C4013" s="3">
        <f t="shared" si="125"/>
        <v>2015</v>
      </c>
      <c r="D4013" t="s">
        <v>1687</v>
      </c>
      <c r="E4013" t="s">
        <v>22</v>
      </c>
      <c r="F4013" t="s">
        <v>10</v>
      </c>
      <c r="G4013" t="s">
        <v>17</v>
      </c>
      <c r="H4013" t="s">
        <v>1964</v>
      </c>
      <c r="I4013">
        <v>33.57</v>
      </c>
      <c r="J4013">
        <v>2</v>
      </c>
      <c r="K4013">
        <v>1.68</v>
      </c>
    </row>
    <row r="4014" spans="1:11" x14ac:dyDescent="0.3">
      <c r="A4014" s="1">
        <v>42360</v>
      </c>
      <c r="B4014" s="3">
        <f t="shared" si="124"/>
        <v>12</v>
      </c>
      <c r="C4014" s="3">
        <f t="shared" si="125"/>
        <v>2015</v>
      </c>
      <c r="D4014" t="s">
        <v>1687</v>
      </c>
      <c r="E4014" t="s">
        <v>22</v>
      </c>
      <c r="F4014" t="s">
        <v>33</v>
      </c>
      <c r="G4014" t="s">
        <v>34</v>
      </c>
      <c r="H4014" t="s">
        <v>234</v>
      </c>
      <c r="I4014">
        <v>422.63</v>
      </c>
      <c r="J4014">
        <v>7</v>
      </c>
      <c r="K4014">
        <v>0</v>
      </c>
    </row>
    <row r="4015" spans="1:11" x14ac:dyDescent="0.3">
      <c r="A4015" s="1">
        <v>42361</v>
      </c>
      <c r="B4015" s="3">
        <f t="shared" si="124"/>
        <v>12</v>
      </c>
      <c r="C4015" s="3">
        <f t="shared" si="125"/>
        <v>2015</v>
      </c>
      <c r="D4015" t="s">
        <v>155</v>
      </c>
      <c r="E4015" t="s">
        <v>54</v>
      </c>
      <c r="F4015" t="s">
        <v>10</v>
      </c>
      <c r="G4015" t="s">
        <v>91</v>
      </c>
      <c r="H4015" t="s">
        <v>1819</v>
      </c>
      <c r="I4015">
        <v>194.32</v>
      </c>
      <c r="J4015">
        <v>4</v>
      </c>
      <c r="K4015">
        <v>56.35</v>
      </c>
    </row>
    <row r="4016" spans="1:11" x14ac:dyDescent="0.3">
      <c r="A4016" s="1">
        <v>42362</v>
      </c>
      <c r="B4016" s="3">
        <f t="shared" si="124"/>
        <v>12</v>
      </c>
      <c r="C4016" s="3">
        <f t="shared" si="125"/>
        <v>2015</v>
      </c>
      <c r="D4016" t="s">
        <v>1751</v>
      </c>
      <c r="E4016" t="s">
        <v>77</v>
      </c>
      <c r="F4016" t="s">
        <v>10</v>
      </c>
      <c r="G4016" t="s">
        <v>42</v>
      </c>
      <c r="H4016" t="s">
        <v>1560</v>
      </c>
      <c r="I4016">
        <v>5.58</v>
      </c>
      <c r="J4016">
        <v>2</v>
      </c>
      <c r="K4016">
        <v>1.81</v>
      </c>
    </row>
    <row r="4017" spans="1:11" x14ac:dyDescent="0.3">
      <c r="A4017" s="1">
        <v>42362</v>
      </c>
      <c r="B4017" s="3">
        <f t="shared" si="124"/>
        <v>12</v>
      </c>
      <c r="C4017" s="3">
        <f t="shared" si="125"/>
        <v>2015</v>
      </c>
      <c r="D4017" t="s">
        <v>1751</v>
      </c>
      <c r="E4017" t="s">
        <v>77</v>
      </c>
      <c r="F4017" t="s">
        <v>10</v>
      </c>
      <c r="G4017" t="s">
        <v>11</v>
      </c>
      <c r="H4017" t="s">
        <v>1353</v>
      </c>
      <c r="I4017">
        <v>22.7</v>
      </c>
      <c r="J4017">
        <v>6</v>
      </c>
      <c r="K4017">
        <v>8.23</v>
      </c>
    </row>
    <row r="4018" spans="1:11" x14ac:dyDescent="0.3">
      <c r="A4018" s="1">
        <v>42362</v>
      </c>
      <c r="B4018" s="3">
        <f t="shared" si="124"/>
        <v>12</v>
      </c>
      <c r="C4018" s="3">
        <f t="shared" si="125"/>
        <v>2015</v>
      </c>
      <c r="D4018" t="s">
        <v>1751</v>
      </c>
      <c r="E4018" t="s">
        <v>77</v>
      </c>
      <c r="F4018" t="s">
        <v>10</v>
      </c>
      <c r="G4018" t="s">
        <v>19</v>
      </c>
      <c r="H4018" t="s">
        <v>468</v>
      </c>
      <c r="I4018">
        <v>19.78</v>
      </c>
      <c r="J4018">
        <v>4</v>
      </c>
      <c r="K4018">
        <v>-13.84</v>
      </c>
    </row>
    <row r="4019" spans="1:11" x14ac:dyDescent="0.3">
      <c r="A4019" s="1">
        <v>42362</v>
      </c>
      <c r="B4019" s="3">
        <f t="shared" si="124"/>
        <v>12</v>
      </c>
      <c r="C4019" s="3">
        <f t="shared" si="125"/>
        <v>2015</v>
      </c>
      <c r="D4019" t="s">
        <v>1751</v>
      </c>
      <c r="E4019" t="s">
        <v>77</v>
      </c>
      <c r="F4019" t="s">
        <v>33</v>
      </c>
      <c r="G4019" t="s">
        <v>46</v>
      </c>
      <c r="H4019" t="s">
        <v>2008</v>
      </c>
      <c r="I4019">
        <v>72.7</v>
      </c>
      <c r="J4019">
        <v>4</v>
      </c>
      <c r="K4019">
        <v>19.079999999999998</v>
      </c>
    </row>
    <row r="4020" spans="1:11" x14ac:dyDescent="0.3">
      <c r="A4020" s="1">
        <v>42362</v>
      </c>
      <c r="B4020" s="3">
        <f t="shared" si="124"/>
        <v>12</v>
      </c>
      <c r="C4020" s="3">
        <f t="shared" si="125"/>
        <v>2015</v>
      </c>
      <c r="D4020" t="s">
        <v>1751</v>
      </c>
      <c r="E4020" t="s">
        <v>77</v>
      </c>
      <c r="F4020" t="s">
        <v>38</v>
      </c>
      <c r="G4020" t="s">
        <v>301</v>
      </c>
      <c r="H4020" t="s">
        <v>344</v>
      </c>
      <c r="I4020">
        <v>479.99</v>
      </c>
      <c r="J4020">
        <v>4</v>
      </c>
      <c r="K4020">
        <v>-383.99</v>
      </c>
    </row>
    <row r="4021" spans="1:11" x14ac:dyDescent="0.3">
      <c r="A4021" s="1">
        <v>42362</v>
      </c>
      <c r="B4021" s="3">
        <f t="shared" si="124"/>
        <v>12</v>
      </c>
      <c r="C4021" s="3">
        <f t="shared" si="125"/>
        <v>2015</v>
      </c>
      <c r="D4021" t="s">
        <v>1751</v>
      </c>
      <c r="E4021" t="s">
        <v>77</v>
      </c>
      <c r="F4021" t="s">
        <v>10</v>
      </c>
      <c r="G4021" t="s">
        <v>23</v>
      </c>
      <c r="H4021" t="s">
        <v>2409</v>
      </c>
      <c r="I4021">
        <v>27.17</v>
      </c>
      <c r="J4021">
        <v>2</v>
      </c>
      <c r="K4021">
        <v>2.72</v>
      </c>
    </row>
    <row r="4022" spans="1:11" x14ac:dyDescent="0.3">
      <c r="A4022" s="1">
        <v>42362</v>
      </c>
      <c r="B4022" s="3">
        <f t="shared" si="124"/>
        <v>12</v>
      </c>
      <c r="C4022" s="3">
        <f t="shared" si="125"/>
        <v>2015</v>
      </c>
      <c r="D4022" t="s">
        <v>2052</v>
      </c>
      <c r="E4022" t="s">
        <v>148</v>
      </c>
      <c r="F4022" t="s">
        <v>10</v>
      </c>
      <c r="G4022" t="s">
        <v>11</v>
      </c>
      <c r="H4022" t="s">
        <v>305</v>
      </c>
      <c r="I4022">
        <v>132.79</v>
      </c>
      <c r="J4022">
        <v>7</v>
      </c>
      <c r="K4022">
        <v>63.74</v>
      </c>
    </row>
    <row r="4023" spans="1:11" x14ac:dyDescent="0.3">
      <c r="A4023" s="1">
        <v>42362</v>
      </c>
      <c r="B4023" s="3">
        <f t="shared" si="124"/>
        <v>12</v>
      </c>
      <c r="C4023" s="3">
        <f t="shared" si="125"/>
        <v>2015</v>
      </c>
      <c r="D4023" t="s">
        <v>2052</v>
      </c>
      <c r="E4023" t="s">
        <v>148</v>
      </c>
      <c r="F4023" t="s">
        <v>10</v>
      </c>
      <c r="G4023" t="s">
        <v>11</v>
      </c>
      <c r="H4023" t="s">
        <v>327</v>
      </c>
      <c r="I4023">
        <v>12.96</v>
      </c>
      <c r="J4023">
        <v>2</v>
      </c>
      <c r="K4023">
        <v>6.22</v>
      </c>
    </row>
    <row r="4024" spans="1:11" x14ac:dyDescent="0.3">
      <c r="A4024" s="1">
        <v>42362</v>
      </c>
      <c r="B4024" s="3">
        <f t="shared" si="124"/>
        <v>12</v>
      </c>
      <c r="C4024" s="3">
        <f t="shared" si="125"/>
        <v>2015</v>
      </c>
      <c r="D4024" t="s">
        <v>2052</v>
      </c>
      <c r="E4024" t="s">
        <v>148</v>
      </c>
      <c r="F4024" t="s">
        <v>10</v>
      </c>
      <c r="G4024" t="s">
        <v>15</v>
      </c>
      <c r="H4024" t="s">
        <v>1429</v>
      </c>
      <c r="I4024">
        <v>21.56</v>
      </c>
      <c r="J4024">
        <v>7</v>
      </c>
      <c r="K4024">
        <v>10.35</v>
      </c>
    </row>
    <row r="4025" spans="1:11" x14ac:dyDescent="0.3">
      <c r="A4025" s="1">
        <v>42362</v>
      </c>
      <c r="B4025" s="3">
        <f t="shared" si="124"/>
        <v>12</v>
      </c>
      <c r="C4025" s="3">
        <f t="shared" si="125"/>
        <v>2015</v>
      </c>
      <c r="D4025" t="s">
        <v>2410</v>
      </c>
      <c r="E4025" t="s">
        <v>277</v>
      </c>
      <c r="F4025" t="s">
        <v>33</v>
      </c>
      <c r="G4025" t="s">
        <v>73</v>
      </c>
      <c r="H4025" t="s">
        <v>1871</v>
      </c>
      <c r="I4025">
        <v>590.05999999999995</v>
      </c>
      <c r="J4025">
        <v>7</v>
      </c>
      <c r="K4025">
        <v>-786.74</v>
      </c>
    </row>
    <row r="4026" spans="1:11" x14ac:dyDescent="0.3">
      <c r="A4026" s="1">
        <v>42362</v>
      </c>
      <c r="B4026" s="3">
        <f t="shared" si="124"/>
        <v>12</v>
      </c>
      <c r="C4026" s="3">
        <f t="shared" si="125"/>
        <v>2015</v>
      </c>
      <c r="D4026" t="s">
        <v>2410</v>
      </c>
      <c r="E4026" t="s">
        <v>277</v>
      </c>
      <c r="F4026" t="s">
        <v>10</v>
      </c>
      <c r="G4026" t="s">
        <v>23</v>
      </c>
      <c r="H4026" t="s">
        <v>884</v>
      </c>
      <c r="I4026">
        <v>14.04</v>
      </c>
      <c r="J4026">
        <v>3</v>
      </c>
      <c r="K4026">
        <v>1.58</v>
      </c>
    </row>
    <row r="4027" spans="1:11" x14ac:dyDescent="0.3">
      <c r="A4027" s="1">
        <v>42362</v>
      </c>
      <c r="B4027" s="3">
        <f t="shared" si="124"/>
        <v>12</v>
      </c>
      <c r="C4027" s="3">
        <f t="shared" si="125"/>
        <v>2015</v>
      </c>
      <c r="D4027" t="s">
        <v>1257</v>
      </c>
      <c r="E4027" t="s">
        <v>94</v>
      </c>
      <c r="F4027" t="s">
        <v>10</v>
      </c>
      <c r="G4027" t="s">
        <v>11</v>
      </c>
      <c r="H4027" t="s">
        <v>1831</v>
      </c>
      <c r="I4027">
        <v>106.23</v>
      </c>
      <c r="J4027">
        <v>7</v>
      </c>
      <c r="K4027">
        <v>37.18</v>
      </c>
    </row>
    <row r="4028" spans="1:11" x14ac:dyDescent="0.3">
      <c r="A4028" s="1">
        <v>42362</v>
      </c>
      <c r="B4028" s="3">
        <f t="shared" si="124"/>
        <v>12</v>
      </c>
      <c r="C4028" s="3">
        <f t="shared" si="125"/>
        <v>2015</v>
      </c>
      <c r="D4028" t="s">
        <v>1257</v>
      </c>
      <c r="E4028" t="s">
        <v>94</v>
      </c>
      <c r="F4028" t="s">
        <v>38</v>
      </c>
      <c r="G4028" t="s">
        <v>39</v>
      </c>
      <c r="H4028" t="s">
        <v>1707</v>
      </c>
      <c r="I4028">
        <v>111.98</v>
      </c>
      <c r="J4028">
        <v>2</v>
      </c>
      <c r="K4028">
        <v>11.2</v>
      </c>
    </row>
    <row r="4029" spans="1:11" x14ac:dyDescent="0.3">
      <c r="A4029" s="1">
        <v>42362</v>
      </c>
      <c r="B4029" s="3">
        <f t="shared" si="124"/>
        <v>12</v>
      </c>
      <c r="C4029" s="3">
        <f t="shared" si="125"/>
        <v>2015</v>
      </c>
      <c r="D4029" t="s">
        <v>1257</v>
      </c>
      <c r="E4029" t="s">
        <v>94</v>
      </c>
      <c r="F4029" t="s">
        <v>33</v>
      </c>
      <c r="G4029" t="s">
        <v>46</v>
      </c>
      <c r="H4029" t="s">
        <v>2301</v>
      </c>
      <c r="I4029">
        <v>7.71</v>
      </c>
      <c r="J4029">
        <v>2</v>
      </c>
      <c r="K4029">
        <v>1.74</v>
      </c>
    </row>
    <row r="4030" spans="1:11" x14ac:dyDescent="0.3">
      <c r="A4030" s="1">
        <v>42362</v>
      </c>
      <c r="B4030" s="3">
        <f t="shared" si="124"/>
        <v>12</v>
      </c>
      <c r="C4030" s="3">
        <f t="shared" si="125"/>
        <v>2015</v>
      </c>
      <c r="D4030" t="s">
        <v>1687</v>
      </c>
      <c r="E4030" t="s">
        <v>94</v>
      </c>
      <c r="F4030" t="s">
        <v>33</v>
      </c>
      <c r="G4030" t="s">
        <v>34</v>
      </c>
      <c r="H4030" t="s">
        <v>1236</v>
      </c>
      <c r="I4030">
        <v>883.84</v>
      </c>
      <c r="J4030">
        <v>4</v>
      </c>
      <c r="K4030">
        <v>99.43</v>
      </c>
    </row>
    <row r="4031" spans="1:11" x14ac:dyDescent="0.3">
      <c r="A4031" s="1">
        <v>42362</v>
      </c>
      <c r="B4031" s="3">
        <f t="shared" si="124"/>
        <v>12</v>
      </c>
      <c r="C4031" s="3">
        <f t="shared" si="125"/>
        <v>2015</v>
      </c>
      <c r="D4031" t="s">
        <v>1253</v>
      </c>
      <c r="E4031" t="s">
        <v>26</v>
      </c>
      <c r="F4031" t="s">
        <v>10</v>
      </c>
      <c r="G4031" t="s">
        <v>19</v>
      </c>
      <c r="H4031" t="s">
        <v>427</v>
      </c>
      <c r="I4031">
        <v>19.940000000000001</v>
      </c>
      <c r="J4031">
        <v>4</v>
      </c>
      <c r="K4031">
        <v>7.23</v>
      </c>
    </row>
    <row r="4032" spans="1:11" x14ac:dyDescent="0.3">
      <c r="A4032" s="1">
        <v>42362</v>
      </c>
      <c r="B4032" s="3">
        <f t="shared" si="124"/>
        <v>12</v>
      </c>
      <c r="C4032" s="3">
        <f t="shared" si="125"/>
        <v>2015</v>
      </c>
      <c r="D4032" t="s">
        <v>1253</v>
      </c>
      <c r="E4032" t="s">
        <v>26</v>
      </c>
      <c r="F4032" t="s">
        <v>10</v>
      </c>
      <c r="G4032" t="s">
        <v>42</v>
      </c>
      <c r="H4032" t="s">
        <v>1108</v>
      </c>
      <c r="I4032">
        <v>45.92</v>
      </c>
      <c r="J4032">
        <v>4</v>
      </c>
      <c r="K4032">
        <v>21.58</v>
      </c>
    </row>
    <row r="4033" spans="1:11" x14ac:dyDescent="0.3">
      <c r="A4033" s="1">
        <v>42362</v>
      </c>
      <c r="B4033" s="3">
        <f t="shared" si="124"/>
        <v>12</v>
      </c>
      <c r="C4033" s="3">
        <f t="shared" si="125"/>
        <v>2015</v>
      </c>
      <c r="D4033" t="s">
        <v>991</v>
      </c>
      <c r="E4033" t="s">
        <v>185</v>
      </c>
      <c r="F4033" t="s">
        <v>33</v>
      </c>
      <c r="G4033" t="s">
        <v>46</v>
      </c>
      <c r="H4033" t="s">
        <v>2302</v>
      </c>
      <c r="I4033">
        <v>9.68</v>
      </c>
      <c r="J4033">
        <v>2</v>
      </c>
      <c r="K4033">
        <v>3.78</v>
      </c>
    </row>
    <row r="4034" spans="1:11" x14ac:dyDescent="0.3">
      <c r="A4034" s="1">
        <v>42362</v>
      </c>
      <c r="B4034" s="3">
        <f t="shared" ref="B4034:B4097" si="126">MONTH(A:A)</f>
        <v>12</v>
      </c>
      <c r="C4034" s="3">
        <f t="shared" ref="C4034:C4097" si="127">YEAR(A:A)</f>
        <v>2015</v>
      </c>
      <c r="D4034" t="s">
        <v>991</v>
      </c>
      <c r="E4034" t="s">
        <v>185</v>
      </c>
      <c r="F4034" t="s">
        <v>38</v>
      </c>
      <c r="G4034" t="s">
        <v>602</v>
      </c>
      <c r="H4034" t="s">
        <v>1937</v>
      </c>
      <c r="I4034">
        <v>4899.93</v>
      </c>
      <c r="J4034">
        <v>7</v>
      </c>
      <c r="K4034">
        <v>2302.9699999999998</v>
      </c>
    </row>
    <row r="4035" spans="1:11" x14ac:dyDescent="0.3">
      <c r="A4035" s="1">
        <v>42363</v>
      </c>
      <c r="B4035" s="3">
        <f t="shared" si="126"/>
        <v>12</v>
      </c>
      <c r="C4035" s="3">
        <f t="shared" si="127"/>
        <v>2015</v>
      </c>
      <c r="D4035" t="s">
        <v>1634</v>
      </c>
      <c r="E4035" t="s">
        <v>22</v>
      </c>
      <c r="F4035" t="s">
        <v>33</v>
      </c>
      <c r="G4035" t="s">
        <v>46</v>
      </c>
      <c r="H4035" t="s">
        <v>1553</v>
      </c>
      <c r="I4035">
        <v>547.14</v>
      </c>
      <c r="J4035">
        <v>4</v>
      </c>
      <c r="K4035">
        <v>-68.39</v>
      </c>
    </row>
    <row r="4036" spans="1:11" x14ac:dyDescent="0.3">
      <c r="A4036" s="1">
        <v>42363</v>
      </c>
      <c r="B4036" s="3">
        <f t="shared" si="126"/>
        <v>12</v>
      </c>
      <c r="C4036" s="3">
        <f t="shared" si="127"/>
        <v>2015</v>
      </c>
      <c r="D4036" t="s">
        <v>1083</v>
      </c>
      <c r="E4036" t="s">
        <v>119</v>
      </c>
      <c r="F4036" t="s">
        <v>10</v>
      </c>
      <c r="G4036" t="s">
        <v>15</v>
      </c>
      <c r="H4036" t="s">
        <v>2209</v>
      </c>
      <c r="I4036">
        <v>9.2200000000000006</v>
      </c>
      <c r="J4036">
        <v>4</v>
      </c>
      <c r="K4036">
        <v>3.34</v>
      </c>
    </row>
    <row r="4037" spans="1:11" x14ac:dyDescent="0.3">
      <c r="A4037" s="1">
        <v>42363</v>
      </c>
      <c r="B4037" s="3">
        <f t="shared" si="126"/>
        <v>12</v>
      </c>
      <c r="C4037" s="3">
        <f t="shared" si="127"/>
        <v>2015</v>
      </c>
      <c r="D4037" t="s">
        <v>1083</v>
      </c>
      <c r="E4037" t="s">
        <v>119</v>
      </c>
      <c r="F4037" t="s">
        <v>10</v>
      </c>
      <c r="G4037" t="s">
        <v>11</v>
      </c>
      <c r="H4037" t="s">
        <v>2194</v>
      </c>
      <c r="I4037">
        <v>10.37</v>
      </c>
      <c r="J4037">
        <v>2</v>
      </c>
      <c r="K4037">
        <v>3.63</v>
      </c>
    </row>
    <row r="4038" spans="1:11" x14ac:dyDescent="0.3">
      <c r="A4038" s="1">
        <v>42363</v>
      </c>
      <c r="B4038" s="3">
        <f t="shared" si="126"/>
        <v>12</v>
      </c>
      <c r="C4038" s="3">
        <f t="shared" si="127"/>
        <v>2015</v>
      </c>
      <c r="D4038" t="s">
        <v>2411</v>
      </c>
      <c r="E4038" t="s">
        <v>109</v>
      </c>
      <c r="F4038" t="s">
        <v>38</v>
      </c>
      <c r="G4038" t="s">
        <v>39</v>
      </c>
      <c r="H4038" t="s">
        <v>900</v>
      </c>
      <c r="I4038">
        <v>73.98</v>
      </c>
      <c r="J4038">
        <v>2</v>
      </c>
      <c r="K4038">
        <v>19.97</v>
      </c>
    </row>
    <row r="4039" spans="1:11" x14ac:dyDescent="0.3">
      <c r="A4039" s="1">
        <v>42363</v>
      </c>
      <c r="B4039" s="3">
        <f t="shared" si="126"/>
        <v>12</v>
      </c>
      <c r="C4039" s="3">
        <f t="shared" si="127"/>
        <v>2015</v>
      </c>
      <c r="D4039" t="s">
        <v>2411</v>
      </c>
      <c r="E4039" t="s">
        <v>109</v>
      </c>
      <c r="F4039" t="s">
        <v>33</v>
      </c>
      <c r="G4039" t="s">
        <v>73</v>
      </c>
      <c r="H4039" t="s">
        <v>2412</v>
      </c>
      <c r="I4039">
        <v>160.97999999999999</v>
      </c>
      <c r="J4039">
        <v>1</v>
      </c>
      <c r="K4039">
        <v>20.93</v>
      </c>
    </row>
    <row r="4040" spans="1:11" x14ac:dyDescent="0.3">
      <c r="A4040" s="1">
        <v>42363</v>
      </c>
      <c r="B4040" s="3">
        <f t="shared" si="126"/>
        <v>12</v>
      </c>
      <c r="C4040" s="3">
        <f t="shared" si="127"/>
        <v>2015</v>
      </c>
      <c r="D4040" t="s">
        <v>2411</v>
      </c>
      <c r="E4040" t="s">
        <v>109</v>
      </c>
      <c r="F4040" t="s">
        <v>10</v>
      </c>
      <c r="G4040" t="s">
        <v>11</v>
      </c>
      <c r="H4040" t="s">
        <v>1178</v>
      </c>
      <c r="I4040">
        <v>17.34</v>
      </c>
      <c r="J4040">
        <v>3</v>
      </c>
      <c r="K4040">
        <v>8.5</v>
      </c>
    </row>
    <row r="4041" spans="1:11" x14ac:dyDescent="0.3">
      <c r="A4041" s="1">
        <v>42363</v>
      </c>
      <c r="B4041" s="3">
        <f t="shared" si="126"/>
        <v>12</v>
      </c>
      <c r="C4041" s="3">
        <f t="shared" si="127"/>
        <v>2015</v>
      </c>
      <c r="D4041" t="s">
        <v>2411</v>
      </c>
      <c r="E4041" t="s">
        <v>109</v>
      </c>
      <c r="F4041" t="s">
        <v>10</v>
      </c>
      <c r="G4041" t="s">
        <v>23</v>
      </c>
      <c r="H4041" t="s">
        <v>102</v>
      </c>
      <c r="I4041">
        <v>3.28</v>
      </c>
      <c r="J4041">
        <v>1</v>
      </c>
      <c r="K4041">
        <v>0.95</v>
      </c>
    </row>
    <row r="4042" spans="1:11" x14ac:dyDescent="0.3">
      <c r="A4042" s="1">
        <v>42363</v>
      </c>
      <c r="B4042" s="3">
        <f t="shared" si="126"/>
        <v>12</v>
      </c>
      <c r="C4042" s="3">
        <f t="shared" si="127"/>
        <v>2015</v>
      </c>
      <c r="D4042" t="s">
        <v>1331</v>
      </c>
      <c r="E4042" t="s">
        <v>148</v>
      </c>
      <c r="F4042" t="s">
        <v>10</v>
      </c>
      <c r="G4042" t="s">
        <v>91</v>
      </c>
      <c r="H4042" t="s">
        <v>2046</v>
      </c>
      <c r="I4042">
        <v>414.96</v>
      </c>
      <c r="J4042">
        <v>2</v>
      </c>
      <c r="K4042">
        <v>124.49</v>
      </c>
    </row>
    <row r="4043" spans="1:11" x14ac:dyDescent="0.3">
      <c r="A4043" s="1">
        <v>42363</v>
      </c>
      <c r="B4043" s="3">
        <f t="shared" si="126"/>
        <v>12</v>
      </c>
      <c r="C4043" s="3">
        <f t="shared" si="127"/>
        <v>2015</v>
      </c>
      <c r="D4043" t="s">
        <v>1780</v>
      </c>
      <c r="E4043" t="s">
        <v>26</v>
      </c>
      <c r="F4043" t="s">
        <v>38</v>
      </c>
      <c r="G4043" t="s">
        <v>602</v>
      </c>
      <c r="H4043" t="s">
        <v>603</v>
      </c>
      <c r="I4043">
        <v>1199.96</v>
      </c>
      <c r="J4043">
        <v>5</v>
      </c>
      <c r="K4043">
        <v>224.99</v>
      </c>
    </row>
    <row r="4044" spans="1:11" x14ac:dyDescent="0.3">
      <c r="A4044" s="1">
        <v>42363</v>
      </c>
      <c r="B4044" s="3">
        <f t="shared" si="126"/>
        <v>12</v>
      </c>
      <c r="C4044" s="3">
        <f t="shared" si="127"/>
        <v>2015</v>
      </c>
      <c r="D4044" t="s">
        <v>1780</v>
      </c>
      <c r="E4044" t="s">
        <v>26</v>
      </c>
      <c r="F4044" t="s">
        <v>10</v>
      </c>
      <c r="G4044" t="s">
        <v>11</v>
      </c>
      <c r="H4044" t="s">
        <v>2140</v>
      </c>
      <c r="I4044">
        <v>12.6</v>
      </c>
      <c r="J4044">
        <v>3</v>
      </c>
      <c r="K4044">
        <v>6.17</v>
      </c>
    </row>
    <row r="4045" spans="1:11" x14ac:dyDescent="0.3">
      <c r="A4045" s="1">
        <v>42363</v>
      </c>
      <c r="B4045" s="3">
        <f t="shared" si="126"/>
        <v>12</v>
      </c>
      <c r="C4045" s="3">
        <f t="shared" si="127"/>
        <v>2015</v>
      </c>
      <c r="D4045" t="s">
        <v>1780</v>
      </c>
      <c r="E4045" t="s">
        <v>26</v>
      </c>
      <c r="F4045" t="s">
        <v>10</v>
      </c>
      <c r="G4045" t="s">
        <v>11</v>
      </c>
      <c r="H4045" t="s">
        <v>1104</v>
      </c>
      <c r="I4045">
        <v>17.940000000000001</v>
      </c>
      <c r="J4045">
        <v>3</v>
      </c>
      <c r="K4045">
        <v>8.07</v>
      </c>
    </row>
    <row r="4046" spans="1:11" x14ac:dyDescent="0.3">
      <c r="A4046" s="1">
        <v>42363</v>
      </c>
      <c r="B4046" s="3">
        <f t="shared" si="126"/>
        <v>12</v>
      </c>
      <c r="C4046" s="3">
        <f t="shared" si="127"/>
        <v>2015</v>
      </c>
      <c r="D4046" t="s">
        <v>1137</v>
      </c>
      <c r="E4046" t="s">
        <v>29</v>
      </c>
      <c r="F4046" t="s">
        <v>33</v>
      </c>
      <c r="G4046" t="s">
        <v>46</v>
      </c>
      <c r="H4046" t="s">
        <v>478</v>
      </c>
      <c r="I4046">
        <v>275.88</v>
      </c>
      <c r="J4046">
        <v>6</v>
      </c>
      <c r="K4046">
        <v>46.9</v>
      </c>
    </row>
    <row r="4047" spans="1:11" x14ac:dyDescent="0.3">
      <c r="A4047" s="1">
        <v>42363</v>
      </c>
      <c r="B4047" s="3">
        <f t="shared" si="126"/>
        <v>12</v>
      </c>
      <c r="C4047" s="3">
        <f t="shared" si="127"/>
        <v>2015</v>
      </c>
      <c r="D4047" t="s">
        <v>1137</v>
      </c>
      <c r="E4047" t="s">
        <v>29</v>
      </c>
      <c r="F4047" t="s">
        <v>10</v>
      </c>
      <c r="G4047" t="s">
        <v>19</v>
      </c>
      <c r="H4047" t="s">
        <v>2154</v>
      </c>
      <c r="I4047">
        <v>157.9</v>
      </c>
      <c r="J4047">
        <v>5</v>
      </c>
      <c r="K4047">
        <v>74.209999999999994</v>
      </c>
    </row>
    <row r="4048" spans="1:11" x14ac:dyDescent="0.3">
      <c r="A4048" s="1">
        <v>42363</v>
      </c>
      <c r="B4048" s="3">
        <f t="shared" si="126"/>
        <v>12</v>
      </c>
      <c r="C4048" s="3">
        <f t="shared" si="127"/>
        <v>2015</v>
      </c>
      <c r="D4048" t="s">
        <v>748</v>
      </c>
      <c r="E4048" t="s">
        <v>148</v>
      </c>
      <c r="F4048" t="s">
        <v>38</v>
      </c>
      <c r="G4048" t="s">
        <v>51</v>
      </c>
      <c r="H4048" t="s">
        <v>1874</v>
      </c>
      <c r="I4048">
        <v>843.9</v>
      </c>
      <c r="J4048">
        <v>2</v>
      </c>
      <c r="K4048">
        <v>371.32</v>
      </c>
    </row>
    <row r="4049" spans="1:11" x14ac:dyDescent="0.3">
      <c r="A4049" s="1">
        <v>42363</v>
      </c>
      <c r="B4049" s="3">
        <f t="shared" si="126"/>
        <v>12</v>
      </c>
      <c r="C4049" s="3">
        <f t="shared" si="127"/>
        <v>2015</v>
      </c>
      <c r="D4049" t="s">
        <v>748</v>
      </c>
      <c r="E4049" t="s">
        <v>148</v>
      </c>
      <c r="F4049" t="s">
        <v>33</v>
      </c>
      <c r="G4049" t="s">
        <v>73</v>
      </c>
      <c r="H4049" t="s">
        <v>1871</v>
      </c>
      <c r="I4049">
        <v>449.57</v>
      </c>
      <c r="J4049">
        <v>2</v>
      </c>
      <c r="K4049">
        <v>56.2</v>
      </c>
    </row>
    <row r="4050" spans="1:11" x14ac:dyDescent="0.3">
      <c r="A4050" s="1">
        <v>42363</v>
      </c>
      <c r="B4050" s="3">
        <f t="shared" si="126"/>
        <v>12</v>
      </c>
      <c r="C4050" s="3">
        <f t="shared" si="127"/>
        <v>2015</v>
      </c>
      <c r="D4050" t="s">
        <v>335</v>
      </c>
      <c r="E4050" t="s">
        <v>26</v>
      </c>
      <c r="F4050" t="s">
        <v>10</v>
      </c>
      <c r="G4050" t="s">
        <v>11</v>
      </c>
      <c r="H4050" t="s">
        <v>678</v>
      </c>
      <c r="I4050">
        <v>9.9600000000000009</v>
      </c>
      <c r="J4050">
        <v>2</v>
      </c>
      <c r="K4050">
        <v>4.88</v>
      </c>
    </row>
    <row r="4051" spans="1:11" x14ac:dyDescent="0.3">
      <c r="A4051" s="1">
        <v>42364</v>
      </c>
      <c r="B4051" s="3">
        <f t="shared" si="126"/>
        <v>12</v>
      </c>
      <c r="C4051" s="3">
        <f t="shared" si="127"/>
        <v>2015</v>
      </c>
      <c r="D4051" t="s">
        <v>71</v>
      </c>
      <c r="E4051" t="s">
        <v>433</v>
      </c>
      <c r="F4051" t="s">
        <v>10</v>
      </c>
      <c r="G4051" t="s">
        <v>42</v>
      </c>
      <c r="H4051" t="s">
        <v>159</v>
      </c>
      <c r="I4051">
        <v>22.2</v>
      </c>
      <c r="J4051">
        <v>5</v>
      </c>
      <c r="K4051">
        <v>10.43</v>
      </c>
    </row>
    <row r="4052" spans="1:11" x14ac:dyDescent="0.3">
      <c r="A4052" s="1">
        <v>42364</v>
      </c>
      <c r="B4052" s="3">
        <f t="shared" si="126"/>
        <v>12</v>
      </c>
      <c r="C4052" s="3">
        <f t="shared" si="127"/>
        <v>2015</v>
      </c>
      <c r="D4052" t="s">
        <v>830</v>
      </c>
      <c r="E4052" t="s">
        <v>77</v>
      </c>
      <c r="F4052" t="s">
        <v>33</v>
      </c>
      <c r="G4052" t="s">
        <v>144</v>
      </c>
      <c r="H4052" t="s">
        <v>472</v>
      </c>
      <c r="I4052">
        <v>51.59</v>
      </c>
      <c r="J4052">
        <v>1</v>
      </c>
      <c r="K4052">
        <v>-15.48</v>
      </c>
    </row>
    <row r="4053" spans="1:11" x14ac:dyDescent="0.3">
      <c r="A4053" s="1">
        <v>42364</v>
      </c>
      <c r="B4053" s="3">
        <f t="shared" si="126"/>
        <v>12</v>
      </c>
      <c r="C4053" s="3">
        <f t="shared" si="127"/>
        <v>2015</v>
      </c>
      <c r="D4053" t="s">
        <v>2205</v>
      </c>
      <c r="E4053" t="s">
        <v>9</v>
      </c>
      <c r="F4053" t="s">
        <v>33</v>
      </c>
      <c r="G4053" t="s">
        <v>34</v>
      </c>
      <c r="H4053" t="s">
        <v>2413</v>
      </c>
      <c r="I4053">
        <v>275.06</v>
      </c>
      <c r="J4053">
        <v>3</v>
      </c>
      <c r="K4053">
        <v>-90.38</v>
      </c>
    </row>
    <row r="4054" spans="1:11" x14ac:dyDescent="0.3">
      <c r="A4054" s="1">
        <v>42364</v>
      </c>
      <c r="B4054" s="3">
        <f t="shared" si="126"/>
        <v>12</v>
      </c>
      <c r="C4054" s="3">
        <f t="shared" si="127"/>
        <v>2015</v>
      </c>
      <c r="D4054" t="s">
        <v>1430</v>
      </c>
      <c r="E4054" t="s">
        <v>148</v>
      </c>
      <c r="F4054" t="s">
        <v>10</v>
      </c>
      <c r="G4054" t="s">
        <v>11</v>
      </c>
      <c r="H4054" t="s">
        <v>1854</v>
      </c>
      <c r="I4054">
        <v>212.64</v>
      </c>
      <c r="J4054">
        <v>6</v>
      </c>
      <c r="K4054">
        <v>99.94</v>
      </c>
    </row>
    <row r="4055" spans="1:11" x14ac:dyDescent="0.3">
      <c r="A4055" s="1">
        <v>42365</v>
      </c>
      <c r="B4055" s="3">
        <f t="shared" si="126"/>
        <v>12</v>
      </c>
      <c r="C4055" s="3">
        <f t="shared" si="127"/>
        <v>2015</v>
      </c>
      <c r="D4055" t="s">
        <v>627</v>
      </c>
      <c r="E4055" t="s">
        <v>9</v>
      </c>
      <c r="F4055" t="s">
        <v>10</v>
      </c>
      <c r="G4055" t="s">
        <v>62</v>
      </c>
      <c r="H4055" t="s">
        <v>2414</v>
      </c>
      <c r="I4055">
        <v>113.33</v>
      </c>
      <c r="J4055">
        <v>9</v>
      </c>
      <c r="K4055">
        <v>35.42</v>
      </c>
    </row>
    <row r="4056" spans="1:11" x14ac:dyDescent="0.3">
      <c r="A4056" s="1">
        <v>42365</v>
      </c>
      <c r="B4056" s="3">
        <f t="shared" si="126"/>
        <v>12</v>
      </c>
      <c r="C4056" s="3">
        <f t="shared" si="127"/>
        <v>2015</v>
      </c>
      <c r="D4056" t="s">
        <v>627</v>
      </c>
      <c r="E4056" t="s">
        <v>9</v>
      </c>
      <c r="F4056" t="s">
        <v>33</v>
      </c>
      <c r="G4056" t="s">
        <v>73</v>
      </c>
      <c r="H4056" t="s">
        <v>1603</v>
      </c>
      <c r="I4056">
        <v>532.4</v>
      </c>
      <c r="J4056">
        <v>3</v>
      </c>
      <c r="K4056">
        <v>-46.98</v>
      </c>
    </row>
    <row r="4057" spans="1:11" x14ac:dyDescent="0.3">
      <c r="A4057" s="1">
        <v>42365</v>
      </c>
      <c r="B4057" s="3">
        <f t="shared" si="126"/>
        <v>12</v>
      </c>
      <c r="C4057" s="3">
        <f t="shared" si="127"/>
        <v>2015</v>
      </c>
      <c r="D4057" t="s">
        <v>627</v>
      </c>
      <c r="E4057" t="s">
        <v>9</v>
      </c>
      <c r="F4057" t="s">
        <v>33</v>
      </c>
      <c r="G4057" t="s">
        <v>34</v>
      </c>
      <c r="H4057" t="s">
        <v>1875</v>
      </c>
      <c r="I4057">
        <v>212.06</v>
      </c>
      <c r="J4057">
        <v>3</v>
      </c>
      <c r="K4057">
        <v>-15.15</v>
      </c>
    </row>
    <row r="4058" spans="1:11" x14ac:dyDescent="0.3">
      <c r="A4058" s="1">
        <v>42365</v>
      </c>
      <c r="B4058" s="3">
        <f t="shared" si="126"/>
        <v>12</v>
      </c>
      <c r="C4058" s="3">
        <f t="shared" si="127"/>
        <v>2015</v>
      </c>
      <c r="D4058" t="s">
        <v>627</v>
      </c>
      <c r="E4058" t="s">
        <v>9</v>
      </c>
      <c r="F4058" t="s">
        <v>38</v>
      </c>
      <c r="G4058" t="s">
        <v>39</v>
      </c>
      <c r="H4058" t="s">
        <v>729</v>
      </c>
      <c r="I4058">
        <v>371.17</v>
      </c>
      <c r="J4058">
        <v>4</v>
      </c>
      <c r="K4058">
        <v>41.76</v>
      </c>
    </row>
    <row r="4059" spans="1:11" x14ac:dyDescent="0.3">
      <c r="A4059" s="1">
        <v>42365</v>
      </c>
      <c r="B4059" s="3">
        <f t="shared" si="126"/>
        <v>12</v>
      </c>
      <c r="C4059" s="3">
        <f t="shared" si="127"/>
        <v>2015</v>
      </c>
      <c r="D4059" t="s">
        <v>1570</v>
      </c>
      <c r="E4059" t="s">
        <v>100</v>
      </c>
      <c r="F4059" t="s">
        <v>10</v>
      </c>
      <c r="G4059" t="s">
        <v>62</v>
      </c>
      <c r="H4059" t="s">
        <v>640</v>
      </c>
      <c r="I4059">
        <v>105.42</v>
      </c>
      <c r="J4059">
        <v>2</v>
      </c>
      <c r="K4059">
        <v>51.66</v>
      </c>
    </row>
    <row r="4060" spans="1:11" x14ac:dyDescent="0.3">
      <c r="A4060" s="1">
        <v>42365</v>
      </c>
      <c r="B4060" s="3">
        <f t="shared" si="126"/>
        <v>12</v>
      </c>
      <c r="C4060" s="3">
        <f t="shared" si="127"/>
        <v>2015</v>
      </c>
      <c r="D4060" t="s">
        <v>2415</v>
      </c>
      <c r="E4060" t="s">
        <v>530</v>
      </c>
      <c r="F4060" t="s">
        <v>10</v>
      </c>
      <c r="G4060" t="s">
        <v>11</v>
      </c>
      <c r="H4060" t="s">
        <v>2416</v>
      </c>
      <c r="I4060">
        <v>28.9</v>
      </c>
      <c r="J4060">
        <v>5</v>
      </c>
      <c r="K4060">
        <v>14.16</v>
      </c>
    </row>
    <row r="4061" spans="1:11" x14ac:dyDescent="0.3">
      <c r="A4061" s="1">
        <v>42365</v>
      </c>
      <c r="B4061" s="3">
        <f t="shared" si="126"/>
        <v>12</v>
      </c>
      <c r="C4061" s="3">
        <f t="shared" si="127"/>
        <v>2015</v>
      </c>
      <c r="D4061" t="s">
        <v>2415</v>
      </c>
      <c r="E4061" t="s">
        <v>530</v>
      </c>
      <c r="F4061" t="s">
        <v>10</v>
      </c>
      <c r="G4061" t="s">
        <v>91</v>
      </c>
      <c r="H4061" t="s">
        <v>1237</v>
      </c>
      <c r="I4061">
        <v>355.96</v>
      </c>
      <c r="J4061">
        <v>2</v>
      </c>
      <c r="K4061">
        <v>103.23</v>
      </c>
    </row>
    <row r="4062" spans="1:11" x14ac:dyDescent="0.3">
      <c r="A4062" s="1">
        <v>42365</v>
      </c>
      <c r="B4062" s="3">
        <f t="shared" si="126"/>
        <v>12</v>
      </c>
      <c r="C4062" s="3">
        <f t="shared" si="127"/>
        <v>2015</v>
      </c>
      <c r="D4062" t="s">
        <v>1004</v>
      </c>
      <c r="E4062" t="s">
        <v>26</v>
      </c>
      <c r="F4062" t="s">
        <v>10</v>
      </c>
      <c r="G4062" t="s">
        <v>91</v>
      </c>
      <c r="H4062" t="s">
        <v>533</v>
      </c>
      <c r="I4062">
        <v>106.96</v>
      </c>
      <c r="J4062">
        <v>2</v>
      </c>
      <c r="K4062">
        <v>31.02</v>
      </c>
    </row>
    <row r="4063" spans="1:11" x14ac:dyDescent="0.3">
      <c r="A4063" s="1">
        <v>42365</v>
      </c>
      <c r="B4063" s="3">
        <f t="shared" si="126"/>
        <v>12</v>
      </c>
      <c r="C4063" s="3">
        <f t="shared" si="127"/>
        <v>2015</v>
      </c>
      <c r="D4063" t="s">
        <v>1004</v>
      </c>
      <c r="E4063" t="s">
        <v>26</v>
      </c>
      <c r="F4063" t="s">
        <v>10</v>
      </c>
      <c r="G4063" t="s">
        <v>15</v>
      </c>
      <c r="H4063" t="s">
        <v>2417</v>
      </c>
      <c r="I4063">
        <v>21.56</v>
      </c>
      <c r="J4063">
        <v>7</v>
      </c>
      <c r="K4063">
        <v>10.35</v>
      </c>
    </row>
    <row r="4064" spans="1:11" x14ac:dyDescent="0.3">
      <c r="A4064" s="1">
        <v>42365</v>
      </c>
      <c r="B4064" s="3">
        <f t="shared" si="126"/>
        <v>12</v>
      </c>
      <c r="C4064" s="3">
        <f t="shared" si="127"/>
        <v>2015</v>
      </c>
      <c r="D4064" t="s">
        <v>397</v>
      </c>
      <c r="E4064" t="s">
        <v>14</v>
      </c>
      <c r="F4064" t="s">
        <v>10</v>
      </c>
      <c r="G4064" t="s">
        <v>17</v>
      </c>
      <c r="H4064" t="s">
        <v>407</v>
      </c>
      <c r="I4064">
        <v>12.67</v>
      </c>
      <c r="J4064">
        <v>3</v>
      </c>
      <c r="K4064">
        <v>-3.17</v>
      </c>
    </row>
    <row r="4065" spans="1:11" x14ac:dyDescent="0.3">
      <c r="A4065" s="1">
        <v>42365</v>
      </c>
      <c r="B4065" s="3">
        <f t="shared" si="126"/>
        <v>12</v>
      </c>
      <c r="C4065" s="3">
        <f t="shared" si="127"/>
        <v>2015</v>
      </c>
      <c r="D4065" t="s">
        <v>518</v>
      </c>
      <c r="E4065" t="s">
        <v>26</v>
      </c>
      <c r="F4065" t="s">
        <v>38</v>
      </c>
      <c r="G4065" t="s">
        <v>51</v>
      </c>
      <c r="H4065" t="s">
        <v>960</v>
      </c>
      <c r="I4065">
        <v>7.92</v>
      </c>
      <c r="J4065">
        <v>8</v>
      </c>
      <c r="K4065">
        <v>3.48</v>
      </c>
    </row>
    <row r="4066" spans="1:11" x14ac:dyDescent="0.3">
      <c r="A4066" s="1">
        <v>42365</v>
      </c>
      <c r="B4066" s="3">
        <f t="shared" si="126"/>
        <v>12</v>
      </c>
      <c r="C4066" s="3">
        <f t="shared" si="127"/>
        <v>2015</v>
      </c>
      <c r="D4066" t="s">
        <v>770</v>
      </c>
      <c r="E4066" t="s">
        <v>156</v>
      </c>
      <c r="F4066" t="s">
        <v>10</v>
      </c>
      <c r="G4066" t="s">
        <v>11</v>
      </c>
      <c r="H4066" t="s">
        <v>1491</v>
      </c>
      <c r="I4066">
        <v>195.64</v>
      </c>
      <c r="J4066">
        <v>4</v>
      </c>
      <c r="K4066">
        <v>91.95</v>
      </c>
    </row>
    <row r="4067" spans="1:11" x14ac:dyDescent="0.3">
      <c r="A4067" s="1">
        <v>42365</v>
      </c>
      <c r="B4067" s="3">
        <f t="shared" si="126"/>
        <v>12</v>
      </c>
      <c r="C4067" s="3">
        <f t="shared" si="127"/>
        <v>2015</v>
      </c>
      <c r="D4067" t="s">
        <v>770</v>
      </c>
      <c r="E4067" t="s">
        <v>156</v>
      </c>
      <c r="F4067" t="s">
        <v>38</v>
      </c>
      <c r="G4067" t="s">
        <v>39</v>
      </c>
      <c r="H4067" t="s">
        <v>2418</v>
      </c>
      <c r="I4067">
        <v>239.9</v>
      </c>
      <c r="J4067">
        <v>2</v>
      </c>
      <c r="K4067">
        <v>71.97</v>
      </c>
    </row>
    <row r="4068" spans="1:11" x14ac:dyDescent="0.3">
      <c r="A4068" s="1">
        <v>42365</v>
      </c>
      <c r="B4068" s="3">
        <f t="shared" si="126"/>
        <v>12</v>
      </c>
      <c r="C4068" s="3">
        <f t="shared" si="127"/>
        <v>2015</v>
      </c>
      <c r="D4068" t="s">
        <v>2052</v>
      </c>
      <c r="E4068" t="s">
        <v>77</v>
      </c>
      <c r="F4068" t="s">
        <v>33</v>
      </c>
      <c r="G4068" t="s">
        <v>144</v>
      </c>
      <c r="H4068" t="s">
        <v>1225</v>
      </c>
      <c r="I4068">
        <v>1548.99</v>
      </c>
      <c r="J4068">
        <v>9</v>
      </c>
      <c r="K4068">
        <v>-464.7</v>
      </c>
    </row>
    <row r="4069" spans="1:11" x14ac:dyDescent="0.3">
      <c r="A4069" s="1">
        <v>42365</v>
      </c>
      <c r="B4069" s="3">
        <f t="shared" si="126"/>
        <v>12</v>
      </c>
      <c r="C4069" s="3">
        <f t="shared" si="127"/>
        <v>2015</v>
      </c>
      <c r="D4069" t="s">
        <v>2052</v>
      </c>
      <c r="E4069" t="s">
        <v>77</v>
      </c>
      <c r="F4069" t="s">
        <v>10</v>
      </c>
      <c r="G4069" t="s">
        <v>62</v>
      </c>
      <c r="H4069" t="s">
        <v>63</v>
      </c>
      <c r="I4069">
        <v>19.87</v>
      </c>
      <c r="J4069">
        <v>3</v>
      </c>
      <c r="K4069">
        <v>6.71</v>
      </c>
    </row>
    <row r="4070" spans="1:11" x14ac:dyDescent="0.3">
      <c r="A4070" s="1">
        <v>42365</v>
      </c>
      <c r="B4070" s="3">
        <f t="shared" si="126"/>
        <v>12</v>
      </c>
      <c r="C4070" s="3">
        <f t="shared" si="127"/>
        <v>2015</v>
      </c>
      <c r="D4070" t="s">
        <v>1790</v>
      </c>
      <c r="E4070" t="s">
        <v>119</v>
      </c>
      <c r="F4070" t="s">
        <v>38</v>
      </c>
      <c r="G4070" t="s">
        <v>51</v>
      </c>
      <c r="H4070" t="s">
        <v>1388</v>
      </c>
      <c r="I4070">
        <v>4.7300000000000004</v>
      </c>
      <c r="J4070">
        <v>3</v>
      </c>
      <c r="K4070">
        <v>0.71</v>
      </c>
    </row>
    <row r="4071" spans="1:11" x14ac:dyDescent="0.3">
      <c r="A4071" s="1">
        <v>42365</v>
      </c>
      <c r="B4071" s="3">
        <f t="shared" si="126"/>
        <v>12</v>
      </c>
      <c r="C4071" s="3">
        <f t="shared" si="127"/>
        <v>2015</v>
      </c>
      <c r="D4071" t="s">
        <v>1790</v>
      </c>
      <c r="E4071" t="s">
        <v>119</v>
      </c>
      <c r="F4071" t="s">
        <v>33</v>
      </c>
      <c r="G4071" t="s">
        <v>46</v>
      </c>
      <c r="H4071" t="s">
        <v>2419</v>
      </c>
      <c r="I4071">
        <v>53.35</v>
      </c>
      <c r="J4071">
        <v>3</v>
      </c>
      <c r="K4071">
        <v>16.010000000000002</v>
      </c>
    </row>
    <row r="4072" spans="1:11" x14ac:dyDescent="0.3">
      <c r="A4072" s="1">
        <v>42365</v>
      </c>
      <c r="B4072" s="3">
        <f t="shared" si="126"/>
        <v>12</v>
      </c>
      <c r="C4072" s="3">
        <f t="shared" si="127"/>
        <v>2015</v>
      </c>
      <c r="D4072" t="s">
        <v>1790</v>
      </c>
      <c r="E4072" t="s">
        <v>119</v>
      </c>
      <c r="F4072" t="s">
        <v>33</v>
      </c>
      <c r="G4072" t="s">
        <v>73</v>
      </c>
      <c r="H4072" t="s">
        <v>2420</v>
      </c>
      <c r="I4072">
        <v>131.1</v>
      </c>
      <c r="J4072">
        <v>2</v>
      </c>
      <c r="K4072">
        <v>8.19</v>
      </c>
    </row>
    <row r="4073" spans="1:11" x14ac:dyDescent="0.3">
      <c r="A4073" s="1">
        <v>42365</v>
      </c>
      <c r="B4073" s="3">
        <f t="shared" si="126"/>
        <v>12</v>
      </c>
      <c r="C4073" s="3">
        <f t="shared" si="127"/>
        <v>2015</v>
      </c>
      <c r="D4073" t="s">
        <v>1790</v>
      </c>
      <c r="E4073" t="s">
        <v>119</v>
      </c>
      <c r="F4073" t="s">
        <v>10</v>
      </c>
      <c r="G4073" t="s">
        <v>17</v>
      </c>
      <c r="H4073" t="s">
        <v>298</v>
      </c>
      <c r="I4073">
        <v>22.51</v>
      </c>
      <c r="J4073">
        <v>3</v>
      </c>
      <c r="K4073">
        <v>2.25</v>
      </c>
    </row>
    <row r="4074" spans="1:11" x14ac:dyDescent="0.3">
      <c r="A4074" s="1">
        <v>42365</v>
      </c>
      <c r="B4074" s="3">
        <f t="shared" si="126"/>
        <v>12</v>
      </c>
      <c r="C4074" s="3">
        <f t="shared" si="127"/>
        <v>2015</v>
      </c>
      <c r="D4074" t="s">
        <v>1790</v>
      </c>
      <c r="E4074" t="s">
        <v>119</v>
      </c>
      <c r="F4074" t="s">
        <v>38</v>
      </c>
      <c r="G4074" t="s">
        <v>51</v>
      </c>
      <c r="H4074" t="s">
        <v>690</v>
      </c>
      <c r="I4074">
        <v>72.739999999999995</v>
      </c>
      <c r="J4074">
        <v>7</v>
      </c>
      <c r="K4074">
        <v>-12.73</v>
      </c>
    </row>
    <row r="4075" spans="1:11" x14ac:dyDescent="0.3">
      <c r="A4075" s="1">
        <v>42365</v>
      </c>
      <c r="B4075" s="3">
        <f t="shared" si="126"/>
        <v>12</v>
      </c>
      <c r="C4075" s="3">
        <f t="shared" si="127"/>
        <v>2015</v>
      </c>
      <c r="D4075" t="s">
        <v>557</v>
      </c>
      <c r="E4075" t="s">
        <v>26</v>
      </c>
      <c r="F4075" t="s">
        <v>10</v>
      </c>
      <c r="G4075" t="s">
        <v>17</v>
      </c>
      <c r="H4075" t="s">
        <v>1409</v>
      </c>
      <c r="I4075">
        <v>323.10000000000002</v>
      </c>
      <c r="J4075">
        <v>2</v>
      </c>
      <c r="K4075">
        <v>61.39</v>
      </c>
    </row>
    <row r="4076" spans="1:11" x14ac:dyDescent="0.3">
      <c r="A4076" s="1">
        <v>42365</v>
      </c>
      <c r="B4076" s="3">
        <f t="shared" si="126"/>
        <v>12</v>
      </c>
      <c r="C4076" s="3">
        <f t="shared" si="127"/>
        <v>2015</v>
      </c>
      <c r="D4076" t="s">
        <v>557</v>
      </c>
      <c r="E4076" t="s">
        <v>26</v>
      </c>
      <c r="F4076" t="s">
        <v>38</v>
      </c>
      <c r="G4076" t="s">
        <v>39</v>
      </c>
      <c r="H4076" t="s">
        <v>744</v>
      </c>
      <c r="I4076">
        <v>668.16</v>
      </c>
      <c r="J4076">
        <v>9</v>
      </c>
      <c r="K4076">
        <v>75.17</v>
      </c>
    </row>
    <row r="4077" spans="1:11" x14ac:dyDescent="0.3">
      <c r="A4077" s="1">
        <v>42366</v>
      </c>
      <c r="B4077" s="3">
        <f t="shared" si="126"/>
        <v>12</v>
      </c>
      <c r="C4077" s="3">
        <f t="shared" si="127"/>
        <v>2015</v>
      </c>
      <c r="D4077" t="s">
        <v>2275</v>
      </c>
      <c r="E4077" t="s">
        <v>22</v>
      </c>
      <c r="F4077" t="s">
        <v>38</v>
      </c>
      <c r="G4077" t="s">
        <v>51</v>
      </c>
      <c r="H4077" t="s">
        <v>2112</v>
      </c>
      <c r="I4077">
        <v>54.38</v>
      </c>
      <c r="J4077">
        <v>2</v>
      </c>
      <c r="K4077">
        <v>1.36</v>
      </c>
    </row>
    <row r="4078" spans="1:11" x14ac:dyDescent="0.3">
      <c r="A4078" s="1">
        <v>42366</v>
      </c>
      <c r="B4078" s="3">
        <f t="shared" si="126"/>
        <v>12</v>
      </c>
      <c r="C4078" s="3">
        <f t="shared" si="127"/>
        <v>2015</v>
      </c>
      <c r="D4078" t="s">
        <v>2208</v>
      </c>
      <c r="E4078" t="s">
        <v>14</v>
      </c>
      <c r="F4078" t="s">
        <v>10</v>
      </c>
      <c r="G4078" t="s">
        <v>17</v>
      </c>
      <c r="H4078" t="s">
        <v>2421</v>
      </c>
      <c r="I4078">
        <v>24.82</v>
      </c>
      <c r="J4078">
        <v>2</v>
      </c>
      <c r="K4078">
        <v>1.55</v>
      </c>
    </row>
    <row r="4079" spans="1:11" x14ac:dyDescent="0.3">
      <c r="A4079" s="1">
        <v>42367</v>
      </c>
      <c r="B4079" s="3">
        <f t="shared" si="126"/>
        <v>12</v>
      </c>
      <c r="C4079" s="3">
        <f t="shared" si="127"/>
        <v>2015</v>
      </c>
      <c r="D4079" t="s">
        <v>1609</v>
      </c>
      <c r="E4079" t="s">
        <v>148</v>
      </c>
      <c r="F4079" t="s">
        <v>10</v>
      </c>
      <c r="G4079" t="s">
        <v>199</v>
      </c>
      <c r="H4079" t="s">
        <v>1145</v>
      </c>
      <c r="I4079">
        <v>6.36</v>
      </c>
      <c r="J4079">
        <v>2</v>
      </c>
      <c r="K4079">
        <v>0.06</v>
      </c>
    </row>
    <row r="4080" spans="1:11" x14ac:dyDescent="0.3">
      <c r="A4080" s="1">
        <v>42368</v>
      </c>
      <c r="B4080" s="3">
        <f t="shared" si="126"/>
        <v>12</v>
      </c>
      <c r="C4080" s="3">
        <f t="shared" si="127"/>
        <v>2015</v>
      </c>
      <c r="D4080" t="s">
        <v>255</v>
      </c>
      <c r="E4080" t="s">
        <v>26</v>
      </c>
      <c r="F4080" t="s">
        <v>10</v>
      </c>
      <c r="G4080" t="s">
        <v>11</v>
      </c>
      <c r="H4080" t="s">
        <v>1131</v>
      </c>
      <c r="I4080">
        <v>68.52</v>
      </c>
      <c r="J4080">
        <v>3</v>
      </c>
      <c r="K4080">
        <v>31.52</v>
      </c>
    </row>
    <row r="4081" spans="1:11" x14ac:dyDescent="0.3">
      <c r="A4081" s="1">
        <v>42368</v>
      </c>
      <c r="B4081" s="3">
        <f t="shared" si="126"/>
        <v>12</v>
      </c>
      <c r="C4081" s="3">
        <f t="shared" si="127"/>
        <v>2015</v>
      </c>
      <c r="D4081" t="s">
        <v>255</v>
      </c>
      <c r="E4081" t="s">
        <v>26</v>
      </c>
      <c r="F4081" t="s">
        <v>10</v>
      </c>
      <c r="G4081" t="s">
        <v>17</v>
      </c>
      <c r="H4081" t="s">
        <v>594</v>
      </c>
      <c r="I4081">
        <v>74.94</v>
      </c>
      <c r="J4081">
        <v>3</v>
      </c>
      <c r="K4081">
        <v>14.24</v>
      </c>
    </row>
    <row r="4082" spans="1:11" x14ac:dyDescent="0.3">
      <c r="A4082" s="1">
        <v>42368</v>
      </c>
      <c r="B4082" s="3">
        <f t="shared" si="126"/>
        <v>12</v>
      </c>
      <c r="C4082" s="3">
        <f t="shared" si="127"/>
        <v>2015</v>
      </c>
      <c r="D4082" t="s">
        <v>255</v>
      </c>
      <c r="E4082" t="s">
        <v>26</v>
      </c>
      <c r="F4082" t="s">
        <v>38</v>
      </c>
      <c r="G4082" t="s">
        <v>301</v>
      </c>
      <c r="H4082" t="s">
        <v>2077</v>
      </c>
      <c r="I4082">
        <v>2548.56</v>
      </c>
      <c r="J4082">
        <v>6</v>
      </c>
      <c r="K4082">
        <v>286.70999999999998</v>
      </c>
    </row>
    <row r="4083" spans="1:11" x14ac:dyDescent="0.3">
      <c r="A4083" s="1">
        <v>42368</v>
      </c>
      <c r="B4083" s="3">
        <f t="shared" si="126"/>
        <v>12</v>
      </c>
      <c r="C4083" s="3">
        <f t="shared" si="127"/>
        <v>2015</v>
      </c>
      <c r="D4083" t="s">
        <v>255</v>
      </c>
      <c r="E4083" t="s">
        <v>26</v>
      </c>
      <c r="F4083" t="s">
        <v>10</v>
      </c>
      <c r="G4083" t="s">
        <v>62</v>
      </c>
      <c r="H4083" t="s">
        <v>2037</v>
      </c>
      <c r="I4083">
        <v>271.44</v>
      </c>
      <c r="J4083">
        <v>3</v>
      </c>
      <c r="K4083">
        <v>122.15</v>
      </c>
    </row>
    <row r="4084" spans="1:11" x14ac:dyDescent="0.3">
      <c r="A4084" s="1">
        <v>42368</v>
      </c>
      <c r="B4084" s="3">
        <f t="shared" si="126"/>
        <v>12</v>
      </c>
      <c r="C4084" s="3">
        <f t="shared" si="127"/>
        <v>2015</v>
      </c>
      <c r="D4084" t="s">
        <v>255</v>
      </c>
      <c r="E4084" t="s">
        <v>26</v>
      </c>
      <c r="F4084" t="s">
        <v>38</v>
      </c>
      <c r="G4084" t="s">
        <v>39</v>
      </c>
      <c r="H4084" t="s">
        <v>2418</v>
      </c>
      <c r="I4084">
        <v>287.88</v>
      </c>
      <c r="J4084">
        <v>3</v>
      </c>
      <c r="K4084">
        <v>35.99</v>
      </c>
    </row>
    <row r="4085" spans="1:11" x14ac:dyDescent="0.3">
      <c r="A4085" s="1">
        <v>42369</v>
      </c>
      <c r="B4085" s="3">
        <f t="shared" si="126"/>
        <v>12</v>
      </c>
      <c r="C4085" s="3">
        <f t="shared" si="127"/>
        <v>2015</v>
      </c>
      <c r="D4085" t="s">
        <v>421</v>
      </c>
      <c r="E4085" t="s">
        <v>514</v>
      </c>
      <c r="F4085" t="s">
        <v>10</v>
      </c>
      <c r="G4085" t="s">
        <v>19</v>
      </c>
      <c r="H4085" t="s">
        <v>36</v>
      </c>
      <c r="I4085">
        <v>487.98</v>
      </c>
      <c r="J4085">
        <v>2</v>
      </c>
      <c r="K4085">
        <v>152.5</v>
      </c>
    </row>
    <row r="4086" spans="1:11" x14ac:dyDescent="0.3">
      <c r="A4086" s="1">
        <v>42369</v>
      </c>
      <c r="B4086" s="3">
        <f t="shared" si="126"/>
        <v>12</v>
      </c>
      <c r="C4086" s="3">
        <f t="shared" si="127"/>
        <v>2015</v>
      </c>
      <c r="D4086" t="s">
        <v>1076</v>
      </c>
      <c r="E4086" t="s">
        <v>9</v>
      </c>
      <c r="F4086" t="s">
        <v>33</v>
      </c>
      <c r="G4086" t="s">
        <v>46</v>
      </c>
      <c r="H4086" t="s">
        <v>1531</v>
      </c>
      <c r="I4086">
        <v>14.76</v>
      </c>
      <c r="J4086">
        <v>5</v>
      </c>
      <c r="K4086">
        <v>-11.44</v>
      </c>
    </row>
    <row r="4087" spans="1:11" x14ac:dyDescent="0.3">
      <c r="A4087" s="1">
        <v>42369</v>
      </c>
      <c r="B4087" s="3">
        <f t="shared" si="126"/>
        <v>12</v>
      </c>
      <c r="C4087" s="3">
        <f t="shared" si="127"/>
        <v>2015</v>
      </c>
      <c r="D4087" t="s">
        <v>1076</v>
      </c>
      <c r="E4087" t="s">
        <v>9</v>
      </c>
      <c r="F4087" t="s">
        <v>10</v>
      </c>
      <c r="G4087" t="s">
        <v>19</v>
      </c>
      <c r="H4087" t="s">
        <v>936</v>
      </c>
      <c r="I4087">
        <v>3.66</v>
      </c>
      <c r="J4087">
        <v>4</v>
      </c>
      <c r="K4087">
        <v>-5.85</v>
      </c>
    </row>
    <row r="4088" spans="1:11" x14ac:dyDescent="0.3">
      <c r="A4088" s="1">
        <v>42369</v>
      </c>
      <c r="B4088" s="3">
        <f t="shared" si="126"/>
        <v>12</v>
      </c>
      <c r="C4088" s="3">
        <f t="shared" si="127"/>
        <v>2015</v>
      </c>
      <c r="D4088" t="s">
        <v>1241</v>
      </c>
      <c r="E4088" t="s">
        <v>32</v>
      </c>
      <c r="F4088" t="s">
        <v>10</v>
      </c>
      <c r="G4088" t="s">
        <v>19</v>
      </c>
      <c r="H4088" t="s">
        <v>2154</v>
      </c>
      <c r="I4088">
        <v>94.74</v>
      </c>
      <c r="J4088">
        <v>3</v>
      </c>
      <c r="K4088">
        <v>44.53</v>
      </c>
    </row>
    <row r="4089" spans="1:11" x14ac:dyDescent="0.3">
      <c r="A4089" s="1">
        <v>42369</v>
      </c>
      <c r="B4089" s="3">
        <f t="shared" si="126"/>
        <v>12</v>
      </c>
      <c r="C4089" s="3">
        <f t="shared" si="127"/>
        <v>2015</v>
      </c>
      <c r="D4089" t="s">
        <v>1241</v>
      </c>
      <c r="E4089" t="s">
        <v>32</v>
      </c>
      <c r="F4089" t="s">
        <v>10</v>
      </c>
      <c r="G4089" t="s">
        <v>19</v>
      </c>
      <c r="H4089" t="s">
        <v>757</v>
      </c>
      <c r="I4089">
        <v>60.64</v>
      </c>
      <c r="J4089">
        <v>4</v>
      </c>
      <c r="K4089">
        <v>27.89</v>
      </c>
    </row>
    <row r="4090" spans="1:11" x14ac:dyDescent="0.3">
      <c r="A4090" s="1">
        <v>42369</v>
      </c>
      <c r="B4090" s="3">
        <f t="shared" si="126"/>
        <v>12</v>
      </c>
      <c r="C4090" s="3">
        <f t="shared" si="127"/>
        <v>2015</v>
      </c>
      <c r="D4090" t="s">
        <v>1241</v>
      </c>
      <c r="E4090" t="s">
        <v>32</v>
      </c>
      <c r="F4090" t="s">
        <v>10</v>
      </c>
      <c r="G4090" t="s">
        <v>19</v>
      </c>
      <c r="H4090" t="s">
        <v>1992</v>
      </c>
      <c r="I4090">
        <v>76.3</v>
      </c>
      <c r="J4090">
        <v>5</v>
      </c>
      <c r="K4090">
        <v>38.15</v>
      </c>
    </row>
    <row r="4091" spans="1:11" x14ac:dyDescent="0.3">
      <c r="A4091" s="1">
        <v>42369</v>
      </c>
      <c r="B4091" s="3">
        <f t="shared" si="126"/>
        <v>12</v>
      </c>
      <c r="C4091" s="3">
        <f t="shared" si="127"/>
        <v>2015</v>
      </c>
      <c r="D4091" t="s">
        <v>1241</v>
      </c>
      <c r="E4091" t="s">
        <v>32</v>
      </c>
      <c r="F4091" t="s">
        <v>10</v>
      </c>
      <c r="G4091" t="s">
        <v>19</v>
      </c>
      <c r="H4091" t="s">
        <v>700</v>
      </c>
      <c r="I4091">
        <v>364.8</v>
      </c>
      <c r="J4091">
        <v>12</v>
      </c>
      <c r="K4091">
        <v>167.81</v>
      </c>
    </row>
    <row r="4092" spans="1:11" x14ac:dyDescent="0.3">
      <c r="A4092" s="1">
        <v>42369</v>
      </c>
      <c r="B4092" s="3">
        <f t="shared" si="126"/>
        <v>12</v>
      </c>
      <c r="C4092" s="3">
        <f t="shared" si="127"/>
        <v>2015</v>
      </c>
      <c r="D4092" t="s">
        <v>1573</v>
      </c>
      <c r="E4092" t="s">
        <v>9</v>
      </c>
      <c r="F4092" t="s">
        <v>10</v>
      </c>
      <c r="G4092" t="s">
        <v>17</v>
      </c>
      <c r="H4092" t="s">
        <v>67</v>
      </c>
      <c r="I4092">
        <v>152.69</v>
      </c>
      <c r="J4092">
        <v>2</v>
      </c>
      <c r="K4092">
        <v>-26.72</v>
      </c>
    </row>
    <row r="4093" spans="1:11" x14ac:dyDescent="0.3">
      <c r="A4093" s="1">
        <v>42369</v>
      </c>
      <c r="B4093" s="3">
        <f t="shared" si="126"/>
        <v>12</v>
      </c>
      <c r="C4093" s="3">
        <f t="shared" si="127"/>
        <v>2015</v>
      </c>
      <c r="D4093" t="s">
        <v>1573</v>
      </c>
      <c r="E4093" t="s">
        <v>9</v>
      </c>
      <c r="F4093" t="s">
        <v>10</v>
      </c>
      <c r="G4093" t="s">
        <v>42</v>
      </c>
      <c r="H4093" t="s">
        <v>281</v>
      </c>
      <c r="I4093">
        <v>3.49</v>
      </c>
      <c r="J4093">
        <v>2</v>
      </c>
      <c r="K4093">
        <v>0.56999999999999995</v>
      </c>
    </row>
    <row r="4094" spans="1:11" x14ac:dyDescent="0.3">
      <c r="A4094" s="1">
        <v>42369</v>
      </c>
      <c r="B4094" s="3">
        <f t="shared" si="126"/>
        <v>12</v>
      </c>
      <c r="C4094" s="3">
        <f t="shared" si="127"/>
        <v>2015</v>
      </c>
      <c r="D4094" t="s">
        <v>1573</v>
      </c>
      <c r="E4094" t="s">
        <v>9</v>
      </c>
      <c r="F4094" t="s">
        <v>10</v>
      </c>
      <c r="G4094" t="s">
        <v>199</v>
      </c>
      <c r="H4094" t="s">
        <v>806</v>
      </c>
      <c r="I4094">
        <v>5.89</v>
      </c>
      <c r="J4094">
        <v>2</v>
      </c>
      <c r="K4094">
        <v>-1.32</v>
      </c>
    </row>
    <row r="4095" spans="1:11" x14ac:dyDescent="0.3">
      <c r="A4095" s="1">
        <v>42369</v>
      </c>
      <c r="B4095" s="3">
        <f t="shared" si="126"/>
        <v>12</v>
      </c>
      <c r="C4095" s="3">
        <f t="shared" si="127"/>
        <v>2015</v>
      </c>
      <c r="D4095" t="s">
        <v>442</v>
      </c>
      <c r="E4095" t="s">
        <v>109</v>
      </c>
      <c r="F4095" t="s">
        <v>10</v>
      </c>
      <c r="G4095" t="s">
        <v>19</v>
      </c>
      <c r="H4095" t="s">
        <v>732</v>
      </c>
      <c r="I4095">
        <v>116.4</v>
      </c>
      <c r="J4095">
        <v>8</v>
      </c>
      <c r="K4095">
        <v>52.38</v>
      </c>
    </row>
    <row r="4096" spans="1:11" x14ac:dyDescent="0.3">
      <c r="A4096" s="1">
        <v>42371</v>
      </c>
      <c r="B4096" s="3">
        <f t="shared" si="126"/>
        <v>1</v>
      </c>
      <c r="C4096" s="3">
        <f t="shared" si="127"/>
        <v>2016</v>
      </c>
      <c r="D4096" t="s">
        <v>2243</v>
      </c>
      <c r="E4096" t="s">
        <v>530</v>
      </c>
      <c r="F4096" t="s">
        <v>33</v>
      </c>
      <c r="G4096" t="s">
        <v>73</v>
      </c>
      <c r="H4096" t="s">
        <v>2160</v>
      </c>
      <c r="I4096">
        <v>173.94</v>
      </c>
      <c r="J4096">
        <v>3</v>
      </c>
      <c r="K4096">
        <v>38.270000000000003</v>
      </c>
    </row>
    <row r="4097" spans="1:11" x14ac:dyDescent="0.3">
      <c r="A4097" s="1">
        <v>42371</v>
      </c>
      <c r="B4097" s="3">
        <f t="shared" si="126"/>
        <v>1</v>
      </c>
      <c r="C4097" s="3">
        <f t="shared" si="127"/>
        <v>2016</v>
      </c>
      <c r="D4097" t="s">
        <v>2243</v>
      </c>
      <c r="E4097" t="s">
        <v>530</v>
      </c>
      <c r="F4097" t="s">
        <v>38</v>
      </c>
      <c r="G4097" t="s">
        <v>39</v>
      </c>
      <c r="H4097" t="s">
        <v>1186</v>
      </c>
      <c r="I4097">
        <v>231.98</v>
      </c>
      <c r="J4097">
        <v>2</v>
      </c>
      <c r="K4097">
        <v>67.27</v>
      </c>
    </row>
    <row r="4098" spans="1:11" x14ac:dyDescent="0.3">
      <c r="A4098" s="1">
        <v>42372</v>
      </c>
      <c r="B4098" s="3">
        <f t="shared" ref="B4098:B4161" si="128">MONTH(A:A)</f>
        <v>1</v>
      </c>
      <c r="C4098" s="3">
        <f t="shared" ref="C4098:C4161" si="129">YEAR(A:A)</f>
        <v>2016</v>
      </c>
      <c r="D4098" t="s">
        <v>1078</v>
      </c>
      <c r="E4098" t="s">
        <v>26</v>
      </c>
      <c r="F4098" t="s">
        <v>10</v>
      </c>
      <c r="G4098" t="s">
        <v>17</v>
      </c>
      <c r="H4098" t="s">
        <v>143</v>
      </c>
      <c r="I4098">
        <v>114.46</v>
      </c>
      <c r="J4098">
        <v>2</v>
      </c>
      <c r="K4098">
        <v>28.62</v>
      </c>
    </row>
    <row r="4099" spans="1:11" x14ac:dyDescent="0.3">
      <c r="A4099" s="1">
        <v>42372</v>
      </c>
      <c r="B4099" s="3">
        <f t="shared" si="128"/>
        <v>1</v>
      </c>
      <c r="C4099" s="3">
        <f t="shared" si="129"/>
        <v>2016</v>
      </c>
      <c r="D4099" t="s">
        <v>966</v>
      </c>
      <c r="E4099" t="s">
        <v>9</v>
      </c>
      <c r="F4099" t="s">
        <v>38</v>
      </c>
      <c r="G4099" t="s">
        <v>51</v>
      </c>
      <c r="H4099" t="s">
        <v>672</v>
      </c>
      <c r="I4099">
        <v>30.08</v>
      </c>
      <c r="J4099">
        <v>2</v>
      </c>
      <c r="K4099">
        <v>-5.26</v>
      </c>
    </row>
    <row r="4100" spans="1:11" x14ac:dyDescent="0.3">
      <c r="A4100" s="1">
        <v>42372</v>
      </c>
      <c r="B4100" s="3">
        <f t="shared" si="128"/>
        <v>1</v>
      </c>
      <c r="C4100" s="3">
        <f t="shared" si="129"/>
        <v>2016</v>
      </c>
      <c r="D4100" t="s">
        <v>966</v>
      </c>
      <c r="E4100" t="s">
        <v>9</v>
      </c>
      <c r="F4100" t="s">
        <v>38</v>
      </c>
      <c r="G4100" t="s">
        <v>51</v>
      </c>
      <c r="H4100" t="s">
        <v>1450</v>
      </c>
      <c r="I4100">
        <v>165.6</v>
      </c>
      <c r="J4100">
        <v>3</v>
      </c>
      <c r="K4100">
        <v>-6.21</v>
      </c>
    </row>
    <row r="4101" spans="1:11" x14ac:dyDescent="0.3">
      <c r="A4101" s="1">
        <v>42372</v>
      </c>
      <c r="B4101" s="3">
        <f t="shared" si="128"/>
        <v>1</v>
      </c>
      <c r="C4101" s="3">
        <f t="shared" si="129"/>
        <v>2016</v>
      </c>
      <c r="D4101" t="s">
        <v>966</v>
      </c>
      <c r="E4101" t="s">
        <v>9</v>
      </c>
      <c r="F4101" t="s">
        <v>38</v>
      </c>
      <c r="G4101" t="s">
        <v>39</v>
      </c>
      <c r="H4101" t="s">
        <v>162</v>
      </c>
      <c r="I4101">
        <v>180.96</v>
      </c>
      <c r="J4101">
        <v>5</v>
      </c>
      <c r="K4101">
        <v>13.57</v>
      </c>
    </row>
    <row r="4102" spans="1:11" x14ac:dyDescent="0.3">
      <c r="A4102" s="1">
        <v>42372</v>
      </c>
      <c r="B4102" s="3">
        <f t="shared" si="128"/>
        <v>1</v>
      </c>
      <c r="C4102" s="3">
        <f t="shared" si="129"/>
        <v>2016</v>
      </c>
      <c r="D4102" t="s">
        <v>2422</v>
      </c>
      <c r="E4102" t="s">
        <v>839</v>
      </c>
      <c r="F4102" t="s">
        <v>33</v>
      </c>
      <c r="G4102" t="s">
        <v>144</v>
      </c>
      <c r="H4102" t="s">
        <v>1500</v>
      </c>
      <c r="I4102">
        <v>1592.85</v>
      </c>
      <c r="J4102">
        <v>7</v>
      </c>
      <c r="K4102">
        <v>350.43</v>
      </c>
    </row>
    <row r="4103" spans="1:11" x14ac:dyDescent="0.3">
      <c r="A4103" s="1">
        <v>42372</v>
      </c>
      <c r="B4103" s="3">
        <f t="shared" si="128"/>
        <v>1</v>
      </c>
      <c r="C4103" s="3">
        <f t="shared" si="129"/>
        <v>2016</v>
      </c>
      <c r="D4103" t="s">
        <v>2422</v>
      </c>
      <c r="E4103" t="s">
        <v>839</v>
      </c>
      <c r="F4103" t="s">
        <v>10</v>
      </c>
      <c r="G4103" t="s">
        <v>19</v>
      </c>
      <c r="H4103" t="s">
        <v>117</v>
      </c>
      <c r="I4103">
        <v>11.88</v>
      </c>
      <c r="J4103">
        <v>2</v>
      </c>
      <c r="K4103">
        <v>5.35</v>
      </c>
    </row>
    <row r="4104" spans="1:11" x14ac:dyDescent="0.3">
      <c r="A4104" s="1">
        <v>42373</v>
      </c>
      <c r="B4104" s="3">
        <f t="shared" si="128"/>
        <v>1</v>
      </c>
      <c r="C4104" s="3">
        <f t="shared" si="129"/>
        <v>2016</v>
      </c>
      <c r="D4104" t="s">
        <v>2423</v>
      </c>
      <c r="E4104" t="s">
        <v>244</v>
      </c>
      <c r="F4104" t="s">
        <v>38</v>
      </c>
      <c r="G4104" t="s">
        <v>602</v>
      </c>
      <c r="H4104" t="s">
        <v>2238</v>
      </c>
      <c r="I4104">
        <v>959.97</v>
      </c>
      <c r="J4104">
        <v>4</v>
      </c>
      <c r="K4104">
        <v>120</v>
      </c>
    </row>
    <row r="4105" spans="1:11" x14ac:dyDescent="0.3">
      <c r="A4105" s="1">
        <v>42373</v>
      </c>
      <c r="B4105" s="3">
        <f t="shared" si="128"/>
        <v>1</v>
      </c>
      <c r="C4105" s="3">
        <f t="shared" si="129"/>
        <v>2016</v>
      </c>
      <c r="D4105" t="s">
        <v>1973</v>
      </c>
      <c r="E4105" t="s">
        <v>22</v>
      </c>
      <c r="F4105" t="s">
        <v>10</v>
      </c>
      <c r="G4105" t="s">
        <v>23</v>
      </c>
      <c r="H4105" t="s">
        <v>50</v>
      </c>
      <c r="I4105">
        <v>4.67</v>
      </c>
      <c r="J4105">
        <v>1</v>
      </c>
      <c r="K4105">
        <v>0.57999999999999996</v>
      </c>
    </row>
    <row r="4106" spans="1:11" x14ac:dyDescent="0.3">
      <c r="A4106" s="1">
        <v>42373</v>
      </c>
      <c r="B4106" s="3">
        <f t="shared" si="128"/>
        <v>1</v>
      </c>
      <c r="C4106" s="3">
        <f t="shared" si="129"/>
        <v>2016</v>
      </c>
      <c r="D4106" t="s">
        <v>1973</v>
      </c>
      <c r="E4106" t="s">
        <v>22</v>
      </c>
      <c r="F4106" t="s">
        <v>10</v>
      </c>
      <c r="G4106" t="s">
        <v>19</v>
      </c>
      <c r="H4106" t="s">
        <v>661</v>
      </c>
      <c r="I4106">
        <v>104.58</v>
      </c>
      <c r="J4106">
        <v>6</v>
      </c>
      <c r="K4106">
        <v>-80.180000000000007</v>
      </c>
    </row>
    <row r="4107" spans="1:11" x14ac:dyDescent="0.3">
      <c r="A4107" s="1">
        <v>42374</v>
      </c>
      <c r="B4107" s="3">
        <f t="shared" si="128"/>
        <v>1</v>
      </c>
      <c r="C4107" s="3">
        <f t="shared" si="129"/>
        <v>2016</v>
      </c>
      <c r="D4107" t="s">
        <v>668</v>
      </c>
      <c r="E4107" t="s">
        <v>122</v>
      </c>
      <c r="F4107" t="s">
        <v>38</v>
      </c>
      <c r="G4107" t="s">
        <v>51</v>
      </c>
      <c r="H4107" t="s">
        <v>2424</v>
      </c>
      <c r="I4107">
        <v>191.47</v>
      </c>
      <c r="J4107">
        <v>6</v>
      </c>
      <c r="K4107">
        <v>40.69</v>
      </c>
    </row>
    <row r="4108" spans="1:11" x14ac:dyDescent="0.3">
      <c r="A4108" s="1">
        <v>42374</v>
      </c>
      <c r="B4108" s="3">
        <f t="shared" si="128"/>
        <v>1</v>
      </c>
      <c r="C4108" s="3">
        <f t="shared" si="129"/>
        <v>2016</v>
      </c>
      <c r="D4108" t="s">
        <v>668</v>
      </c>
      <c r="E4108" t="s">
        <v>122</v>
      </c>
      <c r="F4108" t="s">
        <v>10</v>
      </c>
      <c r="G4108" t="s">
        <v>23</v>
      </c>
      <c r="H4108" t="s">
        <v>2425</v>
      </c>
      <c r="I4108">
        <v>5.25</v>
      </c>
      <c r="J4108">
        <v>2</v>
      </c>
      <c r="K4108">
        <v>0.59</v>
      </c>
    </row>
    <row r="4109" spans="1:11" x14ac:dyDescent="0.3">
      <c r="A4109" s="1">
        <v>42374</v>
      </c>
      <c r="B4109" s="3">
        <f t="shared" si="128"/>
        <v>1</v>
      </c>
      <c r="C4109" s="3">
        <f t="shared" si="129"/>
        <v>2016</v>
      </c>
      <c r="D4109" t="s">
        <v>668</v>
      </c>
      <c r="E4109" t="s">
        <v>122</v>
      </c>
      <c r="F4109" t="s">
        <v>38</v>
      </c>
      <c r="G4109" t="s">
        <v>39</v>
      </c>
      <c r="H4109" t="s">
        <v>900</v>
      </c>
      <c r="I4109">
        <v>59.18</v>
      </c>
      <c r="J4109">
        <v>2</v>
      </c>
      <c r="K4109">
        <v>5.18</v>
      </c>
    </row>
    <row r="4110" spans="1:11" x14ac:dyDescent="0.3">
      <c r="A4110" s="1">
        <v>42376</v>
      </c>
      <c r="B4110" s="3">
        <f t="shared" si="128"/>
        <v>1</v>
      </c>
      <c r="C4110" s="3">
        <f t="shared" si="129"/>
        <v>2016</v>
      </c>
      <c r="D4110" t="s">
        <v>751</v>
      </c>
      <c r="E4110" t="s">
        <v>26</v>
      </c>
      <c r="F4110" t="s">
        <v>10</v>
      </c>
      <c r="G4110" t="s">
        <v>23</v>
      </c>
      <c r="H4110" t="s">
        <v>1928</v>
      </c>
      <c r="I4110">
        <v>34.58</v>
      </c>
      <c r="J4110">
        <v>1</v>
      </c>
      <c r="K4110">
        <v>10.029999999999999</v>
      </c>
    </row>
    <row r="4111" spans="1:11" x14ac:dyDescent="0.3">
      <c r="A4111" s="1">
        <v>42376</v>
      </c>
      <c r="B4111" s="3">
        <f t="shared" si="128"/>
        <v>1</v>
      </c>
      <c r="C4111" s="3">
        <f t="shared" si="129"/>
        <v>2016</v>
      </c>
      <c r="D4111" t="s">
        <v>2229</v>
      </c>
      <c r="E4111" t="s">
        <v>9</v>
      </c>
      <c r="F4111" t="s">
        <v>33</v>
      </c>
      <c r="G4111" t="s">
        <v>46</v>
      </c>
      <c r="H4111" t="s">
        <v>338</v>
      </c>
      <c r="I4111">
        <v>23.08</v>
      </c>
      <c r="J4111">
        <v>3</v>
      </c>
      <c r="K4111">
        <v>-10.96</v>
      </c>
    </row>
    <row r="4112" spans="1:11" x14ac:dyDescent="0.3">
      <c r="A4112" s="1">
        <v>42376</v>
      </c>
      <c r="B4112" s="3">
        <f t="shared" si="128"/>
        <v>1</v>
      </c>
      <c r="C4112" s="3">
        <f t="shared" si="129"/>
        <v>2016</v>
      </c>
      <c r="D4112" t="s">
        <v>2229</v>
      </c>
      <c r="E4112" t="s">
        <v>9</v>
      </c>
      <c r="F4112" t="s">
        <v>10</v>
      </c>
      <c r="G4112" t="s">
        <v>11</v>
      </c>
      <c r="H4112" t="s">
        <v>2171</v>
      </c>
      <c r="I4112">
        <v>25.92</v>
      </c>
      <c r="J4112">
        <v>5</v>
      </c>
      <c r="K4112">
        <v>9.07</v>
      </c>
    </row>
    <row r="4113" spans="1:11" x14ac:dyDescent="0.3">
      <c r="A4113" s="1">
        <v>42377</v>
      </c>
      <c r="B4113" s="3">
        <f t="shared" si="128"/>
        <v>1</v>
      </c>
      <c r="C4113" s="3">
        <f t="shared" si="129"/>
        <v>2016</v>
      </c>
      <c r="D4113" t="s">
        <v>28</v>
      </c>
      <c r="E4113" t="s">
        <v>156</v>
      </c>
      <c r="F4113" t="s">
        <v>33</v>
      </c>
      <c r="G4113" t="s">
        <v>73</v>
      </c>
      <c r="H4113" t="s">
        <v>1603</v>
      </c>
      <c r="I4113">
        <v>1565.88</v>
      </c>
      <c r="J4113">
        <v>6</v>
      </c>
      <c r="K4113">
        <v>407.13</v>
      </c>
    </row>
    <row r="4114" spans="1:11" x14ac:dyDescent="0.3">
      <c r="A4114" s="1">
        <v>42377</v>
      </c>
      <c r="B4114" s="3">
        <f t="shared" si="128"/>
        <v>1</v>
      </c>
      <c r="C4114" s="3">
        <f t="shared" si="129"/>
        <v>2016</v>
      </c>
      <c r="D4114" t="s">
        <v>28</v>
      </c>
      <c r="E4114" t="s">
        <v>156</v>
      </c>
      <c r="F4114" t="s">
        <v>10</v>
      </c>
      <c r="G4114" t="s">
        <v>19</v>
      </c>
      <c r="H4114" t="s">
        <v>1502</v>
      </c>
      <c r="I4114">
        <v>106.05</v>
      </c>
      <c r="J4114">
        <v>7</v>
      </c>
      <c r="K4114">
        <v>49.84</v>
      </c>
    </row>
    <row r="4115" spans="1:11" x14ac:dyDescent="0.3">
      <c r="A4115" s="1">
        <v>42377</v>
      </c>
      <c r="B4115" s="3">
        <f t="shared" si="128"/>
        <v>1</v>
      </c>
      <c r="C4115" s="3">
        <f t="shared" si="129"/>
        <v>2016</v>
      </c>
      <c r="D4115" t="s">
        <v>45</v>
      </c>
      <c r="E4115" t="s">
        <v>244</v>
      </c>
      <c r="F4115" t="s">
        <v>10</v>
      </c>
      <c r="G4115" t="s">
        <v>19</v>
      </c>
      <c r="H4115" t="s">
        <v>1926</v>
      </c>
      <c r="I4115">
        <v>30.83</v>
      </c>
      <c r="J4115">
        <v>7</v>
      </c>
      <c r="K4115">
        <v>-24.66</v>
      </c>
    </row>
    <row r="4116" spans="1:11" x14ac:dyDescent="0.3">
      <c r="A4116" s="1">
        <v>42377</v>
      </c>
      <c r="B4116" s="3">
        <f t="shared" si="128"/>
        <v>1</v>
      </c>
      <c r="C4116" s="3">
        <f t="shared" si="129"/>
        <v>2016</v>
      </c>
      <c r="D4116" t="s">
        <v>45</v>
      </c>
      <c r="E4116" t="s">
        <v>244</v>
      </c>
      <c r="F4116" t="s">
        <v>10</v>
      </c>
      <c r="G4116" t="s">
        <v>23</v>
      </c>
      <c r="H4116" t="s">
        <v>448</v>
      </c>
      <c r="I4116">
        <v>47.62</v>
      </c>
      <c r="J4116">
        <v>3</v>
      </c>
      <c r="K4116">
        <v>5.95</v>
      </c>
    </row>
    <row r="4117" spans="1:11" x14ac:dyDescent="0.3">
      <c r="A4117" s="1">
        <v>42377</v>
      </c>
      <c r="B4117" s="3">
        <f t="shared" si="128"/>
        <v>1</v>
      </c>
      <c r="C4117" s="3">
        <f t="shared" si="129"/>
        <v>2016</v>
      </c>
      <c r="D4117" t="s">
        <v>45</v>
      </c>
      <c r="E4117" t="s">
        <v>244</v>
      </c>
      <c r="F4117" t="s">
        <v>38</v>
      </c>
      <c r="G4117" t="s">
        <v>39</v>
      </c>
      <c r="H4117" t="s">
        <v>2426</v>
      </c>
      <c r="I4117">
        <v>108.78</v>
      </c>
      <c r="J4117">
        <v>2</v>
      </c>
      <c r="K4117">
        <v>10.88</v>
      </c>
    </row>
    <row r="4118" spans="1:11" x14ac:dyDescent="0.3">
      <c r="A4118" s="1">
        <v>42378</v>
      </c>
      <c r="B4118" s="3">
        <f t="shared" si="128"/>
        <v>1</v>
      </c>
      <c r="C4118" s="3">
        <f t="shared" si="129"/>
        <v>2016</v>
      </c>
      <c r="D4118" t="s">
        <v>592</v>
      </c>
      <c r="E4118" t="s">
        <v>26</v>
      </c>
      <c r="F4118" t="s">
        <v>38</v>
      </c>
      <c r="G4118" t="s">
        <v>51</v>
      </c>
      <c r="H4118" t="s">
        <v>2427</v>
      </c>
      <c r="I4118">
        <v>349.95</v>
      </c>
      <c r="J4118">
        <v>5</v>
      </c>
      <c r="K4118">
        <v>118.98</v>
      </c>
    </row>
    <row r="4119" spans="1:11" x14ac:dyDescent="0.3">
      <c r="A4119" s="1">
        <v>42378</v>
      </c>
      <c r="B4119" s="3">
        <f t="shared" si="128"/>
        <v>1</v>
      </c>
      <c r="C4119" s="3">
        <f t="shared" si="129"/>
        <v>2016</v>
      </c>
      <c r="D4119" t="s">
        <v>592</v>
      </c>
      <c r="E4119" t="s">
        <v>26</v>
      </c>
      <c r="F4119" t="s">
        <v>38</v>
      </c>
      <c r="G4119" t="s">
        <v>39</v>
      </c>
      <c r="H4119" t="s">
        <v>720</v>
      </c>
      <c r="I4119">
        <v>377.93</v>
      </c>
      <c r="J4119">
        <v>9</v>
      </c>
      <c r="K4119">
        <v>141.72</v>
      </c>
    </row>
    <row r="4120" spans="1:11" x14ac:dyDescent="0.3">
      <c r="A4120" s="1">
        <v>42378</v>
      </c>
      <c r="B4120" s="3">
        <f t="shared" si="128"/>
        <v>1</v>
      </c>
      <c r="C4120" s="3">
        <f t="shared" si="129"/>
        <v>2016</v>
      </c>
      <c r="D4120" t="s">
        <v>1866</v>
      </c>
      <c r="E4120" t="s">
        <v>77</v>
      </c>
      <c r="F4120" t="s">
        <v>33</v>
      </c>
      <c r="G4120" t="s">
        <v>46</v>
      </c>
      <c r="H4120" t="s">
        <v>2048</v>
      </c>
      <c r="I4120">
        <v>15.17</v>
      </c>
      <c r="J4120">
        <v>2</v>
      </c>
      <c r="K4120">
        <v>3.79</v>
      </c>
    </row>
    <row r="4121" spans="1:11" x14ac:dyDescent="0.3">
      <c r="A4121" s="1">
        <v>42379</v>
      </c>
      <c r="B4121" s="3">
        <f t="shared" si="128"/>
        <v>1</v>
      </c>
      <c r="C4121" s="3">
        <f t="shared" si="129"/>
        <v>2016</v>
      </c>
      <c r="D4121" t="s">
        <v>451</v>
      </c>
      <c r="E4121" t="s">
        <v>163</v>
      </c>
      <c r="F4121" t="s">
        <v>33</v>
      </c>
      <c r="G4121" t="s">
        <v>46</v>
      </c>
      <c r="H4121" t="s">
        <v>687</v>
      </c>
      <c r="I4121">
        <v>79.92</v>
      </c>
      <c r="J4121">
        <v>4</v>
      </c>
      <c r="K4121">
        <v>34.369999999999997</v>
      </c>
    </row>
    <row r="4122" spans="1:11" x14ac:dyDescent="0.3">
      <c r="A4122" s="1">
        <v>42379</v>
      </c>
      <c r="B4122" s="3">
        <f t="shared" si="128"/>
        <v>1</v>
      </c>
      <c r="C4122" s="3">
        <f t="shared" si="129"/>
        <v>2016</v>
      </c>
      <c r="D4122" t="s">
        <v>451</v>
      </c>
      <c r="E4122" t="s">
        <v>163</v>
      </c>
      <c r="F4122" t="s">
        <v>38</v>
      </c>
      <c r="G4122" t="s">
        <v>51</v>
      </c>
      <c r="H4122" t="s">
        <v>2360</v>
      </c>
      <c r="I4122">
        <v>69.98</v>
      </c>
      <c r="J4122">
        <v>2</v>
      </c>
      <c r="K4122">
        <v>13.3</v>
      </c>
    </row>
    <row r="4123" spans="1:11" x14ac:dyDescent="0.3">
      <c r="A4123" s="1">
        <v>42379</v>
      </c>
      <c r="B4123" s="3">
        <f t="shared" si="128"/>
        <v>1</v>
      </c>
      <c r="C4123" s="3">
        <f t="shared" si="129"/>
        <v>2016</v>
      </c>
      <c r="D4123" t="s">
        <v>2428</v>
      </c>
      <c r="E4123" t="s">
        <v>163</v>
      </c>
      <c r="F4123" t="s">
        <v>33</v>
      </c>
      <c r="G4123" t="s">
        <v>46</v>
      </c>
      <c r="H4123" t="s">
        <v>59</v>
      </c>
      <c r="I4123">
        <v>24.85</v>
      </c>
      <c r="J4123">
        <v>5</v>
      </c>
      <c r="K4123">
        <v>7.7</v>
      </c>
    </row>
    <row r="4124" spans="1:11" x14ac:dyDescent="0.3">
      <c r="A4124" s="1">
        <v>42380</v>
      </c>
      <c r="B4124" s="3">
        <f t="shared" si="128"/>
        <v>1</v>
      </c>
      <c r="C4124" s="3">
        <f t="shared" si="129"/>
        <v>2016</v>
      </c>
      <c r="D4124" t="s">
        <v>1142</v>
      </c>
      <c r="E4124" t="s">
        <v>77</v>
      </c>
      <c r="F4124" t="s">
        <v>10</v>
      </c>
      <c r="G4124" t="s">
        <v>11</v>
      </c>
      <c r="H4124" t="s">
        <v>835</v>
      </c>
      <c r="I4124">
        <v>15.55</v>
      </c>
      <c r="J4124">
        <v>3</v>
      </c>
      <c r="K4124">
        <v>5.44</v>
      </c>
    </row>
    <row r="4125" spans="1:11" x14ac:dyDescent="0.3">
      <c r="A4125" s="1">
        <v>42380</v>
      </c>
      <c r="B4125" s="3">
        <f t="shared" si="128"/>
        <v>1</v>
      </c>
      <c r="C4125" s="3">
        <f t="shared" si="129"/>
        <v>2016</v>
      </c>
      <c r="D4125" t="s">
        <v>1142</v>
      </c>
      <c r="E4125" t="s">
        <v>77</v>
      </c>
      <c r="F4125" t="s">
        <v>10</v>
      </c>
      <c r="G4125" t="s">
        <v>11</v>
      </c>
      <c r="H4125" t="s">
        <v>2376</v>
      </c>
      <c r="I4125">
        <v>63.31</v>
      </c>
      <c r="J4125">
        <v>3</v>
      </c>
      <c r="K4125">
        <v>20.58</v>
      </c>
    </row>
    <row r="4126" spans="1:11" x14ac:dyDescent="0.3">
      <c r="A4126" s="1">
        <v>42380</v>
      </c>
      <c r="B4126" s="3">
        <f t="shared" si="128"/>
        <v>1</v>
      </c>
      <c r="C4126" s="3">
        <f t="shared" si="129"/>
        <v>2016</v>
      </c>
      <c r="D4126" t="s">
        <v>1142</v>
      </c>
      <c r="E4126" t="s">
        <v>77</v>
      </c>
      <c r="F4126" t="s">
        <v>38</v>
      </c>
      <c r="G4126" t="s">
        <v>39</v>
      </c>
      <c r="H4126" t="s">
        <v>2429</v>
      </c>
      <c r="I4126">
        <v>15.59</v>
      </c>
      <c r="J4126">
        <v>2</v>
      </c>
      <c r="K4126">
        <v>-9.8699999999999992</v>
      </c>
    </row>
    <row r="4127" spans="1:11" x14ac:dyDescent="0.3">
      <c r="A4127" s="1">
        <v>42380</v>
      </c>
      <c r="B4127" s="3">
        <f t="shared" si="128"/>
        <v>1</v>
      </c>
      <c r="C4127" s="3">
        <f t="shared" si="129"/>
        <v>2016</v>
      </c>
      <c r="D4127" t="s">
        <v>412</v>
      </c>
      <c r="E4127" t="s">
        <v>77</v>
      </c>
      <c r="F4127" t="s">
        <v>33</v>
      </c>
      <c r="G4127" t="s">
        <v>46</v>
      </c>
      <c r="H4127" t="s">
        <v>116</v>
      </c>
      <c r="I4127">
        <v>54.99</v>
      </c>
      <c r="J4127">
        <v>14</v>
      </c>
      <c r="K4127">
        <v>8.94</v>
      </c>
    </row>
    <row r="4128" spans="1:11" x14ac:dyDescent="0.3">
      <c r="A4128" s="1">
        <v>42383</v>
      </c>
      <c r="B4128" s="3">
        <f t="shared" si="128"/>
        <v>1</v>
      </c>
      <c r="C4128" s="3">
        <f t="shared" si="129"/>
        <v>2016</v>
      </c>
      <c r="D4128" t="s">
        <v>2064</v>
      </c>
      <c r="E4128" t="s">
        <v>244</v>
      </c>
      <c r="F4128" t="s">
        <v>10</v>
      </c>
      <c r="G4128" t="s">
        <v>11</v>
      </c>
      <c r="H4128" t="s">
        <v>1608</v>
      </c>
      <c r="I4128">
        <v>89.57</v>
      </c>
      <c r="J4128">
        <v>2</v>
      </c>
      <c r="K4128">
        <v>32.47</v>
      </c>
    </row>
    <row r="4129" spans="1:11" x14ac:dyDescent="0.3">
      <c r="A4129" s="1">
        <v>42383</v>
      </c>
      <c r="B4129" s="3">
        <f t="shared" si="128"/>
        <v>1</v>
      </c>
      <c r="C4129" s="3">
        <f t="shared" si="129"/>
        <v>2016</v>
      </c>
      <c r="D4129" t="s">
        <v>2064</v>
      </c>
      <c r="E4129" t="s">
        <v>244</v>
      </c>
      <c r="F4129" t="s">
        <v>33</v>
      </c>
      <c r="G4129" t="s">
        <v>46</v>
      </c>
      <c r="H4129" t="s">
        <v>2430</v>
      </c>
      <c r="I4129">
        <v>315.77999999999997</v>
      </c>
      <c r="J4129">
        <v>8</v>
      </c>
      <c r="K4129">
        <v>31.58</v>
      </c>
    </row>
    <row r="4130" spans="1:11" x14ac:dyDescent="0.3">
      <c r="A4130" s="1">
        <v>42384</v>
      </c>
      <c r="B4130" s="3">
        <f t="shared" si="128"/>
        <v>1</v>
      </c>
      <c r="C4130" s="3">
        <f t="shared" si="129"/>
        <v>2016</v>
      </c>
      <c r="D4130" t="s">
        <v>723</v>
      </c>
      <c r="E4130" t="s">
        <v>176</v>
      </c>
      <c r="F4130" t="s">
        <v>10</v>
      </c>
      <c r="G4130" t="s">
        <v>62</v>
      </c>
      <c r="H4130" t="s">
        <v>1682</v>
      </c>
      <c r="I4130">
        <v>52.34</v>
      </c>
      <c r="J4130">
        <v>2</v>
      </c>
      <c r="K4130">
        <v>24.6</v>
      </c>
    </row>
    <row r="4131" spans="1:11" x14ac:dyDescent="0.3">
      <c r="A4131" s="1">
        <v>42384</v>
      </c>
      <c r="B4131" s="3">
        <f t="shared" si="128"/>
        <v>1</v>
      </c>
      <c r="C4131" s="3">
        <f t="shared" si="129"/>
        <v>2016</v>
      </c>
      <c r="D4131" t="s">
        <v>723</v>
      </c>
      <c r="E4131" t="s">
        <v>176</v>
      </c>
      <c r="F4131" t="s">
        <v>10</v>
      </c>
      <c r="G4131" t="s">
        <v>23</v>
      </c>
      <c r="H4131" t="s">
        <v>360</v>
      </c>
      <c r="I4131">
        <v>4.66</v>
      </c>
      <c r="J4131">
        <v>2</v>
      </c>
      <c r="K4131">
        <v>1.35</v>
      </c>
    </row>
    <row r="4132" spans="1:11" x14ac:dyDescent="0.3">
      <c r="A4132" s="1">
        <v>42384</v>
      </c>
      <c r="B4132" s="3">
        <f t="shared" si="128"/>
        <v>1</v>
      </c>
      <c r="C4132" s="3">
        <f t="shared" si="129"/>
        <v>2016</v>
      </c>
      <c r="D4132" t="s">
        <v>723</v>
      </c>
      <c r="E4132" t="s">
        <v>176</v>
      </c>
      <c r="F4132" t="s">
        <v>38</v>
      </c>
      <c r="G4132" t="s">
        <v>51</v>
      </c>
      <c r="H4132" t="s">
        <v>1133</v>
      </c>
      <c r="I4132">
        <v>254.97</v>
      </c>
      <c r="J4132">
        <v>3</v>
      </c>
      <c r="K4132">
        <v>91.79</v>
      </c>
    </row>
    <row r="4133" spans="1:11" x14ac:dyDescent="0.3">
      <c r="A4133" s="1">
        <v>42384</v>
      </c>
      <c r="B4133" s="3">
        <f t="shared" si="128"/>
        <v>1</v>
      </c>
      <c r="C4133" s="3">
        <f t="shared" si="129"/>
        <v>2016</v>
      </c>
      <c r="D4133" t="s">
        <v>1746</v>
      </c>
      <c r="E4133" t="s">
        <v>612</v>
      </c>
      <c r="F4133" t="s">
        <v>33</v>
      </c>
      <c r="G4133" t="s">
        <v>144</v>
      </c>
      <c r="H4133" t="s">
        <v>1459</v>
      </c>
      <c r="I4133">
        <v>181.8</v>
      </c>
      <c r="J4133">
        <v>1</v>
      </c>
      <c r="K4133">
        <v>-15.58</v>
      </c>
    </row>
    <row r="4134" spans="1:11" x14ac:dyDescent="0.3">
      <c r="A4134" s="1">
        <v>42384</v>
      </c>
      <c r="B4134" s="3">
        <f t="shared" si="128"/>
        <v>1</v>
      </c>
      <c r="C4134" s="3">
        <f t="shared" si="129"/>
        <v>2016</v>
      </c>
      <c r="D4134" t="s">
        <v>1562</v>
      </c>
      <c r="E4134" t="s">
        <v>148</v>
      </c>
      <c r="F4134" t="s">
        <v>10</v>
      </c>
      <c r="G4134" t="s">
        <v>62</v>
      </c>
      <c r="H4134" t="s">
        <v>2314</v>
      </c>
      <c r="I4134">
        <v>16.52</v>
      </c>
      <c r="J4134">
        <v>4</v>
      </c>
      <c r="K4134">
        <v>7.6</v>
      </c>
    </row>
    <row r="4135" spans="1:11" x14ac:dyDescent="0.3">
      <c r="A4135" s="1">
        <v>42384</v>
      </c>
      <c r="B4135" s="3">
        <f t="shared" si="128"/>
        <v>1</v>
      </c>
      <c r="C4135" s="3">
        <f t="shared" si="129"/>
        <v>2016</v>
      </c>
      <c r="D4135" t="s">
        <v>1562</v>
      </c>
      <c r="E4135" t="s">
        <v>148</v>
      </c>
      <c r="F4135" t="s">
        <v>10</v>
      </c>
      <c r="G4135" t="s">
        <v>11</v>
      </c>
      <c r="H4135" t="s">
        <v>1883</v>
      </c>
      <c r="I4135">
        <v>60.12</v>
      </c>
      <c r="J4135">
        <v>9</v>
      </c>
      <c r="K4135">
        <v>28.86</v>
      </c>
    </row>
    <row r="4136" spans="1:11" x14ac:dyDescent="0.3">
      <c r="A4136" s="1">
        <v>42384</v>
      </c>
      <c r="B4136" s="3">
        <f t="shared" si="128"/>
        <v>1</v>
      </c>
      <c r="C4136" s="3">
        <f t="shared" si="129"/>
        <v>2016</v>
      </c>
      <c r="D4136" t="s">
        <v>1562</v>
      </c>
      <c r="E4136" t="s">
        <v>148</v>
      </c>
      <c r="F4136" t="s">
        <v>10</v>
      </c>
      <c r="G4136" t="s">
        <v>19</v>
      </c>
      <c r="H4136" t="s">
        <v>1174</v>
      </c>
      <c r="I4136">
        <v>49.54</v>
      </c>
      <c r="J4136">
        <v>3</v>
      </c>
      <c r="K4136">
        <v>17.34</v>
      </c>
    </row>
    <row r="4137" spans="1:11" x14ac:dyDescent="0.3">
      <c r="A4137" s="1">
        <v>42384</v>
      </c>
      <c r="B4137" s="3">
        <f t="shared" si="128"/>
        <v>1</v>
      </c>
      <c r="C4137" s="3">
        <f t="shared" si="129"/>
        <v>2016</v>
      </c>
      <c r="D4137" t="s">
        <v>2431</v>
      </c>
      <c r="E4137" t="s">
        <v>148</v>
      </c>
      <c r="F4137" t="s">
        <v>10</v>
      </c>
      <c r="G4137" t="s">
        <v>11</v>
      </c>
      <c r="H4137" t="s">
        <v>1600</v>
      </c>
      <c r="I4137">
        <v>81.98</v>
      </c>
      <c r="J4137">
        <v>2</v>
      </c>
      <c r="K4137">
        <v>40.17</v>
      </c>
    </row>
    <row r="4138" spans="1:11" x14ac:dyDescent="0.3">
      <c r="A4138" s="1">
        <v>42385</v>
      </c>
      <c r="B4138" s="3">
        <f t="shared" si="128"/>
        <v>1</v>
      </c>
      <c r="C4138" s="3">
        <f t="shared" si="129"/>
        <v>2016</v>
      </c>
      <c r="D4138" t="s">
        <v>899</v>
      </c>
      <c r="E4138" t="s">
        <v>26</v>
      </c>
      <c r="F4138" t="s">
        <v>10</v>
      </c>
      <c r="G4138" t="s">
        <v>19</v>
      </c>
      <c r="H4138" t="s">
        <v>1629</v>
      </c>
      <c r="I4138">
        <v>11.65</v>
      </c>
      <c r="J4138">
        <v>2</v>
      </c>
      <c r="K4138">
        <v>4.22</v>
      </c>
    </row>
    <row r="4139" spans="1:11" x14ac:dyDescent="0.3">
      <c r="A4139" s="1">
        <v>42385</v>
      </c>
      <c r="B4139" s="3">
        <f t="shared" si="128"/>
        <v>1</v>
      </c>
      <c r="C4139" s="3">
        <f t="shared" si="129"/>
        <v>2016</v>
      </c>
      <c r="D4139" t="s">
        <v>899</v>
      </c>
      <c r="E4139" t="s">
        <v>26</v>
      </c>
      <c r="F4139" t="s">
        <v>38</v>
      </c>
      <c r="G4139" t="s">
        <v>51</v>
      </c>
      <c r="H4139" t="s">
        <v>2432</v>
      </c>
      <c r="I4139">
        <v>90.57</v>
      </c>
      <c r="J4139">
        <v>3</v>
      </c>
      <c r="K4139">
        <v>11.77</v>
      </c>
    </row>
    <row r="4140" spans="1:11" x14ac:dyDescent="0.3">
      <c r="A4140" s="1">
        <v>42386</v>
      </c>
      <c r="B4140" s="3">
        <f t="shared" si="128"/>
        <v>1</v>
      </c>
      <c r="C4140" s="3">
        <f t="shared" si="129"/>
        <v>2016</v>
      </c>
      <c r="D4140" t="s">
        <v>2224</v>
      </c>
      <c r="E4140" t="s">
        <v>684</v>
      </c>
      <c r="F4140" t="s">
        <v>33</v>
      </c>
      <c r="G4140" t="s">
        <v>46</v>
      </c>
      <c r="H4140" t="s">
        <v>2365</v>
      </c>
      <c r="I4140">
        <v>322.58999999999997</v>
      </c>
      <c r="J4140">
        <v>3</v>
      </c>
      <c r="K4140">
        <v>64.52</v>
      </c>
    </row>
    <row r="4141" spans="1:11" x14ac:dyDescent="0.3">
      <c r="A4141" s="1">
        <v>42386</v>
      </c>
      <c r="B4141" s="3">
        <f t="shared" si="128"/>
        <v>1</v>
      </c>
      <c r="C4141" s="3">
        <f t="shared" si="129"/>
        <v>2016</v>
      </c>
      <c r="D4141" t="s">
        <v>2224</v>
      </c>
      <c r="E4141" t="s">
        <v>684</v>
      </c>
      <c r="F4141" t="s">
        <v>38</v>
      </c>
      <c r="G4141" t="s">
        <v>51</v>
      </c>
      <c r="H4141" t="s">
        <v>83</v>
      </c>
      <c r="I4141">
        <v>29.99</v>
      </c>
      <c r="J4141">
        <v>1</v>
      </c>
      <c r="K4141">
        <v>13.2</v>
      </c>
    </row>
    <row r="4142" spans="1:11" x14ac:dyDescent="0.3">
      <c r="A4142" s="1">
        <v>42386</v>
      </c>
      <c r="B4142" s="3">
        <f t="shared" si="128"/>
        <v>1</v>
      </c>
      <c r="C4142" s="3">
        <f t="shared" si="129"/>
        <v>2016</v>
      </c>
      <c r="D4142" t="s">
        <v>2224</v>
      </c>
      <c r="E4142" t="s">
        <v>684</v>
      </c>
      <c r="F4142" t="s">
        <v>38</v>
      </c>
      <c r="G4142" t="s">
        <v>51</v>
      </c>
      <c r="H4142" t="s">
        <v>2220</v>
      </c>
      <c r="I4142">
        <v>371.97</v>
      </c>
      <c r="J4142">
        <v>3</v>
      </c>
      <c r="K4142">
        <v>66.95</v>
      </c>
    </row>
    <row r="4143" spans="1:11" x14ac:dyDescent="0.3">
      <c r="A4143" s="1">
        <v>42386</v>
      </c>
      <c r="B4143" s="3">
        <f t="shared" si="128"/>
        <v>1</v>
      </c>
      <c r="C4143" s="3">
        <f t="shared" si="129"/>
        <v>2016</v>
      </c>
      <c r="D4143" t="s">
        <v>2411</v>
      </c>
      <c r="E4143" t="s">
        <v>29</v>
      </c>
      <c r="F4143" t="s">
        <v>38</v>
      </c>
      <c r="G4143" t="s">
        <v>51</v>
      </c>
      <c r="H4143" t="s">
        <v>1794</v>
      </c>
      <c r="I4143">
        <v>316</v>
      </c>
      <c r="J4143">
        <v>4</v>
      </c>
      <c r="K4143">
        <v>31.6</v>
      </c>
    </row>
    <row r="4144" spans="1:11" x14ac:dyDescent="0.3">
      <c r="A4144" s="1">
        <v>42390</v>
      </c>
      <c r="B4144" s="3">
        <f t="shared" si="128"/>
        <v>1</v>
      </c>
      <c r="C4144" s="3">
        <f t="shared" si="129"/>
        <v>2016</v>
      </c>
      <c r="D4144" t="s">
        <v>682</v>
      </c>
      <c r="E4144" t="s">
        <v>26</v>
      </c>
      <c r="F4144" t="s">
        <v>33</v>
      </c>
      <c r="G4144" t="s">
        <v>34</v>
      </c>
      <c r="H4144" t="s">
        <v>1255</v>
      </c>
      <c r="I4144">
        <v>153.57</v>
      </c>
      <c r="J4144">
        <v>2</v>
      </c>
      <c r="K4144">
        <v>-5.76</v>
      </c>
    </row>
    <row r="4145" spans="1:11" x14ac:dyDescent="0.3">
      <c r="A4145" s="1">
        <v>42390</v>
      </c>
      <c r="B4145" s="3">
        <f t="shared" si="128"/>
        <v>1</v>
      </c>
      <c r="C4145" s="3">
        <f t="shared" si="129"/>
        <v>2016</v>
      </c>
      <c r="D4145" t="s">
        <v>682</v>
      </c>
      <c r="E4145" t="s">
        <v>26</v>
      </c>
      <c r="F4145" t="s">
        <v>33</v>
      </c>
      <c r="G4145" t="s">
        <v>34</v>
      </c>
      <c r="H4145" t="s">
        <v>2181</v>
      </c>
      <c r="I4145">
        <v>1013.49</v>
      </c>
      <c r="J4145">
        <v>7</v>
      </c>
      <c r="K4145">
        <v>76.010000000000005</v>
      </c>
    </row>
    <row r="4146" spans="1:11" x14ac:dyDescent="0.3">
      <c r="A4146" s="1">
        <v>42391</v>
      </c>
      <c r="B4146" s="3">
        <f t="shared" si="128"/>
        <v>1</v>
      </c>
      <c r="C4146" s="3">
        <f t="shared" si="129"/>
        <v>2016</v>
      </c>
      <c r="D4146" t="s">
        <v>650</v>
      </c>
      <c r="E4146" t="s">
        <v>176</v>
      </c>
      <c r="F4146" t="s">
        <v>10</v>
      </c>
      <c r="G4146" t="s">
        <v>42</v>
      </c>
      <c r="H4146" t="s">
        <v>2095</v>
      </c>
      <c r="I4146">
        <v>7.56</v>
      </c>
      <c r="J4146">
        <v>6</v>
      </c>
      <c r="K4146">
        <v>0.3</v>
      </c>
    </row>
    <row r="4147" spans="1:11" x14ac:dyDescent="0.3">
      <c r="A4147" s="1">
        <v>42391</v>
      </c>
      <c r="B4147" s="3">
        <f t="shared" si="128"/>
        <v>1</v>
      </c>
      <c r="C4147" s="3">
        <f t="shared" si="129"/>
        <v>2016</v>
      </c>
      <c r="D4147" t="s">
        <v>2261</v>
      </c>
      <c r="E4147" t="s">
        <v>244</v>
      </c>
      <c r="F4147" t="s">
        <v>33</v>
      </c>
      <c r="G4147" t="s">
        <v>46</v>
      </c>
      <c r="H4147" t="s">
        <v>1454</v>
      </c>
      <c r="I4147">
        <v>14.27</v>
      </c>
      <c r="J4147">
        <v>8</v>
      </c>
      <c r="K4147">
        <v>4.28</v>
      </c>
    </row>
    <row r="4148" spans="1:11" x14ac:dyDescent="0.3">
      <c r="A4148" s="1">
        <v>42391</v>
      </c>
      <c r="B4148" s="3">
        <f t="shared" si="128"/>
        <v>1</v>
      </c>
      <c r="C4148" s="3">
        <f t="shared" si="129"/>
        <v>2016</v>
      </c>
      <c r="D4148" t="s">
        <v>2261</v>
      </c>
      <c r="E4148" t="s">
        <v>244</v>
      </c>
      <c r="F4148" t="s">
        <v>33</v>
      </c>
      <c r="G4148" t="s">
        <v>73</v>
      </c>
      <c r="H4148" t="s">
        <v>2169</v>
      </c>
      <c r="I4148">
        <v>451.14</v>
      </c>
      <c r="J4148">
        <v>4</v>
      </c>
      <c r="K4148">
        <v>-67.67</v>
      </c>
    </row>
    <row r="4149" spans="1:11" x14ac:dyDescent="0.3">
      <c r="A4149" s="1">
        <v>42391</v>
      </c>
      <c r="B4149" s="3">
        <f t="shared" si="128"/>
        <v>1</v>
      </c>
      <c r="C4149" s="3">
        <f t="shared" si="129"/>
        <v>2016</v>
      </c>
      <c r="D4149" t="s">
        <v>2261</v>
      </c>
      <c r="E4149" t="s">
        <v>244</v>
      </c>
      <c r="F4149" t="s">
        <v>10</v>
      </c>
      <c r="G4149" t="s">
        <v>91</v>
      </c>
      <c r="H4149" t="s">
        <v>92</v>
      </c>
      <c r="I4149">
        <v>64.86</v>
      </c>
      <c r="J4149">
        <v>4</v>
      </c>
      <c r="K4149">
        <v>6.49</v>
      </c>
    </row>
    <row r="4150" spans="1:11" x14ac:dyDescent="0.3">
      <c r="A4150" s="1">
        <v>42391</v>
      </c>
      <c r="B4150" s="3">
        <f t="shared" si="128"/>
        <v>1</v>
      </c>
      <c r="C4150" s="3">
        <f t="shared" si="129"/>
        <v>2016</v>
      </c>
      <c r="D4150" t="s">
        <v>668</v>
      </c>
      <c r="E4150" t="s">
        <v>163</v>
      </c>
      <c r="F4150" t="s">
        <v>33</v>
      </c>
      <c r="G4150" t="s">
        <v>46</v>
      </c>
      <c r="H4150" t="s">
        <v>772</v>
      </c>
      <c r="I4150">
        <v>109.9</v>
      </c>
      <c r="J4150">
        <v>5</v>
      </c>
      <c r="K4150">
        <v>37.369999999999997</v>
      </c>
    </row>
    <row r="4151" spans="1:11" x14ac:dyDescent="0.3">
      <c r="A4151" s="1">
        <v>42391</v>
      </c>
      <c r="B4151" s="3">
        <f t="shared" si="128"/>
        <v>1</v>
      </c>
      <c r="C4151" s="3">
        <f t="shared" si="129"/>
        <v>2016</v>
      </c>
      <c r="D4151" t="s">
        <v>1250</v>
      </c>
      <c r="E4151" t="s">
        <v>163</v>
      </c>
      <c r="F4151" t="s">
        <v>10</v>
      </c>
      <c r="G4151" t="s">
        <v>11</v>
      </c>
      <c r="H4151" t="s">
        <v>2383</v>
      </c>
      <c r="I4151">
        <v>12.96</v>
      </c>
      <c r="J4151">
        <v>2</v>
      </c>
      <c r="K4151">
        <v>6.22</v>
      </c>
    </row>
    <row r="4152" spans="1:11" x14ac:dyDescent="0.3">
      <c r="A4152" s="1">
        <v>42391</v>
      </c>
      <c r="B4152" s="3">
        <f t="shared" si="128"/>
        <v>1</v>
      </c>
      <c r="C4152" s="3">
        <f t="shared" si="129"/>
        <v>2016</v>
      </c>
      <c r="D4152" t="s">
        <v>1757</v>
      </c>
      <c r="E4152" t="s">
        <v>26</v>
      </c>
      <c r="F4152" t="s">
        <v>10</v>
      </c>
      <c r="G4152" t="s">
        <v>15</v>
      </c>
      <c r="H4152" t="s">
        <v>1541</v>
      </c>
      <c r="I4152">
        <v>44.4</v>
      </c>
      <c r="J4152">
        <v>3</v>
      </c>
      <c r="K4152">
        <v>22.2</v>
      </c>
    </row>
    <row r="4153" spans="1:11" x14ac:dyDescent="0.3">
      <c r="A4153" s="1">
        <v>42391</v>
      </c>
      <c r="B4153" s="3">
        <f t="shared" si="128"/>
        <v>1</v>
      </c>
      <c r="C4153" s="3">
        <f t="shared" si="129"/>
        <v>2016</v>
      </c>
      <c r="D4153" t="s">
        <v>1757</v>
      </c>
      <c r="E4153" t="s">
        <v>26</v>
      </c>
      <c r="F4153" t="s">
        <v>10</v>
      </c>
      <c r="G4153" t="s">
        <v>15</v>
      </c>
      <c r="H4153" t="s">
        <v>376</v>
      </c>
      <c r="I4153">
        <v>20.65</v>
      </c>
      <c r="J4153">
        <v>5</v>
      </c>
      <c r="K4153">
        <v>9.5</v>
      </c>
    </row>
    <row r="4154" spans="1:11" x14ac:dyDescent="0.3">
      <c r="A4154" s="1">
        <v>42391</v>
      </c>
      <c r="B4154" s="3">
        <f t="shared" si="128"/>
        <v>1</v>
      </c>
      <c r="C4154" s="3">
        <f t="shared" si="129"/>
        <v>2016</v>
      </c>
      <c r="D4154" t="s">
        <v>694</v>
      </c>
      <c r="E4154" t="s">
        <v>77</v>
      </c>
      <c r="F4154" t="s">
        <v>38</v>
      </c>
      <c r="G4154" t="s">
        <v>39</v>
      </c>
      <c r="H4154" t="s">
        <v>862</v>
      </c>
      <c r="I4154">
        <v>110.38</v>
      </c>
      <c r="J4154">
        <v>4</v>
      </c>
      <c r="K4154">
        <v>-20.239999999999998</v>
      </c>
    </row>
    <row r="4155" spans="1:11" x14ac:dyDescent="0.3">
      <c r="A4155" s="1">
        <v>42391</v>
      </c>
      <c r="B4155" s="3">
        <f t="shared" si="128"/>
        <v>1</v>
      </c>
      <c r="C4155" s="3">
        <f t="shared" si="129"/>
        <v>2016</v>
      </c>
      <c r="D4155" t="s">
        <v>694</v>
      </c>
      <c r="E4155" t="s">
        <v>77</v>
      </c>
      <c r="F4155" t="s">
        <v>38</v>
      </c>
      <c r="G4155" t="s">
        <v>51</v>
      </c>
      <c r="H4155" t="s">
        <v>1968</v>
      </c>
      <c r="I4155">
        <v>55.18</v>
      </c>
      <c r="J4155">
        <v>3</v>
      </c>
      <c r="K4155">
        <v>15.86</v>
      </c>
    </row>
    <row r="4156" spans="1:11" x14ac:dyDescent="0.3">
      <c r="A4156" s="1">
        <v>42391</v>
      </c>
      <c r="B4156" s="3">
        <f t="shared" si="128"/>
        <v>1</v>
      </c>
      <c r="C4156" s="3">
        <f t="shared" si="129"/>
        <v>2016</v>
      </c>
      <c r="D4156" t="s">
        <v>852</v>
      </c>
      <c r="E4156" t="s">
        <v>148</v>
      </c>
      <c r="F4156" t="s">
        <v>10</v>
      </c>
      <c r="G4156" t="s">
        <v>19</v>
      </c>
      <c r="H4156" t="s">
        <v>1042</v>
      </c>
      <c r="I4156">
        <v>26.34</v>
      </c>
      <c r="J4156">
        <v>4</v>
      </c>
      <c r="K4156">
        <v>9.2200000000000006</v>
      </c>
    </row>
    <row r="4157" spans="1:11" x14ac:dyDescent="0.3">
      <c r="A4157" s="1">
        <v>42392</v>
      </c>
      <c r="B4157" s="3">
        <f t="shared" si="128"/>
        <v>1</v>
      </c>
      <c r="C4157" s="3">
        <f t="shared" si="129"/>
        <v>2016</v>
      </c>
      <c r="D4157" t="s">
        <v>2317</v>
      </c>
      <c r="E4157" t="s">
        <v>26</v>
      </c>
      <c r="F4157" t="s">
        <v>33</v>
      </c>
      <c r="G4157" t="s">
        <v>46</v>
      </c>
      <c r="H4157" t="s">
        <v>1025</v>
      </c>
      <c r="I4157">
        <v>59.99</v>
      </c>
      <c r="J4157">
        <v>7</v>
      </c>
      <c r="K4157">
        <v>21.6</v>
      </c>
    </row>
    <row r="4158" spans="1:11" x14ac:dyDescent="0.3">
      <c r="A4158" s="1">
        <v>42392</v>
      </c>
      <c r="B4158" s="3">
        <f t="shared" si="128"/>
        <v>1</v>
      </c>
      <c r="C4158" s="3">
        <f t="shared" si="129"/>
        <v>2016</v>
      </c>
      <c r="D4158" t="s">
        <v>1882</v>
      </c>
      <c r="E4158" t="s">
        <v>2321</v>
      </c>
      <c r="F4158" t="s">
        <v>38</v>
      </c>
      <c r="G4158" t="s">
        <v>51</v>
      </c>
      <c r="H4158" t="s">
        <v>453</v>
      </c>
      <c r="I4158">
        <v>99.98</v>
      </c>
      <c r="J4158">
        <v>2</v>
      </c>
      <c r="K4158">
        <v>42.99</v>
      </c>
    </row>
    <row r="4159" spans="1:11" x14ac:dyDescent="0.3">
      <c r="A4159" s="1">
        <v>42392</v>
      </c>
      <c r="B4159" s="3">
        <f t="shared" si="128"/>
        <v>1</v>
      </c>
      <c r="C4159" s="3">
        <f t="shared" si="129"/>
        <v>2016</v>
      </c>
      <c r="D4159" t="s">
        <v>1882</v>
      </c>
      <c r="E4159" t="s">
        <v>2321</v>
      </c>
      <c r="F4159" t="s">
        <v>10</v>
      </c>
      <c r="G4159" t="s">
        <v>23</v>
      </c>
      <c r="H4159" t="s">
        <v>2433</v>
      </c>
      <c r="I4159">
        <v>8.0399999999999991</v>
      </c>
      <c r="J4159">
        <v>6</v>
      </c>
      <c r="K4159">
        <v>2.73</v>
      </c>
    </row>
    <row r="4160" spans="1:11" x14ac:dyDescent="0.3">
      <c r="A4160" s="1">
        <v>42392</v>
      </c>
      <c r="B4160" s="3">
        <f t="shared" si="128"/>
        <v>1</v>
      </c>
      <c r="C4160" s="3">
        <f t="shared" si="129"/>
        <v>2016</v>
      </c>
      <c r="D4160" t="s">
        <v>1882</v>
      </c>
      <c r="E4160" t="s">
        <v>2321</v>
      </c>
      <c r="F4160" t="s">
        <v>10</v>
      </c>
      <c r="G4160" t="s">
        <v>17</v>
      </c>
      <c r="H4160" t="s">
        <v>2147</v>
      </c>
      <c r="I4160">
        <v>1564.29</v>
      </c>
      <c r="J4160">
        <v>13</v>
      </c>
      <c r="K4160">
        <v>406.72</v>
      </c>
    </row>
    <row r="4161" spans="1:11" x14ac:dyDescent="0.3">
      <c r="A4161" s="1">
        <v>42393</v>
      </c>
      <c r="B4161" s="3">
        <f t="shared" si="128"/>
        <v>1</v>
      </c>
      <c r="C4161" s="3">
        <f t="shared" si="129"/>
        <v>2016</v>
      </c>
      <c r="D4161" t="s">
        <v>1342</v>
      </c>
      <c r="E4161" t="s">
        <v>328</v>
      </c>
      <c r="F4161" t="s">
        <v>10</v>
      </c>
      <c r="G4161" t="s">
        <v>19</v>
      </c>
      <c r="H4161" t="s">
        <v>1969</v>
      </c>
      <c r="I4161">
        <v>31.36</v>
      </c>
      <c r="J4161">
        <v>4</v>
      </c>
      <c r="K4161">
        <v>15.68</v>
      </c>
    </row>
    <row r="4162" spans="1:11" x14ac:dyDescent="0.3">
      <c r="A4162" s="1">
        <v>42394</v>
      </c>
      <c r="B4162" s="3">
        <f t="shared" ref="B4162:B4225" si="130">MONTH(A:A)</f>
        <v>1</v>
      </c>
      <c r="C4162" s="3">
        <f t="shared" ref="C4162:C4225" si="131">YEAR(A:A)</f>
        <v>2016</v>
      </c>
      <c r="D4162" t="s">
        <v>2434</v>
      </c>
      <c r="E4162" t="s">
        <v>176</v>
      </c>
      <c r="F4162" t="s">
        <v>10</v>
      </c>
      <c r="G4162" t="s">
        <v>23</v>
      </c>
      <c r="H4162" t="s">
        <v>2435</v>
      </c>
      <c r="I4162">
        <v>9.2100000000000009</v>
      </c>
      <c r="J4162">
        <v>3</v>
      </c>
      <c r="K4162">
        <v>2.2999999999999998</v>
      </c>
    </row>
    <row r="4163" spans="1:11" x14ac:dyDescent="0.3">
      <c r="A4163" s="1">
        <v>42394</v>
      </c>
      <c r="B4163" s="3">
        <f t="shared" si="130"/>
        <v>1</v>
      </c>
      <c r="C4163" s="3">
        <f t="shared" si="131"/>
        <v>2016</v>
      </c>
      <c r="D4163" t="s">
        <v>2434</v>
      </c>
      <c r="E4163" t="s">
        <v>176</v>
      </c>
      <c r="F4163" t="s">
        <v>10</v>
      </c>
      <c r="G4163" t="s">
        <v>11</v>
      </c>
      <c r="H4163" t="s">
        <v>2436</v>
      </c>
      <c r="I4163">
        <v>18</v>
      </c>
      <c r="J4163">
        <v>5</v>
      </c>
      <c r="K4163">
        <v>8.2799999999999994</v>
      </c>
    </row>
    <row r="4164" spans="1:11" x14ac:dyDescent="0.3">
      <c r="A4164" s="1">
        <v>42394</v>
      </c>
      <c r="B4164" s="3">
        <f t="shared" si="130"/>
        <v>1</v>
      </c>
      <c r="C4164" s="3">
        <f t="shared" si="131"/>
        <v>2016</v>
      </c>
      <c r="D4164" t="s">
        <v>386</v>
      </c>
      <c r="E4164" t="s">
        <v>148</v>
      </c>
      <c r="F4164" t="s">
        <v>10</v>
      </c>
      <c r="G4164" t="s">
        <v>19</v>
      </c>
      <c r="H4164" t="s">
        <v>95</v>
      </c>
      <c r="I4164">
        <v>43.12</v>
      </c>
      <c r="J4164">
        <v>5</v>
      </c>
      <c r="K4164">
        <v>15.09</v>
      </c>
    </row>
    <row r="4165" spans="1:11" x14ac:dyDescent="0.3">
      <c r="A4165" s="1">
        <v>42394</v>
      </c>
      <c r="B4165" s="3">
        <f t="shared" si="130"/>
        <v>1</v>
      </c>
      <c r="C4165" s="3">
        <f t="shared" si="131"/>
        <v>2016</v>
      </c>
      <c r="D4165" t="s">
        <v>386</v>
      </c>
      <c r="E4165" t="s">
        <v>148</v>
      </c>
      <c r="F4165" t="s">
        <v>33</v>
      </c>
      <c r="G4165" t="s">
        <v>144</v>
      </c>
      <c r="H4165" t="s">
        <v>2065</v>
      </c>
      <c r="I4165">
        <v>313.72000000000003</v>
      </c>
      <c r="J4165">
        <v>3</v>
      </c>
      <c r="K4165">
        <v>-99.35</v>
      </c>
    </row>
    <row r="4166" spans="1:11" x14ac:dyDescent="0.3">
      <c r="A4166" s="1">
        <v>42394</v>
      </c>
      <c r="B4166" s="3">
        <f t="shared" si="130"/>
        <v>1</v>
      </c>
      <c r="C4166" s="3">
        <f t="shared" si="131"/>
        <v>2016</v>
      </c>
      <c r="D4166" t="s">
        <v>386</v>
      </c>
      <c r="E4166" t="s">
        <v>148</v>
      </c>
      <c r="F4166" t="s">
        <v>33</v>
      </c>
      <c r="G4166" t="s">
        <v>46</v>
      </c>
      <c r="H4166" t="s">
        <v>478</v>
      </c>
      <c r="I4166">
        <v>45.98</v>
      </c>
      <c r="J4166">
        <v>1</v>
      </c>
      <c r="K4166">
        <v>7.82</v>
      </c>
    </row>
    <row r="4167" spans="1:11" x14ac:dyDescent="0.3">
      <c r="A4167" s="1">
        <v>42394</v>
      </c>
      <c r="B4167" s="3">
        <f t="shared" si="130"/>
        <v>1</v>
      </c>
      <c r="C4167" s="3">
        <f t="shared" si="131"/>
        <v>2016</v>
      </c>
      <c r="D4167" t="s">
        <v>386</v>
      </c>
      <c r="E4167" t="s">
        <v>148</v>
      </c>
      <c r="F4167" t="s">
        <v>10</v>
      </c>
      <c r="G4167" t="s">
        <v>17</v>
      </c>
      <c r="H4167" t="s">
        <v>132</v>
      </c>
      <c r="I4167">
        <v>428.68</v>
      </c>
      <c r="J4167">
        <v>7</v>
      </c>
      <c r="K4167">
        <v>0</v>
      </c>
    </row>
    <row r="4168" spans="1:11" x14ac:dyDescent="0.3">
      <c r="A4168" s="1">
        <v>42397</v>
      </c>
      <c r="B4168" s="3">
        <f t="shared" si="130"/>
        <v>1</v>
      </c>
      <c r="C4168" s="3">
        <f t="shared" si="131"/>
        <v>2016</v>
      </c>
      <c r="D4168" t="s">
        <v>1342</v>
      </c>
      <c r="E4168" t="s">
        <v>26</v>
      </c>
      <c r="F4168" t="s">
        <v>10</v>
      </c>
      <c r="G4168" t="s">
        <v>23</v>
      </c>
      <c r="H4168" t="s">
        <v>259</v>
      </c>
      <c r="I4168">
        <v>39.68</v>
      </c>
      <c r="J4168">
        <v>2</v>
      </c>
      <c r="K4168">
        <v>10.32</v>
      </c>
    </row>
    <row r="4169" spans="1:11" x14ac:dyDescent="0.3">
      <c r="A4169" s="1">
        <v>42399</v>
      </c>
      <c r="B4169" s="3">
        <f t="shared" si="130"/>
        <v>1</v>
      </c>
      <c r="C4169" s="3">
        <f t="shared" si="131"/>
        <v>2016</v>
      </c>
      <c r="D4169" t="s">
        <v>1486</v>
      </c>
      <c r="E4169" t="s">
        <v>26</v>
      </c>
      <c r="F4169" t="s">
        <v>10</v>
      </c>
      <c r="G4169" t="s">
        <v>19</v>
      </c>
      <c r="H4169" t="s">
        <v>2240</v>
      </c>
      <c r="I4169">
        <v>17.46</v>
      </c>
      <c r="J4169">
        <v>2</v>
      </c>
      <c r="K4169">
        <v>5.89</v>
      </c>
    </row>
    <row r="4170" spans="1:11" x14ac:dyDescent="0.3">
      <c r="A4170" s="1">
        <v>42399</v>
      </c>
      <c r="B4170" s="3">
        <f t="shared" si="130"/>
        <v>1</v>
      </c>
      <c r="C4170" s="3">
        <f t="shared" si="131"/>
        <v>2016</v>
      </c>
      <c r="D4170" t="s">
        <v>767</v>
      </c>
      <c r="E4170" t="s">
        <v>26</v>
      </c>
      <c r="F4170" t="s">
        <v>10</v>
      </c>
      <c r="G4170" t="s">
        <v>17</v>
      </c>
      <c r="H4170" t="s">
        <v>1359</v>
      </c>
      <c r="I4170">
        <v>305.01</v>
      </c>
      <c r="J4170">
        <v>9</v>
      </c>
      <c r="K4170">
        <v>76.25</v>
      </c>
    </row>
    <row r="4171" spans="1:11" x14ac:dyDescent="0.3">
      <c r="A4171" s="1">
        <v>42399</v>
      </c>
      <c r="B4171" s="3">
        <f t="shared" si="130"/>
        <v>1</v>
      </c>
      <c r="C4171" s="3">
        <f t="shared" si="131"/>
        <v>2016</v>
      </c>
      <c r="D4171" t="s">
        <v>767</v>
      </c>
      <c r="E4171" t="s">
        <v>26</v>
      </c>
      <c r="F4171" t="s">
        <v>10</v>
      </c>
      <c r="G4171" t="s">
        <v>19</v>
      </c>
      <c r="H4171" t="s">
        <v>2227</v>
      </c>
      <c r="I4171">
        <v>50.78</v>
      </c>
      <c r="J4171">
        <v>2</v>
      </c>
      <c r="K4171">
        <v>17.77</v>
      </c>
    </row>
    <row r="4172" spans="1:11" x14ac:dyDescent="0.3">
      <c r="A4172" s="1">
        <v>42399</v>
      </c>
      <c r="B4172" s="3">
        <f t="shared" si="130"/>
        <v>1</v>
      </c>
      <c r="C4172" s="3">
        <f t="shared" si="131"/>
        <v>2016</v>
      </c>
      <c r="D4172" t="s">
        <v>767</v>
      </c>
      <c r="E4172" t="s">
        <v>26</v>
      </c>
      <c r="F4172" t="s">
        <v>10</v>
      </c>
      <c r="G4172" t="s">
        <v>15</v>
      </c>
      <c r="H4172" t="s">
        <v>1431</v>
      </c>
      <c r="I4172">
        <v>26.01</v>
      </c>
      <c r="J4172">
        <v>9</v>
      </c>
      <c r="K4172">
        <v>12.22</v>
      </c>
    </row>
    <row r="4173" spans="1:11" x14ac:dyDescent="0.3">
      <c r="A4173" s="1">
        <v>42399</v>
      </c>
      <c r="B4173" s="3">
        <f t="shared" si="130"/>
        <v>1</v>
      </c>
      <c r="C4173" s="3">
        <f t="shared" si="131"/>
        <v>2016</v>
      </c>
      <c r="D4173" t="s">
        <v>1761</v>
      </c>
      <c r="E4173" t="s">
        <v>163</v>
      </c>
      <c r="F4173" t="s">
        <v>33</v>
      </c>
      <c r="G4173" t="s">
        <v>34</v>
      </c>
      <c r="H4173" t="s">
        <v>2437</v>
      </c>
      <c r="I4173">
        <v>435.17</v>
      </c>
      <c r="J4173">
        <v>4</v>
      </c>
      <c r="K4173">
        <v>-59.84</v>
      </c>
    </row>
    <row r="4174" spans="1:11" x14ac:dyDescent="0.3">
      <c r="A4174" s="1">
        <v>42399</v>
      </c>
      <c r="B4174" s="3">
        <f t="shared" si="130"/>
        <v>1</v>
      </c>
      <c r="C4174" s="3">
        <f t="shared" si="131"/>
        <v>2016</v>
      </c>
      <c r="D4174" t="s">
        <v>1761</v>
      </c>
      <c r="E4174" t="s">
        <v>163</v>
      </c>
      <c r="F4174" t="s">
        <v>33</v>
      </c>
      <c r="G4174" t="s">
        <v>73</v>
      </c>
      <c r="H4174" t="s">
        <v>1093</v>
      </c>
      <c r="I4174">
        <v>48.58</v>
      </c>
      <c r="J4174">
        <v>1</v>
      </c>
      <c r="K4174">
        <v>7.77</v>
      </c>
    </row>
    <row r="4175" spans="1:11" x14ac:dyDescent="0.3">
      <c r="A4175" s="1">
        <v>42399</v>
      </c>
      <c r="B4175" s="3">
        <f t="shared" si="130"/>
        <v>1</v>
      </c>
      <c r="C4175" s="3">
        <f t="shared" si="131"/>
        <v>2016</v>
      </c>
      <c r="D4175" t="s">
        <v>2438</v>
      </c>
      <c r="E4175" t="s">
        <v>14</v>
      </c>
      <c r="F4175" t="s">
        <v>10</v>
      </c>
      <c r="G4175" t="s">
        <v>11</v>
      </c>
      <c r="H4175" t="s">
        <v>2357</v>
      </c>
      <c r="I4175">
        <v>156.51</v>
      </c>
      <c r="J4175">
        <v>4</v>
      </c>
      <c r="K4175">
        <v>52.82</v>
      </c>
    </row>
    <row r="4176" spans="1:11" x14ac:dyDescent="0.3">
      <c r="A4176" s="1">
        <v>42399</v>
      </c>
      <c r="B4176" s="3">
        <f t="shared" si="130"/>
        <v>1</v>
      </c>
      <c r="C4176" s="3">
        <f t="shared" si="131"/>
        <v>2016</v>
      </c>
      <c r="D4176" t="s">
        <v>1430</v>
      </c>
      <c r="E4176" t="s">
        <v>14</v>
      </c>
      <c r="F4176" t="s">
        <v>38</v>
      </c>
      <c r="G4176" t="s">
        <v>39</v>
      </c>
      <c r="H4176" t="s">
        <v>2439</v>
      </c>
      <c r="I4176">
        <v>1439.97</v>
      </c>
      <c r="J4176">
        <v>4</v>
      </c>
      <c r="K4176">
        <v>144</v>
      </c>
    </row>
    <row r="4177" spans="1:11" x14ac:dyDescent="0.3">
      <c r="A4177" s="1">
        <v>42399</v>
      </c>
      <c r="B4177" s="3">
        <f t="shared" si="130"/>
        <v>1</v>
      </c>
      <c r="C4177" s="3">
        <f t="shared" si="131"/>
        <v>2016</v>
      </c>
      <c r="D4177" t="s">
        <v>1430</v>
      </c>
      <c r="E4177" t="s">
        <v>14</v>
      </c>
      <c r="F4177" t="s">
        <v>10</v>
      </c>
      <c r="G4177" t="s">
        <v>19</v>
      </c>
      <c r="H4177" t="s">
        <v>898</v>
      </c>
      <c r="I4177">
        <v>1.73</v>
      </c>
      <c r="J4177">
        <v>3</v>
      </c>
      <c r="K4177">
        <v>-2.68</v>
      </c>
    </row>
    <row r="4178" spans="1:11" x14ac:dyDescent="0.3">
      <c r="A4178" s="1">
        <v>42399</v>
      </c>
      <c r="B4178" s="3">
        <f t="shared" si="130"/>
        <v>1</v>
      </c>
      <c r="C4178" s="3">
        <f t="shared" si="131"/>
        <v>2016</v>
      </c>
      <c r="D4178" t="s">
        <v>1430</v>
      </c>
      <c r="E4178" t="s">
        <v>14</v>
      </c>
      <c r="F4178" t="s">
        <v>33</v>
      </c>
      <c r="G4178" t="s">
        <v>144</v>
      </c>
      <c r="H4178" t="s">
        <v>2440</v>
      </c>
      <c r="I4178">
        <v>626.1</v>
      </c>
      <c r="J4178">
        <v>3</v>
      </c>
      <c r="K4178">
        <v>-538.45000000000005</v>
      </c>
    </row>
    <row r="4179" spans="1:11" x14ac:dyDescent="0.3">
      <c r="A4179" s="1">
        <v>42400</v>
      </c>
      <c r="B4179" s="3">
        <f t="shared" si="130"/>
        <v>1</v>
      </c>
      <c r="C4179" s="3">
        <f t="shared" si="131"/>
        <v>2016</v>
      </c>
      <c r="D4179" t="s">
        <v>342</v>
      </c>
      <c r="E4179" t="s">
        <v>26</v>
      </c>
      <c r="F4179" t="s">
        <v>38</v>
      </c>
      <c r="G4179" t="s">
        <v>39</v>
      </c>
      <c r="H4179" t="s">
        <v>2260</v>
      </c>
      <c r="I4179">
        <v>109.59</v>
      </c>
      <c r="J4179">
        <v>1</v>
      </c>
      <c r="K4179">
        <v>8.2200000000000006</v>
      </c>
    </row>
    <row r="4180" spans="1:11" x14ac:dyDescent="0.3">
      <c r="A4180" s="1">
        <v>42400</v>
      </c>
      <c r="B4180" s="3">
        <f t="shared" si="130"/>
        <v>1</v>
      </c>
      <c r="C4180" s="3">
        <f t="shared" si="131"/>
        <v>2016</v>
      </c>
      <c r="D4180" t="s">
        <v>342</v>
      </c>
      <c r="E4180" t="s">
        <v>26</v>
      </c>
      <c r="F4180" t="s">
        <v>10</v>
      </c>
      <c r="G4180" t="s">
        <v>11</v>
      </c>
      <c r="H4180" t="s">
        <v>624</v>
      </c>
      <c r="I4180">
        <v>56.7</v>
      </c>
      <c r="J4180">
        <v>5</v>
      </c>
      <c r="K4180">
        <v>27.78</v>
      </c>
    </row>
    <row r="4181" spans="1:11" x14ac:dyDescent="0.3">
      <c r="A4181" s="1">
        <v>42400</v>
      </c>
      <c r="B4181" s="3">
        <f t="shared" si="130"/>
        <v>1</v>
      </c>
      <c r="C4181" s="3">
        <f t="shared" si="131"/>
        <v>2016</v>
      </c>
      <c r="D4181" t="s">
        <v>258</v>
      </c>
      <c r="E4181" t="s">
        <v>9</v>
      </c>
      <c r="F4181" t="s">
        <v>10</v>
      </c>
      <c r="G4181" t="s">
        <v>11</v>
      </c>
      <c r="H4181" t="s">
        <v>1148</v>
      </c>
      <c r="I4181">
        <v>15.55</v>
      </c>
      <c r="J4181">
        <v>3</v>
      </c>
      <c r="K4181">
        <v>5.44</v>
      </c>
    </row>
    <row r="4182" spans="1:11" x14ac:dyDescent="0.3">
      <c r="A4182" s="1">
        <v>42400</v>
      </c>
      <c r="B4182" s="3">
        <f t="shared" si="130"/>
        <v>1</v>
      </c>
      <c r="C4182" s="3">
        <f t="shared" si="131"/>
        <v>2016</v>
      </c>
      <c r="D4182" t="s">
        <v>1670</v>
      </c>
      <c r="E4182" t="s">
        <v>176</v>
      </c>
      <c r="F4182" t="s">
        <v>10</v>
      </c>
      <c r="G4182" t="s">
        <v>62</v>
      </c>
      <c r="H4182" t="s">
        <v>63</v>
      </c>
      <c r="I4182">
        <v>23.36</v>
      </c>
      <c r="J4182">
        <v>2</v>
      </c>
      <c r="K4182">
        <v>11.68</v>
      </c>
    </row>
    <row r="4183" spans="1:11" x14ac:dyDescent="0.3">
      <c r="A4183" s="1">
        <v>42400</v>
      </c>
      <c r="B4183" s="3">
        <f t="shared" si="130"/>
        <v>1</v>
      </c>
      <c r="C4183" s="3">
        <f t="shared" si="131"/>
        <v>2016</v>
      </c>
      <c r="D4183" t="s">
        <v>529</v>
      </c>
      <c r="E4183" t="s">
        <v>29</v>
      </c>
      <c r="F4183" t="s">
        <v>10</v>
      </c>
      <c r="G4183" t="s">
        <v>19</v>
      </c>
      <c r="H4183" t="s">
        <v>1605</v>
      </c>
      <c r="I4183">
        <v>1270.99</v>
      </c>
      <c r="J4183">
        <v>1</v>
      </c>
      <c r="K4183">
        <v>635.5</v>
      </c>
    </row>
    <row r="4184" spans="1:11" x14ac:dyDescent="0.3">
      <c r="A4184" s="1">
        <v>42400</v>
      </c>
      <c r="B4184" s="3">
        <f t="shared" si="130"/>
        <v>1</v>
      </c>
      <c r="C4184" s="3">
        <f t="shared" si="131"/>
        <v>2016</v>
      </c>
      <c r="D4184" t="s">
        <v>529</v>
      </c>
      <c r="E4184" t="s">
        <v>29</v>
      </c>
      <c r="F4184" t="s">
        <v>10</v>
      </c>
      <c r="G4184" t="s">
        <v>62</v>
      </c>
      <c r="H4184" t="s">
        <v>1349</v>
      </c>
      <c r="I4184">
        <v>125.36</v>
      </c>
      <c r="J4184">
        <v>8</v>
      </c>
      <c r="K4184">
        <v>58.92</v>
      </c>
    </row>
    <row r="4185" spans="1:11" x14ac:dyDescent="0.3">
      <c r="A4185" s="1">
        <v>42401</v>
      </c>
      <c r="B4185" s="3">
        <f t="shared" si="130"/>
        <v>2</v>
      </c>
      <c r="C4185" s="3">
        <f t="shared" si="131"/>
        <v>2016</v>
      </c>
      <c r="D4185" t="s">
        <v>175</v>
      </c>
      <c r="E4185" t="s">
        <v>54</v>
      </c>
      <c r="F4185" t="s">
        <v>10</v>
      </c>
      <c r="G4185" t="s">
        <v>17</v>
      </c>
      <c r="H4185" t="s">
        <v>584</v>
      </c>
      <c r="I4185">
        <v>56.45</v>
      </c>
      <c r="J4185">
        <v>5</v>
      </c>
      <c r="K4185">
        <v>14.68</v>
      </c>
    </row>
    <row r="4186" spans="1:11" x14ac:dyDescent="0.3">
      <c r="A4186" s="1">
        <v>42401</v>
      </c>
      <c r="B4186" s="3">
        <f t="shared" si="130"/>
        <v>2</v>
      </c>
      <c r="C4186" s="3">
        <f t="shared" si="131"/>
        <v>2016</v>
      </c>
      <c r="D4186" t="s">
        <v>1400</v>
      </c>
      <c r="E4186" t="s">
        <v>26</v>
      </c>
      <c r="F4186" t="s">
        <v>10</v>
      </c>
      <c r="G4186" t="s">
        <v>11</v>
      </c>
      <c r="H4186" t="s">
        <v>1966</v>
      </c>
      <c r="I4186">
        <v>105.52</v>
      </c>
      <c r="J4186">
        <v>4</v>
      </c>
      <c r="K4186">
        <v>48.54</v>
      </c>
    </row>
    <row r="4187" spans="1:11" x14ac:dyDescent="0.3">
      <c r="A4187" s="1">
        <v>42402</v>
      </c>
      <c r="B4187" s="3">
        <f t="shared" si="130"/>
        <v>2</v>
      </c>
      <c r="C4187" s="3">
        <f t="shared" si="131"/>
        <v>2016</v>
      </c>
      <c r="D4187" t="s">
        <v>1816</v>
      </c>
      <c r="E4187" t="s">
        <v>148</v>
      </c>
      <c r="F4187" t="s">
        <v>10</v>
      </c>
      <c r="G4187" t="s">
        <v>17</v>
      </c>
      <c r="H4187" t="s">
        <v>2230</v>
      </c>
      <c r="I4187">
        <v>117.96</v>
      </c>
      <c r="J4187">
        <v>2</v>
      </c>
      <c r="K4187">
        <v>5.9</v>
      </c>
    </row>
    <row r="4188" spans="1:11" x14ac:dyDescent="0.3">
      <c r="A4188" s="1">
        <v>42402</v>
      </c>
      <c r="B4188" s="3">
        <f t="shared" si="130"/>
        <v>2</v>
      </c>
      <c r="C4188" s="3">
        <f t="shared" si="131"/>
        <v>2016</v>
      </c>
      <c r="D4188" t="s">
        <v>508</v>
      </c>
      <c r="E4188" t="s">
        <v>54</v>
      </c>
      <c r="F4188" t="s">
        <v>38</v>
      </c>
      <c r="G4188" t="s">
        <v>301</v>
      </c>
      <c r="H4188" t="s">
        <v>1328</v>
      </c>
      <c r="I4188">
        <v>8749.9500000000007</v>
      </c>
      <c r="J4188">
        <v>5</v>
      </c>
      <c r="K4188">
        <v>2799.98</v>
      </c>
    </row>
    <row r="4189" spans="1:11" x14ac:dyDescent="0.3">
      <c r="A4189" s="1">
        <v>42402</v>
      </c>
      <c r="B4189" s="3">
        <f t="shared" si="130"/>
        <v>2</v>
      </c>
      <c r="C4189" s="3">
        <f t="shared" si="131"/>
        <v>2016</v>
      </c>
      <c r="D4189" t="s">
        <v>508</v>
      </c>
      <c r="E4189" t="s">
        <v>54</v>
      </c>
      <c r="F4189" t="s">
        <v>10</v>
      </c>
      <c r="G4189" t="s">
        <v>19</v>
      </c>
      <c r="H4189" t="s">
        <v>786</v>
      </c>
      <c r="I4189">
        <v>36.4</v>
      </c>
      <c r="J4189">
        <v>8</v>
      </c>
      <c r="K4189">
        <v>18.2</v>
      </c>
    </row>
    <row r="4190" spans="1:11" x14ac:dyDescent="0.3">
      <c r="A4190" s="1">
        <v>42402</v>
      </c>
      <c r="B4190" s="3">
        <f t="shared" si="130"/>
        <v>2</v>
      </c>
      <c r="C4190" s="3">
        <f t="shared" si="131"/>
        <v>2016</v>
      </c>
      <c r="D4190" t="s">
        <v>508</v>
      </c>
      <c r="E4190" t="s">
        <v>54</v>
      </c>
      <c r="F4190" t="s">
        <v>33</v>
      </c>
      <c r="G4190" t="s">
        <v>46</v>
      </c>
      <c r="H4190" t="s">
        <v>871</v>
      </c>
      <c r="I4190">
        <v>18.690000000000001</v>
      </c>
      <c r="J4190">
        <v>7</v>
      </c>
      <c r="K4190">
        <v>7.1</v>
      </c>
    </row>
    <row r="4191" spans="1:11" x14ac:dyDescent="0.3">
      <c r="A4191" s="1">
        <v>42402</v>
      </c>
      <c r="B4191" s="3">
        <f t="shared" si="130"/>
        <v>2</v>
      </c>
      <c r="C4191" s="3">
        <f t="shared" si="131"/>
        <v>2016</v>
      </c>
      <c r="D4191" t="s">
        <v>872</v>
      </c>
      <c r="E4191" t="s">
        <v>9</v>
      </c>
      <c r="F4191" t="s">
        <v>33</v>
      </c>
      <c r="G4191" t="s">
        <v>46</v>
      </c>
      <c r="H4191" t="s">
        <v>2441</v>
      </c>
      <c r="I4191">
        <v>73.78</v>
      </c>
      <c r="J4191">
        <v>2</v>
      </c>
      <c r="K4191">
        <v>-77.47</v>
      </c>
    </row>
    <row r="4192" spans="1:11" x14ac:dyDescent="0.3">
      <c r="A4192" s="1">
        <v>42403</v>
      </c>
      <c r="B4192" s="3">
        <f t="shared" si="130"/>
        <v>2</v>
      </c>
      <c r="C4192" s="3">
        <f t="shared" si="131"/>
        <v>2016</v>
      </c>
      <c r="D4192" t="s">
        <v>153</v>
      </c>
      <c r="E4192" t="s">
        <v>32</v>
      </c>
      <c r="F4192" t="s">
        <v>33</v>
      </c>
      <c r="G4192" t="s">
        <v>34</v>
      </c>
      <c r="H4192" t="s">
        <v>659</v>
      </c>
      <c r="I4192">
        <v>866.4</v>
      </c>
      <c r="J4192">
        <v>4</v>
      </c>
      <c r="K4192">
        <v>225.26</v>
      </c>
    </row>
    <row r="4193" spans="1:11" x14ac:dyDescent="0.3">
      <c r="A4193" s="1">
        <v>42404</v>
      </c>
      <c r="B4193" s="3">
        <f t="shared" si="130"/>
        <v>2</v>
      </c>
      <c r="C4193" s="3">
        <f t="shared" si="131"/>
        <v>2016</v>
      </c>
      <c r="D4193" t="s">
        <v>1476</v>
      </c>
      <c r="E4193" t="s">
        <v>94</v>
      </c>
      <c r="F4193" t="s">
        <v>33</v>
      </c>
      <c r="G4193" t="s">
        <v>46</v>
      </c>
      <c r="H4193" t="s">
        <v>1091</v>
      </c>
      <c r="I4193">
        <v>14.37</v>
      </c>
      <c r="J4193">
        <v>2</v>
      </c>
      <c r="K4193">
        <v>3.95</v>
      </c>
    </row>
    <row r="4194" spans="1:11" x14ac:dyDescent="0.3">
      <c r="A4194" s="1">
        <v>42404</v>
      </c>
      <c r="B4194" s="3">
        <f t="shared" si="130"/>
        <v>2</v>
      </c>
      <c r="C4194" s="3">
        <f t="shared" si="131"/>
        <v>2016</v>
      </c>
      <c r="D4194" t="s">
        <v>1257</v>
      </c>
      <c r="E4194" t="s">
        <v>530</v>
      </c>
      <c r="F4194" t="s">
        <v>38</v>
      </c>
      <c r="G4194" t="s">
        <v>39</v>
      </c>
      <c r="H4194" t="s">
        <v>162</v>
      </c>
      <c r="I4194">
        <v>90.48</v>
      </c>
      <c r="J4194">
        <v>2</v>
      </c>
      <c r="K4194">
        <v>23.52</v>
      </c>
    </row>
    <row r="4195" spans="1:11" x14ac:dyDescent="0.3">
      <c r="A4195" s="1">
        <v>42404</v>
      </c>
      <c r="B4195" s="3">
        <f t="shared" si="130"/>
        <v>2</v>
      </c>
      <c r="C4195" s="3">
        <f t="shared" si="131"/>
        <v>2016</v>
      </c>
      <c r="D4195" t="s">
        <v>1294</v>
      </c>
      <c r="E4195" t="s">
        <v>26</v>
      </c>
      <c r="F4195" t="s">
        <v>10</v>
      </c>
      <c r="G4195" t="s">
        <v>17</v>
      </c>
      <c r="H4195" t="s">
        <v>452</v>
      </c>
      <c r="I4195">
        <v>93.02</v>
      </c>
      <c r="J4195">
        <v>2</v>
      </c>
      <c r="K4195">
        <v>3.72</v>
      </c>
    </row>
    <row r="4196" spans="1:11" x14ac:dyDescent="0.3">
      <c r="A4196" s="1">
        <v>42405</v>
      </c>
      <c r="B4196" s="3">
        <f t="shared" si="130"/>
        <v>2</v>
      </c>
      <c r="C4196" s="3">
        <f t="shared" si="131"/>
        <v>2016</v>
      </c>
      <c r="D4196" t="s">
        <v>1180</v>
      </c>
      <c r="E4196" t="s">
        <v>29</v>
      </c>
      <c r="F4196" t="s">
        <v>10</v>
      </c>
      <c r="G4196" t="s">
        <v>17</v>
      </c>
      <c r="H4196" t="s">
        <v>266</v>
      </c>
      <c r="I4196">
        <v>80.98</v>
      </c>
      <c r="J4196">
        <v>1</v>
      </c>
      <c r="K4196">
        <v>1.62</v>
      </c>
    </row>
    <row r="4197" spans="1:11" x14ac:dyDescent="0.3">
      <c r="A4197" s="1">
        <v>42405</v>
      </c>
      <c r="B4197" s="3">
        <f t="shared" si="130"/>
        <v>2</v>
      </c>
      <c r="C4197" s="3">
        <f t="shared" si="131"/>
        <v>2016</v>
      </c>
      <c r="D4197" t="s">
        <v>1180</v>
      </c>
      <c r="E4197" t="s">
        <v>29</v>
      </c>
      <c r="F4197" t="s">
        <v>10</v>
      </c>
      <c r="G4197" t="s">
        <v>11</v>
      </c>
      <c r="H4197" t="s">
        <v>1053</v>
      </c>
      <c r="I4197">
        <v>348.84</v>
      </c>
      <c r="J4197">
        <v>9</v>
      </c>
      <c r="K4197">
        <v>170.93</v>
      </c>
    </row>
    <row r="4198" spans="1:11" x14ac:dyDescent="0.3">
      <c r="A4198" s="1">
        <v>42405</v>
      </c>
      <c r="B4198" s="3">
        <f t="shared" si="130"/>
        <v>2</v>
      </c>
      <c r="C4198" s="3">
        <f t="shared" si="131"/>
        <v>2016</v>
      </c>
      <c r="D4198" t="s">
        <v>1180</v>
      </c>
      <c r="E4198" t="s">
        <v>29</v>
      </c>
      <c r="F4198" t="s">
        <v>10</v>
      </c>
      <c r="G4198" t="s">
        <v>42</v>
      </c>
      <c r="H4198" t="s">
        <v>1306</v>
      </c>
      <c r="I4198">
        <v>9.4499999999999993</v>
      </c>
      <c r="J4198">
        <v>5</v>
      </c>
      <c r="K4198">
        <v>0.19</v>
      </c>
    </row>
    <row r="4199" spans="1:11" x14ac:dyDescent="0.3">
      <c r="A4199" s="1">
        <v>42405</v>
      </c>
      <c r="B4199" s="3">
        <f t="shared" si="130"/>
        <v>2</v>
      </c>
      <c r="C4199" s="3">
        <f t="shared" si="131"/>
        <v>2016</v>
      </c>
      <c r="D4199" t="s">
        <v>1180</v>
      </c>
      <c r="E4199" t="s">
        <v>29</v>
      </c>
      <c r="F4199" t="s">
        <v>33</v>
      </c>
      <c r="G4199" t="s">
        <v>46</v>
      </c>
      <c r="H4199" t="s">
        <v>1584</v>
      </c>
      <c r="I4199">
        <v>18.84</v>
      </c>
      <c r="J4199">
        <v>3</v>
      </c>
      <c r="K4199">
        <v>7.16</v>
      </c>
    </row>
    <row r="4200" spans="1:11" x14ac:dyDescent="0.3">
      <c r="A4200" s="1">
        <v>42405</v>
      </c>
      <c r="B4200" s="3">
        <f t="shared" si="130"/>
        <v>2</v>
      </c>
      <c r="C4200" s="3">
        <f t="shared" si="131"/>
        <v>2016</v>
      </c>
      <c r="D4200" t="s">
        <v>1180</v>
      </c>
      <c r="E4200" t="s">
        <v>29</v>
      </c>
      <c r="F4200" t="s">
        <v>33</v>
      </c>
      <c r="G4200" t="s">
        <v>73</v>
      </c>
      <c r="H4200" t="s">
        <v>1636</v>
      </c>
      <c r="I4200">
        <v>239.98</v>
      </c>
      <c r="J4200">
        <v>2</v>
      </c>
      <c r="K4200">
        <v>52.8</v>
      </c>
    </row>
    <row r="4201" spans="1:11" x14ac:dyDescent="0.3">
      <c r="A4201" s="1">
        <v>42405</v>
      </c>
      <c r="B4201" s="3">
        <f t="shared" si="130"/>
        <v>2</v>
      </c>
      <c r="C4201" s="3">
        <f t="shared" si="131"/>
        <v>2016</v>
      </c>
      <c r="D4201" t="s">
        <v>1180</v>
      </c>
      <c r="E4201" t="s">
        <v>29</v>
      </c>
      <c r="F4201" t="s">
        <v>10</v>
      </c>
      <c r="G4201" t="s">
        <v>62</v>
      </c>
      <c r="H4201" t="s">
        <v>1625</v>
      </c>
      <c r="I4201">
        <v>167.96</v>
      </c>
      <c r="J4201">
        <v>2</v>
      </c>
      <c r="K4201">
        <v>78.94</v>
      </c>
    </row>
    <row r="4202" spans="1:11" x14ac:dyDescent="0.3">
      <c r="A4202" s="1">
        <v>42405</v>
      </c>
      <c r="B4202" s="3">
        <f t="shared" si="130"/>
        <v>2</v>
      </c>
      <c r="C4202" s="3">
        <f t="shared" si="131"/>
        <v>2016</v>
      </c>
      <c r="D4202" t="s">
        <v>1180</v>
      </c>
      <c r="E4202" t="s">
        <v>29</v>
      </c>
      <c r="F4202" t="s">
        <v>38</v>
      </c>
      <c r="G4202" t="s">
        <v>39</v>
      </c>
      <c r="H4202" t="s">
        <v>831</v>
      </c>
      <c r="I4202">
        <v>104.85</v>
      </c>
      <c r="J4202">
        <v>3</v>
      </c>
      <c r="K4202">
        <v>28.31</v>
      </c>
    </row>
    <row r="4203" spans="1:11" x14ac:dyDescent="0.3">
      <c r="A4203" s="1">
        <v>42405</v>
      </c>
      <c r="B4203" s="3">
        <f t="shared" si="130"/>
        <v>2</v>
      </c>
      <c r="C4203" s="3">
        <f t="shared" si="131"/>
        <v>2016</v>
      </c>
      <c r="D4203" t="s">
        <v>1180</v>
      </c>
      <c r="E4203" t="s">
        <v>29</v>
      </c>
      <c r="F4203" t="s">
        <v>38</v>
      </c>
      <c r="G4203" t="s">
        <v>39</v>
      </c>
      <c r="H4203" t="s">
        <v>172</v>
      </c>
      <c r="I4203">
        <v>484.83</v>
      </c>
      <c r="J4203">
        <v>3</v>
      </c>
      <c r="K4203">
        <v>126.06</v>
      </c>
    </row>
    <row r="4204" spans="1:11" x14ac:dyDescent="0.3">
      <c r="A4204" s="1">
        <v>42405</v>
      </c>
      <c r="B4204" s="3">
        <f t="shared" si="130"/>
        <v>2</v>
      </c>
      <c r="C4204" s="3">
        <f t="shared" si="131"/>
        <v>2016</v>
      </c>
      <c r="D4204" t="s">
        <v>1180</v>
      </c>
      <c r="E4204" t="s">
        <v>29</v>
      </c>
      <c r="F4204" t="s">
        <v>10</v>
      </c>
      <c r="G4204" t="s">
        <v>11</v>
      </c>
      <c r="H4204" t="s">
        <v>1988</v>
      </c>
      <c r="I4204">
        <v>122.97</v>
      </c>
      <c r="J4204">
        <v>3</v>
      </c>
      <c r="K4204">
        <v>60.26</v>
      </c>
    </row>
    <row r="4205" spans="1:11" x14ac:dyDescent="0.3">
      <c r="A4205" s="1">
        <v>42405</v>
      </c>
      <c r="B4205" s="3">
        <f t="shared" si="130"/>
        <v>2</v>
      </c>
      <c r="C4205" s="3">
        <f t="shared" si="131"/>
        <v>2016</v>
      </c>
      <c r="D4205" t="s">
        <v>1180</v>
      </c>
      <c r="E4205" t="s">
        <v>29</v>
      </c>
      <c r="F4205" t="s">
        <v>10</v>
      </c>
      <c r="G4205" t="s">
        <v>17</v>
      </c>
      <c r="H4205" t="s">
        <v>1016</v>
      </c>
      <c r="I4205">
        <v>154.44</v>
      </c>
      <c r="J4205">
        <v>3</v>
      </c>
      <c r="K4205">
        <v>1.54</v>
      </c>
    </row>
    <row r="4206" spans="1:11" x14ac:dyDescent="0.3">
      <c r="A4206" s="1">
        <v>42405</v>
      </c>
      <c r="B4206" s="3">
        <f t="shared" si="130"/>
        <v>2</v>
      </c>
      <c r="C4206" s="3">
        <f t="shared" si="131"/>
        <v>2016</v>
      </c>
      <c r="D4206" t="s">
        <v>1180</v>
      </c>
      <c r="E4206" t="s">
        <v>29</v>
      </c>
      <c r="F4206" t="s">
        <v>10</v>
      </c>
      <c r="G4206" t="s">
        <v>11</v>
      </c>
      <c r="H4206" t="s">
        <v>2357</v>
      </c>
      <c r="I4206">
        <v>342.37</v>
      </c>
      <c r="J4206">
        <v>7</v>
      </c>
      <c r="K4206">
        <v>160.91</v>
      </c>
    </row>
    <row r="4207" spans="1:11" x14ac:dyDescent="0.3">
      <c r="A4207" s="1">
        <v>42405</v>
      </c>
      <c r="B4207" s="3">
        <f t="shared" si="130"/>
        <v>2</v>
      </c>
      <c r="C4207" s="3">
        <f t="shared" si="131"/>
        <v>2016</v>
      </c>
      <c r="D4207" t="s">
        <v>324</v>
      </c>
      <c r="E4207" t="s">
        <v>26</v>
      </c>
      <c r="F4207" t="s">
        <v>10</v>
      </c>
      <c r="G4207" t="s">
        <v>15</v>
      </c>
      <c r="H4207" t="s">
        <v>16</v>
      </c>
      <c r="I4207">
        <v>14.73</v>
      </c>
      <c r="J4207">
        <v>3</v>
      </c>
      <c r="K4207">
        <v>7.22</v>
      </c>
    </row>
    <row r="4208" spans="1:11" x14ac:dyDescent="0.3">
      <c r="A4208" s="1">
        <v>42405</v>
      </c>
      <c r="B4208" s="3">
        <f t="shared" si="130"/>
        <v>2</v>
      </c>
      <c r="C4208" s="3">
        <f t="shared" si="131"/>
        <v>2016</v>
      </c>
      <c r="D4208" t="s">
        <v>324</v>
      </c>
      <c r="E4208" t="s">
        <v>26</v>
      </c>
      <c r="F4208" t="s">
        <v>10</v>
      </c>
      <c r="G4208" t="s">
        <v>17</v>
      </c>
      <c r="H4208" t="s">
        <v>1399</v>
      </c>
      <c r="I4208">
        <v>186.54</v>
      </c>
      <c r="J4208">
        <v>3</v>
      </c>
      <c r="K4208">
        <v>50.37</v>
      </c>
    </row>
    <row r="4209" spans="1:11" x14ac:dyDescent="0.3">
      <c r="A4209" s="1">
        <v>42405</v>
      </c>
      <c r="B4209" s="3">
        <f t="shared" si="130"/>
        <v>2</v>
      </c>
      <c r="C4209" s="3">
        <f t="shared" si="131"/>
        <v>2016</v>
      </c>
      <c r="D4209" t="s">
        <v>324</v>
      </c>
      <c r="E4209" t="s">
        <v>26</v>
      </c>
      <c r="F4209" t="s">
        <v>33</v>
      </c>
      <c r="G4209" t="s">
        <v>144</v>
      </c>
      <c r="H4209" t="s">
        <v>2065</v>
      </c>
      <c r="I4209">
        <v>557.73</v>
      </c>
      <c r="J4209">
        <v>4</v>
      </c>
      <c r="K4209">
        <v>6.97</v>
      </c>
    </row>
    <row r="4210" spans="1:11" x14ac:dyDescent="0.3">
      <c r="A4210" s="1">
        <v>42405</v>
      </c>
      <c r="B4210" s="3">
        <f t="shared" si="130"/>
        <v>2</v>
      </c>
      <c r="C4210" s="3">
        <f t="shared" si="131"/>
        <v>2016</v>
      </c>
      <c r="D4210" t="s">
        <v>324</v>
      </c>
      <c r="E4210" t="s">
        <v>26</v>
      </c>
      <c r="F4210" t="s">
        <v>38</v>
      </c>
      <c r="G4210" t="s">
        <v>39</v>
      </c>
      <c r="H4210" t="s">
        <v>2442</v>
      </c>
      <c r="I4210">
        <v>159.97</v>
      </c>
      <c r="J4210">
        <v>4</v>
      </c>
      <c r="K4210">
        <v>-31.99</v>
      </c>
    </row>
    <row r="4211" spans="1:11" x14ac:dyDescent="0.3">
      <c r="A4211" s="1">
        <v>42406</v>
      </c>
      <c r="B4211" s="3">
        <f t="shared" si="130"/>
        <v>2</v>
      </c>
      <c r="C4211" s="3">
        <f t="shared" si="131"/>
        <v>2016</v>
      </c>
      <c r="D4211" t="s">
        <v>426</v>
      </c>
      <c r="E4211" t="s">
        <v>119</v>
      </c>
      <c r="F4211" t="s">
        <v>33</v>
      </c>
      <c r="G4211" t="s">
        <v>46</v>
      </c>
      <c r="H4211" t="s">
        <v>653</v>
      </c>
      <c r="I4211">
        <v>132.22</v>
      </c>
      <c r="J4211">
        <v>4</v>
      </c>
      <c r="K4211">
        <v>-18.18</v>
      </c>
    </row>
    <row r="4212" spans="1:11" x14ac:dyDescent="0.3">
      <c r="A4212" s="1">
        <v>42407</v>
      </c>
      <c r="B4212" s="3">
        <f t="shared" si="130"/>
        <v>2</v>
      </c>
      <c r="C4212" s="3">
        <f t="shared" si="131"/>
        <v>2016</v>
      </c>
      <c r="D4212" t="s">
        <v>382</v>
      </c>
      <c r="E4212" t="s">
        <v>54</v>
      </c>
      <c r="F4212" t="s">
        <v>38</v>
      </c>
      <c r="G4212" t="s">
        <v>51</v>
      </c>
      <c r="H4212" t="s">
        <v>2397</v>
      </c>
      <c r="I4212">
        <v>100</v>
      </c>
      <c r="J4212">
        <v>4</v>
      </c>
      <c r="K4212">
        <v>21</v>
      </c>
    </row>
    <row r="4213" spans="1:11" x14ac:dyDescent="0.3">
      <c r="A4213" s="1">
        <v>42407</v>
      </c>
      <c r="B4213" s="3">
        <f t="shared" si="130"/>
        <v>2</v>
      </c>
      <c r="C4213" s="3">
        <f t="shared" si="131"/>
        <v>2016</v>
      </c>
      <c r="D4213" t="s">
        <v>382</v>
      </c>
      <c r="E4213" t="s">
        <v>54</v>
      </c>
      <c r="F4213" t="s">
        <v>10</v>
      </c>
      <c r="G4213" t="s">
        <v>15</v>
      </c>
      <c r="H4213" t="s">
        <v>1631</v>
      </c>
      <c r="I4213">
        <v>7.83</v>
      </c>
      <c r="J4213">
        <v>3</v>
      </c>
      <c r="K4213">
        <v>3.6</v>
      </c>
    </row>
    <row r="4214" spans="1:11" x14ac:dyDescent="0.3">
      <c r="A4214" s="1">
        <v>42407</v>
      </c>
      <c r="B4214" s="3">
        <f t="shared" si="130"/>
        <v>2</v>
      </c>
      <c r="C4214" s="3">
        <f t="shared" si="131"/>
        <v>2016</v>
      </c>
      <c r="D4214" t="s">
        <v>2443</v>
      </c>
      <c r="E4214" t="s">
        <v>77</v>
      </c>
      <c r="F4214" t="s">
        <v>10</v>
      </c>
      <c r="G4214" t="s">
        <v>11</v>
      </c>
      <c r="H4214" t="s">
        <v>1582</v>
      </c>
      <c r="I4214">
        <v>30.35</v>
      </c>
      <c r="J4214">
        <v>2</v>
      </c>
      <c r="K4214">
        <v>10.62</v>
      </c>
    </row>
    <row r="4215" spans="1:11" x14ac:dyDescent="0.3">
      <c r="A4215" s="1">
        <v>42407</v>
      </c>
      <c r="B4215" s="3">
        <f t="shared" si="130"/>
        <v>2</v>
      </c>
      <c r="C4215" s="3">
        <f t="shared" si="131"/>
        <v>2016</v>
      </c>
      <c r="D4215" t="s">
        <v>2423</v>
      </c>
      <c r="E4215" t="s">
        <v>26</v>
      </c>
      <c r="F4215" t="s">
        <v>38</v>
      </c>
      <c r="G4215" t="s">
        <v>39</v>
      </c>
      <c r="H4215" t="s">
        <v>2170</v>
      </c>
      <c r="I4215">
        <v>623.96</v>
      </c>
      <c r="J4215">
        <v>5</v>
      </c>
      <c r="K4215">
        <v>39</v>
      </c>
    </row>
    <row r="4216" spans="1:11" x14ac:dyDescent="0.3">
      <c r="A4216" s="1">
        <v>42408</v>
      </c>
      <c r="B4216" s="3">
        <f t="shared" si="130"/>
        <v>2</v>
      </c>
      <c r="C4216" s="3">
        <f t="shared" si="131"/>
        <v>2016</v>
      </c>
      <c r="D4216" t="s">
        <v>2130</v>
      </c>
      <c r="E4216" t="s">
        <v>244</v>
      </c>
      <c r="F4216" t="s">
        <v>38</v>
      </c>
      <c r="G4216" t="s">
        <v>39</v>
      </c>
      <c r="H4216" t="s">
        <v>2192</v>
      </c>
      <c r="I4216">
        <v>1127.98</v>
      </c>
      <c r="J4216">
        <v>3</v>
      </c>
      <c r="K4216">
        <v>126.9</v>
      </c>
    </row>
    <row r="4217" spans="1:11" x14ac:dyDescent="0.3">
      <c r="A4217" s="1">
        <v>42408</v>
      </c>
      <c r="B4217" s="3">
        <f t="shared" si="130"/>
        <v>2</v>
      </c>
      <c r="C4217" s="3">
        <f t="shared" si="131"/>
        <v>2016</v>
      </c>
      <c r="D4217" t="s">
        <v>169</v>
      </c>
      <c r="E4217" t="s">
        <v>9</v>
      </c>
      <c r="F4217" t="s">
        <v>33</v>
      </c>
      <c r="G4217" t="s">
        <v>34</v>
      </c>
      <c r="H4217" t="s">
        <v>234</v>
      </c>
      <c r="I4217">
        <v>241.5</v>
      </c>
      <c r="J4217">
        <v>4</v>
      </c>
      <c r="K4217">
        <v>0</v>
      </c>
    </row>
    <row r="4218" spans="1:11" x14ac:dyDescent="0.3">
      <c r="A4218" s="1">
        <v>42409</v>
      </c>
      <c r="B4218" s="3">
        <f t="shared" si="130"/>
        <v>2</v>
      </c>
      <c r="C4218" s="3">
        <f t="shared" si="131"/>
        <v>2016</v>
      </c>
      <c r="D4218" t="s">
        <v>2251</v>
      </c>
      <c r="E4218" t="s">
        <v>26</v>
      </c>
      <c r="F4218" t="s">
        <v>38</v>
      </c>
      <c r="G4218" t="s">
        <v>51</v>
      </c>
      <c r="H4218" t="s">
        <v>83</v>
      </c>
      <c r="I4218">
        <v>89.97</v>
      </c>
      <c r="J4218">
        <v>3</v>
      </c>
      <c r="K4218">
        <v>39.590000000000003</v>
      </c>
    </row>
    <row r="4219" spans="1:11" x14ac:dyDescent="0.3">
      <c r="A4219" s="1">
        <v>42409</v>
      </c>
      <c r="B4219" s="3">
        <f t="shared" si="130"/>
        <v>2</v>
      </c>
      <c r="C4219" s="3">
        <f t="shared" si="131"/>
        <v>2016</v>
      </c>
      <c r="D4219" t="s">
        <v>2251</v>
      </c>
      <c r="E4219" t="s">
        <v>26</v>
      </c>
      <c r="F4219" t="s">
        <v>38</v>
      </c>
      <c r="G4219" t="s">
        <v>51</v>
      </c>
      <c r="H4219" t="s">
        <v>2392</v>
      </c>
      <c r="I4219">
        <v>31.86</v>
      </c>
      <c r="J4219">
        <v>2</v>
      </c>
      <c r="K4219">
        <v>11.15</v>
      </c>
    </row>
    <row r="4220" spans="1:11" x14ac:dyDescent="0.3">
      <c r="A4220" s="1">
        <v>42411</v>
      </c>
      <c r="B4220" s="3">
        <f t="shared" si="130"/>
        <v>2</v>
      </c>
      <c r="C4220" s="3">
        <f t="shared" si="131"/>
        <v>2016</v>
      </c>
      <c r="D4220" t="s">
        <v>1681</v>
      </c>
      <c r="E4220" t="s">
        <v>839</v>
      </c>
      <c r="F4220" t="s">
        <v>38</v>
      </c>
      <c r="G4220" t="s">
        <v>39</v>
      </c>
      <c r="H4220" t="s">
        <v>1861</v>
      </c>
      <c r="I4220">
        <v>69.930000000000007</v>
      </c>
      <c r="J4220">
        <v>7</v>
      </c>
      <c r="K4220">
        <v>0.7</v>
      </c>
    </row>
    <row r="4221" spans="1:11" x14ac:dyDescent="0.3">
      <c r="A4221" s="1">
        <v>42412</v>
      </c>
      <c r="B4221" s="3">
        <f t="shared" si="130"/>
        <v>2</v>
      </c>
      <c r="C4221" s="3">
        <f t="shared" si="131"/>
        <v>2016</v>
      </c>
      <c r="D4221" t="s">
        <v>502</v>
      </c>
      <c r="E4221" t="s">
        <v>29</v>
      </c>
      <c r="F4221" t="s">
        <v>10</v>
      </c>
      <c r="G4221" t="s">
        <v>17</v>
      </c>
      <c r="H4221" t="s">
        <v>1571</v>
      </c>
      <c r="I4221">
        <v>1350.12</v>
      </c>
      <c r="J4221">
        <v>6</v>
      </c>
      <c r="K4221">
        <v>175.52</v>
      </c>
    </row>
    <row r="4222" spans="1:11" x14ac:dyDescent="0.3">
      <c r="A4222" s="1">
        <v>42412</v>
      </c>
      <c r="B4222" s="3">
        <f t="shared" si="130"/>
        <v>2</v>
      </c>
      <c r="C4222" s="3">
        <f t="shared" si="131"/>
        <v>2016</v>
      </c>
      <c r="D4222" t="s">
        <v>502</v>
      </c>
      <c r="E4222" t="s">
        <v>29</v>
      </c>
      <c r="F4222" t="s">
        <v>10</v>
      </c>
      <c r="G4222" t="s">
        <v>19</v>
      </c>
      <c r="H4222" t="s">
        <v>1385</v>
      </c>
      <c r="I4222">
        <v>15.92</v>
      </c>
      <c r="J4222">
        <v>4</v>
      </c>
      <c r="K4222">
        <v>7.48</v>
      </c>
    </row>
    <row r="4223" spans="1:11" x14ac:dyDescent="0.3">
      <c r="A4223" s="1">
        <v>42413</v>
      </c>
      <c r="B4223" s="3">
        <f t="shared" si="130"/>
        <v>2</v>
      </c>
      <c r="C4223" s="3">
        <f t="shared" si="131"/>
        <v>2016</v>
      </c>
      <c r="D4223" t="s">
        <v>1512</v>
      </c>
      <c r="E4223" t="s">
        <v>26</v>
      </c>
      <c r="F4223" t="s">
        <v>10</v>
      </c>
      <c r="G4223" t="s">
        <v>11</v>
      </c>
      <c r="H4223" t="s">
        <v>1410</v>
      </c>
      <c r="I4223">
        <v>146.82</v>
      </c>
      <c r="J4223">
        <v>3</v>
      </c>
      <c r="K4223">
        <v>73.41</v>
      </c>
    </row>
    <row r="4224" spans="1:11" x14ac:dyDescent="0.3">
      <c r="A4224" s="1">
        <v>42414</v>
      </c>
      <c r="B4224" s="3">
        <f t="shared" si="130"/>
        <v>2</v>
      </c>
      <c r="C4224" s="3">
        <f t="shared" si="131"/>
        <v>2016</v>
      </c>
      <c r="D4224" t="s">
        <v>1932</v>
      </c>
      <c r="E4224" t="s">
        <v>530</v>
      </c>
      <c r="F4224" t="s">
        <v>10</v>
      </c>
      <c r="G4224" t="s">
        <v>11</v>
      </c>
      <c r="H4224" t="s">
        <v>1913</v>
      </c>
      <c r="I4224">
        <v>4.7699999999999996</v>
      </c>
      <c r="J4224">
        <v>1</v>
      </c>
      <c r="K4224">
        <v>2.15</v>
      </c>
    </row>
    <row r="4225" spans="1:11" x14ac:dyDescent="0.3">
      <c r="A4225" s="1">
        <v>42414</v>
      </c>
      <c r="B4225" s="3">
        <f t="shared" si="130"/>
        <v>2</v>
      </c>
      <c r="C4225" s="3">
        <f t="shared" si="131"/>
        <v>2016</v>
      </c>
      <c r="D4225" t="s">
        <v>1932</v>
      </c>
      <c r="E4225" t="s">
        <v>530</v>
      </c>
      <c r="F4225" t="s">
        <v>10</v>
      </c>
      <c r="G4225" t="s">
        <v>23</v>
      </c>
      <c r="H4225" t="s">
        <v>289</v>
      </c>
      <c r="I4225">
        <v>7.98</v>
      </c>
      <c r="J4225">
        <v>3</v>
      </c>
      <c r="K4225">
        <v>2.0699999999999998</v>
      </c>
    </row>
    <row r="4226" spans="1:11" x14ac:dyDescent="0.3">
      <c r="A4226" s="1">
        <v>42414</v>
      </c>
      <c r="B4226" s="3">
        <f t="shared" ref="B4226:B4289" si="132">MONTH(A:A)</f>
        <v>2</v>
      </c>
      <c r="C4226" s="3">
        <f t="shared" ref="C4226:C4289" si="133">YEAR(A:A)</f>
        <v>2016</v>
      </c>
      <c r="D4226" t="s">
        <v>1932</v>
      </c>
      <c r="E4226" t="s">
        <v>530</v>
      </c>
      <c r="F4226" t="s">
        <v>33</v>
      </c>
      <c r="G4226" t="s">
        <v>144</v>
      </c>
      <c r="H4226" t="s">
        <v>1612</v>
      </c>
      <c r="I4226">
        <v>550.42999999999995</v>
      </c>
      <c r="J4226">
        <v>3</v>
      </c>
      <c r="K4226">
        <v>-47.18</v>
      </c>
    </row>
    <row r="4227" spans="1:11" x14ac:dyDescent="0.3">
      <c r="A4227" s="1">
        <v>42414</v>
      </c>
      <c r="B4227" s="3">
        <f t="shared" si="132"/>
        <v>2</v>
      </c>
      <c r="C4227" s="3">
        <f t="shared" si="133"/>
        <v>2016</v>
      </c>
      <c r="D4227" t="s">
        <v>1932</v>
      </c>
      <c r="E4227" t="s">
        <v>530</v>
      </c>
      <c r="F4227" t="s">
        <v>33</v>
      </c>
      <c r="G4227" t="s">
        <v>46</v>
      </c>
      <c r="H4227" t="s">
        <v>1154</v>
      </c>
      <c r="I4227">
        <v>10.56</v>
      </c>
      <c r="J4227">
        <v>6</v>
      </c>
      <c r="K4227">
        <v>4.6500000000000004</v>
      </c>
    </row>
    <row r="4228" spans="1:11" x14ac:dyDescent="0.3">
      <c r="A4228" s="1">
        <v>42414</v>
      </c>
      <c r="B4228" s="3">
        <f t="shared" si="132"/>
        <v>2</v>
      </c>
      <c r="C4228" s="3">
        <f t="shared" si="133"/>
        <v>2016</v>
      </c>
      <c r="D4228" t="s">
        <v>2155</v>
      </c>
      <c r="E4228" t="s">
        <v>328</v>
      </c>
      <c r="F4228" t="s">
        <v>10</v>
      </c>
      <c r="G4228" t="s">
        <v>23</v>
      </c>
      <c r="H4228" t="s">
        <v>1578</v>
      </c>
      <c r="I4228">
        <v>264.18</v>
      </c>
      <c r="J4228">
        <v>7</v>
      </c>
      <c r="K4228">
        <v>68.69</v>
      </c>
    </row>
    <row r="4229" spans="1:11" x14ac:dyDescent="0.3">
      <c r="A4229" s="1">
        <v>42415</v>
      </c>
      <c r="B4229" s="3">
        <f t="shared" si="132"/>
        <v>2</v>
      </c>
      <c r="C4229" s="3">
        <f t="shared" si="133"/>
        <v>2016</v>
      </c>
      <c r="D4229" t="s">
        <v>634</v>
      </c>
      <c r="E4229" t="s">
        <v>148</v>
      </c>
      <c r="F4229" t="s">
        <v>10</v>
      </c>
      <c r="G4229" t="s">
        <v>19</v>
      </c>
      <c r="H4229" t="s">
        <v>665</v>
      </c>
      <c r="I4229">
        <v>398.35</v>
      </c>
      <c r="J4229">
        <v>3</v>
      </c>
      <c r="K4229">
        <v>124.49</v>
      </c>
    </row>
    <row r="4230" spans="1:11" x14ac:dyDescent="0.3">
      <c r="A4230" s="1">
        <v>42415</v>
      </c>
      <c r="B4230" s="3">
        <f t="shared" si="132"/>
        <v>2</v>
      </c>
      <c r="C4230" s="3">
        <f t="shared" si="133"/>
        <v>2016</v>
      </c>
      <c r="D4230" t="s">
        <v>634</v>
      </c>
      <c r="E4230" t="s">
        <v>148</v>
      </c>
      <c r="F4230" t="s">
        <v>10</v>
      </c>
      <c r="G4230" t="s">
        <v>42</v>
      </c>
      <c r="H4230" t="s">
        <v>961</v>
      </c>
      <c r="I4230">
        <v>8.7200000000000006</v>
      </c>
      <c r="J4230">
        <v>4</v>
      </c>
      <c r="K4230">
        <v>3.58</v>
      </c>
    </row>
    <row r="4231" spans="1:11" x14ac:dyDescent="0.3">
      <c r="A4231" s="1">
        <v>42416</v>
      </c>
      <c r="B4231" s="3">
        <f t="shared" si="132"/>
        <v>2</v>
      </c>
      <c r="C4231" s="3">
        <f t="shared" si="133"/>
        <v>2016</v>
      </c>
      <c r="D4231" t="s">
        <v>1286</v>
      </c>
      <c r="E4231" t="s">
        <v>14</v>
      </c>
      <c r="F4231" t="s">
        <v>10</v>
      </c>
      <c r="G4231" t="s">
        <v>91</v>
      </c>
      <c r="H4231" t="s">
        <v>2444</v>
      </c>
      <c r="I4231">
        <v>92.06</v>
      </c>
      <c r="J4231">
        <v>6</v>
      </c>
      <c r="K4231">
        <v>-225.56</v>
      </c>
    </row>
    <row r="4232" spans="1:11" x14ac:dyDescent="0.3">
      <c r="A4232" s="1">
        <v>42416</v>
      </c>
      <c r="B4232" s="3">
        <f t="shared" si="132"/>
        <v>2</v>
      </c>
      <c r="C4232" s="3">
        <f t="shared" si="133"/>
        <v>2016</v>
      </c>
      <c r="D4232" t="s">
        <v>1286</v>
      </c>
      <c r="E4232" t="s">
        <v>14</v>
      </c>
      <c r="F4232" t="s">
        <v>10</v>
      </c>
      <c r="G4232" t="s">
        <v>42</v>
      </c>
      <c r="H4232" t="s">
        <v>961</v>
      </c>
      <c r="I4232">
        <v>6.98</v>
      </c>
      <c r="J4232">
        <v>4</v>
      </c>
      <c r="K4232">
        <v>1.83</v>
      </c>
    </row>
    <row r="4233" spans="1:11" x14ac:dyDescent="0.3">
      <c r="A4233" s="1">
        <v>42416</v>
      </c>
      <c r="B4233" s="3">
        <f t="shared" si="132"/>
        <v>2</v>
      </c>
      <c r="C4233" s="3">
        <f t="shared" si="133"/>
        <v>2016</v>
      </c>
      <c r="D4233" t="s">
        <v>1286</v>
      </c>
      <c r="E4233" t="s">
        <v>14</v>
      </c>
      <c r="F4233" t="s">
        <v>33</v>
      </c>
      <c r="G4233" t="s">
        <v>34</v>
      </c>
      <c r="H4233" t="s">
        <v>1574</v>
      </c>
      <c r="I4233">
        <v>62.96</v>
      </c>
      <c r="J4233">
        <v>3</v>
      </c>
      <c r="K4233">
        <v>-2.7</v>
      </c>
    </row>
    <row r="4234" spans="1:11" x14ac:dyDescent="0.3">
      <c r="A4234" s="1">
        <v>42416</v>
      </c>
      <c r="B4234" s="3">
        <f t="shared" si="132"/>
        <v>2</v>
      </c>
      <c r="C4234" s="3">
        <f t="shared" si="133"/>
        <v>2016</v>
      </c>
      <c r="D4234" t="s">
        <v>1286</v>
      </c>
      <c r="E4234" t="s">
        <v>14</v>
      </c>
      <c r="F4234" t="s">
        <v>10</v>
      </c>
      <c r="G4234" t="s">
        <v>11</v>
      </c>
      <c r="H4234" t="s">
        <v>2207</v>
      </c>
      <c r="I4234">
        <v>5.18</v>
      </c>
      <c r="J4234">
        <v>1</v>
      </c>
      <c r="K4234">
        <v>1.81</v>
      </c>
    </row>
    <row r="4235" spans="1:11" x14ac:dyDescent="0.3">
      <c r="A4235" s="1">
        <v>42416</v>
      </c>
      <c r="B4235" s="3">
        <f t="shared" si="132"/>
        <v>2</v>
      </c>
      <c r="C4235" s="3">
        <f t="shared" si="133"/>
        <v>2016</v>
      </c>
      <c r="D4235" t="s">
        <v>1993</v>
      </c>
      <c r="E4235" t="s">
        <v>176</v>
      </c>
      <c r="F4235" t="s">
        <v>33</v>
      </c>
      <c r="G4235" t="s">
        <v>34</v>
      </c>
      <c r="H4235" t="s">
        <v>2265</v>
      </c>
      <c r="I4235">
        <v>227.96</v>
      </c>
      <c r="J4235">
        <v>2</v>
      </c>
      <c r="K4235">
        <v>36.47</v>
      </c>
    </row>
    <row r="4236" spans="1:11" x14ac:dyDescent="0.3">
      <c r="A4236" s="1">
        <v>42416</v>
      </c>
      <c r="B4236" s="3">
        <f t="shared" si="132"/>
        <v>2</v>
      </c>
      <c r="C4236" s="3">
        <f t="shared" si="133"/>
        <v>2016</v>
      </c>
      <c r="D4236" t="s">
        <v>236</v>
      </c>
      <c r="E4236" t="s">
        <v>32</v>
      </c>
      <c r="F4236" t="s">
        <v>33</v>
      </c>
      <c r="G4236" t="s">
        <v>46</v>
      </c>
      <c r="H4236" t="s">
        <v>1714</v>
      </c>
      <c r="I4236">
        <v>318.08</v>
      </c>
      <c r="J4236">
        <v>4</v>
      </c>
      <c r="K4236">
        <v>34.99</v>
      </c>
    </row>
    <row r="4237" spans="1:11" x14ac:dyDescent="0.3">
      <c r="A4237" s="1">
        <v>42416</v>
      </c>
      <c r="B4237" s="3">
        <f t="shared" si="132"/>
        <v>2</v>
      </c>
      <c r="C4237" s="3">
        <f t="shared" si="133"/>
        <v>2016</v>
      </c>
      <c r="D4237" t="s">
        <v>236</v>
      </c>
      <c r="E4237" t="s">
        <v>32</v>
      </c>
      <c r="F4237" t="s">
        <v>10</v>
      </c>
      <c r="G4237" t="s">
        <v>19</v>
      </c>
      <c r="H4237" t="s">
        <v>2199</v>
      </c>
      <c r="I4237">
        <v>5.8</v>
      </c>
      <c r="J4237">
        <v>1</v>
      </c>
      <c r="K4237">
        <v>2.61</v>
      </c>
    </row>
    <row r="4238" spans="1:11" x14ac:dyDescent="0.3">
      <c r="A4238" s="1">
        <v>42416</v>
      </c>
      <c r="B4238" s="3">
        <f t="shared" si="132"/>
        <v>2</v>
      </c>
      <c r="C4238" s="3">
        <f t="shared" si="133"/>
        <v>2016</v>
      </c>
      <c r="D4238" t="s">
        <v>1447</v>
      </c>
      <c r="E4238" t="s">
        <v>148</v>
      </c>
      <c r="F4238" t="s">
        <v>33</v>
      </c>
      <c r="G4238" t="s">
        <v>34</v>
      </c>
      <c r="H4238" t="s">
        <v>2445</v>
      </c>
      <c r="I4238">
        <v>326.64999999999998</v>
      </c>
      <c r="J4238">
        <v>3</v>
      </c>
      <c r="K4238">
        <v>39.92</v>
      </c>
    </row>
    <row r="4239" spans="1:11" x14ac:dyDescent="0.3">
      <c r="A4239" s="1">
        <v>42416</v>
      </c>
      <c r="B4239" s="3">
        <f t="shared" si="132"/>
        <v>2</v>
      </c>
      <c r="C4239" s="3">
        <f t="shared" si="133"/>
        <v>2016</v>
      </c>
      <c r="D4239" t="s">
        <v>1447</v>
      </c>
      <c r="E4239" t="s">
        <v>148</v>
      </c>
      <c r="F4239" t="s">
        <v>38</v>
      </c>
      <c r="G4239" t="s">
        <v>51</v>
      </c>
      <c r="H4239" t="s">
        <v>83</v>
      </c>
      <c r="I4239">
        <v>89.97</v>
      </c>
      <c r="J4239">
        <v>3</v>
      </c>
      <c r="K4239">
        <v>39.590000000000003</v>
      </c>
    </row>
    <row r="4240" spans="1:11" x14ac:dyDescent="0.3">
      <c r="A4240" s="1">
        <v>42419</v>
      </c>
      <c r="B4240" s="3">
        <f t="shared" si="132"/>
        <v>2</v>
      </c>
      <c r="C4240" s="3">
        <f t="shared" si="133"/>
        <v>2016</v>
      </c>
      <c r="D4240" t="s">
        <v>708</v>
      </c>
      <c r="E4240" t="s">
        <v>148</v>
      </c>
      <c r="F4240" t="s">
        <v>33</v>
      </c>
      <c r="G4240" t="s">
        <v>46</v>
      </c>
      <c r="H4240" t="s">
        <v>1793</v>
      </c>
      <c r="I4240">
        <v>44.46</v>
      </c>
      <c r="J4240">
        <v>2</v>
      </c>
      <c r="K4240">
        <v>14.67</v>
      </c>
    </row>
    <row r="4241" spans="1:11" x14ac:dyDescent="0.3">
      <c r="A4241" s="1">
        <v>42419</v>
      </c>
      <c r="B4241" s="3">
        <f t="shared" si="132"/>
        <v>2</v>
      </c>
      <c r="C4241" s="3">
        <f t="shared" si="133"/>
        <v>2016</v>
      </c>
      <c r="D4241" t="s">
        <v>708</v>
      </c>
      <c r="E4241" t="s">
        <v>148</v>
      </c>
      <c r="F4241" t="s">
        <v>10</v>
      </c>
      <c r="G4241" t="s">
        <v>17</v>
      </c>
      <c r="H4241" t="s">
        <v>296</v>
      </c>
      <c r="I4241">
        <v>242.94</v>
      </c>
      <c r="J4241">
        <v>3</v>
      </c>
      <c r="K4241">
        <v>9.7200000000000006</v>
      </c>
    </row>
    <row r="4242" spans="1:11" x14ac:dyDescent="0.3">
      <c r="A4242" s="1">
        <v>42419</v>
      </c>
      <c r="B4242" s="3">
        <f t="shared" si="132"/>
        <v>2</v>
      </c>
      <c r="C4242" s="3">
        <f t="shared" si="133"/>
        <v>2016</v>
      </c>
      <c r="D4242" t="s">
        <v>175</v>
      </c>
      <c r="E4242" t="s">
        <v>148</v>
      </c>
      <c r="F4242" t="s">
        <v>10</v>
      </c>
      <c r="G4242" t="s">
        <v>15</v>
      </c>
      <c r="H4242" t="s">
        <v>220</v>
      </c>
      <c r="I4242">
        <v>8.67</v>
      </c>
      <c r="J4242">
        <v>3</v>
      </c>
      <c r="K4242">
        <v>4.07</v>
      </c>
    </row>
    <row r="4243" spans="1:11" x14ac:dyDescent="0.3">
      <c r="A4243" s="1">
        <v>42419</v>
      </c>
      <c r="B4243" s="3">
        <f t="shared" si="132"/>
        <v>2</v>
      </c>
      <c r="C4243" s="3">
        <f t="shared" si="133"/>
        <v>2016</v>
      </c>
      <c r="D4243" t="s">
        <v>175</v>
      </c>
      <c r="E4243" t="s">
        <v>148</v>
      </c>
      <c r="F4243" t="s">
        <v>10</v>
      </c>
      <c r="G4243" t="s">
        <v>199</v>
      </c>
      <c r="H4243" t="s">
        <v>781</v>
      </c>
      <c r="I4243">
        <v>25.71</v>
      </c>
      <c r="J4243">
        <v>3</v>
      </c>
      <c r="K4243">
        <v>6.68</v>
      </c>
    </row>
    <row r="4244" spans="1:11" x14ac:dyDescent="0.3">
      <c r="A4244" s="1">
        <v>42419</v>
      </c>
      <c r="B4244" s="3">
        <f t="shared" si="132"/>
        <v>2</v>
      </c>
      <c r="C4244" s="3">
        <f t="shared" si="133"/>
        <v>2016</v>
      </c>
      <c r="D4244" t="s">
        <v>708</v>
      </c>
      <c r="E4244" t="s">
        <v>26</v>
      </c>
      <c r="F4244" t="s">
        <v>10</v>
      </c>
      <c r="G4244" t="s">
        <v>11</v>
      </c>
      <c r="H4244" t="s">
        <v>1983</v>
      </c>
      <c r="I4244">
        <v>70.88</v>
      </c>
      <c r="J4244">
        <v>2</v>
      </c>
      <c r="K4244">
        <v>33.31</v>
      </c>
    </row>
    <row r="4245" spans="1:11" x14ac:dyDescent="0.3">
      <c r="A4245" s="1">
        <v>42420</v>
      </c>
      <c r="B4245" s="3">
        <f t="shared" si="132"/>
        <v>2</v>
      </c>
      <c r="C4245" s="3">
        <f t="shared" si="133"/>
        <v>2016</v>
      </c>
      <c r="D4245" t="s">
        <v>1722</v>
      </c>
      <c r="E4245" t="s">
        <v>119</v>
      </c>
      <c r="F4245" t="s">
        <v>10</v>
      </c>
      <c r="G4245" t="s">
        <v>11</v>
      </c>
      <c r="H4245" t="s">
        <v>1889</v>
      </c>
      <c r="I4245">
        <v>16.5</v>
      </c>
      <c r="J4245">
        <v>2</v>
      </c>
      <c r="K4245">
        <v>5.57</v>
      </c>
    </row>
    <row r="4246" spans="1:11" x14ac:dyDescent="0.3">
      <c r="A4246" s="1">
        <v>42421</v>
      </c>
      <c r="B4246" s="3">
        <f t="shared" si="132"/>
        <v>2</v>
      </c>
      <c r="C4246" s="3">
        <f t="shared" si="133"/>
        <v>2016</v>
      </c>
      <c r="D4246" t="s">
        <v>1719</v>
      </c>
      <c r="E4246" t="s">
        <v>26</v>
      </c>
      <c r="F4246" t="s">
        <v>38</v>
      </c>
      <c r="G4246" t="s">
        <v>51</v>
      </c>
      <c r="H4246" t="s">
        <v>690</v>
      </c>
      <c r="I4246">
        <v>12.99</v>
      </c>
      <c r="J4246">
        <v>1</v>
      </c>
      <c r="K4246">
        <v>0.78</v>
      </c>
    </row>
    <row r="4247" spans="1:11" x14ac:dyDescent="0.3">
      <c r="A4247" s="1">
        <v>42421</v>
      </c>
      <c r="B4247" s="3">
        <f t="shared" si="132"/>
        <v>2</v>
      </c>
      <c r="C4247" s="3">
        <f t="shared" si="133"/>
        <v>2016</v>
      </c>
      <c r="D4247" t="s">
        <v>1719</v>
      </c>
      <c r="E4247" t="s">
        <v>26</v>
      </c>
      <c r="F4247" t="s">
        <v>10</v>
      </c>
      <c r="G4247" t="s">
        <v>19</v>
      </c>
      <c r="H4247" t="s">
        <v>885</v>
      </c>
      <c r="I4247">
        <v>18.559999999999999</v>
      </c>
      <c r="J4247">
        <v>4</v>
      </c>
      <c r="K4247">
        <v>6.5</v>
      </c>
    </row>
    <row r="4248" spans="1:11" x14ac:dyDescent="0.3">
      <c r="A4248" s="1">
        <v>42421</v>
      </c>
      <c r="B4248" s="3">
        <f t="shared" si="132"/>
        <v>2</v>
      </c>
      <c r="C4248" s="3">
        <f t="shared" si="133"/>
        <v>2016</v>
      </c>
      <c r="D4248" t="s">
        <v>1719</v>
      </c>
      <c r="E4248" t="s">
        <v>26</v>
      </c>
      <c r="F4248" t="s">
        <v>10</v>
      </c>
      <c r="G4248" t="s">
        <v>17</v>
      </c>
      <c r="H4248" t="s">
        <v>728</v>
      </c>
      <c r="I4248">
        <v>449.15</v>
      </c>
      <c r="J4248">
        <v>5</v>
      </c>
      <c r="K4248">
        <v>8.98</v>
      </c>
    </row>
    <row r="4249" spans="1:11" x14ac:dyDescent="0.3">
      <c r="A4249" s="1">
        <v>42421</v>
      </c>
      <c r="B4249" s="3">
        <f t="shared" si="132"/>
        <v>2</v>
      </c>
      <c r="C4249" s="3">
        <f t="shared" si="133"/>
        <v>2016</v>
      </c>
      <c r="D4249" t="s">
        <v>1719</v>
      </c>
      <c r="E4249" t="s">
        <v>26</v>
      </c>
      <c r="F4249" t="s">
        <v>10</v>
      </c>
      <c r="G4249" t="s">
        <v>19</v>
      </c>
      <c r="H4249" t="s">
        <v>1126</v>
      </c>
      <c r="I4249">
        <v>31.25</v>
      </c>
      <c r="J4249">
        <v>7</v>
      </c>
      <c r="K4249">
        <v>10.94</v>
      </c>
    </row>
    <row r="4250" spans="1:11" x14ac:dyDescent="0.3">
      <c r="A4250" s="1">
        <v>42421</v>
      </c>
      <c r="B4250" s="3">
        <f t="shared" si="132"/>
        <v>2</v>
      </c>
      <c r="C4250" s="3">
        <f t="shared" si="133"/>
        <v>2016</v>
      </c>
      <c r="D4250" t="s">
        <v>1976</v>
      </c>
      <c r="E4250" t="s">
        <v>148</v>
      </c>
      <c r="F4250" t="s">
        <v>33</v>
      </c>
      <c r="G4250" t="s">
        <v>46</v>
      </c>
      <c r="H4250" t="s">
        <v>930</v>
      </c>
      <c r="I4250">
        <v>68.95</v>
      </c>
      <c r="J4250">
        <v>5</v>
      </c>
      <c r="K4250">
        <v>28.96</v>
      </c>
    </row>
    <row r="4251" spans="1:11" x14ac:dyDescent="0.3">
      <c r="A4251" s="1">
        <v>42421</v>
      </c>
      <c r="B4251" s="3">
        <f t="shared" si="132"/>
        <v>2</v>
      </c>
      <c r="C4251" s="3">
        <f t="shared" si="133"/>
        <v>2016</v>
      </c>
      <c r="D4251" t="s">
        <v>1976</v>
      </c>
      <c r="E4251" t="s">
        <v>148</v>
      </c>
      <c r="F4251" t="s">
        <v>10</v>
      </c>
      <c r="G4251" t="s">
        <v>17</v>
      </c>
      <c r="H4251" t="s">
        <v>1688</v>
      </c>
      <c r="I4251">
        <v>296.37</v>
      </c>
      <c r="J4251">
        <v>3</v>
      </c>
      <c r="K4251">
        <v>80.02</v>
      </c>
    </row>
    <row r="4252" spans="1:11" x14ac:dyDescent="0.3">
      <c r="A4252" s="1">
        <v>42421</v>
      </c>
      <c r="B4252" s="3">
        <f t="shared" si="132"/>
        <v>2</v>
      </c>
      <c r="C4252" s="3">
        <f t="shared" si="133"/>
        <v>2016</v>
      </c>
      <c r="D4252" t="s">
        <v>1976</v>
      </c>
      <c r="E4252" t="s">
        <v>148</v>
      </c>
      <c r="F4252" t="s">
        <v>38</v>
      </c>
      <c r="G4252" t="s">
        <v>39</v>
      </c>
      <c r="H4252" t="s">
        <v>954</v>
      </c>
      <c r="I4252">
        <v>39.979999999999997</v>
      </c>
      <c r="J4252">
        <v>2</v>
      </c>
      <c r="K4252">
        <v>2</v>
      </c>
    </row>
    <row r="4253" spans="1:11" x14ac:dyDescent="0.3">
      <c r="A4253" s="1">
        <v>42421</v>
      </c>
      <c r="B4253" s="3">
        <f t="shared" si="132"/>
        <v>2</v>
      </c>
      <c r="C4253" s="3">
        <f t="shared" si="133"/>
        <v>2016</v>
      </c>
      <c r="D4253" t="s">
        <v>1921</v>
      </c>
      <c r="E4253" t="s">
        <v>122</v>
      </c>
      <c r="F4253" t="s">
        <v>10</v>
      </c>
      <c r="G4253" t="s">
        <v>19</v>
      </c>
      <c r="H4253" t="s">
        <v>1490</v>
      </c>
      <c r="I4253">
        <v>3.76</v>
      </c>
      <c r="J4253">
        <v>3</v>
      </c>
      <c r="K4253">
        <v>-2.76</v>
      </c>
    </row>
    <row r="4254" spans="1:11" x14ac:dyDescent="0.3">
      <c r="A4254" s="1">
        <v>42421</v>
      </c>
      <c r="B4254" s="3">
        <f t="shared" si="132"/>
        <v>2</v>
      </c>
      <c r="C4254" s="3">
        <f t="shared" si="133"/>
        <v>2016</v>
      </c>
      <c r="D4254" t="s">
        <v>1921</v>
      </c>
      <c r="E4254" t="s">
        <v>122</v>
      </c>
      <c r="F4254" t="s">
        <v>10</v>
      </c>
      <c r="G4254" t="s">
        <v>19</v>
      </c>
      <c r="H4254" t="s">
        <v>661</v>
      </c>
      <c r="I4254">
        <v>34.86</v>
      </c>
      <c r="J4254">
        <v>2</v>
      </c>
      <c r="K4254">
        <v>-26.73</v>
      </c>
    </row>
    <row r="4255" spans="1:11" x14ac:dyDescent="0.3">
      <c r="A4255" s="1">
        <v>42421</v>
      </c>
      <c r="B4255" s="3">
        <f t="shared" si="132"/>
        <v>2</v>
      </c>
      <c r="C4255" s="3">
        <f t="shared" si="133"/>
        <v>2016</v>
      </c>
      <c r="D4255" t="s">
        <v>1921</v>
      </c>
      <c r="E4255" t="s">
        <v>122</v>
      </c>
      <c r="F4255" t="s">
        <v>10</v>
      </c>
      <c r="G4255" t="s">
        <v>17</v>
      </c>
      <c r="H4255" t="s">
        <v>1756</v>
      </c>
      <c r="I4255">
        <v>432.46</v>
      </c>
      <c r="J4255">
        <v>3</v>
      </c>
      <c r="K4255">
        <v>32.43</v>
      </c>
    </row>
    <row r="4256" spans="1:11" x14ac:dyDescent="0.3">
      <c r="A4256" s="1">
        <v>42421</v>
      </c>
      <c r="B4256" s="3">
        <f t="shared" si="132"/>
        <v>2</v>
      </c>
      <c r="C4256" s="3">
        <f t="shared" si="133"/>
        <v>2016</v>
      </c>
      <c r="D4256" t="s">
        <v>1286</v>
      </c>
      <c r="E4256" t="s">
        <v>148</v>
      </c>
      <c r="F4256" t="s">
        <v>33</v>
      </c>
      <c r="G4256" t="s">
        <v>46</v>
      </c>
      <c r="H4256" t="s">
        <v>1727</v>
      </c>
      <c r="I4256">
        <v>135.80000000000001</v>
      </c>
      <c r="J4256">
        <v>7</v>
      </c>
      <c r="K4256">
        <v>66.540000000000006</v>
      </c>
    </row>
    <row r="4257" spans="1:11" x14ac:dyDescent="0.3">
      <c r="A4257" s="1">
        <v>42422</v>
      </c>
      <c r="B4257" s="3">
        <f t="shared" si="132"/>
        <v>2</v>
      </c>
      <c r="C4257" s="3">
        <f t="shared" si="133"/>
        <v>2016</v>
      </c>
      <c r="D4257" t="s">
        <v>946</v>
      </c>
      <c r="E4257" t="s">
        <v>156</v>
      </c>
      <c r="F4257" t="s">
        <v>10</v>
      </c>
      <c r="G4257" t="s">
        <v>91</v>
      </c>
      <c r="H4257" t="s">
        <v>1887</v>
      </c>
      <c r="I4257">
        <v>490.32</v>
      </c>
      <c r="J4257">
        <v>9</v>
      </c>
      <c r="K4257">
        <v>137.29</v>
      </c>
    </row>
    <row r="4258" spans="1:11" x14ac:dyDescent="0.3">
      <c r="A4258" s="1">
        <v>42422</v>
      </c>
      <c r="B4258" s="3">
        <f t="shared" si="132"/>
        <v>2</v>
      </c>
      <c r="C4258" s="3">
        <f t="shared" si="133"/>
        <v>2016</v>
      </c>
      <c r="D4258" t="s">
        <v>1594</v>
      </c>
      <c r="E4258" t="s">
        <v>26</v>
      </c>
      <c r="F4258" t="s">
        <v>38</v>
      </c>
      <c r="G4258" t="s">
        <v>39</v>
      </c>
      <c r="H4258" t="s">
        <v>1081</v>
      </c>
      <c r="I4258">
        <v>445.96</v>
      </c>
      <c r="J4258">
        <v>5</v>
      </c>
      <c r="K4258">
        <v>55.75</v>
      </c>
    </row>
    <row r="4259" spans="1:11" x14ac:dyDescent="0.3">
      <c r="A4259" s="1">
        <v>42422</v>
      </c>
      <c r="B4259" s="3">
        <f t="shared" si="132"/>
        <v>2</v>
      </c>
      <c r="C4259" s="3">
        <f t="shared" si="133"/>
        <v>2016</v>
      </c>
      <c r="D4259" t="s">
        <v>1594</v>
      </c>
      <c r="E4259" t="s">
        <v>26</v>
      </c>
      <c r="F4259" t="s">
        <v>38</v>
      </c>
      <c r="G4259" t="s">
        <v>51</v>
      </c>
      <c r="H4259" t="s">
        <v>517</v>
      </c>
      <c r="I4259">
        <v>36.24</v>
      </c>
      <c r="J4259">
        <v>1</v>
      </c>
      <c r="K4259">
        <v>15.22</v>
      </c>
    </row>
    <row r="4260" spans="1:11" x14ac:dyDescent="0.3">
      <c r="A4260" s="1">
        <v>42422</v>
      </c>
      <c r="B4260" s="3">
        <f t="shared" si="132"/>
        <v>2</v>
      </c>
      <c r="C4260" s="3">
        <f t="shared" si="133"/>
        <v>2016</v>
      </c>
      <c r="D4260" t="s">
        <v>1594</v>
      </c>
      <c r="E4260" t="s">
        <v>26</v>
      </c>
      <c r="F4260" t="s">
        <v>10</v>
      </c>
      <c r="G4260" t="s">
        <v>42</v>
      </c>
      <c r="H4260" t="s">
        <v>1044</v>
      </c>
      <c r="I4260">
        <v>10.65</v>
      </c>
      <c r="J4260">
        <v>3</v>
      </c>
      <c r="K4260">
        <v>5.01</v>
      </c>
    </row>
    <row r="4261" spans="1:11" x14ac:dyDescent="0.3">
      <c r="A4261" s="1">
        <v>42423</v>
      </c>
      <c r="B4261" s="3">
        <f t="shared" si="132"/>
        <v>2</v>
      </c>
      <c r="C4261" s="3">
        <f t="shared" si="133"/>
        <v>2016</v>
      </c>
      <c r="D4261" t="s">
        <v>939</v>
      </c>
      <c r="E4261" t="s">
        <v>22</v>
      </c>
      <c r="F4261" t="s">
        <v>10</v>
      </c>
      <c r="G4261" t="s">
        <v>62</v>
      </c>
      <c r="H4261" t="s">
        <v>1963</v>
      </c>
      <c r="I4261">
        <v>57.58</v>
      </c>
      <c r="J4261">
        <v>3</v>
      </c>
      <c r="K4261">
        <v>21.59</v>
      </c>
    </row>
    <row r="4262" spans="1:11" x14ac:dyDescent="0.3">
      <c r="A4262" s="1">
        <v>42425</v>
      </c>
      <c r="B4262" s="3">
        <f t="shared" si="132"/>
        <v>2</v>
      </c>
      <c r="C4262" s="3">
        <f t="shared" si="133"/>
        <v>2016</v>
      </c>
      <c r="D4262" t="s">
        <v>2137</v>
      </c>
      <c r="E4262" t="s">
        <v>77</v>
      </c>
      <c r="F4262" t="s">
        <v>10</v>
      </c>
      <c r="G4262" t="s">
        <v>62</v>
      </c>
      <c r="H4262" t="s">
        <v>63</v>
      </c>
      <c r="I4262">
        <v>46.72</v>
      </c>
      <c r="J4262">
        <v>5</v>
      </c>
      <c r="K4262">
        <v>17.52</v>
      </c>
    </row>
    <row r="4263" spans="1:11" x14ac:dyDescent="0.3">
      <c r="A4263" s="1">
        <v>42427</v>
      </c>
      <c r="B4263" s="3">
        <f t="shared" si="132"/>
        <v>2</v>
      </c>
      <c r="C4263" s="3">
        <f t="shared" si="133"/>
        <v>2016</v>
      </c>
      <c r="D4263" t="s">
        <v>883</v>
      </c>
      <c r="E4263" t="s">
        <v>148</v>
      </c>
      <c r="F4263" t="s">
        <v>10</v>
      </c>
      <c r="G4263" t="s">
        <v>91</v>
      </c>
      <c r="H4263" t="s">
        <v>1680</v>
      </c>
      <c r="I4263">
        <v>170.88</v>
      </c>
      <c r="J4263">
        <v>3</v>
      </c>
      <c r="K4263">
        <v>49.56</v>
      </c>
    </row>
    <row r="4264" spans="1:11" x14ac:dyDescent="0.3">
      <c r="A4264" s="1">
        <v>42427</v>
      </c>
      <c r="B4264" s="3">
        <f t="shared" si="132"/>
        <v>2</v>
      </c>
      <c r="C4264" s="3">
        <f t="shared" si="133"/>
        <v>2016</v>
      </c>
      <c r="D4264" t="s">
        <v>160</v>
      </c>
      <c r="E4264" t="s">
        <v>156</v>
      </c>
      <c r="F4264" t="s">
        <v>10</v>
      </c>
      <c r="G4264" t="s">
        <v>19</v>
      </c>
      <c r="H4264" t="s">
        <v>1461</v>
      </c>
      <c r="I4264">
        <v>56.82</v>
      </c>
      <c r="J4264">
        <v>3</v>
      </c>
      <c r="K4264">
        <v>28.41</v>
      </c>
    </row>
    <row r="4265" spans="1:11" x14ac:dyDescent="0.3">
      <c r="A4265" s="1">
        <v>42427</v>
      </c>
      <c r="B4265" s="3">
        <f t="shared" si="132"/>
        <v>2</v>
      </c>
      <c r="C4265" s="3">
        <f t="shared" si="133"/>
        <v>2016</v>
      </c>
      <c r="D4265" t="s">
        <v>2446</v>
      </c>
      <c r="E4265" t="s">
        <v>9</v>
      </c>
      <c r="F4265" t="s">
        <v>33</v>
      </c>
      <c r="G4265" t="s">
        <v>46</v>
      </c>
      <c r="H4265" t="s">
        <v>2447</v>
      </c>
      <c r="I4265">
        <v>16.190000000000001</v>
      </c>
      <c r="J4265">
        <v>2</v>
      </c>
      <c r="K4265">
        <v>-6.88</v>
      </c>
    </row>
    <row r="4266" spans="1:11" x14ac:dyDescent="0.3">
      <c r="A4266" s="1">
        <v>42428</v>
      </c>
      <c r="B4266" s="3">
        <f t="shared" si="132"/>
        <v>2</v>
      </c>
      <c r="C4266" s="3">
        <f t="shared" si="133"/>
        <v>2016</v>
      </c>
      <c r="D4266" t="s">
        <v>1259</v>
      </c>
      <c r="E4266" t="s">
        <v>148</v>
      </c>
      <c r="F4266" t="s">
        <v>10</v>
      </c>
      <c r="G4266" t="s">
        <v>42</v>
      </c>
      <c r="H4266" t="s">
        <v>159</v>
      </c>
      <c r="I4266">
        <v>36.479999999999997</v>
      </c>
      <c r="J4266">
        <v>6</v>
      </c>
      <c r="K4266">
        <v>18.239999999999998</v>
      </c>
    </row>
    <row r="4267" spans="1:11" x14ac:dyDescent="0.3">
      <c r="A4267" s="1">
        <v>42429</v>
      </c>
      <c r="B4267" s="3">
        <f t="shared" si="132"/>
        <v>2</v>
      </c>
      <c r="C4267" s="3">
        <f t="shared" si="133"/>
        <v>2016</v>
      </c>
      <c r="D4267" t="s">
        <v>2059</v>
      </c>
      <c r="E4267" t="s">
        <v>77</v>
      </c>
      <c r="F4267" t="s">
        <v>10</v>
      </c>
      <c r="G4267" t="s">
        <v>23</v>
      </c>
      <c r="H4267" t="s">
        <v>1350</v>
      </c>
      <c r="I4267">
        <v>111.1</v>
      </c>
      <c r="J4267">
        <v>7</v>
      </c>
      <c r="K4267">
        <v>8.33</v>
      </c>
    </row>
    <row r="4268" spans="1:11" x14ac:dyDescent="0.3">
      <c r="A4268" s="1">
        <v>42430</v>
      </c>
      <c r="B4268" s="3">
        <f t="shared" si="132"/>
        <v>3</v>
      </c>
      <c r="C4268" s="3">
        <f t="shared" si="133"/>
        <v>2016</v>
      </c>
      <c r="D4268" t="s">
        <v>1597</v>
      </c>
      <c r="E4268" t="s">
        <v>148</v>
      </c>
      <c r="F4268" t="s">
        <v>33</v>
      </c>
      <c r="G4268" t="s">
        <v>144</v>
      </c>
      <c r="H4268" t="s">
        <v>2065</v>
      </c>
      <c r="I4268">
        <v>836.59</v>
      </c>
      <c r="J4268">
        <v>8</v>
      </c>
      <c r="K4268">
        <v>-264.92</v>
      </c>
    </row>
    <row r="4269" spans="1:11" x14ac:dyDescent="0.3">
      <c r="A4269" s="1">
        <v>42430</v>
      </c>
      <c r="B4269" s="3">
        <f t="shared" si="132"/>
        <v>3</v>
      </c>
      <c r="C4269" s="3">
        <f t="shared" si="133"/>
        <v>2016</v>
      </c>
      <c r="D4269" t="s">
        <v>1597</v>
      </c>
      <c r="E4269" t="s">
        <v>148</v>
      </c>
      <c r="F4269" t="s">
        <v>10</v>
      </c>
      <c r="G4269" t="s">
        <v>11</v>
      </c>
      <c r="H4269" t="s">
        <v>624</v>
      </c>
      <c r="I4269">
        <v>26.38</v>
      </c>
      <c r="J4269">
        <v>1</v>
      </c>
      <c r="K4269">
        <v>12.13</v>
      </c>
    </row>
    <row r="4270" spans="1:11" x14ac:dyDescent="0.3">
      <c r="A4270" s="1">
        <v>42430</v>
      </c>
      <c r="B4270" s="3">
        <f t="shared" si="132"/>
        <v>3</v>
      </c>
      <c r="C4270" s="3">
        <f t="shared" si="133"/>
        <v>2016</v>
      </c>
      <c r="D4270" t="s">
        <v>1597</v>
      </c>
      <c r="E4270" t="s">
        <v>148</v>
      </c>
      <c r="F4270" t="s">
        <v>10</v>
      </c>
      <c r="G4270" t="s">
        <v>17</v>
      </c>
      <c r="H4270" t="s">
        <v>1548</v>
      </c>
      <c r="I4270">
        <v>362.92</v>
      </c>
      <c r="J4270">
        <v>2</v>
      </c>
      <c r="K4270">
        <v>105.25</v>
      </c>
    </row>
    <row r="4271" spans="1:11" x14ac:dyDescent="0.3">
      <c r="A4271" s="1">
        <v>42430</v>
      </c>
      <c r="B4271" s="3">
        <f t="shared" si="132"/>
        <v>3</v>
      </c>
      <c r="C4271" s="3">
        <f t="shared" si="133"/>
        <v>2016</v>
      </c>
      <c r="D4271" t="s">
        <v>1597</v>
      </c>
      <c r="E4271" t="s">
        <v>148</v>
      </c>
      <c r="F4271" t="s">
        <v>38</v>
      </c>
      <c r="G4271" t="s">
        <v>301</v>
      </c>
      <c r="H4271" t="s">
        <v>1303</v>
      </c>
      <c r="I4271">
        <v>4899.93</v>
      </c>
      <c r="J4271">
        <v>7</v>
      </c>
      <c r="K4271">
        <v>2400.9699999999998</v>
      </c>
    </row>
    <row r="4272" spans="1:11" x14ac:dyDescent="0.3">
      <c r="A4272" s="1">
        <v>42430</v>
      </c>
      <c r="B4272" s="3">
        <f t="shared" si="132"/>
        <v>3</v>
      </c>
      <c r="C4272" s="3">
        <f t="shared" si="133"/>
        <v>2016</v>
      </c>
      <c r="D4272" t="s">
        <v>1288</v>
      </c>
      <c r="E4272" t="s">
        <v>277</v>
      </c>
      <c r="F4272" t="s">
        <v>38</v>
      </c>
      <c r="G4272" t="s">
        <v>39</v>
      </c>
      <c r="H4272" t="s">
        <v>2448</v>
      </c>
      <c r="I4272">
        <v>159.97999999999999</v>
      </c>
      <c r="J4272">
        <v>2</v>
      </c>
      <c r="K4272">
        <v>14</v>
      </c>
    </row>
    <row r="4273" spans="1:11" x14ac:dyDescent="0.3">
      <c r="A4273" s="1">
        <v>42432</v>
      </c>
      <c r="B4273" s="3">
        <f t="shared" si="132"/>
        <v>3</v>
      </c>
      <c r="C4273" s="3">
        <f t="shared" si="133"/>
        <v>2016</v>
      </c>
      <c r="D4273" t="s">
        <v>795</v>
      </c>
      <c r="E4273" t="s">
        <v>58</v>
      </c>
      <c r="F4273" t="s">
        <v>10</v>
      </c>
      <c r="G4273" t="s">
        <v>19</v>
      </c>
      <c r="H4273" t="s">
        <v>696</v>
      </c>
      <c r="I4273">
        <v>447.86</v>
      </c>
      <c r="J4273">
        <v>7</v>
      </c>
      <c r="K4273">
        <v>219.45</v>
      </c>
    </row>
    <row r="4274" spans="1:11" x14ac:dyDescent="0.3">
      <c r="A4274" s="1">
        <v>42432</v>
      </c>
      <c r="B4274" s="3">
        <f t="shared" si="132"/>
        <v>3</v>
      </c>
      <c r="C4274" s="3">
        <f t="shared" si="133"/>
        <v>2016</v>
      </c>
      <c r="D4274" t="s">
        <v>795</v>
      </c>
      <c r="E4274" t="s">
        <v>58</v>
      </c>
      <c r="F4274" t="s">
        <v>38</v>
      </c>
      <c r="G4274" t="s">
        <v>39</v>
      </c>
      <c r="H4274" t="s">
        <v>519</v>
      </c>
      <c r="I4274">
        <v>479.95</v>
      </c>
      <c r="J4274">
        <v>5</v>
      </c>
      <c r="K4274">
        <v>129.59</v>
      </c>
    </row>
    <row r="4275" spans="1:11" x14ac:dyDescent="0.3">
      <c r="A4275" s="1">
        <v>42432</v>
      </c>
      <c r="B4275" s="3">
        <f t="shared" si="132"/>
        <v>3</v>
      </c>
      <c r="C4275" s="3">
        <f t="shared" si="133"/>
        <v>2016</v>
      </c>
      <c r="D4275" t="s">
        <v>795</v>
      </c>
      <c r="E4275" t="s">
        <v>58</v>
      </c>
      <c r="F4275" t="s">
        <v>10</v>
      </c>
      <c r="G4275" t="s">
        <v>11</v>
      </c>
      <c r="H4275" t="s">
        <v>481</v>
      </c>
      <c r="I4275">
        <v>166.44</v>
      </c>
      <c r="J4275">
        <v>3</v>
      </c>
      <c r="K4275">
        <v>79.89</v>
      </c>
    </row>
    <row r="4276" spans="1:11" x14ac:dyDescent="0.3">
      <c r="A4276" s="1">
        <v>42432</v>
      </c>
      <c r="B4276" s="3">
        <f t="shared" si="132"/>
        <v>3</v>
      </c>
      <c r="C4276" s="3">
        <f t="shared" si="133"/>
        <v>2016</v>
      </c>
      <c r="D4276" t="s">
        <v>2449</v>
      </c>
      <c r="E4276" t="s">
        <v>9</v>
      </c>
      <c r="F4276" t="s">
        <v>10</v>
      </c>
      <c r="G4276" t="s">
        <v>11</v>
      </c>
      <c r="H4276" t="s">
        <v>2450</v>
      </c>
      <c r="I4276">
        <v>42.78</v>
      </c>
      <c r="J4276">
        <v>7</v>
      </c>
      <c r="K4276">
        <v>15.51</v>
      </c>
    </row>
    <row r="4277" spans="1:11" x14ac:dyDescent="0.3">
      <c r="A4277" s="1">
        <v>42432</v>
      </c>
      <c r="B4277" s="3">
        <f t="shared" si="132"/>
        <v>3</v>
      </c>
      <c r="C4277" s="3">
        <f t="shared" si="133"/>
        <v>2016</v>
      </c>
      <c r="D4277" t="s">
        <v>2449</v>
      </c>
      <c r="E4277" t="s">
        <v>9</v>
      </c>
      <c r="F4277" t="s">
        <v>33</v>
      </c>
      <c r="G4277" t="s">
        <v>34</v>
      </c>
      <c r="H4277" t="s">
        <v>1363</v>
      </c>
      <c r="I4277">
        <v>563.42999999999995</v>
      </c>
      <c r="J4277">
        <v>5</v>
      </c>
      <c r="K4277">
        <v>-56.34</v>
      </c>
    </row>
    <row r="4278" spans="1:11" x14ac:dyDescent="0.3">
      <c r="A4278" s="1">
        <v>42432</v>
      </c>
      <c r="B4278" s="3">
        <f t="shared" si="132"/>
        <v>3</v>
      </c>
      <c r="C4278" s="3">
        <f t="shared" si="133"/>
        <v>2016</v>
      </c>
      <c r="D4278" t="s">
        <v>1830</v>
      </c>
      <c r="E4278" t="s">
        <v>128</v>
      </c>
      <c r="F4278" t="s">
        <v>38</v>
      </c>
      <c r="G4278" t="s">
        <v>39</v>
      </c>
      <c r="H4278" t="s">
        <v>703</v>
      </c>
      <c r="I4278">
        <v>134.85</v>
      </c>
      <c r="J4278">
        <v>3</v>
      </c>
      <c r="K4278">
        <v>37.76</v>
      </c>
    </row>
    <row r="4279" spans="1:11" x14ac:dyDescent="0.3">
      <c r="A4279" s="1">
        <v>42432</v>
      </c>
      <c r="B4279" s="3">
        <f t="shared" si="132"/>
        <v>3</v>
      </c>
      <c r="C4279" s="3">
        <f t="shared" si="133"/>
        <v>2016</v>
      </c>
      <c r="D4279" t="s">
        <v>1270</v>
      </c>
      <c r="E4279" t="s">
        <v>9</v>
      </c>
      <c r="F4279" t="s">
        <v>33</v>
      </c>
      <c r="G4279" t="s">
        <v>144</v>
      </c>
      <c r="H4279" t="s">
        <v>2451</v>
      </c>
      <c r="I4279">
        <v>637.9</v>
      </c>
      <c r="J4279">
        <v>3</v>
      </c>
      <c r="K4279">
        <v>-127.58</v>
      </c>
    </row>
    <row r="4280" spans="1:11" x14ac:dyDescent="0.3">
      <c r="A4280" s="1">
        <v>42432</v>
      </c>
      <c r="B4280" s="3">
        <f t="shared" si="132"/>
        <v>3</v>
      </c>
      <c r="C4280" s="3">
        <f t="shared" si="133"/>
        <v>2016</v>
      </c>
      <c r="D4280" t="s">
        <v>1270</v>
      </c>
      <c r="E4280" t="s">
        <v>9</v>
      </c>
      <c r="F4280" t="s">
        <v>38</v>
      </c>
      <c r="G4280" t="s">
        <v>301</v>
      </c>
      <c r="H4280" t="s">
        <v>2324</v>
      </c>
      <c r="I4280">
        <v>287.91000000000003</v>
      </c>
      <c r="J4280">
        <v>3</v>
      </c>
      <c r="K4280">
        <v>33.590000000000003</v>
      </c>
    </row>
    <row r="4281" spans="1:11" x14ac:dyDescent="0.3">
      <c r="A4281" s="1">
        <v>42432</v>
      </c>
      <c r="B4281" s="3">
        <f t="shared" si="132"/>
        <v>3</v>
      </c>
      <c r="C4281" s="3">
        <f t="shared" si="133"/>
        <v>2016</v>
      </c>
      <c r="D4281" t="s">
        <v>1270</v>
      </c>
      <c r="E4281" t="s">
        <v>9</v>
      </c>
      <c r="F4281" t="s">
        <v>10</v>
      </c>
      <c r="G4281" t="s">
        <v>62</v>
      </c>
      <c r="H4281" t="s">
        <v>2159</v>
      </c>
      <c r="I4281">
        <v>36.6</v>
      </c>
      <c r="J4281">
        <v>3</v>
      </c>
      <c r="K4281">
        <v>11.9</v>
      </c>
    </row>
    <row r="4282" spans="1:11" x14ac:dyDescent="0.3">
      <c r="A4282" s="1">
        <v>42432</v>
      </c>
      <c r="B4282" s="3">
        <f t="shared" si="132"/>
        <v>3</v>
      </c>
      <c r="C4282" s="3">
        <f t="shared" si="133"/>
        <v>2016</v>
      </c>
      <c r="D4282" t="s">
        <v>559</v>
      </c>
      <c r="E4282" t="s">
        <v>26</v>
      </c>
      <c r="F4282" t="s">
        <v>10</v>
      </c>
      <c r="G4282" t="s">
        <v>199</v>
      </c>
      <c r="H4282" t="s">
        <v>2250</v>
      </c>
      <c r="I4282">
        <v>25.35</v>
      </c>
      <c r="J4282">
        <v>3</v>
      </c>
      <c r="K4282">
        <v>7.61</v>
      </c>
    </row>
    <row r="4283" spans="1:11" x14ac:dyDescent="0.3">
      <c r="A4283" s="1">
        <v>42432</v>
      </c>
      <c r="B4283" s="3">
        <f t="shared" si="132"/>
        <v>3</v>
      </c>
      <c r="C4283" s="3">
        <f t="shared" si="133"/>
        <v>2016</v>
      </c>
      <c r="D4283" t="s">
        <v>559</v>
      </c>
      <c r="E4283" t="s">
        <v>26</v>
      </c>
      <c r="F4283" t="s">
        <v>33</v>
      </c>
      <c r="G4283" t="s">
        <v>46</v>
      </c>
      <c r="H4283" t="s">
        <v>1860</v>
      </c>
      <c r="I4283">
        <v>35.28</v>
      </c>
      <c r="J4283">
        <v>3</v>
      </c>
      <c r="K4283">
        <v>12</v>
      </c>
    </row>
    <row r="4284" spans="1:11" x14ac:dyDescent="0.3">
      <c r="A4284" s="1">
        <v>42432</v>
      </c>
      <c r="B4284" s="3">
        <f t="shared" si="132"/>
        <v>3</v>
      </c>
      <c r="C4284" s="3">
        <f t="shared" si="133"/>
        <v>2016</v>
      </c>
      <c r="D4284" t="s">
        <v>418</v>
      </c>
      <c r="E4284" t="s">
        <v>9</v>
      </c>
      <c r="F4284" t="s">
        <v>10</v>
      </c>
      <c r="G4284" t="s">
        <v>199</v>
      </c>
      <c r="H4284" t="s">
        <v>1013</v>
      </c>
      <c r="I4284">
        <v>3930.07</v>
      </c>
      <c r="J4284">
        <v>3</v>
      </c>
      <c r="K4284">
        <v>-786.01</v>
      </c>
    </row>
    <row r="4285" spans="1:11" x14ac:dyDescent="0.3">
      <c r="A4285" s="1">
        <v>42432</v>
      </c>
      <c r="B4285" s="3">
        <f t="shared" si="132"/>
        <v>3</v>
      </c>
      <c r="C4285" s="3">
        <f t="shared" si="133"/>
        <v>2016</v>
      </c>
      <c r="D4285" t="s">
        <v>418</v>
      </c>
      <c r="E4285" t="s">
        <v>9</v>
      </c>
      <c r="F4285" t="s">
        <v>10</v>
      </c>
      <c r="G4285" t="s">
        <v>42</v>
      </c>
      <c r="H4285" t="s">
        <v>505</v>
      </c>
      <c r="I4285">
        <v>2.2999999999999998</v>
      </c>
      <c r="J4285">
        <v>1</v>
      </c>
      <c r="K4285">
        <v>0.78</v>
      </c>
    </row>
    <row r="4286" spans="1:11" x14ac:dyDescent="0.3">
      <c r="A4286" s="1">
        <v>42432</v>
      </c>
      <c r="B4286" s="3">
        <f t="shared" si="132"/>
        <v>3</v>
      </c>
      <c r="C4286" s="3">
        <f t="shared" si="133"/>
        <v>2016</v>
      </c>
      <c r="D4286" t="s">
        <v>418</v>
      </c>
      <c r="E4286" t="s">
        <v>9</v>
      </c>
      <c r="F4286" t="s">
        <v>38</v>
      </c>
      <c r="G4286" t="s">
        <v>39</v>
      </c>
      <c r="H4286" t="s">
        <v>932</v>
      </c>
      <c r="I4286">
        <v>431.98</v>
      </c>
      <c r="J4286">
        <v>3</v>
      </c>
      <c r="K4286">
        <v>32.4</v>
      </c>
    </row>
    <row r="4287" spans="1:11" x14ac:dyDescent="0.3">
      <c r="A4287" s="1">
        <v>42432</v>
      </c>
      <c r="B4287" s="3">
        <f t="shared" si="132"/>
        <v>3</v>
      </c>
      <c r="C4287" s="3">
        <f t="shared" si="133"/>
        <v>2016</v>
      </c>
      <c r="D4287" t="s">
        <v>418</v>
      </c>
      <c r="E4287" t="s">
        <v>9</v>
      </c>
      <c r="F4287" t="s">
        <v>38</v>
      </c>
      <c r="G4287" t="s">
        <v>51</v>
      </c>
      <c r="H4287" t="s">
        <v>945</v>
      </c>
      <c r="I4287">
        <v>41.72</v>
      </c>
      <c r="J4287">
        <v>7</v>
      </c>
      <c r="K4287">
        <v>5.74</v>
      </c>
    </row>
    <row r="4288" spans="1:11" x14ac:dyDescent="0.3">
      <c r="A4288" s="1">
        <v>42433</v>
      </c>
      <c r="B4288" s="3">
        <f t="shared" si="132"/>
        <v>3</v>
      </c>
      <c r="C4288" s="3">
        <f t="shared" si="133"/>
        <v>2016</v>
      </c>
      <c r="D4288" t="s">
        <v>1862</v>
      </c>
      <c r="E4288" t="s">
        <v>26</v>
      </c>
      <c r="F4288" t="s">
        <v>10</v>
      </c>
      <c r="G4288" t="s">
        <v>23</v>
      </c>
      <c r="H4288" t="s">
        <v>2452</v>
      </c>
      <c r="I4288">
        <v>16.989999999999998</v>
      </c>
      <c r="J4288">
        <v>1</v>
      </c>
      <c r="K4288">
        <v>4.93</v>
      </c>
    </row>
    <row r="4289" spans="1:11" x14ac:dyDescent="0.3">
      <c r="A4289" s="1">
        <v>42433</v>
      </c>
      <c r="B4289" s="3">
        <f t="shared" si="132"/>
        <v>3</v>
      </c>
      <c r="C4289" s="3">
        <f t="shared" si="133"/>
        <v>2016</v>
      </c>
      <c r="D4289" t="s">
        <v>683</v>
      </c>
      <c r="E4289" t="s">
        <v>122</v>
      </c>
      <c r="F4289" t="s">
        <v>10</v>
      </c>
      <c r="G4289" t="s">
        <v>15</v>
      </c>
      <c r="H4289" t="s">
        <v>446</v>
      </c>
      <c r="I4289">
        <v>10.08</v>
      </c>
      <c r="J4289">
        <v>4</v>
      </c>
      <c r="K4289">
        <v>3.53</v>
      </c>
    </row>
    <row r="4290" spans="1:11" x14ac:dyDescent="0.3">
      <c r="A4290" s="1">
        <v>42433</v>
      </c>
      <c r="B4290" s="3">
        <f t="shared" ref="B4290:B4353" si="134">MONTH(A:A)</f>
        <v>3</v>
      </c>
      <c r="C4290" s="3">
        <f t="shared" ref="C4290:C4353" si="135">YEAR(A:A)</f>
        <v>2016</v>
      </c>
      <c r="D4290" t="s">
        <v>793</v>
      </c>
      <c r="E4290" t="s">
        <v>128</v>
      </c>
      <c r="F4290" t="s">
        <v>10</v>
      </c>
      <c r="G4290" t="s">
        <v>19</v>
      </c>
      <c r="H4290" t="s">
        <v>736</v>
      </c>
      <c r="I4290">
        <v>128.4</v>
      </c>
      <c r="J4290">
        <v>3</v>
      </c>
      <c r="K4290">
        <v>64.2</v>
      </c>
    </row>
    <row r="4291" spans="1:11" x14ac:dyDescent="0.3">
      <c r="A4291" s="1">
        <v>42433</v>
      </c>
      <c r="B4291" s="3">
        <f t="shared" si="134"/>
        <v>3</v>
      </c>
      <c r="C4291" s="3">
        <f t="shared" si="135"/>
        <v>2016</v>
      </c>
      <c r="D4291" t="s">
        <v>2103</v>
      </c>
      <c r="E4291" t="s">
        <v>684</v>
      </c>
      <c r="F4291" t="s">
        <v>38</v>
      </c>
      <c r="G4291" t="s">
        <v>51</v>
      </c>
      <c r="H4291" t="s">
        <v>998</v>
      </c>
      <c r="I4291">
        <v>159.97999999999999</v>
      </c>
      <c r="J4291">
        <v>2</v>
      </c>
      <c r="K4291">
        <v>57.59</v>
      </c>
    </row>
    <row r="4292" spans="1:11" x14ac:dyDescent="0.3">
      <c r="A4292" s="1">
        <v>42434</v>
      </c>
      <c r="B4292" s="3">
        <f t="shared" si="134"/>
        <v>3</v>
      </c>
      <c r="C4292" s="3">
        <f t="shared" si="135"/>
        <v>2016</v>
      </c>
      <c r="D4292" t="s">
        <v>882</v>
      </c>
      <c r="E4292" t="s">
        <v>9</v>
      </c>
      <c r="F4292" t="s">
        <v>10</v>
      </c>
      <c r="G4292" t="s">
        <v>62</v>
      </c>
      <c r="H4292" t="s">
        <v>542</v>
      </c>
      <c r="I4292">
        <v>149.35</v>
      </c>
      <c r="J4292">
        <v>3</v>
      </c>
      <c r="K4292">
        <v>50.41</v>
      </c>
    </row>
    <row r="4293" spans="1:11" x14ac:dyDescent="0.3">
      <c r="A4293" s="1">
        <v>42434</v>
      </c>
      <c r="B4293" s="3">
        <f t="shared" si="134"/>
        <v>3</v>
      </c>
      <c r="C4293" s="3">
        <f t="shared" si="135"/>
        <v>2016</v>
      </c>
      <c r="D4293" t="s">
        <v>882</v>
      </c>
      <c r="E4293" t="s">
        <v>9</v>
      </c>
      <c r="F4293" t="s">
        <v>10</v>
      </c>
      <c r="G4293" t="s">
        <v>17</v>
      </c>
      <c r="H4293" t="s">
        <v>178</v>
      </c>
      <c r="I4293">
        <v>12.99</v>
      </c>
      <c r="J4293">
        <v>1</v>
      </c>
      <c r="K4293">
        <v>-0.81</v>
      </c>
    </row>
    <row r="4294" spans="1:11" x14ac:dyDescent="0.3">
      <c r="A4294" s="1">
        <v>42435</v>
      </c>
      <c r="B4294" s="3">
        <f t="shared" si="134"/>
        <v>3</v>
      </c>
      <c r="C4294" s="3">
        <f t="shared" si="135"/>
        <v>2016</v>
      </c>
      <c r="D4294" t="s">
        <v>2056</v>
      </c>
      <c r="E4294" t="s">
        <v>22</v>
      </c>
      <c r="F4294" t="s">
        <v>38</v>
      </c>
      <c r="G4294" t="s">
        <v>39</v>
      </c>
      <c r="H4294" t="s">
        <v>897</v>
      </c>
      <c r="I4294">
        <v>431.94</v>
      </c>
      <c r="J4294">
        <v>2</v>
      </c>
      <c r="K4294">
        <v>-71.989999999999995</v>
      </c>
    </row>
    <row r="4295" spans="1:11" x14ac:dyDescent="0.3">
      <c r="A4295" s="1">
        <v>42435</v>
      </c>
      <c r="B4295" s="3">
        <f t="shared" si="134"/>
        <v>3</v>
      </c>
      <c r="C4295" s="3">
        <f t="shared" si="135"/>
        <v>2016</v>
      </c>
      <c r="D4295" t="s">
        <v>2056</v>
      </c>
      <c r="E4295" t="s">
        <v>22</v>
      </c>
      <c r="F4295" t="s">
        <v>10</v>
      </c>
      <c r="G4295" t="s">
        <v>19</v>
      </c>
      <c r="H4295" t="s">
        <v>1376</v>
      </c>
      <c r="I4295">
        <v>2.04</v>
      </c>
      <c r="J4295">
        <v>1</v>
      </c>
      <c r="K4295">
        <v>-1.5</v>
      </c>
    </row>
    <row r="4296" spans="1:11" x14ac:dyDescent="0.3">
      <c r="A4296" s="1">
        <v>42435</v>
      </c>
      <c r="B4296" s="3">
        <f t="shared" si="134"/>
        <v>3</v>
      </c>
      <c r="C4296" s="3">
        <f t="shared" si="135"/>
        <v>2016</v>
      </c>
      <c r="D4296" t="s">
        <v>2056</v>
      </c>
      <c r="E4296" t="s">
        <v>22</v>
      </c>
      <c r="F4296" t="s">
        <v>38</v>
      </c>
      <c r="G4296" t="s">
        <v>39</v>
      </c>
      <c r="H4296" t="s">
        <v>750</v>
      </c>
      <c r="I4296">
        <v>68.239999999999995</v>
      </c>
      <c r="J4296">
        <v>3</v>
      </c>
      <c r="K4296">
        <v>-12.51</v>
      </c>
    </row>
    <row r="4297" spans="1:11" x14ac:dyDescent="0.3">
      <c r="A4297" s="1">
        <v>42435</v>
      </c>
      <c r="B4297" s="3">
        <f t="shared" si="134"/>
        <v>3</v>
      </c>
      <c r="C4297" s="3">
        <f t="shared" si="135"/>
        <v>2016</v>
      </c>
      <c r="D4297" t="s">
        <v>2059</v>
      </c>
      <c r="E4297" t="s">
        <v>14</v>
      </c>
      <c r="F4297" t="s">
        <v>10</v>
      </c>
      <c r="G4297" t="s">
        <v>91</v>
      </c>
      <c r="H4297" t="s">
        <v>775</v>
      </c>
      <c r="I4297">
        <v>2.33</v>
      </c>
      <c r="J4297">
        <v>3</v>
      </c>
      <c r="K4297">
        <v>-6.3</v>
      </c>
    </row>
    <row r="4298" spans="1:11" x14ac:dyDescent="0.3">
      <c r="A4298" s="1">
        <v>42435</v>
      </c>
      <c r="B4298" s="3">
        <f t="shared" si="134"/>
        <v>3</v>
      </c>
      <c r="C4298" s="3">
        <f t="shared" si="135"/>
        <v>2016</v>
      </c>
      <c r="D4298" t="s">
        <v>2059</v>
      </c>
      <c r="E4298" t="s">
        <v>14</v>
      </c>
      <c r="F4298" t="s">
        <v>10</v>
      </c>
      <c r="G4298" t="s">
        <v>19</v>
      </c>
      <c r="H4298" t="s">
        <v>1646</v>
      </c>
      <c r="I4298">
        <v>1.73</v>
      </c>
      <c r="J4298">
        <v>4</v>
      </c>
      <c r="K4298">
        <v>-2.76</v>
      </c>
    </row>
    <row r="4299" spans="1:11" x14ac:dyDescent="0.3">
      <c r="A4299" s="1">
        <v>42435</v>
      </c>
      <c r="B4299" s="3">
        <f t="shared" si="134"/>
        <v>3</v>
      </c>
      <c r="C4299" s="3">
        <f t="shared" si="135"/>
        <v>2016</v>
      </c>
      <c r="D4299" t="s">
        <v>2059</v>
      </c>
      <c r="E4299" t="s">
        <v>14</v>
      </c>
      <c r="F4299" t="s">
        <v>33</v>
      </c>
      <c r="G4299" t="s">
        <v>46</v>
      </c>
      <c r="H4299" t="s">
        <v>1714</v>
      </c>
      <c r="I4299">
        <v>159.04</v>
      </c>
      <c r="J4299">
        <v>5</v>
      </c>
      <c r="K4299">
        <v>-194.82</v>
      </c>
    </row>
    <row r="4300" spans="1:11" x14ac:dyDescent="0.3">
      <c r="A4300" s="1">
        <v>42435</v>
      </c>
      <c r="B4300" s="3">
        <f t="shared" si="134"/>
        <v>3</v>
      </c>
      <c r="C4300" s="3">
        <f t="shared" si="135"/>
        <v>2016</v>
      </c>
      <c r="D4300" t="s">
        <v>2059</v>
      </c>
      <c r="E4300" t="s">
        <v>14</v>
      </c>
      <c r="F4300" t="s">
        <v>33</v>
      </c>
      <c r="G4300" t="s">
        <v>144</v>
      </c>
      <c r="H4300" t="s">
        <v>1643</v>
      </c>
      <c r="I4300">
        <v>145.97999999999999</v>
      </c>
      <c r="J4300">
        <v>2</v>
      </c>
      <c r="K4300">
        <v>-99.27</v>
      </c>
    </row>
    <row r="4301" spans="1:11" x14ac:dyDescent="0.3">
      <c r="A4301" s="1">
        <v>42436</v>
      </c>
      <c r="B4301" s="3">
        <f t="shared" si="134"/>
        <v>3</v>
      </c>
      <c r="C4301" s="3">
        <f t="shared" si="135"/>
        <v>2016</v>
      </c>
      <c r="D4301" t="s">
        <v>921</v>
      </c>
      <c r="E4301" t="s">
        <v>9</v>
      </c>
      <c r="F4301" t="s">
        <v>38</v>
      </c>
      <c r="G4301" t="s">
        <v>39</v>
      </c>
      <c r="H4301" t="s">
        <v>2453</v>
      </c>
      <c r="I4301">
        <v>21.07</v>
      </c>
      <c r="J4301">
        <v>3</v>
      </c>
      <c r="K4301">
        <v>1.58</v>
      </c>
    </row>
    <row r="4302" spans="1:11" x14ac:dyDescent="0.3">
      <c r="A4302" s="1">
        <v>42437</v>
      </c>
      <c r="B4302" s="3">
        <f t="shared" si="134"/>
        <v>3</v>
      </c>
      <c r="C4302" s="3">
        <f t="shared" si="135"/>
        <v>2016</v>
      </c>
      <c r="D4302" t="s">
        <v>1458</v>
      </c>
      <c r="E4302" t="s">
        <v>122</v>
      </c>
      <c r="F4302" t="s">
        <v>38</v>
      </c>
      <c r="G4302" t="s">
        <v>39</v>
      </c>
      <c r="H4302" t="s">
        <v>1099</v>
      </c>
      <c r="I4302">
        <v>1363.96</v>
      </c>
      <c r="J4302">
        <v>5</v>
      </c>
      <c r="K4302">
        <v>85.25</v>
      </c>
    </row>
    <row r="4303" spans="1:11" x14ac:dyDescent="0.3">
      <c r="A4303" s="1">
        <v>42437</v>
      </c>
      <c r="B4303" s="3">
        <f t="shared" si="134"/>
        <v>3</v>
      </c>
      <c r="C4303" s="3">
        <f t="shared" si="135"/>
        <v>2016</v>
      </c>
      <c r="D4303" t="s">
        <v>1458</v>
      </c>
      <c r="E4303" t="s">
        <v>122</v>
      </c>
      <c r="F4303" t="s">
        <v>33</v>
      </c>
      <c r="G4303" t="s">
        <v>46</v>
      </c>
      <c r="H4303" t="s">
        <v>1275</v>
      </c>
      <c r="I4303">
        <v>102.36</v>
      </c>
      <c r="J4303">
        <v>3</v>
      </c>
      <c r="K4303">
        <v>-3.84</v>
      </c>
    </row>
    <row r="4304" spans="1:11" x14ac:dyDescent="0.3">
      <c r="A4304" s="1">
        <v>42437</v>
      </c>
      <c r="B4304" s="3">
        <f t="shared" si="134"/>
        <v>3</v>
      </c>
      <c r="C4304" s="3">
        <f t="shared" si="135"/>
        <v>2016</v>
      </c>
      <c r="D4304" t="s">
        <v>634</v>
      </c>
      <c r="E4304" t="s">
        <v>94</v>
      </c>
      <c r="F4304" t="s">
        <v>10</v>
      </c>
      <c r="G4304" t="s">
        <v>19</v>
      </c>
      <c r="H4304" t="s">
        <v>95</v>
      </c>
      <c r="I4304">
        <v>9.6999999999999993</v>
      </c>
      <c r="J4304">
        <v>3</v>
      </c>
      <c r="K4304">
        <v>-7.11</v>
      </c>
    </row>
    <row r="4305" spans="1:11" x14ac:dyDescent="0.3">
      <c r="A4305" s="1">
        <v>42437</v>
      </c>
      <c r="B4305" s="3">
        <f t="shared" si="134"/>
        <v>3</v>
      </c>
      <c r="C4305" s="3">
        <f t="shared" si="135"/>
        <v>2016</v>
      </c>
      <c r="D4305" t="s">
        <v>894</v>
      </c>
      <c r="E4305" t="s">
        <v>22</v>
      </c>
      <c r="F4305" t="s">
        <v>38</v>
      </c>
      <c r="G4305" t="s">
        <v>39</v>
      </c>
      <c r="H4305" t="s">
        <v>162</v>
      </c>
      <c r="I4305">
        <v>108.58</v>
      </c>
      <c r="J4305">
        <v>4</v>
      </c>
      <c r="K4305">
        <v>-25.33</v>
      </c>
    </row>
    <row r="4306" spans="1:11" x14ac:dyDescent="0.3">
      <c r="A4306" s="1">
        <v>42437</v>
      </c>
      <c r="B4306" s="3">
        <f t="shared" si="134"/>
        <v>3</v>
      </c>
      <c r="C4306" s="3">
        <f t="shared" si="135"/>
        <v>2016</v>
      </c>
      <c r="D4306" t="s">
        <v>894</v>
      </c>
      <c r="E4306" t="s">
        <v>22</v>
      </c>
      <c r="F4306" t="s">
        <v>10</v>
      </c>
      <c r="G4306" t="s">
        <v>42</v>
      </c>
      <c r="H4306" t="s">
        <v>2319</v>
      </c>
      <c r="I4306">
        <v>5.98</v>
      </c>
      <c r="J4306">
        <v>2</v>
      </c>
      <c r="K4306">
        <v>-1.35</v>
      </c>
    </row>
    <row r="4307" spans="1:11" x14ac:dyDescent="0.3">
      <c r="A4307" s="1">
        <v>42437</v>
      </c>
      <c r="B4307" s="3">
        <f t="shared" si="134"/>
        <v>3</v>
      </c>
      <c r="C4307" s="3">
        <f t="shared" si="135"/>
        <v>2016</v>
      </c>
      <c r="D4307" t="s">
        <v>2110</v>
      </c>
      <c r="E4307" t="s">
        <v>148</v>
      </c>
      <c r="F4307" t="s">
        <v>33</v>
      </c>
      <c r="G4307" t="s">
        <v>46</v>
      </c>
      <c r="H4307" t="s">
        <v>1905</v>
      </c>
      <c r="I4307">
        <v>113.6</v>
      </c>
      <c r="J4307">
        <v>8</v>
      </c>
      <c r="K4307">
        <v>44.3</v>
      </c>
    </row>
    <row r="4308" spans="1:11" x14ac:dyDescent="0.3">
      <c r="A4308" s="1">
        <v>42437</v>
      </c>
      <c r="B4308" s="3">
        <f t="shared" si="134"/>
        <v>3</v>
      </c>
      <c r="C4308" s="3">
        <f t="shared" si="135"/>
        <v>2016</v>
      </c>
      <c r="D4308" t="s">
        <v>2110</v>
      </c>
      <c r="E4308" t="s">
        <v>148</v>
      </c>
      <c r="F4308" t="s">
        <v>10</v>
      </c>
      <c r="G4308" t="s">
        <v>11</v>
      </c>
      <c r="H4308" t="s">
        <v>1158</v>
      </c>
      <c r="I4308">
        <v>12.96</v>
      </c>
      <c r="J4308">
        <v>2</v>
      </c>
      <c r="K4308">
        <v>6.35</v>
      </c>
    </row>
    <row r="4309" spans="1:11" x14ac:dyDescent="0.3">
      <c r="A4309" s="1">
        <v>42437</v>
      </c>
      <c r="B4309" s="3">
        <f t="shared" si="134"/>
        <v>3</v>
      </c>
      <c r="C4309" s="3">
        <f t="shared" si="135"/>
        <v>2016</v>
      </c>
      <c r="D4309" t="s">
        <v>2110</v>
      </c>
      <c r="E4309" t="s">
        <v>148</v>
      </c>
      <c r="F4309" t="s">
        <v>10</v>
      </c>
      <c r="G4309" t="s">
        <v>19</v>
      </c>
      <c r="H4309" t="s">
        <v>1138</v>
      </c>
      <c r="I4309">
        <v>69.459999999999994</v>
      </c>
      <c r="J4309">
        <v>2</v>
      </c>
      <c r="K4309">
        <v>22.57</v>
      </c>
    </row>
    <row r="4310" spans="1:11" x14ac:dyDescent="0.3">
      <c r="A4310" s="1">
        <v>42437</v>
      </c>
      <c r="B4310" s="3">
        <f t="shared" si="134"/>
        <v>3</v>
      </c>
      <c r="C4310" s="3">
        <f t="shared" si="135"/>
        <v>2016</v>
      </c>
      <c r="D4310" t="s">
        <v>2258</v>
      </c>
      <c r="E4310" t="s">
        <v>9</v>
      </c>
      <c r="F4310" t="s">
        <v>10</v>
      </c>
      <c r="G4310" t="s">
        <v>19</v>
      </c>
      <c r="H4310" t="s">
        <v>1649</v>
      </c>
      <c r="I4310">
        <v>8.86</v>
      </c>
      <c r="J4310">
        <v>9</v>
      </c>
      <c r="K4310">
        <v>-14.17</v>
      </c>
    </row>
    <row r="4311" spans="1:11" x14ac:dyDescent="0.3">
      <c r="A4311" s="1">
        <v>42437</v>
      </c>
      <c r="B4311" s="3">
        <f t="shared" si="134"/>
        <v>3</v>
      </c>
      <c r="C4311" s="3">
        <f t="shared" si="135"/>
        <v>2016</v>
      </c>
      <c r="D4311" t="s">
        <v>2258</v>
      </c>
      <c r="E4311" t="s">
        <v>9</v>
      </c>
      <c r="F4311" t="s">
        <v>38</v>
      </c>
      <c r="G4311" t="s">
        <v>51</v>
      </c>
      <c r="H4311" t="s">
        <v>1324</v>
      </c>
      <c r="I4311">
        <v>27.96</v>
      </c>
      <c r="J4311">
        <v>5</v>
      </c>
      <c r="K4311">
        <v>8.39</v>
      </c>
    </row>
    <row r="4312" spans="1:11" x14ac:dyDescent="0.3">
      <c r="A4312" s="1">
        <v>42437</v>
      </c>
      <c r="B4312" s="3">
        <f t="shared" si="134"/>
        <v>3</v>
      </c>
      <c r="C4312" s="3">
        <f t="shared" si="135"/>
        <v>2016</v>
      </c>
      <c r="D4312" t="s">
        <v>2258</v>
      </c>
      <c r="E4312" t="s">
        <v>9</v>
      </c>
      <c r="F4312" t="s">
        <v>10</v>
      </c>
      <c r="G4312" t="s">
        <v>62</v>
      </c>
      <c r="H4312" t="s">
        <v>1318</v>
      </c>
      <c r="I4312">
        <v>146.35</v>
      </c>
      <c r="J4312">
        <v>3</v>
      </c>
      <c r="K4312">
        <v>49.39</v>
      </c>
    </row>
    <row r="4313" spans="1:11" x14ac:dyDescent="0.3">
      <c r="A4313" s="1">
        <v>42437</v>
      </c>
      <c r="B4313" s="3">
        <f t="shared" si="134"/>
        <v>3</v>
      </c>
      <c r="C4313" s="3">
        <f t="shared" si="135"/>
        <v>2016</v>
      </c>
      <c r="D4313" t="s">
        <v>535</v>
      </c>
      <c r="E4313" t="s">
        <v>109</v>
      </c>
      <c r="F4313" t="s">
        <v>10</v>
      </c>
      <c r="G4313" t="s">
        <v>91</v>
      </c>
      <c r="H4313" t="s">
        <v>2444</v>
      </c>
      <c r="I4313">
        <v>207.14</v>
      </c>
      <c r="J4313">
        <v>3</v>
      </c>
      <c r="K4313">
        <v>48.33</v>
      </c>
    </row>
    <row r="4314" spans="1:11" x14ac:dyDescent="0.3">
      <c r="A4314" s="1">
        <v>42437</v>
      </c>
      <c r="B4314" s="3">
        <f t="shared" si="134"/>
        <v>3</v>
      </c>
      <c r="C4314" s="3">
        <f t="shared" si="135"/>
        <v>2016</v>
      </c>
      <c r="D4314" t="s">
        <v>535</v>
      </c>
      <c r="E4314" t="s">
        <v>109</v>
      </c>
      <c r="F4314" t="s">
        <v>10</v>
      </c>
      <c r="G4314" t="s">
        <v>23</v>
      </c>
      <c r="H4314" t="s">
        <v>868</v>
      </c>
      <c r="I4314">
        <v>13.9</v>
      </c>
      <c r="J4314">
        <v>5</v>
      </c>
      <c r="K4314">
        <v>3.75</v>
      </c>
    </row>
    <row r="4315" spans="1:11" x14ac:dyDescent="0.3">
      <c r="A4315" s="1">
        <v>42438</v>
      </c>
      <c r="B4315" s="3">
        <f t="shared" si="134"/>
        <v>3</v>
      </c>
      <c r="C4315" s="3">
        <f t="shared" si="135"/>
        <v>2016</v>
      </c>
      <c r="D4315" t="s">
        <v>300</v>
      </c>
      <c r="E4315" t="s">
        <v>612</v>
      </c>
      <c r="F4315" t="s">
        <v>38</v>
      </c>
      <c r="G4315" t="s">
        <v>51</v>
      </c>
      <c r="H4315" t="s">
        <v>1938</v>
      </c>
      <c r="I4315">
        <v>199.75</v>
      </c>
      <c r="J4315">
        <v>5</v>
      </c>
      <c r="K4315">
        <v>87.89</v>
      </c>
    </row>
    <row r="4316" spans="1:11" x14ac:dyDescent="0.3">
      <c r="A4316" s="1">
        <v>42438</v>
      </c>
      <c r="B4316" s="3">
        <f t="shared" si="134"/>
        <v>3</v>
      </c>
      <c r="C4316" s="3">
        <f t="shared" si="135"/>
        <v>2016</v>
      </c>
      <c r="D4316" t="s">
        <v>819</v>
      </c>
      <c r="E4316" t="s">
        <v>433</v>
      </c>
      <c r="F4316" t="s">
        <v>10</v>
      </c>
      <c r="G4316" t="s">
        <v>17</v>
      </c>
      <c r="H4316" t="s">
        <v>550</v>
      </c>
      <c r="I4316">
        <v>11.21</v>
      </c>
      <c r="J4316">
        <v>1</v>
      </c>
      <c r="K4316">
        <v>3.36</v>
      </c>
    </row>
    <row r="4317" spans="1:11" x14ac:dyDescent="0.3">
      <c r="A4317" s="1">
        <v>42438</v>
      </c>
      <c r="B4317" s="3">
        <f t="shared" si="134"/>
        <v>3</v>
      </c>
      <c r="C4317" s="3">
        <f t="shared" si="135"/>
        <v>2016</v>
      </c>
      <c r="D4317" t="s">
        <v>819</v>
      </c>
      <c r="E4317" t="s">
        <v>433</v>
      </c>
      <c r="F4317" t="s">
        <v>33</v>
      </c>
      <c r="G4317" t="s">
        <v>34</v>
      </c>
      <c r="H4317" t="s">
        <v>792</v>
      </c>
      <c r="I4317">
        <v>354.9</v>
      </c>
      <c r="J4317">
        <v>5</v>
      </c>
      <c r="K4317">
        <v>88.73</v>
      </c>
    </row>
    <row r="4318" spans="1:11" x14ac:dyDescent="0.3">
      <c r="A4318" s="1">
        <v>42438</v>
      </c>
      <c r="B4318" s="3">
        <f t="shared" si="134"/>
        <v>3</v>
      </c>
      <c r="C4318" s="3">
        <f t="shared" si="135"/>
        <v>2016</v>
      </c>
      <c r="D4318" t="s">
        <v>819</v>
      </c>
      <c r="E4318" t="s">
        <v>433</v>
      </c>
      <c r="F4318" t="s">
        <v>10</v>
      </c>
      <c r="G4318" t="s">
        <v>11</v>
      </c>
      <c r="H4318" t="s">
        <v>2257</v>
      </c>
      <c r="I4318">
        <v>17.940000000000001</v>
      </c>
      <c r="J4318">
        <v>3</v>
      </c>
      <c r="K4318">
        <v>8.7899999999999991</v>
      </c>
    </row>
    <row r="4319" spans="1:11" x14ac:dyDescent="0.3">
      <c r="A4319" s="1">
        <v>42438</v>
      </c>
      <c r="B4319" s="3">
        <f t="shared" si="134"/>
        <v>3</v>
      </c>
      <c r="C4319" s="3">
        <f t="shared" si="135"/>
        <v>2016</v>
      </c>
      <c r="D4319" t="s">
        <v>819</v>
      </c>
      <c r="E4319" t="s">
        <v>433</v>
      </c>
      <c r="F4319" t="s">
        <v>10</v>
      </c>
      <c r="G4319" t="s">
        <v>19</v>
      </c>
      <c r="H4319" t="s">
        <v>2186</v>
      </c>
      <c r="I4319">
        <v>51.8</v>
      </c>
      <c r="J4319">
        <v>4</v>
      </c>
      <c r="K4319">
        <v>23.31</v>
      </c>
    </row>
    <row r="4320" spans="1:11" x14ac:dyDescent="0.3">
      <c r="A4320" s="1">
        <v>42439</v>
      </c>
      <c r="B4320" s="3">
        <f t="shared" si="134"/>
        <v>3</v>
      </c>
      <c r="C4320" s="3">
        <f t="shared" si="135"/>
        <v>2016</v>
      </c>
      <c r="D4320" t="s">
        <v>2454</v>
      </c>
      <c r="E4320" t="s">
        <v>148</v>
      </c>
      <c r="F4320" t="s">
        <v>33</v>
      </c>
      <c r="G4320" t="s">
        <v>73</v>
      </c>
      <c r="H4320" t="s">
        <v>776</v>
      </c>
      <c r="I4320">
        <v>176.78</v>
      </c>
      <c r="J4320">
        <v>1</v>
      </c>
      <c r="K4320">
        <v>-22.1</v>
      </c>
    </row>
    <row r="4321" spans="1:11" x14ac:dyDescent="0.3">
      <c r="A4321" s="1">
        <v>42439</v>
      </c>
      <c r="B4321" s="3">
        <f t="shared" si="134"/>
        <v>3</v>
      </c>
      <c r="C4321" s="3">
        <f t="shared" si="135"/>
        <v>2016</v>
      </c>
      <c r="D4321" t="s">
        <v>2455</v>
      </c>
      <c r="E4321" t="s">
        <v>22</v>
      </c>
      <c r="F4321" t="s">
        <v>38</v>
      </c>
      <c r="G4321" t="s">
        <v>51</v>
      </c>
      <c r="H4321" t="s">
        <v>667</v>
      </c>
      <c r="I4321">
        <v>39.99</v>
      </c>
      <c r="J4321">
        <v>1</v>
      </c>
      <c r="K4321">
        <v>7.5</v>
      </c>
    </row>
    <row r="4322" spans="1:11" x14ac:dyDescent="0.3">
      <c r="A4322" s="1">
        <v>42439</v>
      </c>
      <c r="B4322" s="3">
        <f t="shared" si="134"/>
        <v>3</v>
      </c>
      <c r="C4322" s="3">
        <f t="shared" si="135"/>
        <v>2016</v>
      </c>
      <c r="D4322" t="s">
        <v>1384</v>
      </c>
      <c r="E4322" t="s">
        <v>26</v>
      </c>
      <c r="F4322" t="s">
        <v>10</v>
      </c>
      <c r="G4322" t="s">
        <v>11</v>
      </c>
      <c r="H4322" t="s">
        <v>1902</v>
      </c>
      <c r="I4322">
        <v>14.9</v>
      </c>
      <c r="J4322">
        <v>5</v>
      </c>
      <c r="K4322">
        <v>7.15</v>
      </c>
    </row>
    <row r="4323" spans="1:11" x14ac:dyDescent="0.3">
      <c r="A4323" s="1">
        <v>42439</v>
      </c>
      <c r="B4323" s="3">
        <f t="shared" si="134"/>
        <v>3</v>
      </c>
      <c r="C4323" s="3">
        <f t="shared" si="135"/>
        <v>2016</v>
      </c>
      <c r="D4323" t="s">
        <v>1384</v>
      </c>
      <c r="E4323" t="s">
        <v>26</v>
      </c>
      <c r="F4323" t="s">
        <v>38</v>
      </c>
      <c r="G4323" t="s">
        <v>39</v>
      </c>
      <c r="H4323" t="s">
        <v>675</v>
      </c>
      <c r="I4323">
        <v>4158.91</v>
      </c>
      <c r="J4323">
        <v>8</v>
      </c>
      <c r="K4323">
        <v>363.9</v>
      </c>
    </row>
    <row r="4324" spans="1:11" x14ac:dyDescent="0.3">
      <c r="A4324" s="1">
        <v>42439</v>
      </c>
      <c r="B4324" s="3">
        <f t="shared" si="134"/>
        <v>3</v>
      </c>
      <c r="C4324" s="3">
        <f t="shared" si="135"/>
        <v>2016</v>
      </c>
      <c r="D4324" t="s">
        <v>1628</v>
      </c>
      <c r="E4324" t="s">
        <v>26</v>
      </c>
      <c r="F4324" t="s">
        <v>38</v>
      </c>
      <c r="G4324" t="s">
        <v>51</v>
      </c>
      <c r="H4324" t="s">
        <v>1421</v>
      </c>
      <c r="I4324">
        <v>26.85</v>
      </c>
      <c r="J4324">
        <v>3</v>
      </c>
      <c r="K4324">
        <v>5.0999999999999996</v>
      </c>
    </row>
    <row r="4325" spans="1:11" x14ac:dyDescent="0.3">
      <c r="A4325" s="1">
        <v>42439</v>
      </c>
      <c r="B4325" s="3">
        <f t="shared" si="134"/>
        <v>3</v>
      </c>
      <c r="C4325" s="3">
        <f t="shared" si="135"/>
        <v>2016</v>
      </c>
      <c r="D4325" t="s">
        <v>1628</v>
      </c>
      <c r="E4325" t="s">
        <v>26</v>
      </c>
      <c r="F4325" t="s">
        <v>38</v>
      </c>
      <c r="G4325" t="s">
        <v>301</v>
      </c>
      <c r="H4325" t="s">
        <v>2456</v>
      </c>
      <c r="I4325">
        <v>3357.6</v>
      </c>
      <c r="J4325">
        <v>3</v>
      </c>
      <c r="K4325">
        <v>377.73</v>
      </c>
    </row>
    <row r="4326" spans="1:11" x14ac:dyDescent="0.3">
      <c r="A4326" s="1">
        <v>42439</v>
      </c>
      <c r="B4326" s="3">
        <f t="shared" si="134"/>
        <v>3</v>
      </c>
      <c r="C4326" s="3">
        <f t="shared" si="135"/>
        <v>2016</v>
      </c>
      <c r="D4326" t="s">
        <v>726</v>
      </c>
      <c r="E4326" t="s">
        <v>94</v>
      </c>
      <c r="F4326" t="s">
        <v>10</v>
      </c>
      <c r="G4326" t="s">
        <v>17</v>
      </c>
      <c r="H4326" t="s">
        <v>2367</v>
      </c>
      <c r="I4326">
        <v>104.7</v>
      </c>
      <c r="J4326">
        <v>1</v>
      </c>
      <c r="K4326">
        <v>6.54</v>
      </c>
    </row>
    <row r="4327" spans="1:11" x14ac:dyDescent="0.3">
      <c r="A4327" s="1">
        <v>42440</v>
      </c>
      <c r="B4327" s="3">
        <f t="shared" si="134"/>
        <v>3</v>
      </c>
      <c r="C4327" s="3">
        <f t="shared" si="135"/>
        <v>2016</v>
      </c>
      <c r="D4327" t="s">
        <v>1288</v>
      </c>
      <c r="E4327" t="s">
        <v>314</v>
      </c>
      <c r="F4327" t="s">
        <v>38</v>
      </c>
      <c r="G4327" t="s">
        <v>51</v>
      </c>
      <c r="H4327" t="s">
        <v>1968</v>
      </c>
      <c r="I4327">
        <v>45.98</v>
      </c>
      <c r="J4327">
        <v>2</v>
      </c>
      <c r="K4327">
        <v>19.77</v>
      </c>
    </row>
    <row r="4328" spans="1:11" x14ac:dyDescent="0.3">
      <c r="A4328" s="1">
        <v>42440</v>
      </c>
      <c r="B4328" s="3">
        <f t="shared" si="134"/>
        <v>3</v>
      </c>
      <c r="C4328" s="3">
        <f t="shared" si="135"/>
        <v>2016</v>
      </c>
      <c r="D4328" t="s">
        <v>1288</v>
      </c>
      <c r="E4328" t="s">
        <v>314</v>
      </c>
      <c r="F4328" t="s">
        <v>10</v>
      </c>
      <c r="G4328" t="s">
        <v>19</v>
      </c>
      <c r="H4328" t="s">
        <v>183</v>
      </c>
      <c r="I4328">
        <v>17.46</v>
      </c>
      <c r="J4328">
        <v>2</v>
      </c>
      <c r="K4328">
        <v>8.2100000000000009</v>
      </c>
    </row>
    <row r="4329" spans="1:11" x14ac:dyDescent="0.3">
      <c r="A4329" s="1">
        <v>42440</v>
      </c>
      <c r="B4329" s="3">
        <f t="shared" si="134"/>
        <v>3</v>
      </c>
      <c r="C4329" s="3">
        <f t="shared" si="135"/>
        <v>2016</v>
      </c>
      <c r="D4329" t="s">
        <v>21</v>
      </c>
      <c r="E4329" t="s">
        <v>176</v>
      </c>
      <c r="F4329" t="s">
        <v>33</v>
      </c>
      <c r="G4329" t="s">
        <v>144</v>
      </c>
      <c r="H4329" t="s">
        <v>2065</v>
      </c>
      <c r="I4329">
        <v>244.01</v>
      </c>
      <c r="J4329">
        <v>2</v>
      </c>
      <c r="K4329">
        <v>-31.37</v>
      </c>
    </row>
    <row r="4330" spans="1:11" x14ac:dyDescent="0.3">
      <c r="A4330" s="1">
        <v>42440</v>
      </c>
      <c r="B4330" s="3">
        <f t="shared" si="134"/>
        <v>3</v>
      </c>
      <c r="C4330" s="3">
        <f t="shared" si="135"/>
        <v>2016</v>
      </c>
      <c r="D4330" t="s">
        <v>1368</v>
      </c>
      <c r="E4330" t="s">
        <v>29</v>
      </c>
      <c r="F4330" t="s">
        <v>33</v>
      </c>
      <c r="G4330" t="s">
        <v>46</v>
      </c>
      <c r="H4330" t="s">
        <v>338</v>
      </c>
      <c r="I4330">
        <v>76.92</v>
      </c>
      <c r="J4330">
        <v>4</v>
      </c>
      <c r="K4330">
        <v>31.54</v>
      </c>
    </row>
    <row r="4331" spans="1:11" x14ac:dyDescent="0.3">
      <c r="A4331" s="1">
        <v>42440</v>
      </c>
      <c r="B4331" s="3">
        <f t="shared" si="134"/>
        <v>3</v>
      </c>
      <c r="C4331" s="3">
        <f t="shared" si="135"/>
        <v>2016</v>
      </c>
      <c r="D4331" t="s">
        <v>1368</v>
      </c>
      <c r="E4331" t="s">
        <v>29</v>
      </c>
      <c r="F4331" t="s">
        <v>10</v>
      </c>
      <c r="G4331" t="s">
        <v>17</v>
      </c>
      <c r="H4331" t="s">
        <v>2147</v>
      </c>
      <c r="I4331">
        <v>481.32</v>
      </c>
      <c r="J4331">
        <v>4</v>
      </c>
      <c r="K4331">
        <v>125.14</v>
      </c>
    </row>
    <row r="4332" spans="1:11" x14ac:dyDescent="0.3">
      <c r="A4332" s="1">
        <v>42440</v>
      </c>
      <c r="B4332" s="3">
        <f t="shared" si="134"/>
        <v>3</v>
      </c>
      <c r="C4332" s="3">
        <f t="shared" si="135"/>
        <v>2016</v>
      </c>
      <c r="D4332" t="s">
        <v>2415</v>
      </c>
      <c r="E4332" t="s">
        <v>22</v>
      </c>
      <c r="F4332" t="s">
        <v>33</v>
      </c>
      <c r="G4332" t="s">
        <v>46</v>
      </c>
      <c r="H4332" t="s">
        <v>1999</v>
      </c>
      <c r="I4332">
        <v>30.34</v>
      </c>
      <c r="J4332">
        <v>4</v>
      </c>
      <c r="K4332">
        <v>9.48</v>
      </c>
    </row>
    <row r="4333" spans="1:11" x14ac:dyDescent="0.3">
      <c r="A4333" s="1">
        <v>42441</v>
      </c>
      <c r="B4333" s="3">
        <f t="shared" si="134"/>
        <v>3</v>
      </c>
      <c r="C4333" s="3">
        <f t="shared" si="135"/>
        <v>2016</v>
      </c>
      <c r="D4333" t="s">
        <v>1329</v>
      </c>
      <c r="E4333" t="s">
        <v>61</v>
      </c>
      <c r="F4333" t="s">
        <v>10</v>
      </c>
      <c r="G4333" t="s">
        <v>11</v>
      </c>
      <c r="H4333" t="s">
        <v>2383</v>
      </c>
      <c r="I4333">
        <v>12.96</v>
      </c>
      <c r="J4333">
        <v>2</v>
      </c>
      <c r="K4333">
        <v>6.22</v>
      </c>
    </row>
    <row r="4334" spans="1:11" x14ac:dyDescent="0.3">
      <c r="A4334" s="1">
        <v>42441</v>
      </c>
      <c r="B4334" s="3">
        <f t="shared" si="134"/>
        <v>3</v>
      </c>
      <c r="C4334" s="3">
        <f t="shared" si="135"/>
        <v>2016</v>
      </c>
      <c r="D4334" t="s">
        <v>1839</v>
      </c>
      <c r="E4334" t="s">
        <v>148</v>
      </c>
      <c r="F4334" t="s">
        <v>10</v>
      </c>
      <c r="G4334" t="s">
        <v>62</v>
      </c>
      <c r="H4334" t="s">
        <v>63</v>
      </c>
      <c r="I4334">
        <v>29.34</v>
      </c>
      <c r="J4334">
        <v>3</v>
      </c>
      <c r="K4334">
        <v>13.5</v>
      </c>
    </row>
    <row r="4335" spans="1:11" x14ac:dyDescent="0.3">
      <c r="A4335" s="1">
        <v>42441</v>
      </c>
      <c r="B4335" s="3">
        <f t="shared" si="134"/>
        <v>3</v>
      </c>
      <c r="C4335" s="3">
        <f t="shared" si="135"/>
        <v>2016</v>
      </c>
      <c r="D4335" t="s">
        <v>290</v>
      </c>
      <c r="E4335" t="s">
        <v>26</v>
      </c>
      <c r="F4335" t="s">
        <v>10</v>
      </c>
      <c r="G4335" t="s">
        <v>17</v>
      </c>
      <c r="H4335" t="s">
        <v>2030</v>
      </c>
      <c r="I4335">
        <v>676.55</v>
      </c>
      <c r="J4335">
        <v>5</v>
      </c>
      <c r="K4335">
        <v>6.77</v>
      </c>
    </row>
    <row r="4336" spans="1:11" x14ac:dyDescent="0.3">
      <c r="A4336" s="1">
        <v>42441</v>
      </c>
      <c r="B4336" s="3">
        <f t="shared" si="134"/>
        <v>3</v>
      </c>
      <c r="C4336" s="3">
        <f t="shared" si="135"/>
        <v>2016</v>
      </c>
      <c r="D4336" t="s">
        <v>290</v>
      </c>
      <c r="E4336" t="s">
        <v>26</v>
      </c>
      <c r="F4336" t="s">
        <v>10</v>
      </c>
      <c r="G4336" t="s">
        <v>91</v>
      </c>
      <c r="H4336" t="s">
        <v>439</v>
      </c>
      <c r="I4336">
        <v>154.9</v>
      </c>
      <c r="J4336">
        <v>5</v>
      </c>
      <c r="K4336">
        <v>40.270000000000003</v>
      </c>
    </row>
    <row r="4337" spans="1:11" x14ac:dyDescent="0.3">
      <c r="A4337" s="1">
        <v>42441</v>
      </c>
      <c r="B4337" s="3">
        <f t="shared" si="134"/>
        <v>3</v>
      </c>
      <c r="C4337" s="3">
        <f t="shared" si="135"/>
        <v>2016</v>
      </c>
      <c r="D4337" t="s">
        <v>290</v>
      </c>
      <c r="E4337" t="s">
        <v>26</v>
      </c>
      <c r="F4337" t="s">
        <v>10</v>
      </c>
      <c r="G4337" t="s">
        <v>62</v>
      </c>
      <c r="H4337" t="s">
        <v>769</v>
      </c>
      <c r="I4337">
        <v>30.56</v>
      </c>
      <c r="J4337">
        <v>4</v>
      </c>
      <c r="K4337">
        <v>14.97</v>
      </c>
    </row>
    <row r="4338" spans="1:11" x14ac:dyDescent="0.3">
      <c r="A4338" s="1">
        <v>42441</v>
      </c>
      <c r="B4338" s="3">
        <f t="shared" si="134"/>
        <v>3</v>
      </c>
      <c r="C4338" s="3">
        <f t="shared" si="135"/>
        <v>2016</v>
      </c>
      <c r="D4338" t="s">
        <v>290</v>
      </c>
      <c r="E4338" t="s">
        <v>26</v>
      </c>
      <c r="F4338" t="s">
        <v>33</v>
      </c>
      <c r="G4338" t="s">
        <v>34</v>
      </c>
      <c r="H4338" t="s">
        <v>1730</v>
      </c>
      <c r="I4338">
        <v>770.35</v>
      </c>
      <c r="J4338">
        <v>3</v>
      </c>
      <c r="K4338">
        <v>77.040000000000006</v>
      </c>
    </row>
    <row r="4339" spans="1:11" x14ac:dyDescent="0.3">
      <c r="A4339" s="1">
        <v>42441</v>
      </c>
      <c r="B4339" s="3">
        <f t="shared" si="134"/>
        <v>3</v>
      </c>
      <c r="C4339" s="3">
        <f t="shared" si="135"/>
        <v>2016</v>
      </c>
      <c r="D4339" t="s">
        <v>976</v>
      </c>
      <c r="E4339" t="s">
        <v>26</v>
      </c>
      <c r="F4339" t="s">
        <v>10</v>
      </c>
      <c r="G4339" t="s">
        <v>11</v>
      </c>
      <c r="H4339" t="s">
        <v>2457</v>
      </c>
      <c r="I4339">
        <v>19.98</v>
      </c>
      <c r="J4339">
        <v>2</v>
      </c>
      <c r="K4339">
        <v>8.99</v>
      </c>
    </row>
    <row r="4340" spans="1:11" x14ac:dyDescent="0.3">
      <c r="A4340" s="1">
        <v>42442</v>
      </c>
      <c r="B4340" s="3">
        <f t="shared" si="134"/>
        <v>3</v>
      </c>
      <c r="C4340" s="3">
        <f t="shared" si="135"/>
        <v>2016</v>
      </c>
      <c r="D4340" t="s">
        <v>1825</v>
      </c>
      <c r="E4340" t="s">
        <v>94</v>
      </c>
      <c r="F4340" t="s">
        <v>10</v>
      </c>
      <c r="G4340" t="s">
        <v>91</v>
      </c>
      <c r="H4340" t="s">
        <v>2458</v>
      </c>
      <c r="I4340">
        <v>157.91999999999999</v>
      </c>
      <c r="J4340">
        <v>5</v>
      </c>
      <c r="K4340">
        <v>17.77</v>
      </c>
    </row>
    <row r="4341" spans="1:11" x14ac:dyDescent="0.3">
      <c r="A4341" s="1">
        <v>42442</v>
      </c>
      <c r="B4341" s="3">
        <f t="shared" si="134"/>
        <v>3</v>
      </c>
      <c r="C4341" s="3">
        <f t="shared" si="135"/>
        <v>2016</v>
      </c>
      <c r="D4341" t="s">
        <v>1825</v>
      </c>
      <c r="E4341" t="s">
        <v>94</v>
      </c>
      <c r="F4341" t="s">
        <v>38</v>
      </c>
      <c r="G4341" t="s">
        <v>39</v>
      </c>
      <c r="H4341" t="s">
        <v>2341</v>
      </c>
      <c r="I4341">
        <v>203.18</v>
      </c>
      <c r="J4341">
        <v>2</v>
      </c>
      <c r="K4341">
        <v>15.24</v>
      </c>
    </row>
    <row r="4342" spans="1:11" x14ac:dyDescent="0.3">
      <c r="A4342" s="1">
        <v>42442</v>
      </c>
      <c r="B4342" s="3">
        <f t="shared" si="134"/>
        <v>3</v>
      </c>
      <c r="C4342" s="3">
        <f t="shared" si="135"/>
        <v>2016</v>
      </c>
      <c r="D4342" t="s">
        <v>759</v>
      </c>
      <c r="E4342" t="s">
        <v>9</v>
      </c>
      <c r="F4342" t="s">
        <v>10</v>
      </c>
      <c r="G4342" t="s">
        <v>11</v>
      </c>
      <c r="H4342" t="s">
        <v>96</v>
      </c>
      <c r="I4342">
        <v>70.08</v>
      </c>
      <c r="J4342">
        <v>5</v>
      </c>
      <c r="K4342">
        <v>24.53</v>
      </c>
    </row>
    <row r="4343" spans="1:11" x14ac:dyDescent="0.3">
      <c r="A4343" s="1">
        <v>42442</v>
      </c>
      <c r="B4343" s="3">
        <f t="shared" si="134"/>
        <v>3</v>
      </c>
      <c r="C4343" s="3">
        <f t="shared" si="135"/>
        <v>2016</v>
      </c>
      <c r="D4343" t="s">
        <v>759</v>
      </c>
      <c r="E4343" t="s">
        <v>9</v>
      </c>
      <c r="F4343" t="s">
        <v>10</v>
      </c>
      <c r="G4343" t="s">
        <v>19</v>
      </c>
      <c r="H4343" t="s">
        <v>1175</v>
      </c>
      <c r="I4343">
        <v>1.27</v>
      </c>
      <c r="J4343">
        <v>2</v>
      </c>
      <c r="K4343">
        <v>-2.16</v>
      </c>
    </row>
    <row r="4344" spans="1:11" x14ac:dyDescent="0.3">
      <c r="A4344" s="1">
        <v>42442</v>
      </c>
      <c r="B4344" s="3">
        <f t="shared" si="134"/>
        <v>3</v>
      </c>
      <c r="C4344" s="3">
        <f t="shared" si="135"/>
        <v>2016</v>
      </c>
      <c r="D4344" t="s">
        <v>759</v>
      </c>
      <c r="E4344" t="s">
        <v>9</v>
      </c>
      <c r="F4344" t="s">
        <v>33</v>
      </c>
      <c r="G4344" t="s">
        <v>144</v>
      </c>
      <c r="H4344" t="s">
        <v>1773</v>
      </c>
      <c r="I4344">
        <v>557.59</v>
      </c>
      <c r="J4344">
        <v>5</v>
      </c>
      <c r="K4344">
        <v>0</v>
      </c>
    </row>
    <row r="4345" spans="1:11" x14ac:dyDescent="0.3">
      <c r="A4345" s="1">
        <v>42442</v>
      </c>
      <c r="B4345" s="3">
        <f t="shared" si="134"/>
        <v>3</v>
      </c>
      <c r="C4345" s="3">
        <f t="shared" si="135"/>
        <v>2016</v>
      </c>
      <c r="D4345" t="s">
        <v>2252</v>
      </c>
      <c r="E4345" t="s">
        <v>54</v>
      </c>
      <c r="F4345" t="s">
        <v>33</v>
      </c>
      <c r="G4345" t="s">
        <v>46</v>
      </c>
      <c r="H4345" t="s">
        <v>47</v>
      </c>
      <c r="I4345">
        <v>127.88</v>
      </c>
      <c r="J4345">
        <v>2</v>
      </c>
      <c r="K4345">
        <v>40.92</v>
      </c>
    </row>
    <row r="4346" spans="1:11" x14ac:dyDescent="0.3">
      <c r="A4346" s="1">
        <v>42442</v>
      </c>
      <c r="B4346" s="3">
        <f t="shared" si="134"/>
        <v>3</v>
      </c>
      <c r="C4346" s="3">
        <f t="shared" si="135"/>
        <v>2016</v>
      </c>
      <c r="D4346" t="s">
        <v>2252</v>
      </c>
      <c r="E4346" t="s">
        <v>54</v>
      </c>
      <c r="F4346" t="s">
        <v>10</v>
      </c>
      <c r="G4346" t="s">
        <v>91</v>
      </c>
      <c r="H4346" t="s">
        <v>2089</v>
      </c>
      <c r="I4346">
        <v>160.32</v>
      </c>
      <c r="J4346">
        <v>2</v>
      </c>
      <c r="K4346">
        <v>44.89</v>
      </c>
    </row>
    <row r="4347" spans="1:11" x14ac:dyDescent="0.3">
      <c r="A4347" s="1">
        <v>42442</v>
      </c>
      <c r="B4347" s="3">
        <f t="shared" si="134"/>
        <v>3</v>
      </c>
      <c r="C4347" s="3">
        <f t="shared" si="135"/>
        <v>2016</v>
      </c>
      <c r="D4347" t="s">
        <v>2252</v>
      </c>
      <c r="E4347" t="s">
        <v>54</v>
      </c>
      <c r="F4347" t="s">
        <v>10</v>
      </c>
      <c r="G4347" t="s">
        <v>19</v>
      </c>
      <c r="H4347" t="s">
        <v>1371</v>
      </c>
      <c r="I4347">
        <v>46</v>
      </c>
      <c r="J4347">
        <v>4</v>
      </c>
      <c r="K4347">
        <v>20.7</v>
      </c>
    </row>
    <row r="4348" spans="1:11" x14ac:dyDescent="0.3">
      <c r="A4348" s="1">
        <v>42442</v>
      </c>
      <c r="B4348" s="3">
        <f t="shared" si="134"/>
        <v>3</v>
      </c>
      <c r="C4348" s="3">
        <f t="shared" si="135"/>
        <v>2016</v>
      </c>
      <c r="D4348" t="s">
        <v>524</v>
      </c>
      <c r="E4348" t="s">
        <v>26</v>
      </c>
      <c r="F4348" t="s">
        <v>33</v>
      </c>
      <c r="G4348" t="s">
        <v>46</v>
      </c>
      <c r="H4348" t="s">
        <v>2459</v>
      </c>
      <c r="I4348">
        <v>28.28</v>
      </c>
      <c r="J4348">
        <v>2</v>
      </c>
      <c r="K4348">
        <v>7.35</v>
      </c>
    </row>
    <row r="4349" spans="1:11" x14ac:dyDescent="0.3">
      <c r="A4349" s="1">
        <v>42442</v>
      </c>
      <c r="B4349" s="3">
        <f t="shared" si="134"/>
        <v>3</v>
      </c>
      <c r="C4349" s="3">
        <f t="shared" si="135"/>
        <v>2016</v>
      </c>
      <c r="D4349" t="s">
        <v>524</v>
      </c>
      <c r="E4349" t="s">
        <v>26</v>
      </c>
      <c r="F4349" t="s">
        <v>10</v>
      </c>
      <c r="G4349" t="s">
        <v>199</v>
      </c>
      <c r="H4349" t="s">
        <v>1013</v>
      </c>
      <c r="I4349">
        <v>4912.59</v>
      </c>
      <c r="J4349">
        <v>3</v>
      </c>
      <c r="K4349">
        <v>196.5</v>
      </c>
    </row>
    <row r="4350" spans="1:11" x14ac:dyDescent="0.3">
      <c r="A4350" s="1">
        <v>42442</v>
      </c>
      <c r="B4350" s="3">
        <f t="shared" si="134"/>
        <v>3</v>
      </c>
      <c r="C4350" s="3">
        <f t="shared" si="135"/>
        <v>2016</v>
      </c>
      <c r="D4350" t="s">
        <v>2123</v>
      </c>
      <c r="E4350" t="s">
        <v>22</v>
      </c>
      <c r="F4350" t="s">
        <v>33</v>
      </c>
      <c r="G4350" t="s">
        <v>34</v>
      </c>
      <c r="H4350" t="s">
        <v>1236</v>
      </c>
      <c r="I4350">
        <v>386.68</v>
      </c>
      <c r="J4350">
        <v>2</v>
      </c>
      <c r="K4350">
        <v>-5.52</v>
      </c>
    </row>
    <row r="4351" spans="1:11" x14ac:dyDescent="0.3">
      <c r="A4351" s="1">
        <v>42442</v>
      </c>
      <c r="B4351" s="3">
        <f t="shared" si="134"/>
        <v>3</v>
      </c>
      <c r="C4351" s="3">
        <f t="shared" si="135"/>
        <v>2016</v>
      </c>
      <c r="D4351" t="s">
        <v>2123</v>
      </c>
      <c r="E4351" t="s">
        <v>22</v>
      </c>
      <c r="F4351" t="s">
        <v>38</v>
      </c>
      <c r="G4351" t="s">
        <v>51</v>
      </c>
      <c r="H4351" t="s">
        <v>543</v>
      </c>
      <c r="I4351">
        <v>379.96</v>
      </c>
      <c r="J4351">
        <v>5</v>
      </c>
      <c r="K4351">
        <v>47.5</v>
      </c>
    </row>
    <row r="4352" spans="1:11" x14ac:dyDescent="0.3">
      <c r="A4352" s="1">
        <v>42442</v>
      </c>
      <c r="B4352" s="3">
        <f t="shared" si="134"/>
        <v>3</v>
      </c>
      <c r="C4352" s="3">
        <f t="shared" si="135"/>
        <v>2016</v>
      </c>
      <c r="D4352" t="s">
        <v>2123</v>
      </c>
      <c r="E4352" t="s">
        <v>22</v>
      </c>
      <c r="F4352" t="s">
        <v>38</v>
      </c>
      <c r="G4352" t="s">
        <v>39</v>
      </c>
      <c r="H4352" t="s">
        <v>2018</v>
      </c>
      <c r="I4352">
        <v>539.91</v>
      </c>
      <c r="J4352">
        <v>3</v>
      </c>
      <c r="K4352">
        <v>-116.98</v>
      </c>
    </row>
    <row r="4353" spans="1:11" x14ac:dyDescent="0.3">
      <c r="A4353" s="1">
        <v>42442</v>
      </c>
      <c r="B4353" s="3">
        <f t="shared" si="134"/>
        <v>3</v>
      </c>
      <c r="C4353" s="3">
        <f t="shared" si="135"/>
        <v>2016</v>
      </c>
      <c r="D4353" t="s">
        <v>2123</v>
      </c>
      <c r="E4353" t="s">
        <v>22</v>
      </c>
      <c r="F4353" t="s">
        <v>10</v>
      </c>
      <c r="G4353" t="s">
        <v>11</v>
      </c>
      <c r="H4353" t="s">
        <v>1889</v>
      </c>
      <c r="I4353">
        <v>41.24</v>
      </c>
      <c r="J4353">
        <v>5</v>
      </c>
      <c r="K4353">
        <v>13.92</v>
      </c>
    </row>
    <row r="4354" spans="1:11" x14ac:dyDescent="0.3">
      <c r="A4354" s="1">
        <v>42442</v>
      </c>
      <c r="B4354" s="3">
        <f t="shared" ref="B4354:B4417" si="136">MONTH(A:A)</f>
        <v>3</v>
      </c>
      <c r="C4354" s="3">
        <f t="shared" ref="C4354:C4417" si="137">YEAR(A:A)</f>
        <v>2016</v>
      </c>
      <c r="D4354" t="s">
        <v>2123</v>
      </c>
      <c r="E4354" t="s">
        <v>22</v>
      </c>
      <c r="F4354" t="s">
        <v>10</v>
      </c>
      <c r="G4354" t="s">
        <v>19</v>
      </c>
      <c r="H4354" t="s">
        <v>2460</v>
      </c>
      <c r="I4354">
        <v>51.9</v>
      </c>
      <c r="J4354">
        <v>1</v>
      </c>
      <c r="K4354">
        <v>-41.52</v>
      </c>
    </row>
    <row r="4355" spans="1:11" x14ac:dyDescent="0.3">
      <c r="A4355" s="1">
        <v>42442</v>
      </c>
      <c r="B4355" s="3">
        <f t="shared" si="136"/>
        <v>3</v>
      </c>
      <c r="C4355" s="3">
        <f t="shared" si="137"/>
        <v>2016</v>
      </c>
      <c r="D4355" t="s">
        <v>2123</v>
      </c>
      <c r="E4355" t="s">
        <v>22</v>
      </c>
      <c r="F4355" t="s">
        <v>10</v>
      </c>
      <c r="G4355" t="s">
        <v>17</v>
      </c>
      <c r="H4355" t="s">
        <v>556</v>
      </c>
      <c r="I4355">
        <v>552.55999999999995</v>
      </c>
      <c r="J4355">
        <v>5</v>
      </c>
      <c r="K4355">
        <v>-138.13999999999999</v>
      </c>
    </row>
    <row r="4356" spans="1:11" x14ac:dyDescent="0.3">
      <c r="A4356" s="1">
        <v>42442</v>
      </c>
      <c r="B4356" s="3">
        <f t="shared" si="136"/>
        <v>3</v>
      </c>
      <c r="C4356" s="3">
        <f t="shared" si="137"/>
        <v>2016</v>
      </c>
      <c r="D4356" t="s">
        <v>2123</v>
      </c>
      <c r="E4356" t="s">
        <v>22</v>
      </c>
      <c r="F4356" t="s">
        <v>10</v>
      </c>
      <c r="G4356" t="s">
        <v>19</v>
      </c>
      <c r="H4356" t="s">
        <v>1508</v>
      </c>
      <c r="I4356">
        <v>23.16</v>
      </c>
      <c r="J4356">
        <v>5</v>
      </c>
      <c r="K4356">
        <v>-15.44</v>
      </c>
    </row>
    <row r="4357" spans="1:11" x14ac:dyDescent="0.3">
      <c r="A4357" s="1">
        <v>42442</v>
      </c>
      <c r="B4357" s="3">
        <f t="shared" si="136"/>
        <v>3</v>
      </c>
      <c r="C4357" s="3">
        <f t="shared" si="137"/>
        <v>2016</v>
      </c>
      <c r="D4357" t="s">
        <v>2123</v>
      </c>
      <c r="E4357" t="s">
        <v>22</v>
      </c>
      <c r="F4357" t="s">
        <v>10</v>
      </c>
      <c r="G4357" t="s">
        <v>17</v>
      </c>
      <c r="H4357" t="s">
        <v>1464</v>
      </c>
      <c r="I4357">
        <v>126.08</v>
      </c>
      <c r="J4357">
        <v>2</v>
      </c>
      <c r="K4357">
        <v>-28.37</v>
      </c>
    </row>
    <row r="4358" spans="1:11" x14ac:dyDescent="0.3">
      <c r="A4358" s="1">
        <v>42442</v>
      </c>
      <c r="B4358" s="3">
        <f t="shared" si="136"/>
        <v>3</v>
      </c>
      <c r="C4358" s="3">
        <f t="shared" si="137"/>
        <v>2016</v>
      </c>
      <c r="D4358" t="s">
        <v>2123</v>
      </c>
      <c r="E4358" t="s">
        <v>22</v>
      </c>
      <c r="F4358" t="s">
        <v>38</v>
      </c>
      <c r="G4358" t="s">
        <v>301</v>
      </c>
      <c r="H4358" t="s">
        <v>2461</v>
      </c>
      <c r="I4358">
        <v>449.1</v>
      </c>
      <c r="J4358">
        <v>3</v>
      </c>
      <c r="K4358">
        <v>-643.71</v>
      </c>
    </row>
    <row r="4359" spans="1:11" x14ac:dyDescent="0.3">
      <c r="A4359" s="1">
        <v>42442</v>
      </c>
      <c r="B4359" s="3">
        <f t="shared" si="136"/>
        <v>3</v>
      </c>
      <c r="C4359" s="3">
        <f t="shared" si="137"/>
        <v>2016</v>
      </c>
      <c r="D4359" t="s">
        <v>1662</v>
      </c>
      <c r="E4359" t="s">
        <v>26</v>
      </c>
      <c r="F4359" t="s">
        <v>10</v>
      </c>
      <c r="G4359" t="s">
        <v>19</v>
      </c>
      <c r="H4359" t="s">
        <v>1564</v>
      </c>
      <c r="I4359">
        <v>51.18</v>
      </c>
      <c r="J4359">
        <v>7</v>
      </c>
      <c r="K4359">
        <v>19.190000000000001</v>
      </c>
    </row>
    <row r="4360" spans="1:11" x14ac:dyDescent="0.3">
      <c r="A4360" s="1">
        <v>42443</v>
      </c>
      <c r="B4360" s="3">
        <f t="shared" si="136"/>
        <v>3</v>
      </c>
      <c r="C4360" s="3">
        <f t="shared" si="137"/>
        <v>2016</v>
      </c>
      <c r="D4360" t="s">
        <v>2462</v>
      </c>
      <c r="E4360" t="s">
        <v>77</v>
      </c>
      <c r="F4360" t="s">
        <v>33</v>
      </c>
      <c r="G4360" t="s">
        <v>46</v>
      </c>
      <c r="H4360" t="s">
        <v>447</v>
      </c>
      <c r="I4360">
        <v>21.88</v>
      </c>
      <c r="J4360">
        <v>5</v>
      </c>
      <c r="K4360">
        <v>6.29</v>
      </c>
    </row>
    <row r="4361" spans="1:11" x14ac:dyDescent="0.3">
      <c r="A4361" s="1">
        <v>42443</v>
      </c>
      <c r="B4361" s="3">
        <f t="shared" si="136"/>
        <v>3</v>
      </c>
      <c r="C4361" s="3">
        <f t="shared" si="137"/>
        <v>2016</v>
      </c>
      <c r="D4361" t="s">
        <v>502</v>
      </c>
      <c r="E4361" t="s">
        <v>9</v>
      </c>
      <c r="F4361" t="s">
        <v>33</v>
      </c>
      <c r="G4361" t="s">
        <v>73</v>
      </c>
      <c r="H4361" t="s">
        <v>141</v>
      </c>
      <c r="I4361">
        <v>241.33</v>
      </c>
      <c r="J4361">
        <v>5</v>
      </c>
      <c r="K4361">
        <v>-14.2</v>
      </c>
    </row>
    <row r="4362" spans="1:11" x14ac:dyDescent="0.3">
      <c r="A4362" s="1">
        <v>42443</v>
      </c>
      <c r="B4362" s="3">
        <f t="shared" si="136"/>
        <v>3</v>
      </c>
      <c r="C4362" s="3">
        <f t="shared" si="137"/>
        <v>2016</v>
      </c>
      <c r="D4362" t="s">
        <v>502</v>
      </c>
      <c r="E4362" t="s">
        <v>9</v>
      </c>
      <c r="F4362" t="s">
        <v>10</v>
      </c>
      <c r="G4362" t="s">
        <v>11</v>
      </c>
      <c r="H4362" t="s">
        <v>1158</v>
      </c>
      <c r="I4362">
        <v>5.18</v>
      </c>
      <c r="J4362">
        <v>1</v>
      </c>
      <c r="K4362">
        <v>1.88</v>
      </c>
    </row>
    <row r="4363" spans="1:11" x14ac:dyDescent="0.3">
      <c r="A4363" s="1">
        <v>42443</v>
      </c>
      <c r="B4363" s="3">
        <f t="shared" si="136"/>
        <v>3</v>
      </c>
      <c r="C4363" s="3">
        <f t="shared" si="137"/>
        <v>2016</v>
      </c>
      <c r="D4363" t="s">
        <v>502</v>
      </c>
      <c r="E4363" t="s">
        <v>9</v>
      </c>
      <c r="F4363" t="s">
        <v>10</v>
      </c>
      <c r="G4363" t="s">
        <v>23</v>
      </c>
      <c r="H4363" t="s">
        <v>278</v>
      </c>
      <c r="I4363">
        <v>145.54</v>
      </c>
      <c r="J4363">
        <v>7</v>
      </c>
      <c r="K4363">
        <v>16.37</v>
      </c>
    </row>
    <row r="4364" spans="1:11" x14ac:dyDescent="0.3">
      <c r="A4364" s="1">
        <v>42443</v>
      </c>
      <c r="B4364" s="3">
        <f t="shared" si="136"/>
        <v>3</v>
      </c>
      <c r="C4364" s="3">
        <f t="shared" si="137"/>
        <v>2016</v>
      </c>
      <c r="D4364" t="s">
        <v>118</v>
      </c>
      <c r="E4364" t="s">
        <v>163</v>
      </c>
      <c r="F4364" t="s">
        <v>33</v>
      </c>
      <c r="G4364" t="s">
        <v>34</v>
      </c>
      <c r="H4364" t="s">
        <v>918</v>
      </c>
      <c r="I4364">
        <v>196.78</v>
      </c>
      <c r="J4364">
        <v>2</v>
      </c>
      <c r="K4364">
        <v>-22.14</v>
      </c>
    </row>
    <row r="4365" spans="1:11" x14ac:dyDescent="0.3">
      <c r="A4365" s="1">
        <v>42443</v>
      </c>
      <c r="B4365" s="3">
        <f t="shared" si="136"/>
        <v>3</v>
      </c>
      <c r="C4365" s="3">
        <f t="shared" si="137"/>
        <v>2016</v>
      </c>
      <c r="D4365" t="s">
        <v>535</v>
      </c>
      <c r="E4365" t="s">
        <v>26</v>
      </c>
      <c r="F4365" t="s">
        <v>10</v>
      </c>
      <c r="G4365" t="s">
        <v>19</v>
      </c>
      <c r="H4365" t="s">
        <v>183</v>
      </c>
      <c r="I4365">
        <v>41.9</v>
      </c>
      <c r="J4365">
        <v>6</v>
      </c>
      <c r="K4365">
        <v>14.14</v>
      </c>
    </row>
    <row r="4366" spans="1:11" x14ac:dyDescent="0.3">
      <c r="A4366" s="1">
        <v>42443</v>
      </c>
      <c r="B4366" s="3">
        <f t="shared" si="136"/>
        <v>3</v>
      </c>
      <c r="C4366" s="3">
        <f t="shared" si="137"/>
        <v>2016</v>
      </c>
      <c r="D4366" t="s">
        <v>1462</v>
      </c>
      <c r="E4366" t="s">
        <v>156</v>
      </c>
      <c r="F4366" t="s">
        <v>33</v>
      </c>
      <c r="G4366" t="s">
        <v>46</v>
      </c>
      <c r="H4366" t="s">
        <v>974</v>
      </c>
      <c r="I4366">
        <v>16.739999999999998</v>
      </c>
      <c r="J4366">
        <v>2</v>
      </c>
      <c r="K4366">
        <v>4.3499999999999996</v>
      </c>
    </row>
    <row r="4367" spans="1:11" x14ac:dyDescent="0.3">
      <c r="A4367" s="1">
        <v>42444</v>
      </c>
      <c r="B4367" s="3">
        <f t="shared" si="136"/>
        <v>3</v>
      </c>
      <c r="C4367" s="3">
        <f t="shared" si="137"/>
        <v>2016</v>
      </c>
      <c r="D4367" t="s">
        <v>1540</v>
      </c>
      <c r="E4367" t="s">
        <v>22</v>
      </c>
      <c r="F4367" t="s">
        <v>38</v>
      </c>
      <c r="G4367" t="s">
        <v>51</v>
      </c>
      <c r="H4367" t="s">
        <v>2463</v>
      </c>
      <c r="I4367">
        <v>83.98</v>
      </c>
      <c r="J4367">
        <v>3</v>
      </c>
      <c r="K4367">
        <v>-13.65</v>
      </c>
    </row>
    <row r="4368" spans="1:11" x14ac:dyDescent="0.3">
      <c r="A4368" s="1">
        <v>42444</v>
      </c>
      <c r="B4368" s="3">
        <f t="shared" si="136"/>
        <v>3</v>
      </c>
      <c r="C4368" s="3">
        <f t="shared" si="137"/>
        <v>2016</v>
      </c>
      <c r="D4368" t="s">
        <v>1445</v>
      </c>
      <c r="E4368" t="s">
        <v>26</v>
      </c>
      <c r="F4368" t="s">
        <v>10</v>
      </c>
      <c r="G4368" t="s">
        <v>19</v>
      </c>
      <c r="H4368" t="s">
        <v>422</v>
      </c>
      <c r="I4368">
        <v>4.54</v>
      </c>
      <c r="J4368">
        <v>2</v>
      </c>
      <c r="K4368">
        <v>1.65</v>
      </c>
    </row>
    <row r="4369" spans="1:11" x14ac:dyDescent="0.3">
      <c r="A4369" s="1">
        <v>42444</v>
      </c>
      <c r="B4369" s="3">
        <f t="shared" si="136"/>
        <v>3</v>
      </c>
      <c r="C4369" s="3">
        <f t="shared" si="137"/>
        <v>2016</v>
      </c>
      <c r="D4369" t="s">
        <v>1445</v>
      </c>
      <c r="E4369" t="s">
        <v>26</v>
      </c>
      <c r="F4369" t="s">
        <v>33</v>
      </c>
      <c r="G4369" t="s">
        <v>34</v>
      </c>
      <c r="H4369" t="s">
        <v>2044</v>
      </c>
      <c r="I4369">
        <v>1352.03</v>
      </c>
      <c r="J4369">
        <v>4</v>
      </c>
      <c r="K4369">
        <v>84.5</v>
      </c>
    </row>
    <row r="4370" spans="1:11" x14ac:dyDescent="0.3">
      <c r="A4370" s="1">
        <v>42444</v>
      </c>
      <c r="B4370" s="3">
        <f t="shared" si="136"/>
        <v>3</v>
      </c>
      <c r="C4370" s="3">
        <f t="shared" si="137"/>
        <v>2016</v>
      </c>
      <c r="D4370" t="s">
        <v>2258</v>
      </c>
      <c r="E4370" t="s">
        <v>328</v>
      </c>
      <c r="F4370" t="s">
        <v>10</v>
      </c>
      <c r="G4370" t="s">
        <v>11</v>
      </c>
      <c r="H4370" t="s">
        <v>1764</v>
      </c>
      <c r="I4370">
        <v>319.76</v>
      </c>
      <c r="J4370">
        <v>14</v>
      </c>
      <c r="K4370">
        <v>147.09</v>
      </c>
    </row>
    <row r="4371" spans="1:11" x14ac:dyDescent="0.3">
      <c r="A4371" s="1">
        <v>42444</v>
      </c>
      <c r="B4371" s="3">
        <f t="shared" si="136"/>
        <v>3</v>
      </c>
      <c r="C4371" s="3">
        <f t="shared" si="137"/>
        <v>2016</v>
      </c>
      <c r="D4371" t="s">
        <v>2258</v>
      </c>
      <c r="E4371" t="s">
        <v>328</v>
      </c>
      <c r="F4371" t="s">
        <v>10</v>
      </c>
      <c r="G4371" t="s">
        <v>11</v>
      </c>
      <c r="H4371" t="s">
        <v>1764</v>
      </c>
      <c r="I4371">
        <v>45.68</v>
      </c>
      <c r="J4371">
        <v>2</v>
      </c>
      <c r="K4371">
        <v>21.01</v>
      </c>
    </row>
    <row r="4372" spans="1:11" x14ac:dyDescent="0.3">
      <c r="A4372" s="1">
        <v>42444</v>
      </c>
      <c r="B4372" s="3">
        <f t="shared" si="136"/>
        <v>3</v>
      </c>
      <c r="C4372" s="3">
        <f t="shared" si="137"/>
        <v>2016</v>
      </c>
      <c r="D4372" t="s">
        <v>577</v>
      </c>
      <c r="E4372" t="s">
        <v>9</v>
      </c>
      <c r="F4372" t="s">
        <v>33</v>
      </c>
      <c r="G4372" t="s">
        <v>34</v>
      </c>
      <c r="H4372" t="s">
        <v>230</v>
      </c>
      <c r="I4372">
        <v>528.42999999999995</v>
      </c>
      <c r="J4372">
        <v>5</v>
      </c>
      <c r="K4372">
        <v>-143.43</v>
      </c>
    </row>
    <row r="4373" spans="1:11" x14ac:dyDescent="0.3">
      <c r="A4373" s="1">
        <v>42444</v>
      </c>
      <c r="B4373" s="3">
        <f t="shared" si="136"/>
        <v>3</v>
      </c>
      <c r="C4373" s="3">
        <f t="shared" si="137"/>
        <v>2016</v>
      </c>
      <c r="D4373" t="s">
        <v>577</v>
      </c>
      <c r="E4373" t="s">
        <v>9</v>
      </c>
      <c r="F4373" t="s">
        <v>10</v>
      </c>
      <c r="G4373" t="s">
        <v>19</v>
      </c>
      <c r="H4373" t="s">
        <v>743</v>
      </c>
      <c r="I4373">
        <v>22.39</v>
      </c>
      <c r="J4373">
        <v>7</v>
      </c>
      <c r="K4373">
        <v>-35.82</v>
      </c>
    </row>
    <row r="4374" spans="1:11" x14ac:dyDescent="0.3">
      <c r="A4374" s="1">
        <v>42446</v>
      </c>
      <c r="B4374" s="3">
        <f t="shared" si="136"/>
        <v>3</v>
      </c>
      <c r="C4374" s="3">
        <f t="shared" si="137"/>
        <v>2016</v>
      </c>
      <c r="D4374" t="s">
        <v>1121</v>
      </c>
      <c r="E4374" t="s">
        <v>433</v>
      </c>
      <c r="F4374" t="s">
        <v>10</v>
      </c>
      <c r="G4374" t="s">
        <v>23</v>
      </c>
      <c r="H4374" t="s">
        <v>259</v>
      </c>
      <c r="I4374">
        <v>39.68</v>
      </c>
      <c r="J4374">
        <v>2</v>
      </c>
      <c r="K4374">
        <v>10.32</v>
      </c>
    </row>
    <row r="4375" spans="1:11" x14ac:dyDescent="0.3">
      <c r="A4375" s="1">
        <v>42446</v>
      </c>
      <c r="B4375" s="3">
        <f t="shared" si="136"/>
        <v>3</v>
      </c>
      <c r="C4375" s="3">
        <f t="shared" si="137"/>
        <v>2016</v>
      </c>
      <c r="D4375" t="s">
        <v>371</v>
      </c>
      <c r="E4375" t="s">
        <v>58</v>
      </c>
      <c r="F4375" t="s">
        <v>38</v>
      </c>
      <c r="G4375" t="s">
        <v>39</v>
      </c>
      <c r="H4375" t="s">
        <v>1536</v>
      </c>
      <c r="I4375">
        <v>129.97999999999999</v>
      </c>
      <c r="J4375">
        <v>2</v>
      </c>
      <c r="K4375">
        <v>62.39</v>
      </c>
    </row>
    <row r="4376" spans="1:11" x14ac:dyDescent="0.3">
      <c r="A4376" s="1">
        <v>42446</v>
      </c>
      <c r="B4376" s="3">
        <f t="shared" si="136"/>
        <v>3</v>
      </c>
      <c r="C4376" s="3">
        <f t="shared" si="137"/>
        <v>2016</v>
      </c>
      <c r="D4376" t="s">
        <v>371</v>
      </c>
      <c r="E4376" t="s">
        <v>58</v>
      </c>
      <c r="F4376" t="s">
        <v>10</v>
      </c>
      <c r="G4376" t="s">
        <v>19</v>
      </c>
      <c r="H4376" t="s">
        <v>1566</v>
      </c>
      <c r="I4376">
        <v>32.54</v>
      </c>
      <c r="J4376">
        <v>2</v>
      </c>
      <c r="K4376">
        <v>15.94</v>
      </c>
    </row>
    <row r="4377" spans="1:11" x14ac:dyDescent="0.3">
      <c r="A4377" s="1">
        <v>42446</v>
      </c>
      <c r="B4377" s="3">
        <f t="shared" si="136"/>
        <v>3</v>
      </c>
      <c r="C4377" s="3">
        <f t="shared" si="137"/>
        <v>2016</v>
      </c>
      <c r="D4377" t="s">
        <v>1073</v>
      </c>
      <c r="E4377" t="s">
        <v>530</v>
      </c>
      <c r="F4377" t="s">
        <v>10</v>
      </c>
      <c r="G4377" t="s">
        <v>62</v>
      </c>
      <c r="H4377" t="s">
        <v>2263</v>
      </c>
      <c r="I4377">
        <v>199.9</v>
      </c>
      <c r="J4377">
        <v>5</v>
      </c>
      <c r="K4377">
        <v>89.96</v>
      </c>
    </row>
    <row r="4378" spans="1:11" x14ac:dyDescent="0.3">
      <c r="A4378" s="1">
        <v>42446</v>
      </c>
      <c r="B4378" s="3">
        <f t="shared" si="136"/>
        <v>3</v>
      </c>
      <c r="C4378" s="3">
        <f t="shared" si="137"/>
        <v>2016</v>
      </c>
      <c r="D4378" t="s">
        <v>1073</v>
      </c>
      <c r="E4378" t="s">
        <v>530</v>
      </c>
      <c r="F4378" t="s">
        <v>10</v>
      </c>
      <c r="G4378" t="s">
        <v>91</v>
      </c>
      <c r="H4378" t="s">
        <v>754</v>
      </c>
      <c r="I4378">
        <v>901.95</v>
      </c>
      <c r="J4378">
        <v>3</v>
      </c>
      <c r="K4378">
        <v>297.64</v>
      </c>
    </row>
    <row r="4379" spans="1:11" x14ac:dyDescent="0.3">
      <c r="A4379" s="1">
        <v>42446</v>
      </c>
      <c r="B4379" s="3">
        <f t="shared" si="136"/>
        <v>3</v>
      </c>
      <c r="C4379" s="3">
        <f t="shared" si="137"/>
        <v>2016</v>
      </c>
      <c r="D4379" t="s">
        <v>1073</v>
      </c>
      <c r="E4379" t="s">
        <v>530</v>
      </c>
      <c r="F4379" t="s">
        <v>33</v>
      </c>
      <c r="G4379" t="s">
        <v>46</v>
      </c>
      <c r="H4379" t="s">
        <v>669</v>
      </c>
      <c r="I4379">
        <v>971.5</v>
      </c>
      <c r="J4379">
        <v>5</v>
      </c>
      <c r="K4379">
        <v>252.59</v>
      </c>
    </row>
    <row r="4380" spans="1:11" x14ac:dyDescent="0.3">
      <c r="A4380" s="1">
        <v>42446</v>
      </c>
      <c r="B4380" s="3">
        <f t="shared" si="136"/>
        <v>3</v>
      </c>
      <c r="C4380" s="3">
        <f t="shared" si="137"/>
        <v>2016</v>
      </c>
      <c r="D4380" t="s">
        <v>1473</v>
      </c>
      <c r="E4380" t="s">
        <v>26</v>
      </c>
      <c r="F4380" t="s">
        <v>38</v>
      </c>
      <c r="G4380" t="s">
        <v>39</v>
      </c>
      <c r="H4380" t="s">
        <v>1924</v>
      </c>
      <c r="I4380">
        <v>84.78</v>
      </c>
      <c r="J4380">
        <v>2</v>
      </c>
      <c r="K4380">
        <v>-20.14</v>
      </c>
    </row>
    <row r="4381" spans="1:11" x14ac:dyDescent="0.3">
      <c r="A4381" s="1">
        <v>42447</v>
      </c>
      <c r="B4381" s="3">
        <f t="shared" si="136"/>
        <v>3</v>
      </c>
      <c r="C4381" s="3">
        <f t="shared" si="137"/>
        <v>2016</v>
      </c>
      <c r="D4381" t="s">
        <v>2070</v>
      </c>
      <c r="E4381" t="s">
        <v>119</v>
      </c>
      <c r="F4381" t="s">
        <v>33</v>
      </c>
      <c r="G4381" t="s">
        <v>144</v>
      </c>
      <c r="H4381" t="s">
        <v>1194</v>
      </c>
      <c r="I4381">
        <v>189.88</v>
      </c>
      <c r="J4381">
        <v>3</v>
      </c>
      <c r="K4381">
        <v>-94.94</v>
      </c>
    </row>
    <row r="4382" spans="1:11" x14ac:dyDescent="0.3">
      <c r="A4382" s="1">
        <v>42447</v>
      </c>
      <c r="B4382" s="3">
        <f t="shared" si="136"/>
        <v>3</v>
      </c>
      <c r="C4382" s="3">
        <f t="shared" si="137"/>
        <v>2016</v>
      </c>
      <c r="D4382" t="s">
        <v>226</v>
      </c>
      <c r="E4382" t="s">
        <v>119</v>
      </c>
      <c r="F4382" t="s">
        <v>10</v>
      </c>
      <c r="G4382" t="s">
        <v>91</v>
      </c>
      <c r="H4382" t="s">
        <v>1055</v>
      </c>
      <c r="I4382">
        <v>871.8</v>
      </c>
      <c r="J4382">
        <v>3</v>
      </c>
      <c r="K4382">
        <v>87.18</v>
      </c>
    </row>
    <row r="4383" spans="1:11" x14ac:dyDescent="0.3">
      <c r="A4383" s="1">
        <v>42448</v>
      </c>
      <c r="B4383" s="3">
        <f t="shared" si="136"/>
        <v>3</v>
      </c>
      <c r="C4383" s="3">
        <f t="shared" si="137"/>
        <v>2016</v>
      </c>
      <c r="D4383" t="s">
        <v>773</v>
      </c>
      <c r="E4383" t="s">
        <v>277</v>
      </c>
      <c r="F4383" t="s">
        <v>33</v>
      </c>
      <c r="G4383" t="s">
        <v>73</v>
      </c>
      <c r="H4383" t="s">
        <v>2464</v>
      </c>
      <c r="I4383">
        <v>72.290000000000006</v>
      </c>
      <c r="J4383">
        <v>1</v>
      </c>
      <c r="K4383">
        <v>-98.8</v>
      </c>
    </row>
    <row r="4384" spans="1:11" x14ac:dyDescent="0.3">
      <c r="A4384" s="1">
        <v>42448</v>
      </c>
      <c r="B4384" s="3">
        <f t="shared" si="136"/>
        <v>3</v>
      </c>
      <c r="C4384" s="3">
        <f t="shared" si="137"/>
        <v>2016</v>
      </c>
      <c r="D4384" t="s">
        <v>2465</v>
      </c>
      <c r="E4384" t="s">
        <v>148</v>
      </c>
      <c r="F4384" t="s">
        <v>33</v>
      </c>
      <c r="G4384" t="s">
        <v>46</v>
      </c>
      <c r="H4384" t="s">
        <v>552</v>
      </c>
      <c r="I4384">
        <v>14.98</v>
      </c>
      <c r="J4384">
        <v>1</v>
      </c>
      <c r="K4384">
        <v>6.89</v>
      </c>
    </row>
    <row r="4385" spans="1:11" x14ac:dyDescent="0.3">
      <c r="A4385" s="1">
        <v>42448</v>
      </c>
      <c r="B4385" s="3">
        <f t="shared" si="136"/>
        <v>3</v>
      </c>
      <c r="C4385" s="3">
        <f t="shared" si="137"/>
        <v>2016</v>
      </c>
      <c r="D4385" t="s">
        <v>2465</v>
      </c>
      <c r="E4385" t="s">
        <v>148</v>
      </c>
      <c r="F4385" t="s">
        <v>33</v>
      </c>
      <c r="G4385" t="s">
        <v>46</v>
      </c>
      <c r="H4385" t="s">
        <v>213</v>
      </c>
      <c r="I4385">
        <v>20.32</v>
      </c>
      <c r="J4385">
        <v>4</v>
      </c>
      <c r="K4385">
        <v>6.91</v>
      </c>
    </row>
    <row r="4386" spans="1:11" x14ac:dyDescent="0.3">
      <c r="A4386" s="1">
        <v>42448</v>
      </c>
      <c r="B4386" s="3">
        <f t="shared" si="136"/>
        <v>3</v>
      </c>
      <c r="C4386" s="3">
        <f t="shared" si="137"/>
        <v>2016</v>
      </c>
      <c r="D4386" t="s">
        <v>1185</v>
      </c>
      <c r="E4386" t="s">
        <v>119</v>
      </c>
      <c r="F4386" t="s">
        <v>10</v>
      </c>
      <c r="G4386" t="s">
        <v>19</v>
      </c>
      <c r="H4386" t="s">
        <v>2398</v>
      </c>
      <c r="I4386">
        <v>31.09</v>
      </c>
      <c r="J4386">
        <v>3</v>
      </c>
      <c r="K4386">
        <v>-20.72</v>
      </c>
    </row>
    <row r="4387" spans="1:11" x14ac:dyDescent="0.3">
      <c r="A4387" s="1">
        <v>42449</v>
      </c>
      <c r="B4387" s="3">
        <f t="shared" si="136"/>
        <v>3</v>
      </c>
      <c r="C4387" s="3">
        <f t="shared" si="137"/>
        <v>2016</v>
      </c>
      <c r="D4387" t="s">
        <v>1458</v>
      </c>
      <c r="E4387" t="s">
        <v>90</v>
      </c>
      <c r="F4387" t="s">
        <v>38</v>
      </c>
      <c r="G4387" t="s">
        <v>39</v>
      </c>
      <c r="H4387" t="s">
        <v>1924</v>
      </c>
      <c r="I4387">
        <v>84.78</v>
      </c>
      <c r="J4387">
        <v>2</v>
      </c>
      <c r="K4387">
        <v>-20.14</v>
      </c>
    </row>
    <row r="4388" spans="1:11" x14ac:dyDescent="0.3">
      <c r="A4388" s="1">
        <v>42449</v>
      </c>
      <c r="B4388" s="3">
        <f t="shared" si="136"/>
        <v>3</v>
      </c>
      <c r="C4388" s="3">
        <f t="shared" si="137"/>
        <v>2016</v>
      </c>
      <c r="D4388" t="s">
        <v>1458</v>
      </c>
      <c r="E4388" t="s">
        <v>90</v>
      </c>
      <c r="F4388" t="s">
        <v>10</v>
      </c>
      <c r="G4388" t="s">
        <v>11</v>
      </c>
      <c r="H4388" t="s">
        <v>27</v>
      </c>
      <c r="I4388">
        <v>20.74</v>
      </c>
      <c r="J4388">
        <v>4</v>
      </c>
      <c r="K4388">
        <v>7.26</v>
      </c>
    </row>
    <row r="4389" spans="1:11" x14ac:dyDescent="0.3">
      <c r="A4389" s="1">
        <v>42449</v>
      </c>
      <c r="B4389" s="3">
        <f t="shared" si="136"/>
        <v>3</v>
      </c>
      <c r="C4389" s="3">
        <f t="shared" si="137"/>
        <v>2016</v>
      </c>
      <c r="D4389" t="s">
        <v>1458</v>
      </c>
      <c r="E4389" t="s">
        <v>90</v>
      </c>
      <c r="F4389" t="s">
        <v>10</v>
      </c>
      <c r="G4389" t="s">
        <v>19</v>
      </c>
      <c r="H4389" t="s">
        <v>983</v>
      </c>
      <c r="I4389">
        <v>16.82</v>
      </c>
      <c r="J4389">
        <v>3</v>
      </c>
      <c r="K4389">
        <v>-12.9</v>
      </c>
    </row>
    <row r="4390" spans="1:11" x14ac:dyDescent="0.3">
      <c r="A4390" s="1">
        <v>42449</v>
      </c>
      <c r="B4390" s="3">
        <f t="shared" si="136"/>
        <v>3</v>
      </c>
      <c r="C4390" s="3">
        <f t="shared" si="137"/>
        <v>2016</v>
      </c>
      <c r="D4390" t="s">
        <v>1458</v>
      </c>
      <c r="E4390" t="s">
        <v>90</v>
      </c>
      <c r="F4390" t="s">
        <v>10</v>
      </c>
      <c r="G4390" t="s">
        <v>11</v>
      </c>
      <c r="H4390" t="s">
        <v>2085</v>
      </c>
      <c r="I4390">
        <v>10.37</v>
      </c>
      <c r="J4390">
        <v>2</v>
      </c>
      <c r="K4390">
        <v>3.63</v>
      </c>
    </row>
    <row r="4391" spans="1:11" x14ac:dyDescent="0.3">
      <c r="A4391" s="1">
        <v>42449</v>
      </c>
      <c r="B4391" s="3">
        <f t="shared" si="136"/>
        <v>3</v>
      </c>
      <c r="C4391" s="3">
        <f t="shared" si="137"/>
        <v>2016</v>
      </c>
      <c r="D4391" t="s">
        <v>1624</v>
      </c>
      <c r="E4391" t="s">
        <v>14</v>
      </c>
      <c r="F4391" t="s">
        <v>38</v>
      </c>
      <c r="G4391" t="s">
        <v>39</v>
      </c>
      <c r="H4391" t="s">
        <v>2466</v>
      </c>
      <c r="I4391">
        <v>11.99</v>
      </c>
      <c r="J4391">
        <v>1</v>
      </c>
      <c r="K4391">
        <v>0.9</v>
      </c>
    </row>
    <row r="4392" spans="1:11" x14ac:dyDescent="0.3">
      <c r="A4392" s="1">
        <v>42449</v>
      </c>
      <c r="B4392" s="3">
        <f t="shared" si="136"/>
        <v>3</v>
      </c>
      <c r="C4392" s="3">
        <f t="shared" si="137"/>
        <v>2016</v>
      </c>
      <c r="D4392" t="s">
        <v>2010</v>
      </c>
      <c r="E4392" t="s">
        <v>185</v>
      </c>
      <c r="F4392" t="s">
        <v>33</v>
      </c>
      <c r="G4392" t="s">
        <v>144</v>
      </c>
      <c r="H4392" t="s">
        <v>2065</v>
      </c>
      <c r="I4392">
        <v>697.16</v>
      </c>
      <c r="J4392">
        <v>4</v>
      </c>
      <c r="K4392">
        <v>146.4</v>
      </c>
    </row>
    <row r="4393" spans="1:11" x14ac:dyDescent="0.3">
      <c r="A4393" s="1">
        <v>42449</v>
      </c>
      <c r="B4393" s="3">
        <f t="shared" si="136"/>
        <v>3</v>
      </c>
      <c r="C4393" s="3">
        <f t="shared" si="137"/>
        <v>2016</v>
      </c>
      <c r="D4393" t="s">
        <v>557</v>
      </c>
      <c r="E4393" t="s">
        <v>328</v>
      </c>
      <c r="F4393" t="s">
        <v>33</v>
      </c>
      <c r="G4393" t="s">
        <v>46</v>
      </c>
      <c r="H4393" t="s">
        <v>1106</v>
      </c>
      <c r="I4393">
        <v>86.45</v>
      </c>
      <c r="J4393">
        <v>7</v>
      </c>
      <c r="K4393">
        <v>38.04</v>
      </c>
    </row>
    <row r="4394" spans="1:11" x14ac:dyDescent="0.3">
      <c r="A4394" s="1">
        <v>42450</v>
      </c>
      <c r="B4394" s="3">
        <f t="shared" si="136"/>
        <v>3</v>
      </c>
      <c r="C4394" s="3">
        <f t="shared" si="137"/>
        <v>2016</v>
      </c>
      <c r="D4394" t="s">
        <v>1253</v>
      </c>
      <c r="E4394" t="s">
        <v>14</v>
      </c>
      <c r="F4394" t="s">
        <v>10</v>
      </c>
      <c r="G4394" t="s">
        <v>19</v>
      </c>
      <c r="H4394" t="s">
        <v>2467</v>
      </c>
      <c r="I4394">
        <v>3.17</v>
      </c>
      <c r="J4394">
        <v>2</v>
      </c>
      <c r="K4394">
        <v>-4.75</v>
      </c>
    </row>
    <row r="4395" spans="1:11" x14ac:dyDescent="0.3">
      <c r="A4395" s="1">
        <v>42450</v>
      </c>
      <c r="B4395" s="3">
        <f t="shared" si="136"/>
        <v>3</v>
      </c>
      <c r="C4395" s="3">
        <f t="shared" si="137"/>
        <v>2016</v>
      </c>
      <c r="D4395" t="s">
        <v>1253</v>
      </c>
      <c r="E4395" t="s">
        <v>14</v>
      </c>
      <c r="F4395" t="s">
        <v>33</v>
      </c>
      <c r="G4395" t="s">
        <v>34</v>
      </c>
      <c r="H4395" t="s">
        <v>1596</v>
      </c>
      <c r="I4395">
        <v>528.42999999999995</v>
      </c>
      <c r="J4395">
        <v>5</v>
      </c>
      <c r="K4395">
        <v>0</v>
      </c>
    </row>
    <row r="4396" spans="1:11" x14ac:dyDescent="0.3">
      <c r="A4396" s="1">
        <v>42450</v>
      </c>
      <c r="B4396" s="3">
        <f t="shared" si="136"/>
        <v>3</v>
      </c>
      <c r="C4396" s="3">
        <f t="shared" si="137"/>
        <v>2016</v>
      </c>
      <c r="D4396" t="s">
        <v>1253</v>
      </c>
      <c r="E4396" t="s">
        <v>14</v>
      </c>
      <c r="F4396" t="s">
        <v>10</v>
      </c>
      <c r="G4396" t="s">
        <v>23</v>
      </c>
      <c r="H4396" t="s">
        <v>2468</v>
      </c>
      <c r="I4396">
        <v>13.39</v>
      </c>
      <c r="J4396">
        <v>3</v>
      </c>
      <c r="K4396">
        <v>1.51</v>
      </c>
    </row>
    <row r="4397" spans="1:11" x14ac:dyDescent="0.3">
      <c r="A4397" s="1">
        <v>42450</v>
      </c>
      <c r="B4397" s="3">
        <f t="shared" si="136"/>
        <v>3</v>
      </c>
      <c r="C4397" s="3">
        <f t="shared" si="137"/>
        <v>2016</v>
      </c>
      <c r="D4397" t="s">
        <v>1413</v>
      </c>
      <c r="E4397" t="s">
        <v>9</v>
      </c>
      <c r="F4397" t="s">
        <v>33</v>
      </c>
      <c r="G4397" t="s">
        <v>144</v>
      </c>
      <c r="H4397" t="s">
        <v>1001</v>
      </c>
      <c r="I4397">
        <v>99.37</v>
      </c>
      <c r="J4397">
        <v>2</v>
      </c>
      <c r="K4397">
        <v>-1.42</v>
      </c>
    </row>
    <row r="4398" spans="1:11" x14ac:dyDescent="0.3">
      <c r="A4398" s="1">
        <v>42450</v>
      </c>
      <c r="B4398" s="3">
        <f t="shared" si="136"/>
        <v>3</v>
      </c>
      <c r="C4398" s="3">
        <f t="shared" si="137"/>
        <v>2016</v>
      </c>
      <c r="D4398" t="s">
        <v>1413</v>
      </c>
      <c r="E4398" t="s">
        <v>9</v>
      </c>
      <c r="F4398" t="s">
        <v>10</v>
      </c>
      <c r="G4398" t="s">
        <v>23</v>
      </c>
      <c r="H4398" t="s">
        <v>540</v>
      </c>
      <c r="I4398">
        <v>1.34</v>
      </c>
      <c r="J4398">
        <v>1</v>
      </c>
      <c r="K4398">
        <v>0.5</v>
      </c>
    </row>
    <row r="4399" spans="1:11" x14ac:dyDescent="0.3">
      <c r="A4399" s="1">
        <v>42451</v>
      </c>
      <c r="B4399" s="3">
        <f t="shared" si="136"/>
        <v>3</v>
      </c>
      <c r="C4399" s="3">
        <f t="shared" si="137"/>
        <v>2016</v>
      </c>
      <c r="D4399" t="s">
        <v>1150</v>
      </c>
      <c r="E4399" t="s">
        <v>125</v>
      </c>
      <c r="F4399" t="s">
        <v>38</v>
      </c>
      <c r="G4399" t="s">
        <v>51</v>
      </c>
      <c r="H4399" t="s">
        <v>655</v>
      </c>
      <c r="I4399">
        <v>58.58</v>
      </c>
      <c r="J4399">
        <v>2</v>
      </c>
      <c r="K4399">
        <v>19.329999999999998</v>
      </c>
    </row>
    <row r="4400" spans="1:11" x14ac:dyDescent="0.3">
      <c r="A4400" s="1">
        <v>42451</v>
      </c>
      <c r="B4400" s="3">
        <f t="shared" si="136"/>
        <v>3</v>
      </c>
      <c r="C4400" s="3">
        <f t="shared" si="137"/>
        <v>2016</v>
      </c>
      <c r="D4400" t="s">
        <v>1250</v>
      </c>
      <c r="E4400" t="s">
        <v>163</v>
      </c>
      <c r="F4400" t="s">
        <v>33</v>
      </c>
      <c r="G4400" t="s">
        <v>34</v>
      </c>
      <c r="H4400" t="s">
        <v>1574</v>
      </c>
      <c r="I4400">
        <v>167.89</v>
      </c>
      <c r="J4400">
        <v>7</v>
      </c>
      <c r="K4400">
        <v>14.69</v>
      </c>
    </row>
    <row r="4401" spans="1:11" x14ac:dyDescent="0.3">
      <c r="A4401" s="1">
        <v>42453</v>
      </c>
      <c r="B4401" s="3">
        <f t="shared" si="136"/>
        <v>3</v>
      </c>
      <c r="C4401" s="3">
        <f t="shared" si="137"/>
        <v>2016</v>
      </c>
      <c r="D4401" t="s">
        <v>2264</v>
      </c>
      <c r="E4401" t="s">
        <v>90</v>
      </c>
      <c r="F4401" t="s">
        <v>38</v>
      </c>
      <c r="G4401" t="s">
        <v>39</v>
      </c>
      <c r="H4401" t="s">
        <v>1113</v>
      </c>
      <c r="I4401">
        <v>403.17</v>
      </c>
      <c r="J4401">
        <v>4</v>
      </c>
      <c r="K4401">
        <v>25.2</v>
      </c>
    </row>
    <row r="4402" spans="1:11" x14ac:dyDescent="0.3">
      <c r="A4402" s="1">
        <v>42453</v>
      </c>
      <c r="B4402" s="3">
        <f t="shared" si="136"/>
        <v>3</v>
      </c>
      <c r="C4402" s="3">
        <f t="shared" si="137"/>
        <v>2016</v>
      </c>
      <c r="D4402" t="s">
        <v>1358</v>
      </c>
      <c r="E4402" t="s">
        <v>128</v>
      </c>
      <c r="F4402" t="s">
        <v>10</v>
      </c>
      <c r="G4402" t="s">
        <v>11</v>
      </c>
      <c r="H4402" t="s">
        <v>2469</v>
      </c>
      <c r="I4402">
        <v>22.48</v>
      </c>
      <c r="J4402">
        <v>1</v>
      </c>
      <c r="K4402">
        <v>10.34</v>
      </c>
    </row>
    <row r="4403" spans="1:11" x14ac:dyDescent="0.3">
      <c r="A4403" s="1">
        <v>42453</v>
      </c>
      <c r="B4403" s="3">
        <f t="shared" si="136"/>
        <v>3</v>
      </c>
      <c r="C4403" s="3">
        <f t="shared" si="137"/>
        <v>2016</v>
      </c>
      <c r="D4403" t="s">
        <v>906</v>
      </c>
      <c r="E4403" t="s">
        <v>77</v>
      </c>
      <c r="F4403" t="s">
        <v>33</v>
      </c>
      <c r="G4403" t="s">
        <v>73</v>
      </c>
      <c r="H4403" t="s">
        <v>2092</v>
      </c>
      <c r="I4403">
        <v>301.47000000000003</v>
      </c>
      <c r="J4403">
        <v>3</v>
      </c>
      <c r="K4403">
        <v>-241.18</v>
      </c>
    </row>
    <row r="4404" spans="1:11" x14ac:dyDescent="0.3">
      <c r="A4404" s="1">
        <v>42453</v>
      </c>
      <c r="B4404" s="3">
        <f t="shared" si="136"/>
        <v>3</v>
      </c>
      <c r="C4404" s="3">
        <f t="shared" si="137"/>
        <v>2016</v>
      </c>
      <c r="D4404" t="s">
        <v>906</v>
      </c>
      <c r="E4404" t="s">
        <v>77</v>
      </c>
      <c r="F4404" t="s">
        <v>10</v>
      </c>
      <c r="G4404" t="s">
        <v>23</v>
      </c>
      <c r="H4404" t="s">
        <v>876</v>
      </c>
      <c r="I4404">
        <v>18.66</v>
      </c>
      <c r="J4404">
        <v>2</v>
      </c>
      <c r="K4404">
        <v>1.63</v>
      </c>
    </row>
    <row r="4405" spans="1:11" x14ac:dyDescent="0.3">
      <c r="A4405" s="1">
        <v>42454</v>
      </c>
      <c r="B4405" s="3">
        <f t="shared" si="136"/>
        <v>3</v>
      </c>
      <c r="C4405" s="3">
        <f t="shared" si="137"/>
        <v>2016</v>
      </c>
      <c r="D4405" t="s">
        <v>852</v>
      </c>
      <c r="E4405" t="s">
        <v>839</v>
      </c>
      <c r="F4405" t="s">
        <v>38</v>
      </c>
      <c r="G4405" t="s">
        <v>51</v>
      </c>
      <c r="H4405" t="s">
        <v>1627</v>
      </c>
      <c r="I4405">
        <v>1287.45</v>
      </c>
      <c r="J4405">
        <v>5</v>
      </c>
      <c r="K4405">
        <v>244.62</v>
      </c>
    </row>
    <row r="4406" spans="1:11" x14ac:dyDescent="0.3">
      <c r="A4406" s="1">
        <v>42454</v>
      </c>
      <c r="B4406" s="3">
        <f t="shared" si="136"/>
        <v>3</v>
      </c>
      <c r="C4406" s="3">
        <f t="shared" si="137"/>
        <v>2016</v>
      </c>
      <c r="D4406" t="s">
        <v>388</v>
      </c>
      <c r="E4406" t="s">
        <v>148</v>
      </c>
      <c r="F4406" t="s">
        <v>10</v>
      </c>
      <c r="G4406" t="s">
        <v>23</v>
      </c>
      <c r="H4406" t="s">
        <v>448</v>
      </c>
      <c r="I4406">
        <v>59.52</v>
      </c>
      <c r="J4406">
        <v>3</v>
      </c>
      <c r="K4406">
        <v>17.86</v>
      </c>
    </row>
    <row r="4407" spans="1:11" x14ac:dyDescent="0.3">
      <c r="A4407" s="1">
        <v>42455</v>
      </c>
      <c r="B4407" s="3">
        <f t="shared" si="136"/>
        <v>3</v>
      </c>
      <c r="C4407" s="3">
        <f t="shared" si="137"/>
        <v>2016</v>
      </c>
      <c r="D4407" t="s">
        <v>1462</v>
      </c>
      <c r="E4407" t="s">
        <v>148</v>
      </c>
      <c r="F4407" t="s">
        <v>10</v>
      </c>
      <c r="G4407" t="s">
        <v>17</v>
      </c>
      <c r="H4407" t="s">
        <v>907</v>
      </c>
      <c r="I4407">
        <v>459.95</v>
      </c>
      <c r="J4407">
        <v>5</v>
      </c>
      <c r="K4407">
        <v>18.399999999999999</v>
      </c>
    </row>
    <row r="4408" spans="1:11" x14ac:dyDescent="0.3">
      <c r="A4408" s="1">
        <v>42455</v>
      </c>
      <c r="B4408" s="3">
        <f t="shared" si="136"/>
        <v>3</v>
      </c>
      <c r="C4408" s="3">
        <f t="shared" si="137"/>
        <v>2016</v>
      </c>
      <c r="D4408" t="s">
        <v>1967</v>
      </c>
      <c r="E4408" t="s">
        <v>244</v>
      </c>
      <c r="F4408" t="s">
        <v>10</v>
      </c>
      <c r="G4408" t="s">
        <v>17</v>
      </c>
      <c r="H4408" t="s">
        <v>1955</v>
      </c>
      <c r="I4408">
        <v>67.64</v>
      </c>
      <c r="J4408">
        <v>5</v>
      </c>
      <c r="K4408">
        <v>5.92</v>
      </c>
    </row>
    <row r="4409" spans="1:11" x14ac:dyDescent="0.3">
      <c r="A4409" s="1">
        <v>42455</v>
      </c>
      <c r="B4409" s="3">
        <f t="shared" si="136"/>
        <v>3</v>
      </c>
      <c r="C4409" s="3">
        <f t="shared" si="137"/>
        <v>2016</v>
      </c>
      <c r="D4409" t="s">
        <v>1967</v>
      </c>
      <c r="E4409" t="s">
        <v>244</v>
      </c>
      <c r="F4409" t="s">
        <v>38</v>
      </c>
      <c r="G4409" t="s">
        <v>51</v>
      </c>
      <c r="H4409" t="s">
        <v>1007</v>
      </c>
      <c r="I4409">
        <v>119.98</v>
      </c>
      <c r="J4409">
        <v>3</v>
      </c>
      <c r="K4409">
        <v>-18</v>
      </c>
    </row>
    <row r="4410" spans="1:11" x14ac:dyDescent="0.3">
      <c r="A4410" s="1">
        <v>42455</v>
      </c>
      <c r="B4410" s="3">
        <f t="shared" si="136"/>
        <v>3</v>
      </c>
      <c r="C4410" s="3">
        <f t="shared" si="137"/>
        <v>2016</v>
      </c>
      <c r="D4410" t="s">
        <v>106</v>
      </c>
      <c r="E4410" t="s">
        <v>509</v>
      </c>
      <c r="F4410" t="s">
        <v>10</v>
      </c>
      <c r="G4410" t="s">
        <v>11</v>
      </c>
      <c r="H4410" t="s">
        <v>1417</v>
      </c>
      <c r="I4410">
        <v>17.64</v>
      </c>
      <c r="J4410">
        <v>3</v>
      </c>
      <c r="K4410">
        <v>8.64</v>
      </c>
    </row>
    <row r="4411" spans="1:11" x14ac:dyDescent="0.3">
      <c r="A4411" s="1">
        <v>42455</v>
      </c>
      <c r="B4411" s="3">
        <f t="shared" si="136"/>
        <v>3</v>
      </c>
      <c r="C4411" s="3">
        <f t="shared" si="137"/>
        <v>2016</v>
      </c>
      <c r="D4411" t="s">
        <v>106</v>
      </c>
      <c r="E4411" t="s">
        <v>509</v>
      </c>
      <c r="F4411" t="s">
        <v>10</v>
      </c>
      <c r="G4411" t="s">
        <v>19</v>
      </c>
      <c r="H4411" t="s">
        <v>1184</v>
      </c>
      <c r="I4411">
        <v>17.04</v>
      </c>
      <c r="J4411">
        <v>3</v>
      </c>
      <c r="K4411">
        <v>5.54</v>
      </c>
    </row>
    <row r="4412" spans="1:11" x14ac:dyDescent="0.3">
      <c r="A4412" s="1">
        <v>42456</v>
      </c>
      <c r="B4412" s="3">
        <f t="shared" si="136"/>
        <v>3</v>
      </c>
      <c r="C4412" s="3">
        <f t="shared" si="137"/>
        <v>2016</v>
      </c>
      <c r="D4412" t="s">
        <v>588</v>
      </c>
      <c r="E4412" t="s">
        <v>29</v>
      </c>
      <c r="F4412" t="s">
        <v>33</v>
      </c>
      <c r="G4412" t="s">
        <v>46</v>
      </c>
      <c r="H4412" t="s">
        <v>2447</v>
      </c>
      <c r="I4412">
        <v>20.239999999999998</v>
      </c>
      <c r="J4412">
        <v>1</v>
      </c>
      <c r="K4412">
        <v>8.6999999999999993</v>
      </c>
    </row>
    <row r="4413" spans="1:11" x14ac:dyDescent="0.3">
      <c r="A4413" s="1">
        <v>42456</v>
      </c>
      <c r="B4413" s="3">
        <f t="shared" si="136"/>
        <v>3</v>
      </c>
      <c r="C4413" s="3">
        <f t="shared" si="137"/>
        <v>2016</v>
      </c>
      <c r="D4413" t="s">
        <v>588</v>
      </c>
      <c r="E4413" t="s">
        <v>29</v>
      </c>
      <c r="F4413" t="s">
        <v>33</v>
      </c>
      <c r="G4413" t="s">
        <v>46</v>
      </c>
      <c r="H4413" t="s">
        <v>2470</v>
      </c>
      <c r="I4413">
        <v>39.92</v>
      </c>
      <c r="J4413">
        <v>4</v>
      </c>
      <c r="K4413">
        <v>11.18</v>
      </c>
    </row>
    <row r="4414" spans="1:11" x14ac:dyDescent="0.3">
      <c r="A4414" s="1">
        <v>42456</v>
      </c>
      <c r="B4414" s="3">
        <f t="shared" si="136"/>
        <v>3</v>
      </c>
      <c r="C4414" s="3">
        <f t="shared" si="137"/>
        <v>2016</v>
      </c>
      <c r="D4414" t="s">
        <v>588</v>
      </c>
      <c r="E4414" t="s">
        <v>29</v>
      </c>
      <c r="F4414" t="s">
        <v>10</v>
      </c>
      <c r="G4414" t="s">
        <v>19</v>
      </c>
      <c r="H4414" t="s">
        <v>1566</v>
      </c>
      <c r="I4414">
        <v>32.54</v>
      </c>
      <c r="J4414">
        <v>2</v>
      </c>
      <c r="K4414">
        <v>15.94</v>
      </c>
    </row>
    <row r="4415" spans="1:11" x14ac:dyDescent="0.3">
      <c r="A4415" s="1">
        <v>42457</v>
      </c>
      <c r="B4415" s="3">
        <f t="shared" si="136"/>
        <v>3</v>
      </c>
      <c r="C4415" s="3">
        <f t="shared" si="137"/>
        <v>2016</v>
      </c>
      <c r="D4415" t="s">
        <v>1032</v>
      </c>
      <c r="E4415" t="s">
        <v>54</v>
      </c>
      <c r="F4415" t="s">
        <v>10</v>
      </c>
      <c r="G4415" t="s">
        <v>17</v>
      </c>
      <c r="H4415" t="s">
        <v>2316</v>
      </c>
      <c r="I4415">
        <v>31.4</v>
      </c>
      <c r="J4415">
        <v>2</v>
      </c>
      <c r="K4415">
        <v>7.85</v>
      </c>
    </row>
    <row r="4416" spans="1:11" x14ac:dyDescent="0.3">
      <c r="A4416" s="1">
        <v>42457</v>
      </c>
      <c r="B4416" s="3">
        <f t="shared" si="136"/>
        <v>3</v>
      </c>
      <c r="C4416" s="3">
        <f t="shared" si="137"/>
        <v>2016</v>
      </c>
      <c r="D4416" t="s">
        <v>1270</v>
      </c>
      <c r="E4416" t="s">
        <v>26</v>
      </c>
      <c r="F4416" t="s">
        <v>10</v>
      </c>
      <c r="G4416" t="s">
        <v>17</v>
      </c>
      <c r="H4416" t="s">
        <v>1755</v>
      </c>
      <c r="I4416">
        <v>87.92</v>
      </c>
      <c r="J4416">
        <v>4</v>
      </c>
      <c r="K4416">
        <v>0.88</v>
      </c>
    </row>
    <row r="4417" spans="1:11" x14ac:dyDescent="0.3">
      <c r="A4417" s="1">
        <v>42457</v>
      </c>
      <c r="B4417" s="3">
        <f t="shared" si="136"/>
        <v>3</v>
      </c>
      <c r="C4417" s="3">
        <f t="shared" si="137"/>
        <v>2016</v>
      </c>
      <c r="D4417" t="s">
        <v>1270</v>
      </c>
      <c r="E4417" t="s">
        <v>26</v>
      </c>
      <c r="F4417" t="s">
        <v>10</v>
      </c>
      <c r="G4417" t="s">
        <v>11</v>
      </c>
      <c r="H4417" t="s">
        <v>1847</v>
      </c>
      <c r="I4417">
        <v>5.98</v>
      </c>
      <c r="J4417">
        <v>1</v>
      </c>
      <c r="K4417">
        <v>2.93</v>
      </c>
    </row>
    <row r="4418" spans="1:11" x14ac:dyDescent="0.3">
      <c r="A4418" s="1">
        <v>42458</v>
      </c>
      <c r="B4418" s="3">
        <f t="shared" ref="B4418:B4481" si="138">MONTH(A:A)</f>
        <v>3</v>
      </c>
      <c r="C4418" s="3">
        <f t="shared" ref="C4418:C4481" si="139">YEAR(A:A)</f>
        <v>2016</v>
      </c>
      <c r="D4418" t="s">
        <v>31</v>
      </c>
      <c r="E4418" t="s">
        <v>14</v>
      </c>
      <c r="F4418" t="s">
        <v>10</v>
      </c>
      <c r="G4418" t="s">
        <v>11</v>
      </c>
      <c r="H4418" t="s">
        <v>1831</v>
      </c>
      <c r="I4418">
        <v>45.53</v>
      </c>
      <c r="J4418">
        <v>3</v>
      </c>
      <c r="K4418">
        <v>15.93</v>
      </c>
    </row>
    <row r="4419" spans="1:11" x14ac:dyDescent="0.3">
      <c r="A4419" s="1">
        <v>42458</v>
      </c>
      <c r="B4419" s="3">
        <f t="shared" si="138"/>
        <v>3</v>
      </c>
      <c r="C4419" s="3">
        <f t="shared" si="139"/>
        <v>2016</v>
      </c>
      <c r="D4419" t="s">
        <v>31</v>
      </c>
      <c r="E4419" t="s">
        <v>14</v>
      </c>
      <c r="F4419" t="s">
        <v>33</v>
      </c>
      <c r="G4419" t="s">
        <v>34</v>
      </c>
      <c r="H4419" t="s">
        <v>429</v>
      </c>
      <c r="I4419">
        <v>844.12</v>
      </c>
      <c r="J4419">
        <v>6</v>
      </c>
      <c r="K4419">
        <v>-36.18</v>
      </c>
    </row>
    <row r="4420" spans="1:11" x14ac:dyDescent="0.3">
      <c r="A4420" s="1">
        <v>42458</v>
      </c>
      <c r="B4420" s="3">
        <f t="shared" si="138"/>
        <v>3</v>
      </c>
      <c r="C4420" s="3">
        <f t="shared" si="139"/>
        <v>2016</v>
      </c>
      <c r="D4420" t="s">
        <v>31</v>
      </c>
      <c r="E4420" t="s">
        <v>14</v>
      </c>
      <c r="F4420" t="s">
        <v>38</v>
      </c>
      <c r="G4420" t="s">
        <v>39</v>
      </c>
      <c r="H4420" t="s">
        <v>2341</v>
      </c>
      <c r="I4420">
        <v>812.74</v>
      </c>
      <c r="J4420">
        <v>8</v>
      </c>
      <c r="K4420">
        <v>60.96</v>
      </c>
    </row>
    <row r="4421" spans="1:11" x14ac:dyDescent="0.3">
      <c r="A4421" s="1">
        <v>42458</v>
      </c>
      <c r="B4421" s="3">
        <f t="shared" si="138"/>
        <v>3</v>
      </c>
      <c r="C4421" s="3">
        <f t="shared" si="139"/>
        <v>2016</v>
      </c>
      <c r="D4421" t="s">
        <v>2471</v>
      </c>
      <c r="E4421" t="s">
        <v>148</v>
      </c>
      <c r="F4421" t="s">
        <v>10</v>
      </c>
      <c r="G4421" t="s">
        <v>11</v>
      </c>
      <c r="H4421" t="s">
        <v>195</v>
      </c>
      <c r="I4421">
        <v>13.48</v>
      </c>
      <c r="J4421">
        <v>2</v>
      </c>
      <c r="K4421">
        <v>6.74</v>
      </c>
    </row>
    <row r="4422" spans="1:11" x14ac:dyDescent="0.3">
      <c r="A4422" s="1">
        <v>42458</v>
      </c>
      <c r="B4422" s="3">
        <f t="shared" si="138"/>
        <v>3</v>
      </c>
      <c r="C4422" s="3">
        <f t="shared" si="139"/>
        <v>2016</v>
      </c>
      <c r="D4422" t="s">
        <v>2471</v>
      </c>
      <c r="E4422" t="s">
        <v>148</v>
      </c>
      <c r="F4422" t="s">
        <v>10</v>
      </c>
      <c r="G4422" t="s">
        <v>19</v>
      </c>
      <c r="H4422" t="s">
        <v>48</v>
      </c>
      <c r="I4422">
        <v>29.8</v>
      </c>
      <c r="J4422">
        <v>5</v>
      </c>
      <c r="K4422">
        <v>9.31</v>
      </c>
    </row>
    <row r="4423" spans="1:11" x14ac:dyDescent="0.3">
      <c r="A4423" s="1">
        <v>42458</v>
      </c>
      <c r="B4423" s="3">
        <f t="shared" si="138"/>
        <v>3</v>
      </c>
      <c r="C4423" s="3">
        <f t="shared" si="139"/>
        <v>2016</v>
      </c>
      <c r="D4423" t="s">
        <v>2471</v>
      </c>
      <c r="E4423" t="s">
        <v>148</v>
      </c>
      <c r="F4423" t="s">
        <v>33</v>
      </c>
      <c r="G4423" t="s">
        <v>46</v>
      </c>
      <c r="H4423" t="s">
        <v>2152</v>
      </c>
      <c r="I4423">
        <v>414</v>
      </c>
      <c r="J4423">
        <v>8</v>
      </c>
      <c r="K4423">
        <v>124.2</v>
      </c>
    </row>
    <row r="4424" spans="1:11" x14ac:dyDescent="0.3">
      <c r="A4424" s="1">
        <v>42458</v>
      </c>
      <c r="B4424" s="3">
        <f t="shared" si="138"/>
        <v>3</v>
      </c>
      <c r="C4424" s="3">
        <f t="shared" si="139"/>
        <v>2016</v>
      </c>
      <c r="D4424" t="s">
        <v>2471</v>
      </c>
      <c r="E4424" t="s">
        <v>148</v>
      </c>
      <c r="F4424" t="s">
        <v>10</v>
      </c>
      <c r="G4424" t="s">
        <v>19</v>
      </c>
      <c r="H4424" t="s">
        <v>221</v>
      </c>
      <c r="I4424">
        <v>41.33</v>
      </c>
      <c r="J4424">
        <v>7</v>
      </c>
      <c r="K4424">
        <v>14.98</v>
      </c>
    </row>
    <row r="4425" spans="1:11" x14ac:dyDescent="0.3">
      <c r="A4425" s="1">
        <v>42458</v>
      </c>
      <c r="B4425" s="3">
        <f t="shared" si="138"/>
        <v>3</v>
      </c>
      <c r="C4425" s="3">
        <f t="shared" si="139"/>
        <v>2016</v>
      </c>
      <c r="D4425" t="s">
        <v>207</v>
      </c>
      <c r="E4425" t="s">
        <v>77</v>
      </c>
      <c r="F4425" t="s">
        <v>33</v>
      </c>
      <c r="G4425" t="s">
        <v>73</v>
      </c>
      <c r="H4425" t="s">
        <v>1636</v>
      </c>
      <c r="I4425">
        <v>299.98</v>
      </c>
      <c r="J4425">
        <v>5</v>
      </c>
      <c r="K4425">
        <v>-167.99</v>
      </c>
    </row>
    <row r="4426" spans="1:11" x14ac:dyDescent="0.3">
      <c r="A4426" s="1">
        <v>42458</v>
      </c>
      <c r="B4426" s="3">
        <f t="shared" si="138"/>
        <v>3</v>
      </c>
      <c r="C4426" s="3">
        <f t="shared" si="139"/>
        <v>2016</v>
      </c>
      <c r="D4426" t="s">
        <v>207</v>
      </c>
      <c r="E4426" t="s">
        <v>77</v>
      </c>
      <c r="F4426" t="s">
        <v>38</v>
      </c>
      <c r="G4426" t="s">
        <v>39</v>
      </c>
      <c r="H4426" t="s">
        <v>2472</v>
      </c>
      <c r="I4426">
        <v>158.38</v>
      </c>
      <c r="J4426">
        <v>4</v>
      </c>
      <c r="K4426">
        <v>-36.950000000000003</v>
      </c>
    </row>
    <row r="4427" spans="1:11" x14ac:dyDescent="0.3">
      <c r="A4427" s="1">
        <v>42459</v>
      </c>
      <c r="B4427" s="3">
        <f t="shared" si="138"/>
        <v>3</v>
      </c>
      <c r="C4427" s="3">
        <f t="shared" si="139"/>
        <v>2016</v>
      </c>
      <c r="D4427" t="s">
        <v>1743</v>
      </c>
      <c r="E4427" t="s">
        <v>612</v>
      </c>
      <c r="F4427" t="s">
        <v>10</v>
      </c>
      <c r="G4427" t="s">
        <v>11</v>
      </c>
      <c r="H4427" t="s">
        <v>2115</v>
      </c>
      <c r="I4427">
        <v>11.34</v>
      </c>
      <c r="J4427">
        <v>1</v>
      </c>
      <c r="K4427">
        <v>5.56</v>
      </c>
    </row>
    <row r="4428" spans="1:11" x14ac:dyDescent="0.3">
      <c r="A4428" s="1">
        <v>42460</v>
      </c>
      <c r="B4428" s="3">
        <f t="shared" si="138"/>
        <v>3</v>
      </c>
      <c r="C4428" s="3">
        <f t="shared" si="139"/>
        <v>2016</v>
      </c>
      <c r="D4428" t="s">
        <v>790</v>
      </c>
      <c r="E4428" t="s">
        <v>22</v>
      </c>
      <c r="F4428" t="s">
        <v>38</v>
      </c>
      <c r="G4428" t="s">
        <v>39</v>
      </c>
      <c r="H4428" t="s">
        <v>2363</v>
      </c>
      <c r="I4428">
        <v>280.77999999999997</v>
      </c>
      <c r="J4428">
        <v>3</v>
      </c>
      <c r="K4428">
        <v>-60.84</v>
      </c>
    </row>
    <row r="4429" spans="1:11" x14ac:dyDescent="0.3">
      <c r="A4429" s="1">
        <v>42460</v>
      </c>
      <c r="B4429" s="3">
        <f t="shared" si="138"/>
        <v>3</v>
      </c>
      <c r="C4429" s="3">
        <f t="shared" si="139"/>
        <v>2016</v>
      </c>
      <c r="D4429" t="s">
        <v>790</v>
      </c>
      <c r="E4429" t="s">
        <v>22</v>
      </c>
      <c r="F4429" t="s">
        <v>38</v>
      </c>
      <c r="G4429" t="s">
        <v>51</v>
      </c>
      <c r="H4429" t="s">
        <v>1991</v>
      </c>
      <c r="I4429">
        <v>31.98</v>
      </c>
      <c r="J4429">
        <v>2</v>
      </c>
      <c r="K4429">
        <v>1.2</v>
      </c>
    </row>
    <row r="4430" spans="1:11" x14ac:dyDescent="0.3">
      <c r="A4430" s="1">
        <v>42460</v>
      </c>
      <c r="B4430" s="3">
        <f t="shared" si="138"/>
        <v>3</v>
      </c>
      <c r="C4430" s="3">
        <f t="shared" si="139"/>
        <v>2016</v>
      </c>
      <c r="D4430" t="s">
        <v>82</v>
      </c>
      <c r="E4430" t="s">
        <v>148</v>
      </c>
      <c r="F4430" t="s">
        <v>33</v>
      </c>
      <c r="G4430" t="s">
        <v>34</v>
      </c>
      <c r="H4430" t="s">
        <v>1065</v>
      </c>
      <c r="I4430">
        <v>328</v>
      </c>
      <c r="J4430">
        <v>6</v>
      </c>
      <c r="K4430">
        <v>54.67</v>
      </c>
    </row>
    <row r="4431" spans="1:11" x14ac:dyDescent="0.3">
      <c r="A4431" s="1">
        <v>42461</v>
      </c>
      <c r="B4431" s="3">
        <f t="shared" si="138"/>
        <v>4</v>
      </c>
      <c r="C4431" s="3">
        <f t="shared" si="139"/>
        <v>2016</v>
      </c>
      <c r="D4431" t="s">
        <v>2473</v>
      </c>
      <c r="E4431" t="s">
        <v>148</v>
      </c>
      <c r="F4431" t="s">
        <v>10</v>
      </c>
      <c r="G4431" t="s">
        <v>23</v>
      </c>
      <c r="H4431" t="s">
        <v>259</v>
      </c>
      <c r="I4431">
        <v>59.52</v>
      </c>
      <c r="J4431">
        <v>3</v>
      </c>
      <c r="K4431">
        <v>15.48</v>
      </c>
    </row>
    <row r="4432" spans="1:11" x14ac:dyDescent="0.3">
      <c r="A4432" s="1">
        <v>42461</v>
      </c>
      <c r="B4432" s="3">
        <f t="shared" si="138"/>
        <v>4</v>
      </c>
      <c r="C4432" s="3">
        <f t="shared" si="139"/>
        <v>2016</v>
      </c>
      <c r="D4432" t="s">
        <v>2473</v>
      </c>
      <c r="E4432" t="s">
        <v>148</v>
      </c>
      <c r="F4432" t="s">
        <v>10</v>
      </c>
      <c r="G4432" t="s">
        <v>17</v>
      </c>
      <c r="H4432" t="s">
        <v>235</v>
      </c>
      <c r="I4432">
        <v>161.94</v>
      </c>
      <c r="J4432">
        <v>3</v>
      </c>
      <c r="K4432">
        <v>9.7200000000000006</v>
      </c>
    </row>
    <row r="4433" spans="1:11" x14ac:dyDescent="0.3">
      <c r="A4433" s="1">
        <v>42461</v>
      </c>
      <c r="B4433" s="3">
        <f t="shared" si="138"/>
        <v>4</v>
      </c>
      <c r="C4433" s="3">
        <f t="shared" si="139"/>
        <v>2016</v>
      </c>
      <c r="D4433" t="s">
        <v>2473</v>
      </c>
      <c r="E4433" t="s">
        <v>148</v>
      </c>
      <c r="F4433" t="s">
        <v>10</v>
      </c>
      <c r="G4433" t="s">
        <v>23</v>
      </c>
      <c r="H4433" t="s">
        <v>804</v>
      </c>
      <c r="I4433">
        <v>263.88</v>
      </c>
      <c r="J4433">
        <v>6</v>
      </c>
      <c r="K4433">
        <v>71.25</v>
      </c>
    </row>
    <row r="4434" spans="1:11" x14ac:dyDescent="0.3">
      <c r="A4434" s="1">
        <v>42461</v>
      </c>
      <c r="B4434" s="3">
        <f t="shared" si="138"/>
        <v>4</v>
      </c>
      <c r="C4434" s="3">
        <f t="shared" si="139"/>
        <v>2016</v>
      </c>
      <c r="D4434" t="s">
        <v>2473</v>
      </c>
      <c r="E4434" t="s">
        <v>148</v>
      </c>
      <c r="F4434" t="s">
        <v>10</v>
      </c>
      <c r="G4434" t="s">
        <v>23</v>
      </c>
      <c r="H4434" t="s">
        <v>1602</v>
      </c>
      <c r="I4434">
        <v>30.48</v>
      </c>
      <c r="J4434">
        <v>3</v>
      </c>
      <c r="K4434">
        <v>7.92</v>
      </c>
    </row>
    <row r="4435" spans="1:11" x14ac:dyDescent="0.3">
      <c r="A4435" s="1">
        <v>42461</v>
      </c>
      <c r="B4435" s="3">
        <f t="shared" si="138"/>
        <v>4</v>
      </c>
      <c r="C4435" s="3">
        <f t="shared" si="139"/>
        <v>2016</v>
      </c>
      <c r="D4435" t="s">
        <v>2473</v>
      </c>
      <c r="E4435" t="s">
        <v>148</v>
      </c>
      <c r="F4435" t="s">
        <v>10</v>
      </c>
      <c r="G4435" t="s">
        <v>23</v>
      </c>
      <c r="H4435" t="s">
        <v>2474</v>
      </c>
      <c r="I4435">
        <v>9.84</v>
      </c>
      <c r="J4435">
        <v>3</v>
      </c>
      <c r="K4435">
        <v>2.85</v>
      </c>
    </row>
    <row r="4436" spans="1:11" x14ac:dyDescent="0.3">
      <c r="A4436" s="1">
        <v>42461</v>
      </c>
      <c r="B4436" s="3">
        <f t="shared" si="138"/>
        <v>4</v>
      </c>
      <c r="C4436" s="3">
        <f t="shared" si="139"/>
        <v>2016</v>
      </c>
      <c r="D4436" t="s">
        <v>2473</v>
      </c>
      <c r="E4436" t="s">
        <v>148</v>
      </c>
      <c r="F4436" t="s">
        <v>38</v>
      </c>
      <c r="G4436" t="s">
        <v>39</v>
      </c>
      <c r="H4436" t="s">
        <v>2453</v>
      </c>
      <c r="I4436">
        <v>35.119999999999997</v>
      </c>
      <c r="J4436">
        <v>4</v>
      </c>
      <c r="K4436">
        <v>9.1300000000000008</v>
      </c>
    </row>
    <row r="4437" spans="1:11" x14ac:dyDescent="0.3">
      <c r="A4437" s="1">
        <v>42461</v>
      </c>
      <c r="B4437" s="3">
        <f t="shared" si="138"/>
        <v>4</v>
      </c>
      <c r="C4437" s="3">
        <f t="shared" si="139"/>
        <v>2016</v>
      </c>
      <c r="D4437" t="s">
        <v>1034</v>
      </c>
      <c r="E4437" t="s">
        <v>94</v>
      </c>
      <c r="F4437" t="s">
        <v>10</v>
      </c>
      <c r="G4437" t="s">
        <v>42</v>
      </c>
      <c r="H4437" t="s">
        <v>159</v>
      </c>
      <c r="I4437">
        <v>31.56</v>
      </c>
      <c r="J4437">
        <v>5</v>
      </c>
      <c r="K4437">
        <v>9.86</v>
      </c>
    </row>
    <row r="4438" spans="1:11" x14ac:dyDescent="0.3">
      <c r="A4438" s="1">
        <v>42461</v>
      </c>
      <c r="B4438" s="3">
        <f t="shared" si="138"/>
        <v>4</v>
      </c>
      <c r="C4438" s="3">
        <f t="shared" si="139"/>
        <v>2016</v>
      </c>
      <c r="D4438" t="s">
        <v>1034</v>
      </c>
      <c r="E4438" t="s">
        <v>94</v>
      </c>
      <c r="F4438" t="s">
        <v>10</v>
      </c>
      <c r="G4438" t="s">
        <v>91</v>
      </c>
      <c r="H4438" t="s">
        <v>1828</v>
      </c>
      <c r="I4438">
        <v>30.14</v>
      </c>
      <c r="J4438">
        <v>2</v>
      </c>
      <c r="K4438">
        <v>3.01</v>
      </c>
    </row>
    <row r="4439" spans="1:11" x14ac:dyDescent="0.3">
      <c r="A4439" s="1">
        <v>42461</v>
      </c>
      <c r="B4439" s="3">
        <f t="shared" si="138"/>
        <v>4</v>
      </c>
      <c r="C4439" s="3">
        <f t="shared" si="139"/>
        <v>2016</v>
      </c>
      <c r="D4439" t="s">
        <v>2446</v>
      </c>
      <c r="E4439" t="s">
        <v>148</v>
      </c>
      <c r="F4439" t="s">
        <v>10</v>
      </c>
      <c r="G4439" t="s">
        <v>23</v>
      </c>
      <c r="H4439" t="s">
        <v>1357</v>
      </c>
      <c r="I4439">
        <v>88.04</v>
      </c>
      <c r="J4439">
        <v>4</v>
      </c>
      <c r="K4439">
        <v>22.89</v>
      </c>
    </row>
    <row r="4440" spans="1:11" x14ac:dyDescent="0.3">
      <c r="A4440" s="1">
        <v>42461</v>
      </c>
      <c r="B4440" s="3">
        <f t="shared" si="138"/>
        <v>4</v>
      </c>
      <c r="C4440" s="3">
        <f t="shared" si="139"/>
        <v>2016</v>
      </c>
      <c r="D4440" t="s">
        <v>1759</v>
      </c>
      <c r="E4440" t="s">
        <v>148</v>
      </c>
      <c r="F4440" t="s">
        <v>10</v>
      </c>
      <c r="G4440" t="s">
        <v>15</v>
      </c>
      <c r="H4440" t="s">
        <v>2475</v>
      </c>
      <c r="I4440">
        <v>20.7</v>
      </c>
      <c r="J4440">
        <v>2</v>
      </c>
      <c r="K4440">
        <v>9.94</v>
      </c>
    </row>
    <row r="4441" spans="1:11" x14ac:dyDescent="0.3">
      <c r="A4441" s="1">
        <v>42461</v>
      </c>
      <c r="B4441" s="3">
        <f t="shared" si="138"/>
        <v>4</v>
      </c>
      <c r="C4441" s="3">
        <f t="shared" si="139"/>
        <v>2016</v>
      </c>
      <c r="D4441" t="s">
        <v>1759</v>
      </c>
      <c r="E4441" t="s">
        <v>148</v>
      </c>
      <c r="F4441" t="s">
        <v>10</v>
      </c>
      <c r="G4441" t="s">
        <v>199</v>
      </c>
      <c r="H4441" t="s">
        <v>1291</v>
      </c>
      <c r="I4441">
        <v>10.95</v>
      </c>
      <c r="J4441">
        <v>3</v>
      </c>
      <c r="K4441">
        <v>3.29</v>
      </c>
    </row>
    <row r="4442" spans="1:11" x14ac:dyDescent="0.3">
      <c r="A4442" s="1">
        <v>42461</v>
      </c>
      <c r="B4442" s="3">
        <f t="shared" si="138"/>
        <v>4</v>
      </c>
      <c r="C4442" s="3">
        <f t="shared" si="139"/>
        <v>2016</v>
      </c>
      <c r="D4442" t="s">
        <v>1759</v>
      </c>
      <c r="E4442" t="s">
        <v>148</v>
      </c>
      <c r="F4442" t="s">
        <v>10</v>
      </c>
      <c r="G4442" t="s">
        <v>19</v>
      </c>
      <c r="H4442" t="s">
        <v>1858</v>
      </c>
      <c r="I4442">
        <v>14.35</v>
      </c>
      <c r="J4442">
        <v>3</v>
      </c>
      <c r="K4442">
        <v>4.66</v>
      </c>
    </row>
    <row r="4443" spans="1:11" x14ac:dyDescent="0.3">
      <c r="A4443" s="1">
        <v>42461</v>
      </c>
      <c r="B4443" s="3">
        <f t="shared" si="138"/>
        <v>4</v>
      </c>
      <c r="C4443" s="3">
        <f t="shared" si="139"/>
        <v>2016</v>
      </c>
      <c r="D4443" t="s">
        <v>1757</v>
      </c>
      <c r="E4443" t="s">
        <v>148</v>
      </c>
      <c r="F4443" t="s">
        <v>33</v>
      </c>
      <c r="G4443" t="s">
        <v>34</v>
      </c>
      <c r="H4443" t="s">
        <v>863</v>
      </c>
      <c r="I4443">
        <v>1317.49</v>
      </c>
      <c r="J4443">
        <v>6</v>
      </c>
      <c r="K4443">
        <v>292.77999999999997</v>
      </c>
    </row>
    <row r="4444" spans="1:11" x14ac:dyDescent="0.3">
      <c r="A4444" s="1">
        <v>42461</v>
      </c>
      <c r="B4444" s="3">
        <f t="shared" si="138"/>
        <v>4</v>
      </c>
      <c r="C4444" s="3">
        <f t="shared" si="139"/>
        <v>2016</v>
      </c>
      <c r="D4444" t="s">
        <v>1757</v>
      </c>
      <c r="E4444" t="s">
        <v>148</v>
      </c>
      <c r="F4444" t="s">
        <v>10</v>
      </c>
      <c r="G4444" t="s">
        <v>199</v>
      </c>
      <c r="H4444" t="s">
        <v>806</v>
      </c>
      <c r="I4444">
        <v>63.84</v>
      </c>
      <c r="J4444">
        <v>8</v>
      </c>
      <c r="K4444">
        <v>18.510000000000002</v>
      </c>
    </row>
    <row r="4445" spans="1:11" x14ac:dyDescent="0.3">
      <c r="A4445" s="1">
        <v>42461</v>
      </c>
      <c r="B4445" s="3">
        <f t="shared" si="138"/>
        <v>4</v>
      </c>
      <c r="C4445" s="3">
        <f t="shared" si="139"/>
        <v>2016</v>
      </c>
      <c r="D4445" t="s">
        <v>1757</v>
      </c>
      <c r="E4445" t="s">
        <v>148</v>
      </c>
      <c r="F4445" t="s">
        <v>10</v>
      </c>
      <c r="G4445" t="s">
        <v>19</v>
      </c>
      <c r="H4445" t="s">
        <v>450</v>
      </c>
      <c r="I4445">
        <v>3.59</v>
      </c>
      <c r="J4445">
        <v>1</v>
      </c>
      <c r="K4445">
        <v>1.1200000000000001</v>
      </c>
    </row>
    <row r="4446" spans="1:11" x14ac:dyDescent="0.3">
      <c r="A4446" s="1">
        <v>42461</v>
      </c>
      <c r="B4446" s="3">
        <f t="shared" si="138"/>
        <v>4</v>
      </c>
      <c r="C4446" s="3">
        <f t="shared" si="139"/>
        <v>2016</v>
      </c>
      <c r="D4446" t="s">
        <v>1506</v>
      </c>
      <c r="E4446" t="s">
        <v>29</v>
      </c>
      <c r="F4446" t="s">
        <v>33</v>
      </c>
      <c r="G4446" t="s">
        <v>46</v>
      </c>
      <c r="H4446" t="s">
        <v>1154</v>
      </c>
      <c r="I4446">
        <v>7.04</v>
      </c>
      <c r="J4446">
        <v>4</v>
      </c>
      <c r="K4446">
        <v>3.1</v>
      </c>
    </row>
    <row r="4447" spans="1:11" x14ac:dyDescent="0.3">
      <c r="A4447" s="1">
        <v>42461</v>
      </c>
      <c r="B4447" s="3">
        <f t="shared" si="138"/>
        <v>4</v>
      </c>
      <c r="C4447" s="3">
        <f t="shared" si="139"/>
        <v>2016</v>
      </c>
      <c r="D4447" t="s">
        <v>577</v>
      </c>
      <c r="E4447" t="s">
        <v>156</v>
      </c>
      <c r="F4447" t="s">
        <v>38</v>
      </c>
      <c r="G4447" t="s">
        <v>39</v>
      </c>
      <c r="H4447" t="s">
        <v>2429</v>
      </c>
      <c r="I4447">
        <v>12.99</v>
      </c>
      <c r="J4447">
        <v>1</v>
      </c>
      <c r="K4447">
        <v>0.26</v>
      </c>
    </row>
    <row r="4448" spans="1:11" x14ac:dyDescent="0.3">
      <c r="A4448" s="1">
        <v>42462</v>
      </c>
      <c r="B4448" s="3">
        <f t="shared" si="138"/>
        <v>4</v>
      </c>
      <c r="C4448" s="3">
        <f t="shared" si="139"/>
        <v>2016</v>
      </c>
      <c r="D4448" t="s">
        <v>1765</v>
      </c>
      <c r="E4448" t="s">
        <v>156</v>
      </c>
      <c r="F4448" t="s">
        <v>33</v>
      </c>
      <c r="G4448" t="s">
        <v>34</v>
      </c>
      <c r="H4448" t="s">
        <v>1691</v>
      </c>
      <c r="I4448">
        <v>1454.9</v>
      </c>
      <c r="J4448">
        <v>5</v>
      </c>
      <c r="K4448">
        <v>378.27</v>
      </c>
    </row>
    <row r="4449" spans="1:11" x14ac:dyDescent="0.3">
      <c r="A4449" s="1">
        <v>42463</v>
      </c>
      <c r="B4449" s="3">
        <f t="shared" si="138"/>
        <v>4</v>
      </c>
      <c r="C4449" s="3">
        <f t="shared" si="139"/>
        <v>2016</v>
      </c>
      <c r="D4449" t="s">
        <v>790</v>
      </c>
      <c r="E4449" t="s">
        <v>22</v>
      </c>
      <c r="F4449" t="s">
        <v>10</v>
      </c>
      <c r="G4449" t="s">
        <v>19</v>
      </c>
      <c r="H4449" t="s">
        <v>2021</v>
      </c>
      <c r="I4449">
        <v>99.85</v>
      </c>
      <c r="J4449">
        <v>9</v>
      </c>
      <c r="K4449">
        <v>-83.21</v>
      </c>
    </row>
    <row r="4450" spans="1:11" x14ac:dyDescent="0.3">
      <c r="A4450" s="1">
        <v>42463</v>
      </c>
      <c r="B4450" s="3">
        <f t="shared" si="138"/>
        <v>4</v>
      </c>
      <c r="C4450" s="3">
        <f t="shared" si="139"/>
        <v>2016</v>
      </c>
      <c r="D4450" t="s">
        <v>1182</v>
      </c>
      <c r="E4450" t="s">
        <v>128</v>
      </c>
      <c r="F4450" t="s">
        <v>33</v>
      </c>
      <c r="G4450" t="s">
        <v>46</v>
      </c>
      <c r="H4450" t="s">
        <v>1904</v>
      </c>
      <c r="I4450">
        <v>71.12</v>
      </c>
      <c r="J4450">
        <v>4</v>
      </c>
      <c r="K4450">
        <v>22.05</v>
      </c>
    </row>
    <row r="4451" spans="1:11" x14ac:dyDescent="0.3">
      <c r="A4451" s="1">
        <v>42463</v>
      </c>
      <c r="B4451" s="3">
        <f t="shared" si="138"/>
        <v>4</v>
      </c>
      <c r="C4451" s="3">
        <f t="shared" si="139"/>
        <v>2016</v>
      </c>
      <c r="D4451" t="s">
        <v>1182</v>
      </c>
      <c r="E4451" t="s">
        <v>128</v>
      </c>
      <c r="F4451" t="s">
        <v>38</v>
      </c>
      <c r="G4451" t="s">
        <v>39</v>
      </c>
      <c r="H4451" t="s">
        <v>1536</v>
      </c>
      <c r="I4451">
        <v>259.95999999999998</v>
      </c>
      <c r="J4451">
        <v>4</v>
      </c>
      <c r="K4451">
        <v>124.78</v>
      </c>
    </row>
    <row r="4452" spans="1:11" x14ac:dyDescent="0.3">
      <c r="A4452" s="1">
        <v>42463</v>
      </c>
      <c r="B4452" s="3">
        <f t="shared" si="138"/>
        <v>4</v>
      </c>
      <c r="C4452" s="3">
        <f t="shared" si="139"/>
        <v>2016</v>
      </c>
      <c r="D4452" t="s">
        <v>214</v>
      </c>
      <c r="E4452" t="s">
        <v>9</v>
      </c>
      <c r="F4452" t="s">
        <v>10</v>
      </c>
      <c r="G4452" t="s">
        <v>11</v>
      </c>
      <c r="H4452" t="s">
        <v>2068</v>
      </c>
      <c r="I4452">
        <v>10.27</v>
      </c>
      <c r="J4452">
        <v>3</v>
      </c>
      <c r="K4452">
        <v>3.21</v>
      </c>
    </row>
    <row r="4453" spans="1:11" x14ac:dyDescent="0.3">
      <c r="A4453" s="1">
        <v>42464</v>
      </c>
      <c r="B4453" s="3">
        <f t="shared" si="138"/>
        <v>4</v>
      </c>
      <c r="C4453" s="3">
        <f t="shared" si="139"/>
        <v>2016</v>
      </c>
      <c r="D4453" t="s">
        <v>31</v>
      </c>
      <c r="E4453" t="s">
        <v>54</v>
      </c>
      <c r="F4453" t="s">
        <v>38</v>
      </c>
      <c r="G4453" t="s">
        <v>39</v>
      </c>
      <c r="H4453" t="s">
        <v>2442</v>
      </c>
      <c r="I4453">
        <v>149.97</v>
      </c>
      <c r="J4453">
        <v>3</v>
      </c>
      <c r="K4453">
        <v>6</v>
      </c>
    </row>
    <row r="4454" spans="1:11" x14ac:dyDescent="0.3">
      <c r="A4454" s="1">
        <v>42464</v>
      </c>
      <c r="B4454" s="3">
        <f t="shared" si="138"/>
        <v>4</v>
      </c>
      <c r="C4454" s="3">
        <f t="shared" si="139"/>
        <v>2016</v>
      </c>
      <c r="D4454" t="s">
        <v>31</v>
      </c>
      <c r="E4454" t="s">
        <v>54</v>
      </c>
      <c r="F4454" t="s">
        <v>10</v>
      </c>
      <c r="G4454" t="s">
        <v>11</v>
      </c>
      <c r="H4454" t="s">
        <v>1607</v>
      </c>
      <c r="I4454">
        <v>27.81</v>
      </c>
      <c r="J4454">
        <v>3</v>
      </c>
      <c r="K4454">
        <v>13.07</v>
      </c>
    </row>
    <row r="4455" spans="1:11" x14ac:dyDescent="0.3">
      <c r="A4455" s="1">
        <v>42464</v>
      </c>
      <c r="B4455" s="3">
        <f t="shared" si="138"/>
        <v>4</v>
      </c>
      <c r="C4455" s="3">
        <f t="shared" si="139"/>
        <v>2016</v>
      </c>
      <c r="D4455" t="s">
        <v>701</v>
      </c>
      <c r="E4455" t="s">
        <v>148</v>
      </c>
      <c r="F4455" t="s">
        <v>10</v>
      </c>
      <c r="G4455" t="s">
        <v>19</v>
      </c>
      <c r="H4455" t="s">
        <v>1102</v>
      </c>
      <c r="I4455">
        <v>588.78</v>
      </c>
      <c r="J4455">
        <v>2</v>
      </c>
      <c r="K4455">
        <v>184</v>
      </c>
    </row>
    <row r="4456" spans="1:11" x14ac:dyDescent="0.3">
      <c r="A4456" s="1">
        <v>42464</v>
      </c>
      <c r="B4456" s="3">
        <f t="shared" si="138"/>
        <v>4</v>
      </c>
      <c r="C4456" s="3">
        <f t="shared" si="139"/>
        <v>2016</v>
      </c>
      <c r="D4456" t="s">
        <v>916</v>
      </c>
      <c r="E4456" t="s">
        <v>148</v>
      </c>
      <c r="F4456" t="s">
        <v>33</v>
      </c>
      <c r="G4456" t="s">
        <v>46</v>
      </c>
      <c r="H4456" t="s">
        <v>653</v>
      </c>
      <c r="I4456">
        <v>82.64</v>
      </c>
      <c r="J4456">
        <v>2</v>
      </c>
      <c r="K4456">
        <v>7.44</v>
      </c>
    </row>
    <row r="4457" spans="1:11" x14ac:dyDescent="0.3">
      <c r="A4457" s="1">
        <v>42464</v>
      </c>
      <c r="B4457" s="3">
        <f t="shared" si="138"/>
        <v>4</v>
      </c>
      <c r="C4457" s="3">
        <f t="shared" si="139"/>
        <v>2016</v>
      </c>
      <c r="D4457" t="s">
        <v>916</v>
      </c>
      <c r="E4457" t="s">
        <v>148</v>
      </c>
      <c r="F4457" t="s">
        <v>10</v>
      </c>
      <c r="G4457" t="s">
        <v>17</v>
      </c>
      <c r="H4457" t="s">
        <v>462</v>
      </c>
      <c r="I4457">
        <v>31.02</v>
      </c>
      <c r="J4457">
        <v>2</v>
      </c>
      <c r="K4457">
        <v>8.07</v>
      </c>
    </row>
    <row r="4458" spans="1:11" x14ac:dyDescent="0.3">
      <c r="A4458" s="1">
        <v>42464</v>
      </c>
      <c r="B4458" s="3">
        <f t="shared" si="138"/>
        <v>4</v>
      </c>
      <c r="C4458" s="3">
        <f t="shared" si="139"/>
        <v>2016</v>
      </c>
      <c r="D4458" t="s">
        <v>916</v>
      </c>
      <c r="E4458" t="s">
        <v>148</v>
      </c>
      <c r="F4458" t="s">
        <v>38</v>
      </c>
      <c r="G4458" t="s">
        <v>51</v>
      </c>
      <c r="H4458" t="s">
        <v>1313</v>
      </c>
      <c r="I4458">
        <v>89.97</v>
      </c>
      <c r="J4458">
        <v>3</v>
      </c>
      <c r="K4458">
        <v>37.79</v>
      </c>
    </row>
    <row r="4459" spans="1:11" x14ac:dyDescent="0.3">
      <c r="A4459" s="1">
        <v>42465</v>
      </c>
      <c r="B4459" s="3">
        <f t="shared" si="138"/>
        <v>4</v>
      </c>
      <c r="C4459" s="3">
        <f t="shared" si="139"/>
        <v>2016</v>
      </c>
      <c r="D4459" t="s">
        <v>511</v>
      </c>
      <c r="E4459" t="s">
        <v>9</v>
      </c>
      <c r="F4459" t="s">
        <v>10</v>
      </c>
      <c r="G4459" t="s">
        <v>17</v>
      </c>
      <c r="H4459" t="s">
        <v>622</v>
      </c>
      <c r="I4459">
        <v>158.37</v>
      </c>
      <c r="J4459">
        <v>7</v>
      </c>
      <c r="K4459">
        <v>13.86</v>
      </c>
    </row>
    <row r="4460" spans="1:11" x14ac:dyDescent="0.3">
      <c r="A4460" s="1">
        <v>42465</v>
      </c>
      <c r="B4460" s="3">
        <f t="shared" si="138"/>
        <v>4</v>
      </c>
      <c r="C4460" s="3">
        <f t="shared" si="139"/>
        <v>2016</v>
      </c>
      <c r="D4460" t="s">
        <v>2078</v>
      </c>
      <c r="E4460" t="s">
        <v>22</v>
      </c>
      <c r="F4460" t="s">
        <v>38</v>
      </c>
      <c r="G4460" t="s">
        <v>39</v>
      </c>
      <c r="H4460" t="s">
        <v>2472</v>
      </c>
      <c r="I4460">
        <v>118.78</v>
      </c>
      <c r="J4460">
        <v>3</v>
      </c>
      <c r="K4460">
        <v>-27.72</v>
      </c>
    </row>
    <row r="4461" spans="1:11" x14ac:dyDescent="0.3">
      <c r="A4461" s="1">
        <v>42465</v>
      </c>
      <c r="B4461" s="3">
        <f t="shared" si="138"/>
        <v>4</v>
      </c>
      <c r="C4461" s="3">
        <f t="shared" si="139"/>
        <v>2016</v>
      </c>
      <c r="D4461" t="s">
        <v>2078</v>
      </c>
      <c r="E4461" t="s">
        <v>22</v>
      </c>
      <c r="F4461" t="s">
        <v>10</v>
      </c>
      <c r="G4461" t="s">
        <v>199</v>
      </c>
      <c r="H4461" t="s">
        <v>1515</v>
      </c>
      <c r="I4461">
        <v>769.18</v>
      </c>
      <c r="J4461">
        <v>4</v>
      </c>
      <c r="K4461">
        <v>-163.44999999999999</v>
      </c>
    </row>
    <row r="4462" spans="1:11" x14ac:dyDescent="0.3">
      <c r="A4462" s="1">
        <v>42466</v>
      </c>
      <c r="B4462" s="3">
        <f t="shared" si="138"/>
        <v>4</v>
      </c>
      <c r="C4462" s="3">
        <f t="shared" si="139"/>
        <v>2016</v>
      </c>
      <c r="D4462" t="s">
        <v>491</v>
      </c>
      <c r="E4462" t="s">
        <v>2321</v>
      </c>
      <c r="F4462" t="s">
        <v>38</v>
      </c>
      <c r="G4462" t="s">
        <v>39</v>
      </c>
      <c r="H4462" t="s">
        <v>1901</v>
      </c>
      <c r="I4462">
        <v>1294.75</v>
      </c>
      <c r="J4462">
        <v>5</v>
      </c>
      <c r="K4462">
        <v>336.64</v>
      </c>
    </row>
    <row r="4463" spans="1:11" x14ac:dyDescent="0.3">
      <c r="A4463" s="1">
        <v>42467</v>
      </c>
      <c r="B4463" s="3">
        <f t="shared" si="138"/>
        <v>4</v>
      </c>
      <c r="C4463" s="3">
        <f t="shared" si="139"/>
        <v>2016</v>
      </c>
      <c r="D4463" t="s">
        <v>1637</v>
      </c>
      <c r="E4463" t="s">
        <v>26</v>
      </c>
      <c r="F4463" t="s">
        <v>38</v>
      </c>
      <c r="G4463" t="s">
        <v>602</v>
      </c>
      <c r="H4463" t="s">
        <v>1468</v>
      </c>
      <c r="I4463">
        <v>1199.98</v>
      </c>
      <c r="J4463">
        <v>3</v>
      </c>
      <c r="K4463">
        <v>374.99</v>
      </c>
    </row>
    <row r="4464" spans="1:11" x14ac:dyDescent="0.3">
      <c r="A4464" s="1">
        <v>42467</v>
      </c>
      <c r="B4464" s="3">
        <f t="shared" si="138"/>
        <v>4</v>
      </c>
      <c r="C4464" s="3">
        <f t="shared" si="139"/>
        <v>2016</v>
      </c>
      <c r="D4464" t="s">
        <v>406</v>
      </c>
      <c r="E4464" t="s">
        <v>148</v>
      </c>
      <c r="F4464" t="s">
        <v>33</v>
      </c>
      <c r="G4464" t="s">
        <v>34</v>
      </c>
      <c r="H4464" t="s">
        <v>863</v>
      </c>
      <c r="I4464">
        <v>658.75</v>
      </c>
      <c r="J4464">
        <v>3</v>
      </c>
      <c r="K4464">
        <v>146.38999999999999</v>
      </c>
    </row>
    <row r="4465" spans="1:11" x14ac:dyDescent="0.3">
      <c r="A4465" s="1">
        <v>42467</v>
      </c>
      <c r="B4465" s="3">
        <f t="shared" si="138"/>
        <v>4</v>
      </c>
      <c r="C4465" s="3">
        <f t="shared" si="139"/>
        <v>2016</v>
      </c>
      <c r="D4465" t="s">
        <v>1827</v>
      </c>
      <c r="E4465" t="s">
        <v>148</v>
      </c>
      <c r="F4465" t="s">
        <v>10</v>
      </c>
      <c r="G4465" t="s">
        <v>23</v>
      </c>
      <c r="H4465" t="s">
        <v>797</v>
      </c>
      <c r="I4465">
        <v>3.64</v>
      </c>
      <c r="J4465">
        <v>2</v>
      </c>
      <c r="K4465">
        <v>0.98</v>
      </c>
    </row>
    <row r="4466" spans="1:11" x14ac:dyDescent="0.3">
      <c r="A4466" s="1">
        <v>42467</v>
      </c>
      <c r="B4466" s="3">
        <f t="shared" si="138"/>
        <v>4</v>
      </c>
      <c r="C4466" s="3">
        <f t="shared" si="139"/>
        <v>2016</v>
      </c>
      <c r="D4466" t="s">
        <v>1416</v>
      </c>
      <c r="E4466" t="s">
        <v>176</v>
      </c>
      <c r="F4466" t="s">
        <v>10</v>
      </c>
      <c r="G4466" t="s">
        <v>11</v>
      </c>
      <c r="H4466" t="s">
        <v>2476</v>
      </c>
      <c r="I4466">
        <v>37.94</v>
      </c>
      <c r="J4466">
        <v>2</v>
      </c>
      <c r="K4466">
        <v>18.21</v>
      </c>
    </row>
    <row r="4467" spans="1:11" x14ac:dyDescent="0.3">
      <c r="A4467" s="1">
        <v>42467</v>
      </c>
      <c r="B4467" s="3">
        <f t="shared" si="138"/>
        <v>4</v>
      </c>
      <c r="C4467" s="3">
        <f t="shared" si="139"/>
        <v>2016</v>
      </c>
      <c r="D4467" t="s">
        <v>306</v>
      </c>
      <c r="E4467" t="s">
        <v>22</v>
      </c>
      <c r="F4467" t="s">
        <v>10</v>
      </c>
      <c r="G4467" t="s">
        <v>91</v>
      </c>
      <c r="H4467" t="s">
        <v>1837</v>
      </c>
      <c r="I4467">
        <v>33.53</v>
      </c>
      <c r="J4467">
        <v>3</v>
      </c>
      <c r="K4467">
        <v>2.5099999999999998</v>
      </c>
    </row>
    <row r="4468" spans="1:11" x14ac:dyDescent="0.3">
      <c r="A4468" s="1">
        <v>42467</v>
      </c>
      <c r="B4468" s="3">
        <f t="shared" si="138"/>
        <v>4</v>
      </c>
      <c r="C4468" s="3">
        <f t="shared" si="139"/>
        <v>2016</v>
      </c>
      <c r="D4468" t="s">
        <v>306</v>
      </c>
      <c r="E4468" t="s">
        <v>22</v>
      </c>
      <c r="F4468" t="s">
        <v>10</v>
      </c>
      <c r="G4468" t="s">
        <v>17</v>
      </c>
      <c r="H4468" t="s">
        <v>2477</v>
      </c>
      <c r="I4468">
        <v>36.74</v>
      </c>
      <c r="J4468">
        <v>3</v>
      </c>
      <c r="K4468">
        <v>3.67</v>
      </c>
    </row>
    <row r="4469" spans="1:11" x14ac:dyDescent="0.3">
      <c r="A4469" s="1">
        <v>42468</v>
      </c>
      <c r="B4469" s="3">
        <f t="shared" si="138"/>
        <v>4</v>
      </c>
      <c r="C4469" s="3">
        <f t="shared" si="139"/>
        <v>2016</v>
      </c>
      <c r="D4469" t="s">
        <v>1616</v>
      </c>
      <c r="E4469" t="s">
        <v>148</v>
      </c>
      <c r="F4469" t="s">
        <v>33</v>
      </c>
      <c r="G4469" t="s">
        <v>73</v>
      </c>
      <c r="H4469" t="s">
        <v>2349</v>
      </c>
      <c r="I4469">
        <v>388.7</v>
      </c>
      <c r="J4469">
        <v>6</v>
      </c>
      <c r="K4469">
        <v>-4.8600000000000003</v>
      </c>
    </row>
    <row r="4470" spans="1:11" x14ac:dyDescent="0.3">
      <c r="A4470" s="1">
        <v>42468</v>
      </c>
      <c r="B4470" s="3">
        <f t="shared" si="138"/>
        <v>4</v>
      </c>
      <c r="C4470" s="3">
        <f t="shared" si="139"/>
        <v>2016</v>
      </c>
      <c r="D4470" t="s">
        <v>1616</v>
      </c>
      <c r="E4470" t="s">
        <v>148</v>
      </c>
      <c r="F4470" t="s">
        <v>10</v>
      </c>
      <c r="G4470" t="s">
        <v>62</v>
      </c>
      <c r="H4470" t="s">
        <v>2314</v>
      </c>
      <c r="I4470">
        <v>8.26</v>
      </c>
      <c r="J4470">
        <v>2</v>
      </c>
      <c r="K4470">
        <v>3.8</v>
      </c>
    </row>
    <row r="4471" spans="1:11" x14ac:dyDescent="0.3">
      <c r="A4471" s="1">
        <v>42468</v>
      </c>
      <c r="B4471" s="3">
        <f t="shared" si="138"/>
        <v>4</v>
      </c>
      <c r="C4471" s="3">
        <f t="shared" si="139"/>
        <v>2016</v>
      </c>
      <c r="D4471" t="s">
        <v>1616</v>
      </c>
      <c r="E4471" t="s">
        <v>148</v>
      </c>
      <c r="F4471" t="s">
        <v>10</v>
      </c>
      <c r="G4471" t="s">
        <v>23</v>
      </c>
      <c r="H4471" t="s">
        <v>30</v>
      </c>
      <c r="I4471">
        <v>17.04</v>
      </c>
      <c r="J4471">
        <v>4</v>
      </c>
      <c r="K4471">
        <v>6.99</v>
      </c>
    </row>
    <row r="4472" spans="1:11" x14ac:dyDescent="0.3">
      <c r="A4472" s="1">
        <v>42468</v>
      </c>
      <c r="B4472" s="3">
        <f t="shared" si="138"/>
        <v>4</v>
      </c>
      <c r="C4472" s="3">
        <f t="shared" si="139"/>
        <v>2016</v>
      </c>
      <c r="D4472" t="s">
        <v>1616</v>
      </c>
      <c r="E4472" t="s">
        <v>148</v>
      </c>
      <c r="F4472" t="s">
        <v>10</v>
      </c>
      <c r="G4472" t="s">
        <v>11</v>
      </c>
      <c r="H4472" t="s">
        <v>2386</v>
      </c>
      <c r="I4472">
        <v>34.4</v>
      </c>
      <c r="J4472">
        <v>5</v>
      </c>
      <c r="K4472">
        <v>15.82</v>
      </c>
    </row>
    <row r="4473" spans="1:11" x14ac:dyDescent="0.3">
      <c r="A4473" s="1">
        <v>42468</v>
      </c>
      <c r="B4473" s="3">
        <f t="shared" si="138"/>
        <v>4</v>
      </c>
      <c r="C4473" s="3">
        <f t="shared" si="139"/>
        <v>2016</v>
      </c>
      <c r="D4473" t="s">
        <v>1262</v>
      </c>
      <c r="E4473" t="s">
        <v>26</v>
      </c>
      <c r="F4473" t="s">
        <v>10</v>
      </c>
      <c r="G4473" t="s">
        <v>11</v>
      </c>
      <c r="H4473" t="s">
        <v>78</v>
      </c>
      <c r="I4473">
        <v>20.04</v>
      </c>
      <c r="J4473">
        <v>3</v>
      </c>
      <c r="K4473">
        <v>9.6199999999999992</v>
      </c>
    </row>
    <row r="4474" spans="1:11" x14ac:dyDescent="0.3">
      <c r="A4474" s="1">
        <v>42468</v>
      </c>
      <c r="B4474" s="3">
        <f t="shared" si="138"/>
        <v>4</v>
      </c>
      <c r="C4474" s="3">
        <f t="shared" si="139"/>
        <v>2016</v>
      </c>
      <c r="D4474" t="s">
        <v>1262</v>
      </c>
      <c r="E4474" t="s">
        <v>26</v>
      </c>
      <c r="F4474" t="s">
        <v>10</v>
      </c>
      <c r="G4474" t="s">
        <v>17</v>
      </c>
      <c r="H4474" t="s">
        <v>191</v>
      </c>
      <c r="I4474">
        <v>64.959999999999994</v>
      </c>
      <c r="J4474">
        <v>2</v>
      </c>
      <c r="K4474">
        <v>2.6</v>
      </c>
    </row>
    <row r="4475" spans="1:11" x14ac:dyDescent="0.3">
      <c r="A4475" s="1">
        <v>42468</v>
      </c>
      <c r="B4475" s="3">
        <f t="shared" si="138"/>
        <v>4</v>
      </c>
      <c r="C4475" s="3">
        <f t="shared" si="139"/>
        <v>2016</v>
      </c>
      <c r="D4475" t="s">
        <v>1262</v>
      </c>
      <c r="E4475" t="s">
        <v>26</v>
      </c>
      <c r="F4475" t="s">
        <v>10</v>
      </c>
      <c r="G4475" t="s">
        <v>11</v>
      </c>
      <c r="H4475" t="s">
        <v>1156</v>
      </c>
      <c r="I4475">
        <v>12.96</v>
      </c>
      <c r="J4475">
        <v>2</v>
      </c>
      <c r="K4475">
        <v>6.22</v>
      </c>
    </row>
    <row r="4476" spans="1:11" x14ac:dyDescent="0.3">
      <c r="A4476" s="1">
        <v>42468</v>
      </c>
      <c r="B4476" s="3">
        <f t="shared" si="138"/>
        <v>4</v>
      </c>
      <c r="C4476" s="3">
        <f t="shared" si="139"/>
        <v>2016</v>
      </c>
      <c r="D4476" t="s">
        <v>1458</v>
      </c>
      <c r="E4476" t="s">
        <v>9</v>
      </c>
      <c r="F4476" t="s">
        <v>38</v>
      </c>
      <c r="G4476" t="s">
        <v>51</v>
      </c>
      <c r="H4476" t="s">
        <v>2157</v>
      </c>
      <c r="I4476">
        <v>431.93</v>
      </c>
      <c r="J4476">
        <v>9</v>
      </c>
      <c r="K4476">
        <v>64.790000000000006</v>
      </c>
    </row>
    <row r="4477" spans="1:11" x14ac:dyDescent="0.3">
      <c r="A4477" s="1">
        <v>42468</v>
      </c>
      <c r="B4477" s="3">
        <f t="shared" si="138"/>
        <v>4</v>
      </c>
      <c r="C4477" s="3">
        <f t="shared" si="139"/>
        <v>2016</v>
      </c>
      <c r="D4477" t="s">
        <v>1458</v>
      </c>
      <c r="E4477" t="s">
        <v>9</v>
      </c>
      <c r="F4477" t="s">
        <v>33</v>
      </c>
      <c r="G4477" t="s">
        <v>34</v>
      </c>
      <c r="H4477" t="s">
        <v>2067</v>
      </c>
      <c r="I4477">
        <v>95.98</v>
      </c>
      <c r="J4477">
        <v>4</v>
      </c>
      <c r="K4477">
        <v>-4.1100000000000003</v>
      </c>
    </row>
    <row r="4478" spans="1:11" x14ac:dyDescent="0.3">
      <c r="A4478" s="1">
        <v>42468</v>
      </c>
      <c r="B4478" s="3">
        <f t="shared" si="138"/>
        <v>4</v>
      </c>
      <c r="C4478" s="3">
        <f t="shared" si="139"/>
        <v>2016</v>
      </c>
      <c r="D4478" t="s">
        <v>1458</v>
      </c>
      <c r="E4478" t="s">
        <v>9</v>
      </c>
      <c r="F4478" t="s">
        <v>10</v>
      </c>
      <c r="G4478" t="s">
        <v>19</v>
      </c>
      <c r="H4478" t="s">
        <v>827</v>
      </c>
      <c r="I4478">
        <v>1088.79</v>
      </c>
      <c r="J4478">
        <v>4</v>
      </c>
      <c r="K4478">
        <v>-1850.95</v>
      </c>
    </row>
    <row r="4479" spans="1:11" x14ac:dyDescent="0.3">
      <c r="A4479" s="1">
        <v>42468</v>
      </c>
      <c r="B4479" s="3">
        <f t="shared" si="138"/>
        <v>4</v>
      </c>
      <c r="C4479" s="3">
        <f t="shared" si="139"/>
        <v>2016</v>
      </c>
      <c r="D4479" t="s">
        <v>1493</v>
      </c>
      <c r="E4479" t="s">
        <v>77</v>
      </c>
      <c r="F4479" t="s">
        <v>10</v>
      </c>
      <c r="G4479" t="s">
        <v>62</v>
      </c>
      <c r="H4479" t="s">
        <v>2478</v>
      </c>
      <c r="I4479">
        <v>8.8699999999999992</v>
      </c>
      <c r="J4479">
        <v>1</v>
      </c>
      <c r="K4479">
        <v>3.22</v>
      </c>
    </row>
    <row r="4480" spans="1:11" x14ac:dyDescent="0.3">
      <c r="A4480" s="1">
        <v>42468</v>
      </c>
      <c r="B4480" s="3">
        <f t="shared" si="138"/>
        <v>4</v>
      </c>
      <c r="C4480" s="3">
        <f t="shared" si="139"/>
        <v>2016</v>
      </c>
      <c r="D4480" t="s">
        <v>1493</v>
      </c>
      <c r="E4480" t="s">
        <v>77</v>
      </c>
      <c r="F4480" t="s">
        <v>10</v>
      </c>
      <c r="G4480" t="s">
        <v>19</v>
      </c>
      <c r="H4480" t="s">
        <v>268</v>
      </c>
      <c r="I4480">
        <v>121.1</v>
      </c>
      <c r="J4480">
        <v>6</v>
      </c>
      <c r="K4480">
        <v>-100.92</v>
      </c>
    </row>
    <row r="4481" spans="1:11" x14ac:dyDescent="0.3">
      <c r="A4481" s="1">
        <v>42468</v>
      </c>
      <c r="B4481" s="3">
        <f t="shared" si="138"/>
        <v>4</v>
      </c>
      <c r="C4481" s="3">
        <f t="shared" si="139"/>
        <v>2016</v>
      </c>
      <c r="D4481" t="s">
        <v>1839</v>
      </c>
      <c r="E4481" t="s">
        <v>26</v>
      </c>
      <c r="F4481" t="s">
        <v>33</v>
      </c>
      <c r="G4481" t="s">
        <v>46</v>
      </c>
      <c r="H4481" t="s">
        <v>2479</v>
      </c>
      <c r="I4481">
        <v>24.7</v>
      </c>
      <c r="J4481">
        <v>5</v>
      </c>
      <c r="K4481">
        <v>10.37</v>
      </c>
    </row>
    <row r="4482" spans="1:11" x14ac:dyDescent="0.3">
      <c r="A4482" s="1">
        <v>42468</v>
      </c>
      <c r="B4482" s="3">
        <f t="shared" ref="B4482:B4545" si="140">MONTH(A:A)</f>
        <v>4</v>
      </c>
      <c r="C4482" s="3">
        <f t="shared" ref="C4482:C4545" si="141">YEAR(A:A)</f>
        <v>2016</v>
      </c>
      <c r="D4482" t="s">
        <v>634</v>
      </c>
      <c r="E4482" t="s">
        <v>29</v>
      </c>
      <c r="F4482" t="s">
        <v>10</v>
      </c>
      <c r="G4482" t="s">
        <v>62</v>
      </c>
      <c r="H4482" t="s">
        <v>2480</v>
      </c>
      <c r="I4482">
        <v>17.920000000000002</v>
      </c>
      <c r="J4482">
        <v>4</v>
      </c>
      <c r="K4482">
        <v>8.6</v>
      </c>
    </row>
    <row r="4483" spans="1:11" x14ac:dyDescent="0.3">
      <c r="A4483" s="1">
        <v>42468</v>
      </c>
      <c r="B4483" s="3">
        <f t="shared" si="140"/>
        <v>4</v>
      </c>
      <c r="C4483" s="3">
        <f t="shared" si="141"/>
        <v>2016</v>
      </c>
      <c r="D4483" t="s">
        <v>654</v>
      </c>
      <c r="E4483" t="s">
        <v>29</v>
      </c>
      <c r="F4483" t="s">
        <v>33</v>
      </c>
      <c r="G4483" t="s">
        <v>73</v>
      </c>
      <c r="H4483" t="s">
        <v>834</v>
      </c>
      <c r="I4483">
        <v>354.9</v>
      </c>
      <c r="J4483">
        <v>5</v>
      </c>
      <c r="K4483">
        <v>88.73</v>
      </c>
    </row>
    <row r="4484" spans="1:11" x14ac:dyDescent="0.3">
      <c r="A4484" s="1">
        <v>42468</v>
      </c>
      <c r="B4484" s="3">
        <f t="shared" si="140"/>
        <v>4</v>
      </c>
      <c r="C4484" s="3">
        <f t="shared" si="141"/>
        <v>2016</v>
      </c>
      <c r="D4484" t="s">
        <v>292</v>
      </c>
      <c r="E4484" t="s">
        <v>100</v>
      </c>
      <c r="F4484" t="s">
        <v>10</v>
      </c>
      <c r="G4484" t="s">
        <v>42</v>
      </c>
      <c r="H4484" t="s">
        <v>1246</v>
      </c>
      <c r="I4484">
        <v>30</v>
      </c>
      <c r="J4484">
        <v>6</v>
      </c>
      <c r="K4484">
        <v>14.4</v>
      </c>
    </row>
    <row r="4485" spans="1:11" x14ac:dyDescent="0.3">
      <c r="A4485" s="1">
        <v>42468</v>
      </c>
      <c r="B4485" s="3">
        <f t="shared" si="140"/>
        <v>4</v>
      </c>
      <c r="C4485" s="3">
        <f t="shared" si="141"/>
        <v>2016</v>
      </c>
      <c r="D4485" t="s">
        <v>292</v>
      </c>
      <c r="E4485" t="s">
        <v>100</v>
      </c>
      <c r="F4485" t="s">
        <v>10</v>
      </c>
      <c r="G4485" t="s">
        <v>11</v>
      </c>
      <c r="H4485" t="s">
        <v>1158</v>
      </c>
      <c r="I4485">
        <v>25.92</v>
      </c>
      <c r="J4485">
        <v>4</v>
      </c>
      <c r="K4485">
        <v>12.7</v>
      </c>
    </row>
    <row r="4486" spans="1:11" x14ac:dyDescent="0.3">
      <c r="A4486" s="1">
        <v>42468</v>
      </c>
      <c r="B4486" s="3">
        <f t="shared" si="140"/>
        <v>4</v>
      </c>
      <c r="C4486" s="3">
        <f t="shared" si="141"/>
        <v>2016</v>
      </c>
      <c r="D4486" t="s">
        <v>292</v>
      </c>
      <c r="E4486" t="s">
        <v>100</v>
      </c>
      <c r="F4486" t="s">
        <v>33</v>
      </c>
      <c r="G4486" t="s">
        <v>46</v>
      </c>
      <c r="H4486" t="s">
        <v>1710</v>
      </c>
      <c r="I4486">
        <v>159.91999999999999</v>
      </c>
      <c r="J4486">
        <v>4</v>
      </c>
      <c r="K4486">
        <v>31.98</v>
      </c>
    </row>
    <row r="4487" spans="1:11" x14ac:dyDescent="0.3">
      <c r="A4487" s="1">
        <v>42469</v>
      </c>
      <c r="B4487" s="3">
        <f t="shared" si="140"/>
        <v>4</v>
      </c>
      <c r="C4487" s="3">
        <f t="shared" si="141"/>
        <v>2016</v>
      </c>
      <c r="D4487" t="s">
        <v>1945</v>
      </c>
      <c r="E4487" t="s">
        <v>163</v>
      </c>
      <c r="F4487" t="s">
        <v>10</v>
      </c>
      <c r="G4487" t="s">
        <v>19</v>
      </c>
      <c r="H4487" t="s">
        <v>1312</v>
      </c>
      <c r="I4487">
        <v>35.35</v>
      </c>
      <c r="J4487">
        <v>9</v>
      </c>
      <c r="K4487">
        <v>12.82</v>
      </c>
    </row>
    <row r="4488" spans="1:11" x14ac:dyDescent="0.3">
      <c r="A4488" s="1">
        <v>42469</v>
      </c>
      <c r="B4488" s="3">
        <f t="shared" si="140"/>
        <v>4</v>
      </c>
      <c r="C4488" s="3">
        <f t="shared" si="141"/>
        <v>2016</v>
      </c>
      <c r="D4488" t="s">
        <v>2481</v>
      </c>
      <c r="E4488" t="s">
        <v>109</v>
      </c>
      <c r="F4488" t="s">
        <v>38</v>
      </c>
      <c r="G4488" t="s">
        <v>39</v>
      </c>
      <c r="H4488" t="s">
        <v>1901</v>
      </c>
      <c r="I4488">
        <v>517.9</v>
      </c>
      <c r="J4488">
        <v>2</v>
      </c>
      <c r="K4488">
        <v>134.65</v>
      </c>
    </row>
    <row r="4489" spans="1:11" x14ac:dyDescent="0.3">
      <c r="A4489" s="1">
        <v>42469</v>
      </c>
      <c r="B4489" s="3">
        <f t="shared" si="140"/>
        <v>4</v>
      </c>
      <c r="C4489" s="3">
        <f t="shared" si="141"/>
        <v>2016</v>
      </c>
      <c r="D4489" t="s">
        <v>2481</v>
      </c>
      <c r="E4489" t="s">
        <v>109</v>
      </c>
      <c r="F4489" t="s">
        <v>10</v>
      </c>
      <c r="G4489" t="s">
        <v>19</v>
      </c>
      <c r="H4489" t="s">
        <v>2482</v>
      </c>
      <c r="I4489">
        <v>5.28</v>
      </c>
      <c r="J4489">
        <v>2</v>
      </c>
      <c r="K4489">
        <v>2.4300000000000002</v>
      </c>
    </row>
    <row r="4490" spans="1:11" x14ac:dyDescent="0.3">
      <c r="A4490" s="1">
        <v>42469</v>
      </c>
      <c r="B4490" s="3">
        <f t="shared" si="140"/>
        <v>4</v>
      </c>
      <c r="C4490" s="3">
        <f t="shared" si="141"/>
        <v>2016</v>
      </c>
      <c r="D4490" t="s">
        <v>721</v>
      </c>
      <c r="E4490" t="s">
        <v>26</v>
      </c>
      <c r="F4490" t="s">
        <v>33</v>
      </c>
      <c r="G4490" t="s">
        <v>73</v>
      </c>
      <c r="H4490" t="s">
        <v>2483</v>
      </c>
      <c r="I4490">
        <v>556.66999999999996</v>
      </c>
      <c r="J4490">
        <v>5</v>
      </c>
      <c r="K4490">
        <v>6.55</v>
      </c>
    </row>
    <row r="4491" spans="1:11" x14ac:dyDescent="0.3">
      <c r="A4491" s="1">
        <v>42470</v>
      </c>
      <c r="B4491" s="3">
        <f t="shared" si="140"/>
        <v>4</v>
      </c>
      <c r="C4491" s="3">
        <f t="shared" si="141"/>
        <v>2016</v>
      </c>
      <c r="D4491" t="s">
        <v>2251</v>
      </c>
      <c r="E4491" t="s">
        <v>77</v>
      </c>
      <c r="F4491" t="s">
        <v>10</v>
      </c>
      <c r="G4491" t="s">
        <v>19</v>
      </c>
      <c r="H4491" t="s">
        <v>1203</v>
      </c>
      <c r="I4491">
        <v>8.9</v>
      </c>
      <c r="J4491">
        <v>2</v>
      </c>
      <c r="K4491">
        <v>-6.53</v>
      </c>
    </row>
    <row r="4492" spans="1:11" x14ac:dyDescent="0.3">
      <c r="A4492" s="1">
        <v>42470</v>
      </c>
      <c r="B4492" s="3">
        <f t="shared" si="140"/>
        <v>4</v>
      </c>
      <c r="C4492" s="3">
        <f t="shared" si="141"/>
        <v>2016</v>
      </c>
      <c r="D4492" t="s">
        <v>284</v>
      </c>
      <c r="E4492" t="s">
        <v>26</v>
      </c>
      <c r="F4492" t="s">
        <v>10</v>
      </c>
      <c r="G4492" t="s">
        <v>11</v>
      </c>
      <c r="H4492" t="s">
        <v>2194</v>
      </c>
      <c r="I4492">
        <v>12.96</v>
      </c>
      <c r="J4492">
        <v>2</v>
      </c>
      <c r="K4492">
        <v>6.22</v>
      </c>
    </row>
    <row r="4493" spans="1:11" x14ac:dyDescent="0.3">
      <c r="A4493" s="1">
        <v>42470</v>
      </c>
      <c r="B4493" s="3">
        <f t="shared" si="140"/>
        <v>4</v>
      </c>
      <c r="C4493" s="3">
        <f t="shared" si="141"/>
        <v>2016</v>
      </c>
      <c r="D4493" t="s">
        <v>284</v>
      </c>
      <c r="E4493" t="s">
        <v>26</v>
      </c>
      <c r="F4493" t="s">
        <v>10</v>
      </c>
      <c r="G4493" t="s">
        <v>19</v>
      </c>
      <c r="H4493" t="s">
        <v>885</v>
      </c>
      <c r="I4493">
        <v>23.2</v>
      </c>
      <c r="J4493">
        <v>5</v>
      </c>
      <c r="K4493">
        <v>8.1199999999999992</v>
      </c>
    </row>
    <row r="4494" spans="1:11" x14ac:dyDescent="0.3">
      <c r="A4494" s="1">
        <v>42470</v>
      </c>
      <c r="B4494" s="3">
        <f t="shared" si="140"/>
        <v>4</v>
      </c>
      <c r="C4494" s="3">
        <f t="shared" si="141"/>
        <v>2016</v>
      </c>
      <c r="D4494" t="s">
        <v>1718</v>
      </c>
      <c r="E4494" t="s">
        <v>26</v>
      </c>
      <c r="F4494" t="s">
        <v>10</v>
      </c>
      <c r="G4494" t="s">
        <v>91</v>
      </c>
      <c r="H4494" t="s">
        <v>2015</v>
      </c>
      <c r="I4494">
        <v>113.76</v>
      </c>
      <c r="J4494">
        <v>3</v>
      </c>
      <c r="K4494">
        <v>44.37</v>
      </c>
    </row>
    <row r="4495" spans="1:11" x14ac:dyDescent="0.3">
      <c r="A4495" s="1">
        <v>42470</v>
      </c>
      <c r="B4495" s="3">
        <f t="shared" si="140"/>
        <v>4</v>
      </c>
      <c r="C4495" s="3">
        <f t="shared" si="141"/>
        <v>2016</v>
      </c>
      <c r="D4495" t="s">
        <v>1718</v>
      </c>
      <c r="E4495" t="s">
        <v>26</v>
      </c>
      <c r="F4495" t="s">
        <v>10</v>
      </c>
      <c r="G4495" t="s">
        <v>17</v>
      </c>
      <c r="H4495" t="s">
        <v>1439</v>
      </c>
      <c r="I4495">
        <v>579.51</v>
      </c>
      <c r="J4495">
        <v>3</v>
      </c>
      <c r="K4495">
        <v>81.13</v>
      </c>
    </row>
    <row r="4496" spans="1:11" x14ac:dyDescent="0.3">
      <c r="A4496" s="1">
        <v>42470</v>
      </c>
      <c r="B4496" s="3">
        <f t="shared" si="140"/>
        <v>4</v>
      </c>
      <c r="C4496" s="3">
        <f t="shared" si="141"/>
        <v>2016</v>
      </c>
      <c r="D4496" t="s">
        <v>1718</v>
      </c>
      <c r="E4496" t="s">
        <v>26</v>
      </c>
      <c r="F4496" t="s">
        <v>10</v>
      </c>
      <c r="G4496" t="s">
        <v>17</v>
      </c>
      <c r="H4496" t="s">
        <v>434</v>
      </c>
      <c r="I4496">
        <v>150.66</v>
      </c>
      <c r="J4496">
        <v>9</v>
      </c>
      <c r="K4496">
        <v>6.03</v>
      </c>
    </row>
    <row r="4497" spans="1:11" x14ac:dyDescent="0.3">
      <c r="A4497" s="1">
        <v>42470</v>
      </c>
      <c r="B4497" s="3">
        <f t="shared" si="140"/>
        <v>4</v>
      </c>
      <c r="C4497" s="3">
        <f t="shared" si="141"/>
        <v>2016</v>
      </c>
      <c r="D4497" t="s">
        <v>1718</v>
      </c>
      <c r="E4497" t="s">
        <v>26</v>
      </c>
      <c r="F4497" t="s">
        <v>10</v>
      </c>
      <c r="G4497" t="s">
        <v>19</v>
      </c>
      <c r="H4497" t="s">
        <v>851</v>
      </c>
      <c r="I4497">
        <v>48.03</v>
      </c>
      <c r="J4497">
        <v>4</v>
      </c>
      <c r="K4497">
        <v>15.61</v>
      </c>
    </row>
    <row r="4498" spans="1:11" x14ac:dyDescent="0.3">
      <c r="A4498" s="1">
        <v>42470</v>
      </c>
      <c r="B4498" s="3">
        <f t="shared" si="140"/>
        <v>4</v>
      </c>
      <c r="C4498" s="3">
        <f t="shared" si="141"/>
        <v>2016</v>
      </c>
      <c r="D4498" t="s">
        <v>333</v>
      </c>
      <c r="E4498" t="s">
        <v>14</v>
      </c>
      <c r="F4498" t="s">
        <v>10</v>
      </c>
      <c r="G4498" t="s">
        <v>23</v>
      </c>
      <c r="H4498" t="s">
        <v>385</v>
      </c>
      <c r="I4498">
        <v>13.57</v>
      </c>
      <c r="J4498">
        <v>4</v>
      </c>
      <c r="K4498">
        <v>3.22</v>
      </c>
    </row>
    <row r="4499" spans="1:11" x14ac:dyDescent="0.3">
      <c r="A4499" s="1">
        <v>42472</v>
      </c>
      <c r="B4499" s="3">
        <f t="shared" si="140"/>
        <v>4</v>
      </c>
      <c r="C4499" s="3">
        <f t="shared" si="141"/>
        <v>2016</v>
      </c>
      <c r="D4499" t="s">
        <v>71</v>
      </c>
      <c r="E4499" t="s">
        <v>54</v>
      </c>
      <c r="F4499" t="s">
        <v>33</v>
      </c>
      <c r="G4499" t="s">
        <v>144</v>
      </c>
      <c r="H4499" t="s">
        <v>472</v>
      </c>
      <c r="I4499">
        <v>343.92</v>
      </c>
      <c r="J4499">
        <v>4</v>
      </c>
      <c r="K4499">
        <v>75.66</v>
      </c>
    </row>
    <row r="4500" spans="1:11" x14ac:dyDescent="0.3">
      <c r="A4500" s="1">
        <v>42472</v>
      </c>
      <c r="B4500" s="3">
        <f t="shared" si="140"/>
        <v>4</v>
      </c>
      <c r="C4500" s="3">
        <f t="shared" si="141"/>
        <v>2016</v>
      </c>
      <c r="D4500" t="s">
        <v>71</v>
      </c>
      <c r="E4500" t="s">
        <v>54</v>
      </c>
      <c r="F4500" t="s">
        <v>10</v>
      </c>
      <c r="G4500" t="s">
        <v>11</v>
      </c>
      <c r="H4500" t="s">
        <v>490</v>
      </c>
      <c r="I4500">
        <v>40.99</v>
      </c>
      <c r="J4500">
        <v>1</v>
      </c>
      <c r="K4500">
        <v>20.09</v>
      </c>
    </row>
    <row r="4501" spans="1:11" x14ac:dyDescent="0.3">
      <c r="A4501" s="1">
        <v>42472</v>
      </c>
      <c r="B4501" s="3">
        <f t="shared" si="140"/>
        <v>4</v>
      </c>
      <c r="C4501" s="3">
        <f t="shared" si="141"/>
        <v>2016</v>
      </c>
      <c r="D4501" t="s">
        <v>71</v>
      </c>
      <c r="E4501" t="s">
        <v>54</v>
      </c>
      <c r="F4501" t="s">
        <v>10</v>
      </c>
      <c r="G4501" t="s">
        <v>62</v>
      </c>
      <c r="H4501" t="s">
        <v>1090</v>
      </c>
      <c r="I4501">
        <v>63.9</v>
      </c>
      <c r="J4501">
        <v>5</v>
      </c>
      <c r="K4501">
        <v>28.76</v>
      </c>
    </row>
    <row r="4502" spans="1:11" x14ac:dyDescent="0.3">
      <c r="A4502" s="1">
        <v>42472</v>
      </c>
      <c r="B4502" s="3">
        <f t="shared" si="140"/>
        <v>4</v>
      </c>
      <c r="C4502" s="3">
        <f t="shared" si="141"/>
        <v>2016</v>
      </c>
      <c r="D4502" t="s">
        <v>1422</v>
      </c>
      <c r="E4502" t="s">
        <v>26</v>
      </c>
      <c r="F4502" t="s">
        <v>33</v>
      </c>
      <c r="G4502" t="s">
        <v>34</v>
      </c>
      <c r="H4502" t="s">
        <v>2265</v>
      </c>
      <c r="I4502">
        <v>638.29</v>
      </c>
      <c r="J4502">
        <v>7</v>
      </c>
      <c r="K4502">
        <v>-31.91</v>
      </c>
    </row>
    <row r="4503" spans="1:11" x14ac:dyDescent="0.3">
      <c r="A4503" s="1">
        <v>42472</v>
      </c>
      <c r="B4503" s="3">
        <f t="shared" si="140"/>
        <v>4</v>
      </c>
      <c r="C4503" s="3">
        <f t="shared" si="141"/>
        <v>2016</v>
      </c>
      <c r="D4503" t="s">
        <v>1422</v>
      </c>
      <c r="E4503" t="s">
        <v>26</v>
      </c>
      <c r="F4503" t="s">
        <v>10</v>
      </c>
      <c r="G4503" t="s">
        <v>19</v>
      </c>
      <c r="H4503" t="s">
        <v>2119</v>
      </c>
      <c r="I4503">
        <v>13.21</v>
      </c>
      <c r="J4503">
        <v>1</v>
      </c>
      <c r="K4503">
        <v>4.62</v>
      </c>
    </row>
    <row r="4504" spans="1:11" x14ac:dyDescent="0.3">
      <c r="A4504" s="1">
        <v>42472</v>
      </c>
      <c r="B4504" s="3">
        <f t="shared" si="140"/>
        <v>4</v>
      </c>
      <c r="C4504" s="3">
        <f t="shared" si="141"/>
        <v>2016</v>
      </c>
      <c r="D4504" t="s">
        <v>294</v>
      </c>
      <c r="E4504" t="s">
        <v>26</v>
      </c>
      <c r="F4504" t="s">
        <v>10</v>
      </c>
      <c r="G4504" t="s">
        <v>11</v>
      </c>
      <c r="H4504" t="s">
        <v>2207</v>
      </c>
      <c r="I4504">
        <v>19.440000000000001</v>
      </c>
      <c r="J4504">
        <v>3</v>
      </c>
      <c r="K4504">
        <v>9.33</v>
      </c>
    </row>
    <row r="4505" spans="1:11" x14ac:dyDescent="0.3">
      <c r="A4505" s="1">
        <v>42472</v>
      </c>
      <c r="B4505" s="3">
        <f t="shared" si="140"/>
        <v>4</v>
      </c>
      <c r="C4505" s="3">
        <f t="shared" si="141"/>
        <v>2016</v>
      </c>
      <c r="D4505" t="s">
        <v>294</v>
      </c>
      <c r="E4505" t="s">
        <v>26</v>
      </c>
      <c r="F4505" t="s">
        <v>33</v>
      </c>
      <c r="G4505" t="s">
        <v>34</v>
      </c>
      <c r="H4505" t="s">
        <v>193</v>
      </c>
      <c r="I4505">
        <v>194.35</v>
      </c>
      <c r="J4505">
        <v>3</v>
      </c>
      <c r="K4505">
        <v>-36.44</v>
      </c>
    </row>
    <row r="4506" spans="1:11" x14ac:dyDescent="0.3">
      <c r="A4506" s="1">
        <v>42472</v>
      </c>
      <c r="B4506" s="3">
        <f t="shared" si="140"/>
        <v>4</v>
      </c>
      <c r="C4506" s="3">
        <f t="shared" si="141"/>
        <v>2016</v>
      </c>
      <c r="D4506" t="s">
        <v>294</v>
      </c>
      <c r="E4506" t="s">
        <v>26</v>
      </c>
      <c r="F4506" t="s">
        <v>10</v>
      </c>
      <c r="G4506" t="s">
        <v>19</v>
      </c>
      <c r="H4506" t="s">
        <v>1992</v>
      </c>
      <c r="I4506">
        <v>36.619999999999997</v>
      </c>
      <c r="J4506">
        <v>3</v>
      </c>
      <c r="K4506">
        <v>13.73</v>
      </c>
    </row>
    <row r="4507" spans="1:11" x14ac:dyDescent="0.3">
      <c r="A4507" s="1">
        <v>42472</v>
      </c>
      <c r="B4507" s="3">
        <f t="shared" si="140"/>
        <v>4</v>
      </c>
      <c r="C4507" s="3">
        <f t="shared" si="141"/>
        <v>2016</v>
      </c>
      <c r="D4507" t="s">
        <v>1759</v>
      </c>
      <c r="E4507" t="s">
        <v>244</v>
      </c>
      <c r="F4507" t="s">
        <v>10</v>
      </c>
      <c r="G4507" t="s">
        <v>17</v>
      </c>
      <c r="H4507" t="s">
        <v>235</v>
      </c>
      <c r="I4507">
        <v>129.55000000000001</v>
      </c>
      <c r="J4507">
        <v>3</v>
      </c>
      <c r="K4507">
        <v>-22.67</v>
      </c>
    </row>
    <row r="4508" spans="1:11" x14ac:dyDescent="0.3">
      <c r="A4508" s="1">
        <v>42472</v>
      </c>
      <c r="B4508" s="3">
        <f t="shared" si="140"/>
        <v>4</v>
      </c>
      <c r="C4508" s="3">
        <f t="shared" si="141"/>
        <v>2016</v>
      </c>
      <c r="D4508" t="s">
        <v>1759</v>
      </c>
      <c r="E4508" t="s">
        <v>244</v>
      </c>
      <c r="F4508" t="s">
        <v>10</v>
      </c>
      <c r="G4508" t="s">
        <v>17</v>
      </c>
      <c r="H4508" t="s">
        <v>2358</v>
      </c>
      <c r="I4508">
        <v>51.98</v>
      </c>
      <c r="J4508">
        <v>1</v>
      </c>
      <c r="K4508">
        <v>-5.2</v>
      </c>
    </row>
    <row r="4509" spans="1:11" x14ac:dyDescent="0.3">
      <c r="A4509" s="1">
        <v>42472</v>
      </c>
      <c r="B4509" s="3">
        <f t="shared" si="140"/>
        <v>4</v>
      </c>
      <c r="C4509" s="3">
        <f t="shared" si="141"/>
        <v>2016</v>
      </c>
      <c r="D4509" t="s">
        <v>1759</v>
      </c>
      <c r="E4509" t="s">
        <v>244</v>
      </c>
      <c r="F4509" t="s">
        <v>10</v>
      </c>
      <c r="G4509" t="s">
        <v>11</v>
      </c>
      <c r="H4509" t="s">
        <v>2484</v>
      </c>
      <c r="I4509">
        <v>10.27</v>
      </c>
      <c r="J4509">
        <v>3</v>
      </c>
      <c r="K4509">
        <v>3.47</v>
      </c>
    </row>
    <row r="4510" spans="1:11" x14ac:dyDescent="0.3">
      <c r="A4510" s="1">
        <v>42473</v>
      </c>
      <c r="B4510" s="3">
        <f t="shared" si="140"/>
        <v>4</v>
      </c>
      <c r="C4510" s="3">
        <f t="shared" si="141"/>
        <v>2016</v>
      </c>
      <c r="D4510" t="s">
        <v>1676</v>
      </c>
      <c r="E4510" t="s">
        <v>26</v>
      </c>
      <c r="F4510" t="s">
        <v>10</v>
      </c>
      <c r="G4510" t="s">
        <v>62</v>
      </c>
      <c r="H4510" t="s">
        <v>395</v>
      </c>
      <c r="I4510">
        <v>6.12</v>
      </c>
      <c r="J4510">
        <v>3</v>
      </c>
      <c r="K4510">
        <v>2.88</v>
      </c>
    </row>
    <row r="4511" spans="1:11" x14ac:dyDescent="0.3">
      <c r="A4511" s="1">
        <v>42474</v>
      </c>
      <c r="B4511" s="3">
        <f t="shared" si="140"/>
        <v>4</v>
      </c>
      <c r="C4511" s="3">
        <f t="shared" si="141"/>
        <v>2016</v>
      </c>
      <c r="D4511" t="s">
        <v>952</v>
      </c>
      <c r="E4511" t="s">
        <v>26</v>
      </c>
      <c r="F4511" t="s">
        <v>33</v>
      </c>
      <c r="G4511" t="s">
        <v>34</v>
      </c>
      <c r="H4511" t="s">
        <v>573</v>
      </c>
      <c r="I4511">
        <v>383.8</v>
      </c>
      <c r="J4511">
        <v>5</v>
      </c>
      <c r="K4511">
        <v>38.380000000000003</v>
      </c>
    </row>
    <row r="4512" spans="1:11" x14ac:dyDescent="0.3">
      <c r="A4512" s="1">
        <v>42474</v>
      </c>
      <c r="B4512" s="3">
        <f t="shared" si="140"/>
        <v>4</v>
      </c>
      <c r="C4512" s="3">
        <f t="shared" si="141"/>
        <v>2016</v>
      </c>
      <c r="D4512" t="s">
        <v>1253</v>
      </c>
      <c r="E4512" t="s">
        <v>94</v>
      </c>
      <c r="F4512" t="s">
        <v>33</v>
      </c>
      <c r="G4512" t="s">
        <v>34</v>
      </c>
      <c r="H4512" t="s">
        <v>1981</v>
      </c>
      <c r="I4512">
        <v>933.54</v>
      </c>
      <c r="J4512">
        <v>4</v>
      </c>
      <c r="K4512">
        <v>105.02</v>
      </c>
    </row>
    <row r="4513" spans="1:11" x14ac:dyDescent="0.3">
      <c r="A4513" s="1">
        <v>42474</v>
      </c>
      <c r="B4513" s="3">
        <f t="shared" si="140"/>
        <v>4</v>
      </c>
      <c r="C4513" s="3">
        <f t="shared" si="141"/>
        <v>2016</v>
      </c>
      <c r="D4513" t="s">
        <v>1253</v>
      </c>
      <c r="E4513" t="s">
        <v>94</v>
      </c>
      <c r="F4513" t="s">
        <v>10</v>
      </c>
      <c r="G4513" t="s">
        <v>17</v>
      </c>
      <c r="H4513" t="s">
        <v>1012</v>
      </c>
      <c r="I4513">
        <v>42.98</v>
      </c>
      <c r="J4513">
        <v>4</v>
      </c>
      <c r="K4513">
        <v>4.3</v>
      </c>
    </row>
    <row r="4514" spans="1:11" x14ac:dyDescent="0.3">
      <c r="A4514" s="1">
        <v>42474</v>
      </c>
      <c r="B4514" s="3">
        <f t="shared" si="140"/>
        <v>4</v>
      </c>
      <c r="C4514" s="3">
        <f t="shared" si="141"/>
        <v>2016</v>
      </c>
      <c r="D4514" t="s">
        <v>121</v>
      </c>
      <c r="E4514" t="s">
        <v>54</v>
      </c>
      <c r="F4514" t="s">
        <v>10</v>
      </c>
      <c r="G4514" t="s">
        <v>17</v>
      </c>
      <c r="H4514" t="s">
        <v>178</v>
      </c>
      <c r="I4514">
        <v>81.2</v>
      </c>
      <c r="J4514">
        <v>5</v>
      </c>
      <c r="K4514">
        <v>12.18</v>
      </c>
    </row>
    <row r="4515" spans="1:11" x14ac:dyDescent="0.3">
      <c r="A4515" s="1">
        <v>42474</v>
      </c>
      <c r="B4515" s="3">
        <f t="shared" si="140"/>
        <v>4</v>
      </c>
      <c r="C4515" s="3">
        <f t="shared" si="141"/>
        <v>2016</v>
      </c>
      <c r="D4515" t="s">
        <v>2485</v>
      </c>
      <c r="E4515" t="s">
        <v>530</v>
      </c>
      <c r="F4515" t="s">
        <v>10</v>
      </c>
      <c r="G4515" t="s">
        <v>19</v>
      </c>
      <c r="H4515" t="s">
        <v>2486</v>
      </c>
      <c r="I4515">
        <v>25.06</v>
      </c>
      <c r="J4515">
        <v>2</v>
      </c>
      <c r="K4515">
        <v>11.78</v>
      </c>
    </row>
    <row r="4516" spans="1:11" x14ac:dyDescent="0.3">
      <c r="A4516" s="1">
        <v>42475</v>
      </c>
      <c r="B4516" s="3">
        <f t="shared" si="140"/>
        <v>4</v>
      </c>
      <c r="C4516" s="3">
        <f t="shared" si="141"/>
        <v>2016</v>
      </c>
      <c r="D4516" t="s">
        <v>768</v>
      </c>
      <c r="E4516" t="s">
        <v>244</v>
      </c>
      <c r="F4516" t="s">
        <v>10</v>
      </c>
      <c r="G4516" t="s">
        <v>19</v>
      </c>
      <c r="H4516" t="s">
        <v>2487</v>
      </c>
      <c r="I4516">
        <v>189.59</v>
      </c>
      <c r="J4516">
        <v>2</v>
      </c>
      <c r="K4516">
        <v>-145.35</v>
      </c>
    </row>
    <row r="4517" spans="1:11" x14ac:dyDescent="0.3">
      <c r="A4517" s="1">
        <v>42475</v>
      </c>
      <c r="B4517" s="3">
        <f t="shared" si="140"/>
        <v>4</v>
      </c>
      <c r="C4517" s="3">
        <f t="shared" si="141"/>
        <v>2016</v>
      </c>
      <c r="D4517" t="s">
        <v>768</v>
      </c>
      <c r="E4517" t="s">
        <v>244</v>
      </c>
      <c r="F4517" t="s">
        <v>38</v>
      </c>
      <c r="G4517" t="s">
        <v>51</v>
      </c>
      <c r="H4517" t="s">
        <v>473</v>
      </c>
      <c r="I4517">
        <v>408.74</v>
      </c>
      <c r="J4517">
        <v>7</v>
      </c>
      <c r="K4517">
        <v>76.64</v>
      </c>
    </row>
    <row r="4518" spans="1:11" x14ac:dyDescent="0.3">
      <c r="A4518" s="1">
        <v>42475</v>
      </c>
      <c r="B4518" s="3">
        <f t="shared" si="140"/>
        <v>4</v>
      </c>
      <c r="C4518" s="3">
        <f t="shared" si="141"/>
        <v>2016</v>
      </c>
      <c r="D4518" t="s">
        <v>768</v>
      </c>
      <c r="E4518" t="s">
        <v>244</v>
      </c>
      <c r="F4518" t="s">
        <v>38</v>
      </c>
      <c r="G4518" t="s">
        <v>51</v>
      </c>
      <c r="H4518" t="s">
        <v>473</v>
      </c>
      <c r="I4518">
        <v>291.95999999999998</v>
      </c>
      <c r="J4518">
        <v>5</v>
      </c>
      <c r="K4518">
        <v>54.74</v>
      </c>
    </row>
    <row r="4519" spans="1:11" x14ac:dyDescent="0.3">
      <c r="A4519" s="1">
        <v>42475</v>
      </c>
      <c r="B4519" s="3">
        <f t="shared" si="140"/>
        <v>4</v>
      </c>
      <c r="C4519" s="3">
        <f t="shared" si="141"/>
        <v>2016</v>
      </c>
      <c r="D4519" t="s">
        <v>768</v>
      </c>
      <c r="E4519" t="s">
        <v>244</v>
      </c>
      <c r="F4519" t="s">
        <v>10</v>
      </c>
      <c r="G4519" t="s">
        <v>17</v>
      </c>
      <c r="H4519" t="s">
        <v>1779</v>
      </c>
      <c r="I4519">
        <v>4.7699999999999996</v>
      </c>
      <c r="J4519">
        <v>2</v>
      </c>
      <c r="K4519">
        <v>-0.77</v>
      </c>
    </row>
    <row r="4520" spans="1:11" x14ac:dyDescent="0.3">
      <c r="A4520" s="1">
        <v>42475</v>
      </c>
      <c r="B4520" s="3">
        <f t="shared" si="140"/>
        <v>4</v>
      </c>
      <c r="C4520" s="3">
        <f t="shared" si="141"/>
        <v>2016</v>
      </c>
      <c r="D4520" t="s">
        <v>2093</v>
      </c>
      <c r="E4520" t="s">
        <v>26</v>
      </c>
      <c r="F4520" t="s">
        <v>33</v>
      </c>
      <c r="G4520" t="s">
        <v>34</v>
      </c>
      <c r="H4520" t="s">
        <v>975</v>
      </c>
      <c r="I4520">
        <v>1121.57</v>
      </c>
      <c r="J4520">
        <v>2</v>
      </c>
      <c r="K4520">
        <v>0</v>
      </c>
    </row>
    <row r="4521" spans="1:11" x14ac:dyDescent="0.3">
      <c r="A4521" s="1">
        <v>42475</v>
      </c>
      <c r="B4521" s="3">
        <f t="shared" si="140"/>
        <v>4</v>
      </c>
      <c r="C4521" s="3">
        <f t="shared" si="141"/>
        <v>2016</v>
      </c>
      <c r="D4521" t="s">
        <v>577</v>
      </c>
      <c r="E4521" t="s">
        <v>9</v>
      </c>
      <c r="F4521" t="s">
        <v>10</v>
      </c>
      <c r="G4521" t="s">
        <v>23</v>
      </c>
      <c r="H4521" t="s">
        <v>2488</v>
      </c>
      <c r="I4521">
        <v>33.49</v>
      </c>
      <c r="J4521">
        <v>7</v>
      </c>
      <c r="K4521">
        <v>5.86</v>
      </c>
    </row>
    <row r="4522" spans="1:11" x14ac:dyDescent="0.3">
      <c r="A4522" s="1">
        <v>42475</v>
      </c>
      <c r="B4522" s="3">
        <f t="shared" si="140"/>
        <v>4</v>
      </c>
      <c r="C4522" s="3">
        <f t="shared" si="141"/>
        <v>2016</v>
      </c>
      <c r="D4522" t="s">
        <v>577</v>
      </c>
      <c r="E4522" t="s">
        <v>9</v>
      </c>
      <c r="F4522" t="s">
        <v>10</v>
      </c>
      <c r="G4522" t="s">
        <v>42</v>
      </c>
      <c r="H4522" t="s">
        <v>1245</v>
      </c>
      <c r="I4522">
        <v>8.0399999999999991</v>
      </c>
      <c r="J4522">
        <v>5</v>
      </c>
      <c r="K4522">
        <v>2.91</v>
      </c>
    </row>
    <row r="4523" spans="1:11" x14ac:dyDescent="0.3">
      <c r="A4523" s="1">
        <v>42475</v>
      </c>
      <c r="B4523" s="3">
        <f t="shared" si="140"/>
        <v>4</v>
      </c>
      <c r="C4523" s="3">
        <f t="shared" si="141"/>
        <v>2016</v>
      </c>
      <c r="D4523" t="s">
        <v>1546</v>
      </c>
      <c r="E4523" t="s">
        <v>26</v>
      </c>
      <c r="F4523" t="s">
        <v>10</v>
      </c>
      <c r="G4523" t="s">
        <v>11</v>
      </c>
      <c r="H4523" t="s">
        <v>2489</v>
      </c>
      <c r="I4523">
        <v>143.69999999999999</v>
      </c>
      <c r="J4523">
        <v>3</v>
      </c>
      <c r="K4523">
        <v>68.98</v>
      </c>
    </row>
    <row r="4524" spans="1:11" x14ac:dyDescent="0.3">
      <c r="A4524" s="1">
        <v>42476</v>
      </c>
      <c r="B4524" s="3">
        <f t="shared" si="140"/>
        <v>4</v>
      </c>
      <c r="C4524" s="3">
        <f t="shared" si="141"/>
        <v>2016</v>
      </c>
      <c r="D4524" t="s">
        <v>1151</v>
      </c>
      <c r="E4524" t="s">
        <v>29</v>
      </c>
      <c r="F4524" t="s">
        <v>10</v>
      </c>
      <c r="G4524" t="s">
        <v>23</v>
      </c>
      <c r="H4524" t="s">
        <v>844</v>
      </c>
      <c r="I4524">
        <v>12.84</v>
      </c>
      <c r="J4524">
        <v>3</v>
      </c>
      <c r="K4524">
        <v>3.72</v>
      </c>
    </row>
    <row r="4525" spans="1:11" x14ac:dyDescent="0.3">
      <c r="A4525" s="1">
        <v>42476</v>
      </c>
      <c r="B4525" s="3">
        <f t="shared" si="140"/>
        <v>4</v>
      </c>
      <c r="C4525" s="3">
        <f t="shared" si="141"/>
        <v>2016</v>
      </c>
      <c r="D4525" t="s">
        <v>614</v>
      </c>
      <c r="E4525" t="s">
        <v>176</v>
      </c>
      <c r="F4525" t="s">
        <v>38</v>
      </c>
      <c r="G4525" t="s">
        <v>301</v>
      </c>
      <c r="H4525" t="s">
        <v>2490</v>
      </c>
      <c r="I4525">
        <v>9099.93</v>
      </c>
      <c r="J4525">
        <v>7</v>
      </c>
      <c r="K4525">
        <v>2365.98</v>
      </c>
    </row>
    <row r="4526" spans="1:11" x14ac:dyDescent="0.3">
      <c r="A4526" s="1">
        <v>42476</v>
      </c>
      <c r="B4526" s="3">
        <f t="shared" si="140"/>
        <v>4</v>
      </c>
      <c r="C4526" s="3">
        <f t="shared" si="141"/>
        <v>2016</v>
      </c>
      <c r="D4526" t="s">
        <v>614</v>
      </c>
      <c r="E4526" t="s">
        <v>176</v>
      </c>
      <c r="F4526" t="s">
        <v>33</v>
      </c>
      <c r="G4526" t="s">
        <v>46</v>
      </c>
      <c r="H4526" t="s">
        <v>848</v>
      </c>
      <c r="I4526">
        <v>9.9600000000000009</v>
      </c>
      <c r="J4526">
        <v>2</v>
      </c>
      <c r="K4526">
        <v>3.29</v>
      </c>
    </row>
    <row r="4527" spans="1:11" x14ac:dyDescent="0.3">
      <c r="A4527" s="1">
        <v>42476</v>
      </c>
      <c r="B4527" s="3">
        <f t="shared" si="140"/>
        <v>4</v>
      </c>
      <c r="C4527" s="3">
        <f t="shared" si="141"/>
        <v>2016</v>
      </c>
      <c r="D4527" t="s">
        <v>614</v>
      </c>
      <c r="E4527" t="s">
        <v>176</v>
      </c>
      <c r="F4527" t="s">
        <v>10</v>
      </c>
      <c r="G4527" t="s">
        <v>19</v>
      </c>
      <c r="H4527" t="s">
        <v>1196</v>
      </c>
      <c r="I4527">
        <v>25.3</v>
      </c>
      <c r="J4527">
        <v>5</v>
      </c>
      <c r="K4527">
        <v>11.89</v>
      </c>
    </row>
    <row r="4528" spans="1:11" x14ac:dyDescent="0.3">
      <c r="A4528" s="1">
        <v>42476</v>
      </c>
      <c r="B4528" s="3">
        <f t="shared" si="140"/>
        <v>4</v>
      </c>
      <c r="C4528" s="3">
        <f t="shared" si="141"/>
        <v>2016</v>
      </c>
      <c r="D4528" t="s">
        <v>777</v>
      </c>
      <c r="E4528" t="s">
        <v>163</v>
      </c>
      <c r="F4528" t="s">
        <v>10</v>
      </c>
      <c r="G4528" t="s">
        <v>199</v>
      </c>
      <c r="H4528" t="s">
        <v>1420</v>
      </c>
      <c r="I4528">
        <v>28.8</v>
      </c>
      <c r="J4528">
        <v>3</v>
      </c>
      <c r="K4528">
        <v>0.86</v>
      </c>
    </row>
    <row r="4529" spans="1:11" x14ac:dyDescent="0.3">
      <c r="A4529" s="1">
        <v>42476</v>
      </c>
      <c r="B4529" s="3">
        <f t="shared" si="140"/>
        <v>4</v>
      </c>
      <c r="C4529" s="3">
        <f t="shared" si="141"/>
        <v>2016</v>
      </c>
      <c r="D4529" t="s">
        <v>1592</v>
      </c>
      <c r="E4529" t="s">
        <v>119</v>
      </c>
      <c r="F4529" t="s">
        <v>38</v>
      </c>
      <c r="G4529" t="s">
        <v>51</v>
      </c>
      <c r="H4529" t="s">
        <v>1242</v>
      </c>
      <c r="I4529">
        <v>35.17</v>
      </c>
      <c r="J4529">
        <v>4</v>
      </c>
      <c r="K4529">
        <v>8.35</v>
      </c>
    </row>
    <row r="4530" spans="1:11" x14ac:dyDescent="0.3">
      <c r="A4530" s="1">
        <v>42476</v>
      </c>
      <c r="B4530" s="3">
        <f t="shared" si="140"/>
        <v>4</v>
      </c>
      <c r="C4530" s="3">
        <f t="shared" si="141"/>
        <v>2016</v>
      </c>
      <c r="D4530" t="s">
        <v>1592</v>
      </c>
      <c r="E4530" t="s">
        <v>119</v>
      </c>
      <c r="F4530" t="s">
        <v>10</v>
      </c>
      <c r="G4530" t="s">
        <v>11</v>
      </c>
      <c r="H4530" t="s">
        <v>2491</v>
      </c>
      <c r="I4530">
        <v>123.09</v>
      </c>
      <c r="J4530">
        <v>7</v>
      </c>
      <c r="K4530">
        <v>40</v>
      </c>
    </row>
    <row r="4531" spans="1:11" x14ac:dyDescent="0.3">
      <c r="A4531" s="1">
        <v>42477</v>
      </c>
      <c r="B4531" s="3">
        <f t="shared" si="140"/>
        <v>4</v>
      </c>
      <c r="C4531" s="3">
        <f t="shared" si="141"/>
        <v>2016</v>
      </c>
      <c r="D4531" t="s">
        <v>529</v>
      </c>
      <c r="E4531" t="s">
        <v>244</v>
      </c>
      <c r="F4531" t="s">
        <v>38</v>
      </c>
      <c r="G4531" t="s">
        <v>39</v>
      </c>
      <c r="H4531" t="s">
        <v>706</v>
      </c>
      <c r="I4531">
        <v>36.79</v>
      </c>
      <c r="J4531">
        <v>1</v>
      </c>
      <c r="K4531">
        <v>4.1399999999999997</v>
      </c>
    </row>
    <row r="4532" spans="1:11" x14ac:dyDescent="0.3">
      <c r="A4532" s="1">
        <v>42477</v>
      </c>
      <c r="B4532" s="3">
        <f t="shared" si="140"/>
        <v>4</v>
      </c>
      <c r="C4532" s="3">
        <f t="shared" si="141"/>
        <v>2016</v>
      </c>
      <c r="D4532" t="s">
        <v>529</v>
      </c>
      <c r="E4532" t="s">
        <v>244</v>
      </c>
      <c r="F4532" t="s">
        <v>33</v>
      </c>
      <c r="G4532" t="s">
        <v>46</v>
      </c>
      <c r="H4532" t="s">
        <v>2492</v>
      </c>
      <c r="I4532">
        <v>18.62</v>
      </c>
      <c r="J4532">
        <v>8</v>
      </c>
      <c r="K4532">
        <v>6.29</v>
      </c>
    </row>
    <row r="4533" spans="1:11" x14ac:dyDescent="0.3">
      <c r="A4533" s="1">
        <v>42477</v>
      </c>
      <c r="B4533" s="3">
        <f t="shared" si="140"/>
        <v>4</v>
      </c>
      <c r="C4533" s="3">
        <f t="shared" si="141"/>
        <v>2016</v>
      </c>
      <c r="D4533" t="s">
        <v>2481</v>
      </c>
      <c r="E4533" t="s">
        <v>995</v>
      </c>
      <c r="F4533" t="s">
        <v>10</v>
      </c>
      <c r="G4533" t="s">
        <v>42</v>
      </c>
      <c r="H4533" t="s">
        <v>539</v>
      </c>
      <c r="I4533">
        <v>29.05</v>
      </c>
      <c r="J4533">
        <v>5</v>
      </c>
      <c r="K4533">
        <v>9.01</v>
      </c>
    </row>
    <row r="4534" spans="1:11" x14ac:dyDescent="0.3">
      <c r="A4534" s="1">
        <v>42477</v>
      </c>
      <c r="B4534" s="3">
        <f t="shared" si="140"/>
        <v>4</v>
      </c>
      <c r="C4534" s="3">
        <f t="shared" si="141"/>
        <v>2016</v>
      </c>
      <c r="D4534" t="s">
        <v>1287</v>
      </c>
      <c r="E4534" t="s">
        <v>26</v>
      </c>
      <c r="F4534" t="s">
        <v>33</v>
      </c>
      <c r="G4534" t="s">
        <v>73</v>
      </c>
      <c r="H4534" t="s">
        <v>2493</v>
      </c>
      <c r="I4534">
        <v>257.5</v>
      </c>
      <c r="J4534">
        <v>3</v>
      </c>
      <c r="K4534">
        <v>24.24</v>
      </c>
    </row>
    <row r="4535" spans="1:11" x14ac:dyDescent="0.3">
      <c r="A4535" s="1">
        <v>42477</v>
      </c>
      <c r="B4535" s="3">
        <f t="shared" si="140"/>
        <v>4</v>
      </c>
      <c r="C4535" s="3">
        <f t="shared" si="141"/>
        <v>2016</v>
      </c>
      <c r="D4535" t="s">
        <v>1110</v>
      </c>
      <c r="E4535" t="s">
        <v>119</v>
      </c>
      <c r="F4535" t="s">
        <v>33</v>
      </c>
      <c r="G4535" t="s">
        <v>46</v>
      </c>
      <c r="H4535" t="s">
        <v>2494</v>
      </c>
      <c r="I4535">
        <v>79.12</v>
      </c>
      <c r="J4535">
        <v>5</v>
      </c>
      <c r="K4535">
        <v>13.85</v>
      </c>
    </row>
    <row r="4536" spans="1:11" x14ac:dyDescent="0.3">
      <c r="A4536" s="1">
        <v>42478</v>
      </c>
      <c r="B4536" s="3">
        <f t="shared" si="140"/>
        <v>4</v>
      </c>
      <c r="C4536" s="3">
        <f t="shared" si="141"/>
        <v>2016</v>
      </c>
      <c r="D4536" t="s">
        <v>2495</v>
      </c>
      <c r="E4536" t="s">
        <v>14</v>
      </c>
      <c r="F4536" t="s">
        <v>10</v>
      </c>
      <c r="G4536" t="s">
        <v>17</v>
      </c>
      <c r="H4536" t="s">
        <v>1644</v>
      </c>
      <c r="I4536">
        <v>230.38</v>
      </c>
      <c r="J4536">
        <v>3</v>
      </c>
      <c r="K4536">
        <v>-48.95</v>
      </c>
    </row>
    <row r="4537" spans="1:11" x14ac:dyDescent="0.3">
      <c r="A4537" s="1">
        <v>42478</v>
      </c>
      <c r="B4537" s="3">
        <f t="shared" si="140"/>
        <v>4</v>
      </c>
      <c r="C4537" s="3">
        <f t="shared" si="141"/>
        <v>2016</v>
      </c>
      <c r="D4537" t="s">
        <v>2495</v>
      </c>
      <c r="E4537" t="s">
        <v>14</v>
      </c>
      <c r="F4537" t="s">
        <v>10</v>
      </c>
      <c r="G4537" t="s">
        <v>11</v>
      </c>
      <c r="H4537" t="s">
        <v>699</v>
      </c>
      <c r="I4537">
        <v>9.66</v>
      </c>
      <c r="J4537">
        <v>2</v>
      </c>
      <c r="K4537">
        <v>3.26</v>
      </c>
    </row>
    <row r="4538" spans="1:11" x14ac:dyDescent="0.3">
      <c r="A4538" s="1">
        <v>42478</v>
      </c>
      <c r="B4538" s="3">
        <f t="shared" si="140"/>
        <v>4</v>
      </c>
      <c r="C4538" s="3">
        <f t="shared" si="141"/>
        <v>2016</v>
      </c>
      <c r="D4538" t="s">
        <v>1609</v>
      </c>
      <c r="E4538" t="s">
        <v>54</v>
      </c>
      <c r="F4538" t="s">
        <v>10</v>
      </c>
      <c r="G4538" t="s">
        <v>91</v>
      </c>
      <c r="H4538" t="s">
        <v>1061</v>
      </c>
      <c r="I4538">
        <v>203.92</v>
      </c>
      <c r="J4538">
        <v>4</v>
      </c>
      <c r="K4538">
        <v>55.06</v>
      </c>
    </row>
    <row r="4539" spans="1:11" x14ac:dyDescent="0.3">
      <c r="A4539" s="1">
        <v>42478</v>
      </c>
      <c r="B4539" s="3">
        <f t="shared" si="140"/>
        <v>4</v>
      </c>
      <c r="C4539" s="3">
        <f t="shared" si="141"/>
        <v>2016</v>
      </c>
      <c r="D4539" t="s">
        <v>1609</v>
      </c>
      <c r="E4539" t="s">
        <v>54</v>
      </c>
      <c r="F4539" t="s">
        <v>38</v>
      </c>
      <c r="G4539" t="s">
        <v>39</v>
      </c>
      <c r="H4539" t="s">
        <v>2295</v>
      </c>
      <c r="I4539">
        <v>29.56</v>
      </c>
      <c r="J4539">
        <v>4</v>
      </c>
      <c r="K4539">
        <v>7.98</v>
      </c>
    </row>
    <row r="4540" spans="1:11" x14ac:dyDescent="0.3">
      <c r="A4540" s="1">
        <v>42478</v>
      </c>
      <c r="B4540" s="3">
        <f t="shared" si="140"/>
        <v>4</v>
      </c>
      <c r="C4540" s="3">
        <f t="shared" si="141"/>
        <v>2016</v>
      </c>
      <c r="D4540" t="s">
        <v>1367</v>
      </c>
      <c r="E4540" t="s">
        <v>9</v>
      </c>
      <c r="F4540" t="s">
        <v>33</v>
      </c>
      <c r="G4540" t="s">
        <v>34</v>
      </c>
      <c r="H4540" t="s">
        <v>918</v>
      </c>
      <c r="I4540">
        <v>344.37</v>
      </c>
      <c r="J4540">
        <v>4</v>
      </c>
      <c r="K4540">
        <v>-93.47</v>
      </c>
    </row>
    <row r="4541" spans="1:11" x14ac:dyDescent="0.3">
      <c r="A4541" s="1">
        <v>42478</v>
      </c>
      <c r="B4541" s="3">
        <f t="shared" si="140"/>
        <v>4</v>
      </c>
      <c r="C4541" s="3">
        <f t="shared" si="141"/>
        <v>2016</v>
      </c>
      <c r="D4541" t="s">
        <v>1367</v>
      </c>
      <c r="E4541" t="s">
        <v>9</v>
      </c>
      <c r="F4541" t="s">
        <v>10</v>
      </c>
      <c r="G4541" t="s">
        <v>17</v>
      </c>
      <c r="H4541" t="s">
        <v>2109</v>
      </c>
      <c r="I4541">
        <v>1554.94</v>
      </c>
      <c r="J4541">
        <v>3</v>
      </c>
      <c r="K4541">
        <v>77.75</v>
      </c>
    </row>
    <row r="4542" spans="1:11" x14ac:dyDescent="0.3">
      <c r="A4542" s="1">
        <v>42478</v>
      </c>
      <c r="B4542" s="3">
        <f t="shared" si="140"/>
        <v>4</v>
      </c>
      <c r="C4542" s="3">
        <f t="shared" si="141"/>
        <v>2016</v>
      </c>
      <c r="D4542" t="s">
        <v>1367</v>
      </c>
      <c r="E4542" t="s">
        <v>9</v>
      </c>
      <c r="F4542" t="s">
        <v>33</v>
      </c>
      <c r="G4542" t="s">
        <v>46</v>
      </c>
      <c r="H4542" t="s">
        <v>2223</v>
      </c>
      <c r="I4542">
        <v>127.88</v>
      </c>
      <c r="J4542">
        <v>5</v>
      </c>
      <c r="K4542">
        <v>-67.14</v>
      </c>
    </row>
    <row r="4543" spans="1:11" x14ac:dyDescent="0.3">
      <c r="A4543" s="1">
        <v>42478</v>
      </c>
      <c r="B4543" s="3">
        <f t="shared" si="140"/>
        <v>4</v>
      </c>
      <c r="C4543" s="3">
        <f t="shared" si="141"/>
        <v>2016</v>
      </c>
      <c r="D4543" t="s">
        <v>1891</v>
      </c>
      <c r="E4543" t="s">
        <v>148</v>
      </c>
      <c r="F4543" t="s">
        <v>10</v>
      </c>
      <c r="G4543" t="s">
        <v>23</v>
      </c>
      <c r="H4543" t="s">
        <v>360</v>
      </c>
      <c r="I4543">
        <v>6.99</v>
      </c>
      <c r="J4543">
        <v>3</v>
      </c>
      <c r="K4543">
        <v>2.0299999999999998</v>
      </c>
    </row>
    <row r="4544" spans="1:11" x14ac:dyDescent="0.3">
      <c r="A4544" s="1">
        <v>42478</v>
      </c>
      <c r="B4544" s="3">
        <f t="shared" si="140"/>
        <v>4</v>
      </c>
      <c r="C4544" s="3">
        <f t="shared" si="141"/>
        <v>2016</v>
      </c>
      <c r="D4544" t="s">
        <v>1891</v>
      </c>
      <c r="E4544" t="s">
        <v>148</v>
      </c>
      <c r="F4544" t="s">
        <v>10</v>
      </c>
      <c r="G4544" t="s">
        <v>199</v>
      </c>
      <c r="H4544" t="s">
        <v>1230</v>
      </c>
      <c r="I4544">
        <v>6.84</v>
      </c>
      <c r="J4544">
        <v>1</v>
      </c>
      <c r="K4544">
        <v>1.85</v>
      </c>
    </row>
    <row r="4545" spans="1:11" x14ac:dyDescent="0.3">
      <c r="A4545" s="1">
        <v>42479</v>
      </c>
      <c r="B4545" s="3">
        <f t="shared" si="140"/>
        <v>4</v>
      </c>
      <c r="C4545" s="3">
        <f t="shared" si="141"/>
        <v>2016</v>
      </c>
      <c r="D4545" t="s">
        <v>511</v>
      </c>
      <c r="E4545" t="s">
        <v>77</v>
      </c>
      <c r="F4545" t="s">
        <v>33</v>
      </c>
      <c r="G4545" t="s">
        <v>144</v>
      </c>
      <c r="H4545" t="s">
        <v>2399</v>
      </c>
      <c r="I4545">
        <v>205.18</v>
      </c>
      <c r="J4545">
        <v>2</v>
      </c>
      <c r="K4545">
        <v>-58.13</v>
      </c>
    </row>
    <row r="4546" spans="1:11" x14ac:dyDescent="0.3">
      <c r="A4546" s="1">
        <v>42479</v>
      </c>
      <c r="B4546" s="3">
        <f t="shared" ref="B4546:B4609" si="142">MONTH(A:A)</f>
        <v>4</v>
      </c>
      <c r="C4546" s="3">
        <f t="shared" ref="C4546:C4609" si="143">YEAR(A:A)</f>
        <v>2016</v>
      </c>
      <c r="D4546" t="s">
        <v>511</v>
      </c>
      <c r="E4546" t="s">
        <v>77</v>
      </c>
      <c r="F4546" t="s">
        <v>10</v>
      </c>
      <c r="G4546" t="s">
        <v>11</v>
      </c>
      <c r="H4546" t="s">
        <v>978</v>
      </c>
      <c r="I4546">
        <v>419.4</v>
      </c>
      <c r="J4546">
        <v>5</v>
      </c>
      <c r="K4546">
        <v>146.79</v>
      </c>
    </row>
    <row r="4547" spans="1:11" x14ac:dyDescent="0.3">
      <c r="A4547" s="1">
        <v>42479</v>
      </c>
      <c r="B4547" s="3">
        <f t="shared" si="142"/>
        <v>4</v>
      </c>
      <c r="C4547" s="3">
        <f t="shared" si="143"/>
        <v>2016</v>
      </c>
      <c r="D4547" t="s">
        <v>421</v>
      </c>
      <c r="E4547" t="s">
        <v>26</v>
      </c>
      <c r="F4547" t="s">
        <v>38</v>
      </c>
      <c r="G4547" t="s">
        <v>39</v>
      </c>
      <c r="H4547" t="s">
        <v>246</v>
      </c>
      <c r="I4547">
        <v>39.96</v>
      </c>
      <c r="J4547">
        <v>5</v>
      </c>
      <c r="K4547">
        <v>12.99</v>
      </c>
    </row>
    <row r="4548" spans="1:11" x14ac:dyDescent="0.3">
      <c r="A4548" s="1">
        <v>42479</v>
      </c>
      <c r="B4548" s="3">
        <f t="shared" si="142"/>
        <v>4</v>
      </c>
      <c r="C4548" s="3">
        <f t="shared" si="143"/>
        <v>2016</v>
      </c>
      <c r="D4548" t="s">
        <v>421</v>
      </c>
      <c r="E4548" t="s">
        <v>26</v>
      </c>
      <c r="F4548" t="s">
        <v>10</v>
      </c>
      <c r="G4548" t="s">
        <v>23</v>
      </c>
      <c r="H4548" t="s">
        <v>2373</v>
      </c>
      <c r="I4548">
        <v>5.46</v>
      </c>
      <c r="J4548">
        <v>3</v>
      </c>
      <c r="K4548">
        <v>1.53</v>
      </c>
    </row>
    <row r="4549" spans="1:11" x14ac:dyDescent="0.3">
      <c r="A4549" s="1">
        <v>42479</v>
      </c>
      <c r="B4549" s="3">
        <f t="shared" si="142"/>
        <v>4</v>
      </c>
      <c r="C4549" s="3">
        <f t="shared" si="143"/>
        <v>2016</v>
      </c>
      <c r="D4549" t="s">
        <v>421</v>
      </c>
      <c r="E4549" t="s">
        <v>26</v>
      </c>
      <c r="F4549" t="s">
        <v>10</v>
      </c>
      <c r="G4549" t="s">
        <v>23</v>
      </c>
      <c r="H4549" t="s">
        <v>115</v>
      </c>
      <c r="I4549">
        <v>73.2</v>
      </c>
      <c r="J4549">
        <v>5</v>
      </c>
      <c r="K4549">
        <v>21.23</v>
      </c>
    </row>
    <row r="4550" spans="1:11" x14ac:dyDescent="0.3">
      <c r="A4550" s="1">
        <v>42479</v>
      </c>
      <c r="B4550" s="3">
        <f t="shared" si="142"/>
        <v>4</v>
      </c>
      <c r="C4550" s="3">
        <f t="shared" si="143"/>
        <v>2016</v>
      </c>
      <c r="D4550" t="s">
        <v>421</v>
      </c>
      <c r="E4550" t="s">
        <v>26</v>
      </c>
      <c r="F4550" t="s">
        <v>10</v>
      </c>
      <c r="G4550" t="s">
        <v>19</v>
      </c>
      <c r="H4550" t="s">
        <v>1224</v>
      </c>
      <c r="I4550">
        <v>5.84</v>
      </c>
      <c r="J4550">
        <v>1</v>
      </c>
      <c r="K4550">
        <v>1.97</v>
      </c>
    </row>
    <row r="4551" spans="1:11" x14ac:dyDescent="0.3">
      <c r="A4551" s="1">
        <v>42479</v>
      </c>
      <c r="B4551" s="3">
        <f t="shared" si="142"/>
        <v>4</v>
      </c>
      <c r="C4551" s="3">
        <f t="shared" si="143"/>
        <v>2016</v>
      </c>
      <c r="D4551" t="s">
        <v>421</v>
      </c>
      <c r="E4551" t="s">
        <v>26</v>
      </c>
      <c r="F4551" t="s">
        <v>10</v>
      </c>
      <c r="G4551" t="s">
        <v>11</v>
      </c>
      <c r="H4551" t="s">
        <v>1923</v>
      </c>
      <c r="I4551">
        <v>22.72</v>
      </c>
      <c r="J4551">
        <v>4</v>
      </c>
      <c r="K4551">
        <v>10.220000000000001</v>
      </c>
    </row>
    <row r="4552" spans="1:11" x14ac:dyDescent="0.3">
      <c r="A4552" s="1">
        <v>42479</v>
      </c>
      <c r="B4552" s="3">
        <f t="shared" si="142"/>
        <v>4</v>
      </c>
      <c r="C4552" s="3">
        <f t="shared" si="143"/>
        <v>2016</v>
      </c>
      <c r="D4552" t="s">
        <v>421</v>
      </c>
      <c r="E4552" t="s">
        <v>26</v>
      </c>
      <c r="F4552" t="s">
        <v>10</v>
      </c>
      <c r="G4552" t="s">
        <v>19</v>
      </c>
      <c r="H4552" t="s">
        <v>1791</v>
      </c>
      <c r="I4552">
        <v>9.34</v>
      </c>
      <c r="J4552">
        <v>3</v>
      </c>
      <c r="K4552">
        <v>3.27</v>
      </c>
    </row>
    <row r="4553" spans="1:11" x14ac:dyDescent="0.3">
      <c r="A4553" s="1">
        <v>42479</v>
      </c>
      <c r="B4553" s="3">
        <f t="shared" si="142"/>
        <v>4</v>
      </c>
      <c r="C4553" s="3">
        <f t="shared" si="143"/>
        <v>2016</v>
      </c>
      <c r="D4553" t="s">
        <v>404</v>
      </c>
      <c r="E4553" t="s">
        <v>148</v>
      </c>
      <c r="F4553" t="s">
        <v>38</v>
      </c>
      <c r="G4553" t="s">
        <v>39</v>
      </c>
      <c r="H4553" t="s">
        <v>2344</v>
      </c>
      <c r="I4553">
        <v>25.98</v>
      </c>
      <c r="J4553">
        <v>2</v>
      </c>
      <c r="K4553">
        <v>0.78</v>
      </c>
    </row>
    <row r="4554" spans="1:11" x14ac:dyDescent="0.3">
      <c r="A4554" s="1">
        <v>42479</v>
      </c>
      <c r="B4554" s="3">
        <f t="shared" si="142"/>
        <v>4</v>
      </c>
      <c r="C4554" s="3">
        <f t="shared" si="143"/>
        <v>2016</v>
      </c>
      <c r="D4554" t="s">
        <v>404</v>
      </c>
      <c r="E4554" t="s">
        <v>148</v>
      </c>
      <c r="F4554" t="s">
        <v>10</v>
      </c>
      <c r="G4554" t="s">
        <v>23</v>
      </c>
      <c r="H4554" t="s">
        <v>889</v>
      </c>
      <c r="I4554">
        <v>3.28</v>
      </c>
      <c r="J4554">
        <v>2</v>
      </c>
      <c r="K4554">
        <v>1.48</v>
      </c>
    </row>
    <row r="4555" spans="1:11" x14ac:dyDescent="0.3">
      <c r="A4555" s="1">
        <v>42479</v>
      </c>
      <c r="B4555" s="3">
        <f t="shared" si="142"/>
        <v>4</v>
      </c>
      <c r="C4555" s="3">
        <f t="shared" si="143"/>
        <v>2016</v>
      </c>
      <c r="D4555" t="s">
        <v>404</v>
      </c>
      <c r="E4555" t="s">
        <v>148</v>
      </c>
      <c r="F4555" t="s">
        <v>10</v>
      </c>
      <c r="G4555" t="s">
        <v>17</v>
      </c>
      <c r="H4555" t="s">
        <v>152</v>
      </c>
      <c r="I4555">
        <v>459.88</v>
      </c>
      <c r="J4555">
        <v>4</v>
      </c>
      <c r="K4555">
        <v>13.8</v>
      </c>
    </row>
    <row r="4556" spans="1:11" x14ac:dyDescent="0.3">
      <c r="A4556" s="1">
        <v>42479</v>
      </c>
      <c r="B4556" s="3">
        <f t="shared" si="142"/>
        <v>4</v>
      </c>
      <c r="C4556" s="3">
        <f t="shared" si="143"/>
        <v>2016</v>
      </c>
      <c r="D4556" t="s">
        <v>404</v>
      </c>
      <c r="E4556" t="s">
        <v>148</v>
      </c>
      <c r="F4556" t="s">
        <v>10</v>
      </c>
      <c r="G4556" t="s">
        <v>199</v>
      </c>
      <c r="H4556" t="s">
        <v>869</v>
      </c>
      <c r="I4556">
        <v>7.76</v>
      </c>
      <c r="J4556">
        <v>2</v>
      </c>
      <c r="K4556">
        <v>2.25</v>
      </c>
    </row>
    <row r="4557" spans="1:11" x14ac:dyDescent="0.3">
      <c r="A4557" s="1">
        <v>42479</v>
      </c>
      <c r="B4557" s="3">
        <f t="shared" si="142"/>
        <v>4</v>
      </c>
      <c r="C4557" s="3">
        <f t="shared" si="143"/>
        <v>2016</v>
      </c>
      <c r="D4557" t="s">
        <v>404</v>
      </c>
      <c r="E4557" t="s">
        <v>148</v>
      </c>
      <c r="F4557" t="s">
        <v>10</v>
      </c>
      <c r="G4557" t="s">
        <v>23</v>
      </c>
      <c r="H4557" t="s">
        <v>2054</v>
      </c>
      <c r="I4557">
        <v>71.959999999999994</v>
      </c>
      <c r="J4557">
        <v>2</v>
      </c>
      <c r="K4557">
        <v>17.989999999999998</v>
      </c>
    </row>
    <row r="4558" spans="1:11" x14ac:dyDescent="0.3">
      <c r="A4558" s="1">
        <v>42479</v>
      </c>
      <c r="B4558" s="3">
        <f t="shared" si="142"/>
        <v>4</v>
      </c>
      <c r="C4558" s="3">
        <f t="shared" si="143"/>
        <v>2016</v>
      </c>
      <c r="D4558" t="s">
        <v>404</v>
      </c>
      <c r="E4558" t="s">
        <v>148</v>
      </c>
      <c r="F4558" t="s">
        <v>10</v>
      </c>
      <c r="G4558" t="s">
        <v>199</v>
      </c>
      <c r="H4558" t="s">
        <v>2214</v>
      </c>
      <c r="I4558">
        <v>54.9</v>
      </c>
      <c r="J4558">
        <v>5</v>
      </c>
      <c r="K4558">
        <v>15.37</v>
      </c>
    </row>
    <row r="4559" spans="1:11" x14ac:dyDescent="0.3">
      <c r="A4559" s="1">
        <v>42479</v>
      </c>
      <c r="B4559" s="3">
        <f t="shared" si="142"/>
        <v>4</v>
      </c>
      <c r="C4559" s="3">
        <f t="shared" si="143"/>
        <v>2016</v>
      </c>
      <c r="D4559" t="s">
        <v>404</v>
      </c>
      <c r="E4559" t="s">
        <v>148</v>
      </c>
      <c r="F4559" t="s">
        <v>10</v>
      </c>
      <c r="G4559" t="s">
        <v>19</v>
      </c>
      <c r="H4559" t="s">
        <v>885</v>
      </c>
      <c r="I4559">
        <v>9.2799999999999994</v>
      </c>
      <c r="J4559">
        <v>2</v>
      </c>
      <c r="K4559">
        <v>3.25</v>
      </c>
    </row>
    <row r="4560" spans="1:11" x14ac:dyDescent="0.3">
      <c r="A4560" s="1">
        <v>42481</v>
      </c>
      <c r="B4560" s="3">
        <f t="shared" si="142"/>
        <v>4</v>
      </c>
      <c r="C4560" s="3">
        <f t="shared" si="143"/>
        <v>2016</v>
      </c>
      <c r="D4560" t="s">
        <v>1462</v>
      </c>
      <c r="E4560" t="s">
        <v>14</v>
      </c>
      <c r="F4560" t="s">
        <v>10</v>
      </c>
      <c r="G4560" t="s">
        <v>17</v>
      </c>
      <c r="H4560" t="s">
        <v>908</v>
      </c>
      <c r="I4560">
        <v>102.34</v>
      </c>
      <c r="J4560">
        <v>4</v>
      </c>
      <c r="K4560">
        <v>-12.79</v>
      </c>
    </row>
    <row r="4561" spans="1:11" x14ac:dyDescent="0.3">
      <c r="A4561" s="1">
        <v>42481</v>
      </c>
      <c r="B4561" s="3">
        <f t="shared" si="142"/>
        <v>4</v>
      </c>
      <c r="C4561" s="3">
        <f t="shared" si="143"/>
        <v>2016</v>
      </c>
      <c r="D4561" t="s">
        <v>1462</v>
      </c>
      <c r="E4561" t="s">
        <v>14</v>
      </c>
      <c r="F4561" t="s">
        <v>10</v>
      </c>
      <c r="G4561" t="s">
        <v>91</v>
      </c>
      <c r="H4561" t="s">
        <v>2006</v>
      </c>
      <c r="I4561">
        <v>48.79</v>
      </c>
      <c r="J4561">
        <v>3</v>
      </c>
      <c r="K4561">
        <v>-126.86</v>
      </c>
    </row>
    <row r="4562" spans="1:11" x14ac:dyDescent="0.3">
      <c r="A4562" s="1">
        <v>42481</v>
      </c>
      <c r="B4562" s="3">
        <f t="shared" si="142"/>
        <v>4</v>
      </c>
      <c r="C4562" s="3">
        <f t="shared" si="143"/>
        <v>2016</v>
      </c>
      <c r="D4562" t="s">
        <v>1462</v>
      </c>
      <c r="E4562" t="s">
        <v>14</v>
      </c>
      <c r="F4562" t="s">
        <v>10</v>
      </c>
      <c r="G4562" t="s">
        <v>19</v>
      </c>
      <c r="H4562" t="s">
        <v>1111</v>
      </c>
      <c r="I4562">
        <v>44.85</v>
      </c>
      <c r="J4562">
        <v>8</v>
      </c>
      <c r="K4562">
        <v>-67.27</v>
      </c>
    </row>
    <row r="4563" spans="1:11" x14ac:dyDescent="0.3">
      <c r="A4563" s="1">
        <v>42481</v>
      </c>
      <c r="B4563" s="3">
        <f t="shared" si="142"/>
        <v>4</v>
      </c>
      <c r="C4563" s="3">
        <f t="shared" si="143"/>
        <v>2016</v>
      </c>
      <c r="D4563" t="s">
        <v>1338</v>
      </c>
      <c r="E4563" t="s">
        <v>163</v>
      </c>
      <c r="F4563" t="s">
        <v>10</v>
      </c>
      <c r="G4563" t="s">
        <v>19</v>
      </c>
      <c r="H4563" t="s">
        <v>2266</v>
      </c>
      <c r="I4563">
        <v>8.32</v>
      </c>
      <c r="J4563">
        <v>5</v>
      </c>
      <c r="K4563">
        <v>2.81</v>
      </c>
    </row>
    <row r="4564" spans="1:11" x14ac:dyDescent="0.3">
      <c r="A4564" s="1">
        <v>42481</v>
      </c>
      <c r="B4564" s="3">
        <f t="shared" si="142"/>
        <v>4</v>
      </c>
      <c r="C4564" s="3">
        <f t="shared" si="143"/>
        <v>2016</v>
      </c>
      <c r="D4564" t="s">
        <v>1718</v>
      </c>
      <c r="E4564" t="s">
        <v>612</v>
      </c>
      <c r="F4564" t="s">
        <v>10</v>
      </c>
      <c r="G4564" t="s">
        <v>23</v>
      </c>
      <c r="H4564" t="s">
        <v>2143</v>
      </c>
      <c r="I4564">
        <v>15.48</v>
      </c>
      <c r="J4564">
        <v>3</v>
      </c>
      <c r="K4564">
        <v>4.49</v>
      </c>
    </row>
    <row r="4565" spans="1:11" x14ac:dyDescent="0.3">
      <c r="A4565" s="1">
        <v>42481</v>
      </c>
      <c r="B4565" s="3">
        <f t="shared" si="142"/>
        <v>4</v>
      </c>
      <c r="C4565" s="3">
        <f t="shared" si="143"/>
        <v>2016</v>
      </c>
      <c r="D4565" t="s">
        <v>1718</v>
      </c>
      <c r="E4565" t="s">
        <v>612</v>
      </c>
      <c r="F4565" t="s">
        <v>10</v>
      </c>
      <c r="G4565" t="s">
        <v>11</v>
      </c>
      <c r="H4565" t="s">
        <v>454</v>
      </c>
      <c r="I4565">
        <v>51.84</v>
      </c>
      <c r="J4565">
        <v>8</v>
      </c>
      <c r="K4565">
        <v>24.88</v>
      </c>
    </row>
    <row r="4566" spans="1:11" x14ac:dyDescent="0.3">
      <c r="A4566" s="1">
        <v>42482</v>
      </c>
      <c r="B4566" s="3">
        <f t="shared" si="142"/>
        <v>4</v>
      </c>
      <c r="C4566" s="3">
        <f t="shared" si="143"/>
        <v>2016</v>
      </c>
      <c r="D4566" t="s">
        <v>1442</v>
      </c>
      <c r="E4566" t="s">
        <v>94</v>
      </c>
      <c r="F4566" t="s">
        <v>33</v>
      </c>
      <c r="G4566" t="s">
        <v>46</v>
      </c>
      <c r="H4566" t="s">
        <v>280</v>
      </c>
      <c r="I4566">
        <v>23.56</v>
      </c>
      <c r="J4566">
        <v>5</v>
      </c>
      <c r="K4566">
        <v>7.07</v>
      </c>
    </row>
    <row r="4567" spans="1:11" x14ac:dyDescent="0.3">
      <c r="A4567" s="1">
        <v>42482</v>
      </c>
      <c r="B4567" s="3">
        <f t="shared" si="142"/>
        <v>4</v>
      </c>
      <c r="C4567" s="3">
        <f t="shared" si="143"/>
        <v>2016</v>
      </c>
      <c r="D4567" t="s">
        <v>1442</v>
      </c>
      <c r="E4567" t="s">
        <v>94</v>
      </c>
      <c r="F4567" t="s">
        <v>33</v>
      </c>
      <c r="G4567" t="s">
        <v>144</v>
      </c>
      <c r="H4567" t="s">
        <v>403</v>
      </c>
      <c r="I4567">
        <v>1272.6300000000001</v>
      </c>
      <c r="J4567">
        <v>6</v>
      </c>
      <c r="K4567">
        <v>-814.48</v>
      </c>
    </row>
    <row r="4568" spans="1:11" x14ac:dyDescent="0.3">
      <c r="A4568" s="1">
        <v>42482</v>
      </c>
      <c r="B4568" s="3">
        <f t="shared" si="142"/>
        <v>4</v>
      </c>
      <c r="C4568" s="3">
        <f t="shared" si="143"/>
        <v>2016</v>
      </c>
      <c r="D4568" t="s">
        <v>1442</v>
      </c>
      <c r="E4568" t="s">
        <v>94</v>
      </c>
      <c r="F4568" t="s">
        <v>10</v>
      </c>
      <c r="G4568" t="s">
        <v>19</v>
      </c>
      <c r="H4568" t="s">
        <v>1769</v>
      </c>
      <c r="I4568">
        <v>28.49</v>
      </c>
      <c r="J4568">
        <v>5</v>
      </c>
      <c r="K4568">
        <v>-20.89</v>
      </c>
    </row>
    <row r="4569" spans="1:11" x14ac:dyDescent="0.3">
      <c r="A4569" s="1">
        <v>42482</v>
      </c>
      <c r="B4569" s="3">
        <f t="shared" si="142"/>
        <v>4</v>
      </c>
      <c r="C4569" s="3">
        <f t="shared" si="143"/>
        <v>2016</v>
      </c>
      <c r="D4569" t="s">
        <v>1442</v>
      </c>
      <c r="E4569" t="s">
        <v>94</v>
      </c>
      <c r="F4569" t="s">
        <v>10</v>
      </c>
      <c r="G4569" t="s">
        <v>199</v>
      </c>
      <c r="H4569" t="s">
        <v>2496</v>
      </c>
      <c r="I4569">
        <v>185.38</v>
      </c>
      <c r="J4569">
        <v>2</v>
      </c>
      <c r="K4569">
        <v>-34.76</v>
      </c>
    </row>
    <row r="4570" spans="1:11" x14ac:dyDescent="0.3">
      <c r="A4570" s="1">
        <v>42482</v>
      </c>
      <c r="B4570" s="3">
        <f t="shared" si="142"/>
        <v>4</v>
      </c>
      <c r="C4570" s="3">
        <f t="shared" si="143"/>
        <v>2016</v>
      </c>
      <c r="D4570" t="s">
        <v>1442</v>
      </c>
      <c r="E4570" t="s">
        <v>94</v>
      </c>
      <c r="F4570" t="s">
        <v>10</v>
      </c>
      <c r="G4570" t="s">
        <v>91</v>
      </c>
      <c r="H4570" t="s">
        <v>285</v>
      </c>
      <c r="I4570">
        <v>78.27</v>
      </c>
      <c r="J4570">
        <v>2</v>
      </c>
      <c r="K4570">
        <v>5.87</v>
      </c>
    </row>
    <row r="4571" spans="1:11" x14ac:dyDescent="0.3">
      <c r="A4571" s="1">
        <v>42482</v>
      </c>
      <c r="B4571" s="3">
        <f t="shared" si="142"/>
        <v>4</v>
      </c>
      <c r="C4571" s="3">
        <f t="shared" si="143"/>
        <v>2016</v>
      </c>
      <c r="D4571" t="s">
        <v>2497</v>
      </c>
      <c r="E4571" t="s">
        <v>185</v>
      </c>
      <c r="F4571" t="s">
        <v>33</v>
      </c>
      <c r="G4571" t="s">
        <v>46</v>
      </c>
      <c r="H4571" t="s">
        <v>1774</v>
      </c>
      <c r="I4571">
        <v>86.62</v>
      </c>
      <c r="J4571">
        <v>2</v>
      </c>
      <c r="K4571">
        <v>8.66</v>
      </c>
    </row>
    <row r="4572" spans="1:11" x14ac:dyDescent="0.3">
      <c r="A4572" s="1">
        <v>42482</v>
      </c>
      <c r="B4572" s="3">
        <f t="shared" si="142"/>
        <v>4</v>
      </c>
      <c r="C4572" s="3">
        <f t="shared" si="143"/>
        <v>2016</v>
      </c>
      <c r="D4572" t="s">
        <v>2384</v>
      </c>
      <c r="E4572" t="s">
        <v>14</v>
      </c>
      <c r="F4572" t="s">
        <v>10</v>
      </c>
      <c r="G4572" t="s">
        <v>17</v>
      </c>
      <c r="H4572" t="s">
        <v>1244</v>
      </c>
      <c r="I4572">
        <v>23.95</v>
      </c>
      <c r="J4572">
        <v>2</v>
      </c>
      <c r="K4572">
        <v>2.4</v>
      </c>
    </row>
    <row r="4573" spans="1:11" x14ac:dyDescent="0.3">
      <c r="A4573" s="1">
        <v>42482</v>
      </c>
      <c r="B4573" s="3">
        <f t="shared" si="142"/>
        <v>4</v>
      </c>
      <c r="C4573" s="3">
        <f t="shared" si="143"/>
        <v>2016</v>
      </c>
      <c r="D4573" t="s">
        <v>650</v>
      </c>
      <c r="E4573" t="s">
        <v>26</v>
      </c>
      <c r="F4573" t="s">
        <v>33</v>
      </c>
      <c r="G4573" t="s">
        <v>46</v>
      </c>
      <c r="H4573" t="s">
        <v>123</v>
      </c>
      <c r="I4573">
        <v>31.56</v>
      </c>
      <c r="J4573">
        <v>3</v>
      </c>
      <c r="K4573">
        <v>10.41</v>
      </c>
    </row>
    <row r="4574" spans="1:11" x14ac:dyDescent="0.3">
      <c r="A4574" s="1">
        <v>42482</v>
      </c>
      <c r="B4574" s="3">
        <f t="shared" si="142"/>
        <v>4</v>
      </c>
      <c r="C4574" s="3">
        <f t="shared" si="143"/>
        <v>2016</v>
      </c>
      <c r="D4574" t="s">
        <v>76</v>
      </c>
      <c r="E4574" t="s">
        <v>148</v>
      </c>
      <c r="F4574" t="s">
        <v>10</v>
      </c>
      <c r="G4574" t="s">
        <v>23</v>
      </c>
      <c r="H4574" t="s">
        <v>2027</v>
      </c>
      <c r="I4574">
        <v>32.130000000000003</v>
      </c>
      <c r="J4574">
        <v>9</v>
      </c>
      <c r="K4574">
        <v>8.35</v>
      </c>
    </row>
    <row r="4575" spans="1:11" x14ac:dyDescent="0.3">
      <c r="A4575" s="1">
        <v>42482</v>
      </c>
      <c r="B4575" s="3">
        <f t="shared" si="142"/>
        <v>4</v>
      </c>
      <c r="C4575" s="3">
        <f t="shared" si="143"/>
        <v>2016</v>
      </c>
      <c r="D4575" t="s">
        <v>76</v>
      </c>
      <c r="E4575" t="s">
        <v>148</v>
      </c>
      <c r="F4575" t="s">
        <v>10</v>
      </c>
      <c r="G4575" t="s">
        <v>23</v>
      </c>
      <c r="H4575" t="s">
        <v>999</v>
      </c>
      <c r="I4575">
        <v>2.88</v>
      </c>
      <c r="J4575">
        <v>1</v>
      </c>
      <c r="K4575">
        <v>0.81</v>
      </c>
    </row>
    <row r="4576" spans="1:11" x14ac:dyDescent="0.3">
      <c r="A4576" s="1">
        <v>42483</v>
      </c>
      <c r="B4576" s="3">
        <f t="shared" si="142"/>
        <v>4</v>
      </c>
      <c r="C4576" s="3">
        <f t="shared" si="143"/>
        <v>2016</v>
      </c>
      <c r="D4576" t="s">
        <v>874</v>
      </c>
      <c r="E4576" t="s">
        <v>26</v>
      </c>
      <c r="F4576" t="s">
        <v>10</v>
      </c>
      <c r="G4576" t="s">
        <v>19</v>
      </c>
      <c r="H4576" t="s">
        <v>164</v>
      </c>
      <c r="I4576">
        <v>251.52</v>
      </c>
      <c r="J4576">
        <v>6</v>
      </c>
      <c r="K4576">
        <v>81.739999999999995</v>
      </c>
    </row>
    <row r="4577" spans="1:11" x14ac:dyDescent="0.3">
      <c r="A4577" s="1">
        <v>42483</v>
      </c>
      <c r="B4577" s="3">
        <f t="shared" si="142"/>
        <v>4</v>
      </c>
      <c r="C4577" s="3">
        <f t="shared" si="143"/>
        <v>2016</v>
      </c>
      <c r="D4577" t="s">
        <v>874</v>
      </c>
      <c r="E4577" t="s">
        <v>26</v>
      </c>
      <c r="F4577" t="s">
        <v>38</v>
      </c>
      <c r="G4577" t="s">
        <v>51</v>
      </c>
      <c r="H4577" t="s">
        <v>501</v>
      </c>
      <c r="I4577">
        <v>99.99</v>
      </c>
      <c r="J4577">
        <v>1</v>
      </c>
      <c r="K4577">
        <v>35</v>
      </c>
    </row>
    <row r="4578" spans="1:11" x14ac:dyDescent="0.3">
      <c r="A4578" s="1">
        <v>42483</v>
      </c>
      <c r="B4578" s="3">
        <f t="shared" si="142"/>
        <v>4</v>
      </c>
      <c r="C4578" s="3">
        <f t="shared" si="143"/>
        <v>2016</v>
      </c>
      <c r="D4578" t="s">
        <v>812</v>
      </c>
      <c r="E4578" t="s">
        <v>244</v>
      </c>
      <c r="F4578" t="s">
        <v>10</v>
      </c>
      <c r="G4578" t="s">
        <v>11</v>
      </c>
      <c r="H4578" t="s">
        <v>2498</v>
      </c>
      <c r="I4578">
        <v>36.24</v>
      </c>
      <c r="J4578">
        <v>5</v>
      </c>
      <c r="K4578">
        <v>11.33</v>
      </c>
    </row>
    <row r="4579" spans="1:11" x14ac:dyDescent="0.3">
      <c r="A4579" s="1">
        <v>42483</v>
      </c>
      <c r="B4579" s="3">
        <f t="shared" si="142"/>
        <v>4</v>
      </c>
      <c r="C4579" s="3">
        <f t="shared" si="143"/>
        <v>2016</v>
      </c>
      <c r="D4579" t="s">
        <v>2106</v>
      </c>
      <c r="E4579" t="s">
        <v>77</v>
      </c>
      <c r="F4579" t="s">
        <v>10</v>
      </c>
      <c r="G4579" t="s">
        <v>11</v>
      </c>
      <c r="H4579" t="s">
        <v>2499</v>
      </c>
      <c r="I4579">
        <v>108.34</v>
      </c>
      <c r="J4579">
        <v>6</v>
      </c>
      <c r="K4579">
        <v>37.92</v>
      </c>
    </row>
    <row r="4580" spans="1:11" x14ac:dyDescent="0.3">
      <c r="A4580" s="1">
        <v>42483</v>
      </c>
      <c r="B4580" s="3">
        <f t="shared" si="142"/>
        <v>4</v>
      </c>
      <c r="C4580" s="3">
        <f t="shared" si="143"/>
        <v>2016</v>
      </c>
      <c r="D4580" t="s">
        <v>2106</v>
      </c>
      <c r="E4580" t="s">
        <v>77</v>
      </c>
      <c r="F4580" t="s">
        <v>10</v>
      </c>
      <c r="G4580" t="s">
        <v>17</v>
      </c>
      <c r="H4580" t="s">
        <v>110</v>
      </c>
      <c r="I4580">
        <v>55.92</v>
      </c>
      <c r="J4580">
        <v>5</v>
      </c>
      <c r="K4580">
        <v>6.29</v>
      </c>
    </row>
    <row r="4581" spans="1:11" x14ac:dyDescent="0.3">
      <c r="A4581" s="1">
        <v>42483</v>
      </c>
      <c r="B4581" s="3">
        <f t="shared" si="142"/>
        <v>4</v>
      </c>
      <c r="C4581" s="3">
        <f t="shared" si="143"/>
        <v>2016</v>
      </c>
      <c r="D4581" t="s">
        <v>2106</v>
      </c>
      <c r="E4581" t="s">
        <v>77</v>
      </c>
      <c r="F4581" t="s">
        <v>10</v>
      </c>
      <c r="G4581" t="s">
        <v>11</v>
      </c>
      <c r="H4581" t="s">
        <v>1293</v>
      </c>
      <c r="I4581">
        <v>78.3</v>
      </c>
      <c r="J4581">
        <v>2</v>
      </c>
      <c r="K4581">
        <v>29.36</v>
      </c>
    </row>
    <row r="4582" spans="1:11" x14ac:dyDescent="0.3">
      <c r="A4582" s="1">
        <v>42483</v>
      </c>
      <c r="B4582" s="3">
        <f t="shared" si="142"/>
        <v>4</v>
      </c>
      <c r="C4582" s="3">
        <f t="shared" si="143"/>
        <v>2016</v>
      </c>
      <c r="D4582" t="s">
        <v>2382</v>
      </c>
      <c r="E4582" t="s">
        <v>26</v>
      </c>
      <c r="F4582" t="s">
        <v>10</v>
      </c>
      <c r="G4582" t="s">
        <v>19</v>
      </c>
      <c r="H4582" t="s">
        <v>521</v>
      </c>
      <c r="I4582">
        <v>18.09</v>
      </c>
      <c r="J4582">
        <v>7</v>
      </c>
      <c r="K4582">
        <v>6.56</v>
      </c>
    </row>
    <row r="4583" spans="1:11" x14ac:dyDescent="0.3">
      <c r="A4583" s="1">
        <v>42483</v>
      </c>
      <c r="B4583" s="3">
        <f t="shared" si="142"/>
        <v>4</v>
      </c>
      <c r="C4583" s="3">
        <f t="shared" si="143"/>
        <v>2016</v>
      </c>
      <c r="D4583" t="s">
        <v>2382</v>
      </c>
      <c r="E4583" t="s">
        <v>26</v>
      </c>
      <c r="F4583" t="s">
        <v>10</v>
      </c>
      <c r="G4583" t="s">
        <v>62</v>
      </c>
      <c r="H4583" t="s">
        <v>1963</v>
      </c>
      <c r="I4583">
        <v>71.97</v>
      </c>
      <c r="J4583">
        <v>3</v>
      </c>
      <c r="K4583">
        <v>35.99</v>
      </c>
    </row>
    <row r="4584" spans="1:11" x14ac:dyDescent="0.3">
      <c r="A4584" s="1">
        <v>42484</v>
      </c>
      <c r="B4584" s="3">
        <f t="shared" si="142"/>
        <v>4</v>
      </c>
      <c r="C4584" s="3">
        <f t="shared" si="143"/>
        <v>2016</v>
      </c>
      <c r="D4584" t="s">
        <v>2221</v>
      </c>
      <c r="E4584" t="s">
        <v>9</v>
      </c>
      <c r="F4584" t="s">
        <v>38</v>
      </c>
      <c r="G4584" t="s">
        <v>51</v>
      </c>
      <c r="H4584" t="s">
        <v>65</v>
      </c>
      <c r="I4584">
        <v>258.7</v>
      </c>
      <c r="J4584">
        <v>3</v>
      </c>
      <c r="K4584">
        <v>64.67</v>
      </c>
    </row>
    <row r="4585" spans="1:11" x14ac:dyDescent="0.3">
      <c r="A4585" s="1">
        <v>42484</v>
      </c>
      <c r="B4585" s="3">
        <f t="shared" si="142"/>
        <v>4</v>
      </c>
      <c r="C4585" s="3">
        <f t="shared" si="143"/>
        <v>2016</v>
      </c>
      <c r="D4585" t="s">
        <v>964</v>
      </c>
      <c r="E4585" t="s">
        <v>26</v>
      </c>
      <c r="F4585" t="s">
        <v>10</v>
      </c>
      <c r="G4585" t="s">
        <v>19</v>
      </c>
      <c r="H4585" t="s">
        <v>896</v>
      </c>
      <c r="I4585">
        <v>3.98</v>
      </c>
      <c r="J4585">
        <v>1</v>
      </c>
      <c r="K4585">
        <v>1.39</v>
      </c>
    </row>
    <row r="4586" spans="1:11" x14ac:dyDescent="0.3">
      <c r="A4586" s="1">
        <v>42484</v>
      </c>
      <c r="B4586" s="3">
        <f t="shared" si="142"/>
        <v>4</v>
      </c>
      <c r="C4586" s="3">
        <f t="shared" si="143"/>
        <v>2016</v>
      </c>
      <c r="D4586" t="s">
        <v>2500</v>
      </c>
      <c r="E4586" t="s">
        <v>277</v>
      </c>
      <c r="F4586" t="s">
        <v>10</v>
      </c>
      <c r="G4586" t="s">
        <v>11</v>
      </c>
      <c r="H4586" t="s">
        <v>492</v>
      </c>
      <c r="I4586">
        <v>15.55</v>
      </c>
      <c r="J4586">
        <v>3</v>
      </c>
      <c r="K4586">
        <v>5.44</v>
      </c>
    </row>
    <row r="4587" spans="1:11" x14ac:dyDescent="0.3">
      <c r="A4587" s="1">
        <v>42484</v>
      </c>
      <c r="B4587" s="3">
        <f t="shared" si="142"/>
        <v>4</v>
      </c>
      <c r="C4587" s="3">
        <f t="shared" si="143"/>
        <v>2016</v>
      </c>
      <c r="D4587" t="s">
        <v>2500</v>
      </c>
      <c r="E4587" t="s">
        <v>277</v>
      </c>
      <c r="F4587" t="s">
        <v>33</v>
      </c>
      <c r="G4587" t="s">
        <v>34</v>
      </c>
      <c r="H4587" t="s">
        <v>1236</v>
      </c>
      <c r="I4587">
        <v>1325.76</v>
      </c>
      <c r="J4587">
        <v>6</v>
      </c>
      <c r="K4587">
        <v>149.15</v>
      </c>
    </row>
    <row r="4588" spans="1:11" x14ac:dyDescent="0.3">
      <c r="A4588" s="1">
        <v>42484</v>
      </c>
      <c r="B4588" s="3">
        <f t="shared" si="142"/>
        <v>4</v>
      </c>
      <c r="C4588" s="3">
        <f t="shared" si="143"/>
        <v>2016</v>
      </c>
      <c r="D4588" t="s">
        <v>2500</v>
      </c>
      <c r="E4588" t="s">
        <v>277</v>
      </c>
      <c r="F4588" t="s">
        <v>10</v>
      </c>
      <c r="G4588" t="s">
        <v>19</v>
      </c>
      <c r="H4588" t="s">
        <v>1279</v>
      </c>
      <c r="I4588">
        <v>3.11</v>
      </c>
      <c r="J4588">
        <v>2</v>
      </c>
      <c r="K4588">
        <v>-2.1800000000000002</v>
      </c>
    </row>
    <row r="4589" spans="1:11" x14ac:dyDescent="0.3">
      <c r="A4589" s="1">
        <v>42485</v>
      </c>
      <c r="B4589" s="3">
        <f t="shared" si="142"/>
        <v>4</v>
      </c>
      <c r="C4589" s="3">
        <f t="shared" si="143"/>
        <v>2016</v>
      </c>
      <c r="D4589" t="s">
        <v>1003</v>
      </c>
      <c r="E4589" t="s">
        <v>22</v>
      </c>
      <c r="F4589" t="s">
        <v>38</v>
      </c>
      <c r="G4589" t="s">
        <v>39</v>
      </c>
      <c r="H4589" t="s">
        <v>86</v>
      </c>
      <c r="I4589">
        <v>82.8</v>
      </c>
      <c r="J4589">
        <v>2</v>
      </c>
      <c r="K4589">
        <v>-20.7</v>
      </c>
    </row>
    <row r="4590" spans="1:11" x14ac:dyDescent="0.3">
      <c r="A4590" s="1">
        <v>42485</v>
      </c>
      <c r="B4590" s="3">
        <f t="shared" si="142"/>
        <v>4</v>
      </c>
      <c r="C4590" s="3">
        <f t="shared" si="143"/>
        <v>2016</v>
      </c>
      <c r="D4590" t="s">
        <v>1003</v>
      </c>
      <c r="E4590" t="s">
        <v>22</v>
      </c>
      <c r="F4590" t="s">
        <v>10</v>
      </c>
      <c r="G4590" t="s">
        <v>19</v>
      </c>
      <c r="H4590" t="s">
        <v>2398</v>
      </c>
      <c r="I4590">
        <v>20.72</v>
      </c>
      <c r="J4590">
        <v>2</v>
      </c>
      <c r="K4590">
        <v>-13.82</v>
      </c>
    </row>
    <row r="4591" spans="1:11" x14ac:dyDescent="0.3">
      <c r="A4591" s="1">
        <v>42485</v>
      </c>
      <c r="B4591" s="3">
        <f t="shared" si="142"/>
        <v>4</v>
      </c>
      <c r="C4591" s="3">
        <f t="shared" si="143"/>
        <v>2016</v>
      </c>
      <c r="D4591" t="s">
        <v>1003</v>
      </c>
      <c r="E4591" t="s">
        <v>22</v>
      </c>
      <c r="F4591" t="s">
        <v>10</v>
      </c>
      <c r="G4591" t="s">
        <v>19</v>
      </c>
      <c r="H4591" t="s">
        <v>979</v>
      </c>
      <c r="I4591">
        <v>4.9000000000000004</v>
      </c>
      <c r="J4591">
        <v>3</v>
      </c>
      <c r="K4591">
        <v>-3.43</v>
      </c>
    </row>
    <row r="4592" spans="1:11" x14ac:dyDescent="0.3">
      <c r="A4592" s="1">
        <v>42486</v>
      </c>
      <c r="B4592" s="3">
        <f t="shared" si="142"/>
        <v>4</v>
      </c>
      <c r="C4592" s="3">
        <f t="shared" si="143"/>
        <v>2016</v>
      </c>
      <c r="D4592" t="s">
        <v>1662</v>
      </c>
      <c r="E4592" t="s">
        <v>148</v>
      </c>
      <c r="F4592" t="s">
        <v>33</v>
      </c>
      <c r="G4592" t="s">
        <v>34</v>
      </c>
      <c r="H4592" t="s">
        <v>1363</v>
      </c>
      <c r="I4592">
        <v>434.65</v>
      </c>
      <c r="J4592">
        <v>3</v>
      </c>
      <c r="K4592">
        <v>62.78</v>
      </c>
    </row>
    <row r="4593" spans="1:11" x14ac:dyDescent="0.3">
      <c r="A4593" s="1">
        <v>42488</v>
      </c>
      <c r="B4593" s="3">
        <f t="shared" si="142"/>
        <v>4</v>
      </c>
      <c r="C4593" s="3">
        <f t="shared" si="143"/>
        <v>2016</v>
      </c>
      <c r="D4593" t="s">
        <v>1747</v>
      </c>
      <c r="E4593" t="s">
        <v>9</v>
      </c>
      <c r="F4593" t="s">
        <v>38</v>
      </c>
      <c r="G4593" t="s">
        <v>39</v>
      </c>
      <c r="H4593" t="s">
        <v>1346</v>
      </c>
      <c r="I4593">
        <v>369.58</v>
      </c>
      <c r="J4593">
        <v>3</v>
      </c>
      <c r="K4593">
        <v>41.58</v>
      </c>
    </row>
    <row r="4594" spans="1:11" x14ac:dyDescent="0.3">
      <c r="A4594" s="1">
        <v>42488</v>
      </c>
      <c r="B4594" s="3">
        <f t="shared" si="142"/>
        <v>4</v>
      </c>
      <c r="C4594" s="3">
        <f t="shared" si="143"/>
        <v>2016</v>
      </c>
      <c r="D4594" t="s">
        <v>1747</v>
      </c>
      <c r="E4594" t="s">
        <v>9</v>
      </c>
      <c r="F4594" t="s">
        <v>10</v>
      </c>
      <c r="G4594" t="s">
        <v>15</v>
      </c>
      <c r="H4594" t="s">
        <v>2501</v>
      </c>
      <c r="I4594">
        <v>15.71</v>
      </c>
      <c r="J4594">
        <v>4</v>
      </c>
      <c r="K4594">
        <v>5.7</v>
      </c>
    </row>
    <row r="4595" spans="1:11" x14ac:dyDescent="0.3">
      <c r="A4595" s="1">
        <v>42488</v>
      </c>
      <c r="B4595" s="3">
        <f t="shared" si="142"/>
        <v>4</v>
      </c>
      <c r="C4595" s="3">
        <f t="shared" si="143"/>
        <v>2016</v>
      </c>
      <c r="D4595" t="s">
        <v>664</v>
      </c>
      <c r="E4595" t="s">
        <v>277</v>
      </c>
      <c r="F4595" t="s">
        <v>10</v>
      </c>
      <c r="G4595" t="s">
        <v>11</v>
      </c>
      <c r="H4595" t="s">
        <v>935</v>
      </c>
      <c r="I4595">
        <v>29.47</v>
      </c>
      <c r="J4595">
        <v>3</v>
      </c>
      <c r="K4595">
        <v>9.9499999999999993</v>
      </c>
    </row>
    <row r="4596" spans="1:11" x14ac:dyDescent="0.3">
      <c r="A4596" s="1">
        <v>42488</v>
      </c>
      <c r="B4596" s="3">
        <f t="shared" si="142"/>
        <v>4</v>
      </c>
      <c r="C4596" s="3">
        <f t="shared" si="143"/>
        <v>2016</v>
      </c>
      <c r="D4596" t="s">
        <v>2422</v>
      </c>
      <c r="E4596" t="s">
        <v>26</v>
      </c>
      <c r="F4596" t="s">
        <v>33</v>
      </c>
      <c r="G4596" t="s">
        <v>34</v>
      </c>
      <c r="H4596" t="s">
        <v>415</v>
      </c>
      <c r="I4596">
        <v>41.57</v>
      </c>
      <c r="J4596">
        <v>2</v>
      </c>
      <c r="K4596">
        <v>2.6</v>
      </c>
    </row>
    <row r="4597" spans="1:11" x14ac:dyDescent="0.3">
      <c r="A4597" s="1">
        <v>42488</v>
      </c>
      <c r="B4597" s="3">
        <f t="shared" si="142"/>
        <v>4</v>
      </c>
      <c r="C4597" s="3">
        <f t="shared" si="143"/>
        <v>2016</v>
      </c>
      <c r="D4597" t="s">
        <v>2502</v>
      </c>
      <c r="E4597" t="s">
        <v>14</v>
      </c>
      <c r="F4597" t="s">
        <v>33</v>
      </c>
      <c r="G4597" t="s">
        <v>46</v>
      </c>
      <c r="H4597" t="s">
        <v>1084</v>
      </c>
      <c r="I4597">
        <v>30.34</v>
      </c>
      <c r="J4597">
        <v>2</v>
      </c>
      <c r="K4597">
        <v>-31.86</v>
      </c>
    </row>
    <row r="4598" spans="1:11" x14ac:dyDescent="0.3">
      <c r="A4598" s="1">
        <v>42490</v>
      </c>
      <c r="B4598" s="3">
        <f t="shared" si="142"/>
        <v>4</v>
      </c>
      <c r="C4598" s="3">
        <f t="shared" si="143"/>
        <v>2016</v>
      </c>
      <c r="D4598" t="s">
        <v>536</v>
      </c>
      <c r="E4598" t="s">
        <v>148</v>
      </c>
      <c r="F4598" t="s">
        <v>10</v>
      </c>
      <c r="G4598" t="s">
        <v>19</v>
      </c>
      <c r="H4598" t="s">
        <v>940</v>
      </c>
      <c r="I4598">
        <v>7.71</v>
      </c>
      <c r="J4598">
        <v>2</v>
      </c>
      <c r="K4598">
        <v>2.8</v>
      </c>
    </row>
    <row r="4599" spans="1:11" x14ac:dyDescent="0.3">
      <c r="A4599" s="1">
        <v>42490</v>
      </c>
      <c r="B4599" s="3">
        <f t="shared" si="142"/>
        <v>4</v>
      </c>
      <c r="C4599" s="3">
        <f t="shared" si="143"/>
        <v>2016</v>
      </c>
      <c r="D4599" t="s">
        <v>529</v>
      </c>
      <c r="E4599" t="s">
        <v>9</v>
      </c>
      <c r="F4599" t="s">
        <v>33</v>
      </c>
      <c r="G4599" t="s">
        <v>46</v>
      </c>
      <c r="H4599" t="s">
        <v>2014</v>
      </c>
      <c r="I4599">
        <v>22.61</v>
      </c>
      <c r="J4599">
        <v>3</v>
      </c>
      <c r="K4599">
        <v>-10.17</v>
      </c>
    </row>
    <row r="4600" spans="1:11" x14ac:dyDescent="0.3">
      <c r="A4600" s="1">
        <v>42490</v>
      </c>
      <c r="B4600" s="3">
        <f t="shared" si="142"/>
        <v>4</v>
      </c>
      <c r="C4600" s="3">
        <f t="shared" si="143"/>
        <v>2016</v>
      </c>
      <c r="D4600" t="s">
        <v>2241</v>
      </c>
      <c r="E4600" t="s">
        <v>94</v>
      </c>
      <c r="F4600" t="s">
        <v>33</v>
      </c>
      <c r="G4600" t="s">
        <v>46</v>
      </c>
      <c r="H4600" t="s">
        <v>1734</v>
      </c>
      <c r="I4600">
        <v>111.89</v>
      </c>
      <c r="J4600">
        <v>7</v>
      </c>
      <c r="K4600">
        <v>22.38</v>
      </c>
    </row>
    <row r="4601" spans="1:11" x14ac:dyDescent="0.3">
      <c r="A4601" s="1">
        <v>42491</v>
      </c>
      <c r="B4601" s="3">
        <f t="shared" si="142"/>
        <v>5</v>
      </c>
      <c r="C4601" s="3">
        <f t="shared" si="143"/>
        <v>2016</v>
      </c>
      <c r="D4601" t="s">
        <v>721</v>
      </c>
      <c r="E4601" t="s">
        <v>119</v>
      </c>
      <c r="F4601" t="s">
        <v>10</v>
      </c>
      <c r="G4601" t="s">
        <v>15</v>
      </c>
      <c r="H4601" t="s">
        <v>1335</v>
      </c>
      <c r="I4601">
        <v>3.98</v>
      </c>
      <c r="J4601">
        <v>1</v>
      </c>
      <c r="K4601">
        <v>1.29</v>
      </c>
    </row>
    <row r="4602" spans="1:11" x14ac:dyDescent="0.3">
      <c r="A4602" s="1">
        <v>42491</v>
      </c>
      <c r="B4602" s="3">
        <f t="shared" si="142"/>
        <v>5</v>
      </c>
      <c r="C4602" s="3">
        <f t="shared" si="143"/>
        <v>2016</v>
      </c>
      <c r="D4602" t="s">
        <v>721</v>
      </c>
      <c r="E4602" t="s">
        <v>119</v>
      </c>
      <c r="F4602" t="s">
        <v>33</v>
      </c>
      <c r="G4602" t="s">
        <v>144</v>
      </c>
      <c r="H4602" t="s">
        <v>809</v>
      </c>
      <c r="I4602">
        <v>370.62</v>
      </c>
      <c r="J4602">
        <v>3</v>
      </c>
      <c r="K4602">
        <v>-142.07</v>
      </c>
    </row>
    <row r="4603" spans="1:11" x14ac:dyDescent="0.3">
      <c r="A4603" s="1">
        <v>42491</v>
      </c>
      <c r="B4603" s="3">
        <f t="shared" si="142"/>
        <v>5</v>
      </c>
      <c r="C4603" s="3">
        <f t="shared" si="143"/>
        <v>2016</v>
      </c>
      <c r="D4603" t="s">
        <v>721</v>
      </c>
      <c r="E4603" t="s">
        <v>119</v>
      </c>
      <c r="F4603" t="s">
        <v>10</v>
      </c>
      <c r="G4603" t="s">
        <v>19</v>
      </c>
      <c r="H4603" t="s">
        <v>936</v>
      </c>
      <c r="I4603">
        <v>2.74</v>
      </c>
      <c r="J4603">
        <v>2</v>
      </c>
      <c r="K4603">
        <v>-2.0099999999999998</v>
      </c>
    </row>
    <row r="4604" spans="1:11" x14ac:dyDescent="0.3">
      <c r="A4604" s="1">
        <v>42491</v>
      </c>
      <c r="B4604" s="3">
        <f t="shared" si="142"/>
        <v>5</v>
      </c>
      <c r="C4604" s="3">
        <f t="shared" si="143"/>
        <v>2016</v>
      </c>
      <c r="D4604" t="s">
        <v>2503</v>
      </c>
      <c r="E4604" t="s">
        <v>100</v>
      </c>
      <c r="F4604" t="s">
        <v>10</v>
      </c>
      <c r="G4604" t="s">
        <v>11</v>
      </c>
      <c r="H4604" t="s">
        <v>2300</v>
      </c>
      <c r="I4604">
        <v>109.92</v>
      </c>
      <c r="J4604">
        <v>2</v>
      </c>
      <c r="K4604">
        <v>53.86</v>
      </c>
    </row>
    <row r="4605" spans="1:11" x14ac:dyDescent="0.3">
      <c r="A4605" s="1">
        <v>42491</v>
      </c>
      <c r="B4605" s="3">
        <f t="shared" si="142"/>
        <v>5</v>
      </c>
      <c r="C4605" s="3">
        <f t="shared" si="143"/>
        <v>2016</v>
      </c>
      <c r="D4605" t="s">
        <v>2503</v>
      </c>
      <c r="E4605" t="s">
        <v>100</v>
      </c>
      <c r="F4605" t="s">
        <v>10</v>
      </c>
      <c r="G4605" t="s">
        <v>11</v>
      </c>
      <c r="H4605" t="s">
        <v>1148</v>
      </c>
      <c r="I4605">
        <v>19.440000000000001</v>
      </c>
      <c r="J4605">
        <v>3</v>
      </c>
      <c r="K4605">
        <v>9.33</v>
      </c>
    </row>
    <row r="4606" spans="1:11" x14ac:dyDescent="0.3">
      <c r="A4606" s="1">
        <v>42491</v>
      </c>
      <c r="B4606" s="3">
        <f t="shared" si="142"/>
        <v>5</v>
      </c>
      <c r="C4606" s="3">
        <f t="shared" si="143"/>
        <v>2016</v>
      </c>
      <c r="D4606" t="s">
        <v>2503</v>
      </c>
      <c r="E4606" t="s">
        <v>100</v>
      </c>
      <c r="F4606" t="s">
        <v>10</v>
      </c>
      <c r="G4606" t="s">
        <v>23</v>
      </c>
      <c r="H4606" t="s">
        <v>644</v>
      </c>
      <c r="I4606">
        <v>11.16</v>
      </c>
      <c r="J4606">
        <v>2</v>
      </c>
      <c r="K4606">
        <v>4.3499999999999996</v>
      </c>
    </row>
    <row r="4607" spans="1:11" x14ac:dyDescent="0.3">
      <c r="A4607" s="1">
        <v>42492</v>
      </c>
      <c r="B4607" s="3">
        <f t="shared" si="142"/>
        <v>5</v>
      </c>
      <c r="C4607" s="3">
        <f t="shared" si="143"/>
        <v>2016</v>
      </c>
      <c r="D4607" t="s">
        <v>2455</v>
      </c>
      <c r="E4607" t="s">
        <v>9</v>
      </c>
      <c r="F4607" t="s">
        <v>10</v>
      </c>
      <c r="G4607" t="s">
        <v>23</v>
      </c>
      <c r="H4607" t="s">
        <v>2054</v>
      </c>
      <c r="I4607">
        <v>86.35</v>
      </c>
      <c r="J4607">
        <v>3</v>
      </c>
      <c r="K4607">
        <v>5.4</v>
      </c>
    </row>
    <row r="4608" spans="1:11" x14ac:dyDescent="0.3">
      <c r="A4608" s="1">
        <v>42492</v>
      </c>
      <c r="B4608" s="3">
        <f t="shared" si="142"/>
        <v>5</v>
      </c>
      <c r="C4608" s="3">
        <f t="shared" si="143"/>
        <v>2016</v>
      </c>
      <c r="D4608" t="s">
        <v>671</v>
      </c>
      <c r="E4608" t="s">
        <v>148</v>
      </c>
      <c r="F4608" t="s">
        <v>10</v>
      </c>
      <c r="G4608" t="s">
        <v>17</v>
      </c>
      <c r="H4608" t="s">
        <v>2504</v>
      </c>
      <c r="I4608">
        <v>44.94</v>
      </c>
      <c r="J4608">
        <v>3</v>
      </c>
      <c r="K4608">
        <v>12.58</v>
      </c>
    </row>
    <row r="4609" spans="1:11" x14ac:dyDescent="0.3">
      <c r="A4609" s="1">
        <v>42492</v>
      </c>
      <c r="B4609" s="3">
        <f t="shared" si="142"/>
        <v>5</v>
      </c>
      <c r="C4609" s="3">
        <f t="shared" si="143"/>
        <v>2016</v>
      </c>
      <c r="D4609" t="s">
        <v>671</v>
      </c>
      <c r="E4609" t="s">
        <v>148</v>
      </c>
      <c r="F4609" t="s">
        <v>10</v>
      </c>
      <c r="G4609" t="s">
        <v>19</v>
      </c>
      <c r="H4609" t="s">
        <v>1769</v>
      </c>
      <c r="I4609">
        <v>45.58</v>
      </c>
      <c r="J4609">
        <v>3</v>
      </c>
      <c r="K4609">
        <v>15.95</v>
      </c>
    </row>
    <row r="4610" spans="1:11" x14ac:dyDescent="0.3">
      <c r="A4610" s="1">
        <v>42492</v>
      </c>
      <c r="B4610" s="3">
        <f t="shared" ref="B4610:B4673" si="144">MONTH(A:A)</f>
        <v>5</v>
      </c>
      <c r="C4610" s="3">
        <f t="shared" ref="C4610:C4673" si="145">YEAR(A:A)</f>
        <v>2016</v>
      </c>
      <c r="D4610" t="s">
        <v>883</v>
      </c>
      <c r="E4610" t="s">
        <v>244</v>
      </c>
      <c r="F4610" t="s">
        <v>33</v>
      </c>
      <c r="G4610" t="s">
        <v>34</v>
      </c>
      <c r="H4610" t="s">
        <v>415</v>
      </c>
      <c r="I4610">
        <v>187.06</v>
      </c>
      <c r="J4610">
        <v>9</v>
      </c>
      <c r="K4610">
        <v>11.69</v>
      </c>
    </row>
    <row r="4611" spans="1:11" x14ac:dyDescent="0.3">
      <c r="A4611" s="1">
        <v>42492</v>
      </c>
      <c r="B4611" s="3">
        <f t="shared" si="144"/>
        <v>5</v>
      </c>
      <c r="C4611" s="3">
        <f t="shared" si="145"/>
        <v>2016</v>
      </c>
      <c r="D4611" t="s">
        <v>1360</v>
      </c>
      <c r="E4611" t="s">
        <v>9</v>
      </c>
      <c r="F4611" t="s">
        <v>10</v>
      </c>
      <c r="G4611" t="s">
        <v>17</v>
      </c>
      <c r="H4611" t="s">
        <v>210</v>
      </c>
      <c r="I4611">
        <v>18.940000000000001</v>
      </c>
      <c r="J4611">
        <v>3</v>
      </c>
      <c r="K4611">
        <v>-3.79</v>
      </c>
    </row>
    <row r="4612" spans="1:11" x14ac:dyDescent="0.3">
      <c r="A4612" s="1">
        <v>42492</v>
      </c>
      <c r="B4612" s="3">
        <f t="shared" si="144"/>
        <v>5</v>
      </c>
      <c r="C4612" s="3">
        <f t="shared" si="145"/>
        <v>2016</v>
      </c>
      <c r="D4612" t="s">
        <v>1360</v>
      </c>
      <c r="E4612" t="s">
        <v>9</v>
      </c>
      <c r="F4612" t="s">
        <v>10</v>
      </c>
      <c r="G4612" t="s">
        <v>17</v>
      </c>
      <c r="H4612" t="s">
        <v>407</v>
      </c>
      <c r="I4612">
        <v>12.67</v>
      </c>
      <c r="J4612">
        <v>3</v>
      </c>
      <c r="K4612">
        <v>-3.17</v>
      </c>
    </row>
    <row r="4613" spans="1:11" x14ac:dyDescent="0.3">
      <c r="A4613" s="1">
        <v>42492</v>
      </c>
      <c r="B4613" s="3">
        <f t="shared" si="144"/>
        <v>5</v>
      </c>
      <c r="C4613" s="3">
        <f t="shared" si="145"/>
        <v>2016</v>
      </c>
      <c r="D4613" t="s">
        <v>1360</v>
      </c>
      <c r="E4613" t="s">
        <v>9</v>
      </c>
      <c r="F4613" t="s">
        <v>10</v>
      </c>
      <c r="G4613" t="s">
        <v>15</v>
      </c>
      <c r="H4613" t="s">
        <v>2505</v>
      </c>
      <c r="I4613">
        <v>5.04</v>
      </c>
      <c r="J4613">
        <v>2</v>
      </c>
      <c r="K4613">
        <v>1.76</v>
      </c>
    </row>
    <row r="4614" spans="1:11" x14ac:dyDescent="0.3">
      <c r="A4614" s="1">
        <v>42492</v>
      </c>
      <c r="B4614" s="3">
        <f t="shared" si="144"/>
        <v>5</v>
      </c>
      <c r="C4614" s="3">
        <f t="shared" si="145"/>
        <v>2016</v>
      </c>
      <c r="D4614" t="s">
        <v>788</v>
      </c>
      <c r="E4614" t="s">
        <v>9</v>
      </c>
      <c r="F4614" t="s">
        <v>33</v>
      </c>
      <c r="G4614" t="s">
        <v>34</v>
      </c>
      <c r="H4614" t="s">
        <v>1434</v>
      </c>
      <c r="I4614">
        <v>366.74</v>
      </c>
      <c r="J4614">
        <v>4</v>
      </c>
      <c r="K4614">
        <v>-110.02</v>
      </c>
    </row>
    <row r="4615" spans="1:11" x14ac:dyDescent="0.3">
      <c r="A4615" s="1">
        <v>42492</v>
      </c>
      <c r="B4615" s="3">
        <f t="shared" si="144"/>
        <v>5</v>
      </c>
      <c r="C4615" s="3">
        <f t="shared" si="145"/>
        <v>2016</v>
      </c>
      <c r="D4615" t="s">
        <v>524</v>
      </c>
      <c r="E4615" t="s">
        <v>148</v>
      </c>
      <c r="F4615" t="s">
        <v>33</v>
      </c>
      <c r="G4615" t="s">
        <v>46</v>
      </c>
      <c r="H4615" t="s">
        <v>2120</v>
      </c>
      <c r="I4615">
        <v>12.56</v>
      </c>
      <c r="J4615">
        <v>2</v>
      </c>
      <c r="K4615">
        <v>4.0199999999999996</v>
      </c>
    </row>
    <row r="4616" spans="1:11" x14ac:dyDescent="0.3">
      <c r="A4616" s="1">
        <v>42492</v>
      </c>
      <c r="B4616" s="3">
        <f t="shared" si="144"/>
        <v>5</v>
      </c>
      <c r="C4616" s="3">
        <f t="shared" si="145"/>
        <v>2016</v>
      </c>
      <c r="D4616" t="s">
        <v>524</v>
      </c>
      <c r="E4616" t="s">
        <v>148</v>
      </c>
      <c r="F4616" t="s">
        <v>10</v>
      </c>
      <c r="G4616" t="s">
        <v>19</v>
      </c>
      <c r="H4616" t="s">
        <v>910</v>
      </c>
      <c r="I4616">
        <v>90.48</v>
      </c>
      <c r="J4616">
        <v>3</v>
      </c>
      <c r="K4616">
        <v>33.93</v>
      </c>
    </row>
    <row r="4617" spans="1:11" x14ac:dyDescent="0.3">
      <c r="A4617" s="1">
        <v>42492</v>
      </c>
      <c r="B4617" s="3">
        <f t="shared" si="144"/>
        <v>5</v>
      </c>
      <c r="C4617" s="3">
        <f t="shared" si="145"/>
        <v>2016</v>
      </c>
      <c r="D4617" t="s">
        <v>524</v>
      </c>
      <c r="E4617" t="s">
        <v>148</v>
      </c>
      <c r="F4617" t="s">
        <v>10</v>
      </c>
      <c r="G4617" t="s">
        <v>11</v>
      </c>
      <c r="H4617" t="s">
        <v>1402</v>
      </c>
      <c r="I4617">
        <v>13.08</v>
      </c>
      <c r="J4617">
        <v>2</v>
      </c>
      <c r="K4617">
        <v>6.02</v>
      </c>
    </row>
    <row r="4618" spans="1:11" x14ac:dyDescent="0.3">
      <c r="A4618" s="1">
        <v>42492</v>
      </c>
      <c r="B4618" s="3">
        <f t="shared" si="144"/>
        <v>5</v>
      </c>
      <c r="C4618" s="3">
        <f t="shared" si="145"/>
        <v>2016</v>
      </c>
      <c r="D4618" t="s">
        <v>524</v>
      </c>
      <c r="E4618" t="s">
        <v>148</v>
      </c>
      <c r="F4618" t="s">
        <v>33</v>
      </c>
      <c r="G4618" t="s">
        <v>46</v>
      </c>
      <c r="H4618" t="s">
        <v>1544</v>
      </c>
      <c r="I4618">
        <v>214.7</v>
      </c>
      <c r="J4618">
        <v>5</v>
      </c>
      <c r="K4618">
        <v>83.73</v>
      </c>
    </row>
    <row r="4619" spans="1:11" x14ac:dyDescent="0.3">
      <c r="A4619" s="1">
        <v>42493</v>
      </c>
      <c r="B4619" s="3">
        <f t="shared" si="144"/>
        <v>5</v>
      </c>
      <c r="C4619" s="3">
        <f t="shared" si="145"/>
        <v>2016</v>
      </c>
      <c r="D4619" t="s">
        <v>2317</v>
      </c>
      <c r="E4619" t="s">
        <v>14</v>
      </c>
      <c r="F4619" t="s">
        <v>10</v>
      </c>
      <c r="G4619" t="s">
        <v>19</v>
      </c>
      <c r="H4619" t="s">
        <v>2240</v>
      </c>
      <c r="I4619">
        <v>2.1800000000000002</v>
      </c>
      <c r="J4619">
        <v>1</v>
      </c>
      <c r="K4619">
        <v>-3.6</v>
      </c>
    </row>
    <row r="4620" spans="1:11" x14ac:dyDescent="0.3">
      <c r="A4620" s="1">
        <v>42493</v>
      </c>
      <c r="B4620" s="3">
        <f t="shared" si="144"/>
        <v>5</v>
      </c>
      <c r="C4620" s="3">
        <f t="shared" si="145"/>
        <v>2016</v>
      </c>
      <c r="D4620" t="s">
        <v>2317</v>
      </c>
      <c r="E4620" t="s">
        <v>14</v>
      </c>
      <c r="F4620" t="s">
        <v>10</v>
      </c>
      <c r="G4620" t="s">
        <v>23</v>
      </c>
      <c r="H4620" t="s">
        <v>1971</v>
      </c>
      <c r="I4620">
        <v>27.38</v>
      </c>
      <c r="J4620">
        <v>7</v>
      </c>
      <c r="K4620">
        <v>2.74</v>
      </c>
    </row>
    <row r="4621" spans="1:11" x14ac:dyDescent="0.3">
      <c r="A4621" s="1">
        <v>42493</v>
      </c>
      <c r="B4621" s="3">
        <f t="shared" si="144"/>
        <v>5</v>
      </c>
      <c r="C4621" s="3">
        <f t="shared" si="145"/>
        <v>2016</v>
      </c>
      <c r="D4621" t="s">
        <v>2317</v>
      </c>
      <c r="E4621" t="s">
        <v>14</v>
      </c>
      <c r="F4621" t="s">
        <v>10</v>
      </c>
      <c r="G4621" t="s">
        <v>91</v>
      </c>
      <c r="H4621" t="s">
        <v>1117</v>
      </c>
      <c r="I4621">
        <v>26.41</v>
      </c>
      <c r="J4621">
        <v>3</v>
      </c>
      <c r="K4621">
        <v>-71.3</v>
      </c>
    </row>
    <row r="4622" spans="1:11" x14ac:dyDescent="0.3">
      <c r="A4622" s="1">
        <v>42493</v>
      </c>
      <c r="B4622" s="3">
        <f t="shared" si="144"/>
        <v>5</v>
      </c>
      <c r="C4622" s="3">
        <f t="shared" si="145"/>
        <v>2016</v>
      </c>
      <c r="D4622" t="s">
        <v>2506</v>
      </c>
      <c r="E4622" t="s">
        <v>77</v>
      </c>
      <c r="F4622" t="s">
        <v>38</v>
      </c>
      <c r="G4622" t="s">
        <v>51</v>
      </c>
      <c r="H4622" t="s">
        <v>1614</v>
      </c>
      <c r="I4622">
        <v>132.52000000000001</v>
      </c>
      <c r="J4622">
        <v>5</v>
      </c>
      <c r="K4622">
        <v>34.79</v>
      </c>
    </row>
    <row r="4623" spans="1:11" x14ac:dyDescent="0.3">
      <c r="A4623" s="1">
        <v>42493</v>
      </c>
      <c r="B4623" s="3">
        <f t="shared" si="144"/>
        <v>5</v>
      </c>
      <c r="C4623" s="3">
        <f t="shared" si="145"/>
        <v>2016</v>
      </c>
      <c r="D4623" t="s">
        <v>2506</v>
      </c>
      <c r="E4623" t="s">
        <v>77</v>
      </c>
      <c r="F4623" t="s">
        <v>10</v>
      </c>
      <c r="G4623" t="s">
        <v>17</v>
      </c>
      <c r="H4623" t="s">
        <v>1869</v>
      </c>
      <c r="I4623">
        <v>195.64</v>
      </c>
      <c r="J4623">
        <v>5</v>
      </c>
      <c r="K4623">
        <v>-44.02</v>
      </c>
    </row>
    <row r="4624" spans="1:11" x14ac:dyDescent="0.3">
      <c r="A4624" s="1">
        <v>42493</v>
      </c>
      <c r="B4624" s="3">
        <f t="shared" si="144"/>
        <v>5</v>
      </c>
      <c r="C4624" s="3">
        <f t="shared" si="145"/>
        <v>2016</v>
      </c>
      <c r="D4624" t="s">
        <v>2506</v>
      </c>
      <c r="E4624" t="s">
        <v>77</v>
      </c>
      <c r="F4624" t="s">
        <v>33</v>
      </c>
      <c r="G4624" t="s">
        <v>46</v>
      </c>
      <c r="H4624" t="s">
        <v>1361</v>
      </c>
      <c r="I4624">
        <v>51.97</v>
      </c>
      <c r="J4624">
        <v>2</v>
      </c>
      <c r="K4624">
        <v>10.39</v>
      </c>
    </row>
    <row r="4625" spans="1:11" x14ac:dyDescent="0.3">
      <c r="A4625" s="1">
        <v>42493</v>
      </c>
      <c r="B4625" s="3">
        <f t="shared" si="144"/>
        <v>5</v>
      </c>
      <c r="C4625" s="3">
        <f t="shared" si="145"/>
        <v>2016</v>
      </c>
      <c r="D4625" t="s">
        <v>2506</v>
      </c>
      <c r="E4625" t="s">
        <v>77</v>
      </c>
      <c r="F4625" t="s">
        <v>38</v>
      </c>
      <c r="G4625" t="s">
        <v>51</v>
      </c>
      <c r="H4625" t="s">
        <v>2330</v>
      </c>
      <c r="I4625">
        <v>431.98</v>
      </c>
      <c r="J4625">
        <v>3</v>
      </c>
      <c r="K4625">
        <v>-75.599999999999994</v>
      </c>
    </row>
    <row r="4626" spans="1:11" x14ac:dyDescent="0.3">
      <c r="A4626" s="1">
        <v>42493</v>
      </c>
      <c r="B4626" s="3">
        <f t="shared" si="144"/>
        <v>5</v>
      </c>
      <c r="C4626" s="3">
        <f t="shared" si="145"/>
        <v>2016</v>
      </c>
      <c r="D4626" t="s">
        <v>2506</v>
      </c>
      <c r="E4626" t="s">
        <v>77</v>
      </c>
      <c r="F4626" t="s">
        <v>38</v>
      </c>
      <c r="G4626" t="s">
        <v>301</v>
      </c>
      <c r="H4626" t="s">
        <v>2507</v>
      </c>
      <c r="I4626">
        <v>224.94</v>
      </c>
      <c r="J4626">
        <v>3</v>
      </c>
      <c r="K4626">
        <v>-164.95</v>
      </c>
    </row>
    <row r="4627" spans="1:11" x14ac:dyDescent="0.3">
      <c r="A4627" s="1">
        <v>42493</v>
      </c>
      <c r="B4627" s="3">
        <f t="shared" si="144"/>
        <v>5</v>
      </c>
      <c r="C4627" s="3">
        <f t="shared" si="145"/>
        <v>2016</v>
      </c>
      <c r="D4627" t="s">
        <v>2506</v>
      </c>
      <c r="E4627" t="s">
        <v>77</v>
      </c>
      <c r="F4627" t="s">
        <v>10</v>
      </c>
      <c r="G4627" t="s">
        <v>15</v>
      </c>
      <c r="H4627" t="s">
        <v>2508</v>
      </c>
      <c r="I4627">
        <v>6</v>
      </c>
      <c r="J4627">
        <v>2</v>
      </c>
      <c r="K4627">
        <v>2.1</v>
      </c>
    </row>
    <row r="4628" spans="1:11" x14ac:dyDescent="0.3">
      <c r="A4628" s="1">
        <v>42495</v>
      </c>
      <c r="B4628" s="3">
        <f t="shared" si="144"/>
        <v>5</v>
      </c>
      <c r="C4628" s="3">
        <f t="shared" si="145"/>
        <v>2016</v>
      </c>
      <c r="D4628" t="s">
        <v>68</v>
      </c>
      <c r="E4628" t="s">
        <v>32</v>
      </c>
      <c r="F4628" t="s">
        <v>10</v>
      </c>
      <c r="G4628" t="s">
        <v>11</v>
      </c>
      <c r="H4628" t="s">
        <v>334</v>
      </c>
      <c r="I4628">
        <v>79.14</v>
      </c>
      <c r="J4628">
        <v>3</v>
      </c>
      <c r="K4628">
        <v>36.4</v>
      </c>
    </row>
    <row r="4629" spans="1:11" x14ac:dyDescent="0.3">
      <c r="A4629" s="1">
        <v>42495</v>
      </c>
      <c r="B4629" s="3">
        <f t="shared" si="144"/>
        <v>5</v>
      </c>
      <c r="C4629" s="3">
        <f t="shared" si="145"/>
        <v>2016</v>
      </c>
      <c r="D4629" t="s">
        <v>733</v>
      </c>
      <c r="E4629" t="s">
        <v>119</v>
      </c>
      <c r="F4629" t="s">
        <v>10</v>
      </c>
      <c r="G4629" t="s">
        <v>11</v>
      </c>
      <c r="H4629" t="s">
        <v>986</v>
      </c>
      <c r="I4629">
        <v>14.35</v>
      </c>
      <c r="J4629">
        <v>3</v>
      </c>
      <c r="K4629">
        <v>5.2</v>
      </c>
    </row>
    <row r="4630" spans="1:11" x14ac:dyDescent="0.3">
      <c r="A4630" s="1">
        <v>42495</v>
      </c>
      <c r="B4630" s="3">
        <f t="shared" si="144"/>
        <v>5</v>
      </c>
      <c r="C4630" s="3">
        <f t="shared" si="145"/>
        <v>2016</v>
      </c>
      <c r="D4630" t="s">
        <v>1377</v>
      </c>
      <c r="E4630" t="s">
        <v>26</v>
      </c>
      <c r="F4630" t="s">
        <v>10</v>
      </c>
      <c r="G4630" t="s">
        <v>17</v>
      </c>
      <c r="H4630" t="s">
        <v>926</v>
      </c>
      <c r="I4630">
        <v>5.98</v>
      </c>
      <c r="J4630">
        <v>1</v>
      </c>
      <c r="K4630">
        <v>1.02</v>
      </c>
    </row>
    <row r="4631" spans="1:11" x14ac:dyDescent="0.3">
      <c r="A4631" s="1">
        <v>42495</v>
      </c>
      <c r="B4631" s="3">
        <f t="shared" si="144"/>
        <v>5</v>
      </c>
      <c r="C4631" s="3">
        <f t="shared" si="145"/>
        <v>2016</v>
      </c>
      <c r="D4631" t="s">
        <v>1377</v>
      </c>
      <c r="E4631" t="s">
        <v>26</v>
      </c>
      <c r="F4631" t="s">
        <v>38</v>
      </c>
      <c r="G4631" t="s">
        <v>39</v>
      </c>
      <c r="H4631" t="s">
        <v>2402</v>
      </c>
      <c r="I4631">
        <v>246.17</v>
      </c>
      <c r="J4631">
        <v>3</v>
      </c>
      <c r="K4631">
        <v>21.54</v>
      </c>
    </row>
    <row r="4632" spans="1:11" x14ac:dyDescent="0.3">
      <c r="A4632" s="1">
        <v>42495</v>
      </c>
      <c r="B4632" s="3">
        <f t="shared" si="144"/>
        <v>5</v>
      </c>
      <c r="C4632" s="3">
        <f t="shared" si="145"/>
        <v>2016</v>
      </c>
      <c r="D4632" t="s">
        <v>1302</v>
      </c>
      <c r="E4632" t="s">
        <v>26</v>
      </c>
      <c r="F4632" t="s">
        <v>10</v>
      </c>
      <c r="G4632" t="s">
        <v>19</v>
      </c>
      <c r="H4632" t="s">
        <v>1485</v>
      </c>
      <c r="I4632">
        <v>6.72</v>
      </c>
      <c r="J4632">
        <v>5</v>
      </c>
      <c r="K4632">
        <v>2.35</v>
      </c>
    </row>
    <row r="4633" spans="1:11" x14ac:dyDescent="0.3">
      <c r="A4633" s="1">
        <v>42495</v>
      </c>
      <c r="B4633" s="3">
        <f t="shared" si="144"/>
        <v>5</v>
      </c>
      <c r="C4633" s="3">
        <f t="shared" si="145"/>
        <v>2016</v>
      </c>
      <c r="D4633" t="s">
        <v>1302</v>
      </c>
      <c r="E4633" t="s">
        <v>26</v>
      </c>
      <c r="F4633" t="s">
        <v>33</v>
      </c>
      <c r="G4633" t="s">
        <v>144</v>
      </c>
      <c r="H4633" t="s">
        <v>500</v>
      </c>
      <c r="I4633">
        <v>298.77999999999997</v>
      </c>
      <c r="J4633">
        <v>3</v>
      </c>
      <c r="K4633">
        <v>7.47</v>
      </c>
    </row>
    <row r="4634" spans="1:11" x14ac:dyDescent="0.3">
      <c r="A4634" s="1">
        <v>42495</v>
      </c>
      <c r="B4634" s="3">
        <f t="shared" si="144"/>
        <v>5</v>
      </c>
      <c r="C4634" s="3">
        <f t="shared" si="145"/>
        <v>2016</v>
      </c>
      <c r="D4634" t="s">
        <v>1182</v>
      </c>
      <c r="E4634" t="s">
        <v>119</v>
      </c>
      <c r="F4634" t="s">
        <v>33</v>
      </c>
      <c r="G4634" t="s">
        <v>46</v>
      </c>
      <c r="H4634" t="s">
        <v>1778</v>
      </c>
      <c r="I4634">
        <v>16.72</v>
      </c>
      <c r="J4634">
        <v>5</v>
      </c>
      <c r="K4634">
        <v>3.34</v>
      </c>
    </row>
    <row r="4635" spans="1:11" x14ac:dyDescent="0.3">
      <c r="A4635" s="1">
        <v>42495</v>
      </c>
      <c r="B4635" s="3">
        <f t="shared" si="144"/>
        <v>5</v>
      </c>
      <c r="C4635" s="3">
        <f t="shared" si="145"/>
        <v>2016</v>
      </c>
      <c r="D4635" t="s">
        <v>1884</v>
      </c>
      <c r="E4635" t="s">
        <v>26</v>
      </c>
      <c r="F4635" t="s">
        <v>33</v>
      </c>
      <c r="G4635" t="s">
        <v>144</v>
      </c>
      <c r="H4635" t="s">
        <v>1829</v>
      </c>
      <c r="I4635">
        <v>71.09</v>
      </c>
      <c r="J4635">
        <v>2</v>
      </c>
      <c r="K4635">
        <v>-1.78</v>
      </c>
    </row>
    <row r="4636" spans="1:11" x14ac:dyDescent="0.3">
      <c r="A4636" s="1">
        <v>42495</v>
      </c>
      <c r="B4636" s="3">
        <f t="shared" si="144"/>
        <v>5</v>
      </c>
      <c r="C4636" s="3">
        <f t="shared" si="145"/>
        <v>2016</v>
      </c>
      <c r="D4636" t="s">
        <v>2509</v>
      </c>
      <c r="E4636" t="s">
        <v>125</v>
      </c>
      <c r="F4636" t="s">
        <v>33</v>
      </c>
      <c r="G4636" t="s">
        <v>144</v>
      </c>
      <c r="H4636" t="s">
        <v>2510</v>
      </c>
      <c r="I4636">
        <v>1685.88</v>
      </c>
      <c r="J4636">
        <v>6</v>
      </c>
      <c r="K4636">
        <v>320.32</v>
      </c>
    </row>
    <row r="4637" spans="1:11" x14ac:dyDescent="0.3">
      <c r="A4637" s="1">
        <v>42495</v>
      </c>
      <c r="B4637" s="3">
        <f t="shared" si="144"/>
        <v>5</v>
      </c>
      <c r="C4637" s="3">
        <f t="shared" si="145"/>
        <v>2016</v>
      </c>
      <c r="D4637" t="s">
        <v>2509</v>
      </c>
      <c r="E4637" t="s">
        <v>125</v>
      </c>
      <c r="F4637" t="s">
        <v>10</v>
      </c>
      <c r="G4637" t="s">
        <v>19</v>
      </c>
      <c r="H4637" t="s">
        <v>1301</v>
      </c>
      <c r="I4637">
        <v>5.73</v>
      </c>
      <c r="J4637">
        <v>2</v>
      </c>
      <c r="K4637">
        <v>2</v>
      </c>
    </row>
    <row r="4638" spans="1:11" x14ac:dyDescent="0.3">
      <c r="A4638" s="1">
        <v>42495</v>
      </c>
      <c r="B4638" s="3">
        <f t="shared" si="144"/>
        <v>5</v>
      </c>
      <c r="C4638" s="3">
        <f t="shared" si="145"/>
        <v>2016</v>
      </c>
      <c r="D4638" t="s">
        <v>300</v>
      </c>
      <c r="E4638" t="s">
        <v>122</v>
      </c>
      <c r="F4638" t="s">
        <v>10</v>
      </c>
      <c r="G4638" t="s">
        <v>11</v>
      </c>
      <c r="H4638" t="s">
        <v>2511</v>
      </c>
      <c r="I4638">
        <v>93.25</v>
      </c>
      <c r="J4638">
        <v>4</v>
      </c>
      <c r="K4638">
        <v>31.47</v>
      </c>
    </row>
    <row r="4639" spans="1:11" x14ac:dyDescent="0.3">
      <c r="A4639" s="1">
        <v>42495</v>
      </c>
      <c r="B4639" s="3">
        <f t="shared" si="144"/>
        <v>5</v>
      </c>
      <c r="C4639" s="3">
        <f t="shared" si="145"/>
        <v>2016</v>
      </c>
      <c r="D4639" t="s">
        <v>300</v>
      </c>
      <c r="E4639" t="s">
        <v>122</v>
      </c>
      <c r="F4639" t="s">
        <v>38</v>
      </c>
      <c r="G4639" t="s">
        <v>39</v>
      </c>
      <c r="H4639" t="s">
        <v>2370</v>
      </c>
      <c r="I4639">
        <v>177.48</v>
      </c>
      <c r="J4639">
        <v>3</v>
      </c>
      <c r="K4639">
        <v>19.97</v>
      </c>
    </row>
    <row r="4640" spans="1:11" x14ac:dyDescent="0.3">
      <c r="A4640" s="1">
        <v>42496</v>
      </c>
      <c r="B4640" s="3">
        <f t="shared" si="144"/>
        <v>5</v>
      </c>
      <c r="C4640" s="3">
        <f t="shared" si="145"/>
        <v>2016</v>
      </c>
      <c r="D4640" t="s">
        <v>2173</v>
      </c>
      <c r="E4640" t="s">
        <v>77</v>
      </c>
      <c r="F4640" t="s">
        <v>10</v>
      </c>
      <c r="G4640" t="s">
        <v>42</v>
      </c>
      <c r="H4640" t="s">
        <v>1805</v>
      </c>
      <c r="I4640">
        <v>7.22</v>
      </c>
      <c r="J4640">
        <v>2</v>
      </c>
      <c r="K4640">
        <v>1.71</v>
      </c>
    </row>
    <row r="4641" spans="1:11" x14ac:dyDescent="0.3">
      <c r="A4641" s="1">
        <v>42496</v>
      </c>
      <c r="B4641" s="3">
        <f t="shared" si="144"/>
        <v>5</v>
      </c>
      <c r="C4641" s="3">
        <f t="shared" si="145"/>
        <v>2016</v>
      </c>
      <c r="D4641" t="s">
        <v>2173</v>
      </c>
      <c r="E4641" t="s">
        <v>77</v>
      </c>
      <c r="F4641" t="s">
        <v>10</v>
      </c>
      <c r="G4641" t="s">
        <v>11</v>
      </c>
      <c r="H4641" t="s">
        <v>369</v>
      </c>
      <c r="I4641">
        <v>49.57</v>
      </c>
      <c r="J4641">
        <v>2</v>
      </c>
      <c r="K4641">
        <v>15.49</v>
      </c>
    </row>
    <row r="4642" spans="1:11" x14ac:dyDescent="0.3">
      <c r="A4642" s="1">
        <v>42496</v>
      </c>
      <c r="B4642" s="3">
        <f t="shared" si="144"/>
        <v>5</v>
      </c>
      <c r="C4642" s="3">
        <f t="shared" si="145"/>
        <v>2016</v>
      </c>
      <c r="D4642" t="s">
        <v>2173</v>
      </c>
      <c r="E4642" t="s">
        <v>77</v>
      </c>
      <c r="F4642" t="s">
        <v>33</v>
      </c>
      <c r="G4642" t="s">
        <v>46</v>
      </c>
      <c r="H4642" t="s">
        <v>2512</v>
      </c>
      <c r="I4642">
        <v>54.71</v>
      </c>
      <c r="J4642">
        <v>7</v>
      </c>
      <c r="K4642">
        <v>11.63</v>
      </c>
    </row>
    <row r="4643" spans="1:11" x14ac:dyDescent="0.3">
      <c r="A4643" s="1">
        <v>42496</v>
      </c>
      <c r="B4643" s="3">
        <f t="shared" si="144"/>
        <v>5</v>
      </c>
      <c r="C4643" s="3">
        <f t="shared" si="145"/>
        <v>2016</v>
      </c>
      <c r="D4643" t="s">
        <v>2382</v>
      </c>
      <c r="E4643" t="s">
        <v>14</v>
      </c>
      <c r="F4643" t="s">
        <v>10</v>
      </c>
      <c r="G4643" t="s">
        <v>19</v>
      </c>
      <c r="H4643" t="s">
        <v>309</v>
      </c>
      <c r="I4643">
        <v>3.21</v>
      </c>
      <c r="J4643">
        <v>2</v>
      </c>
      <c r="K4643">
        <v>-5.29</v>
      </c>
    </row>
    <row r="4644" spans="1:11" x14ac:dyDescent="0.3">
      <c r="A4644" s="1">
        <v>42496</v>
      </c>
      <c r="B4644" s="3">
        <f t="shared" si="144"/>
        <v>5</v>
      </c>
      <c r="C4644" s="3">
        <f t="shared" si="145"/>
        <v>2016</v>
      </c>
      <c r="D4644" t="s">
        <v>2382</v>
      </c>
      <c r="E4644" t="s">
        <v>14</v>
      </c>
      <c r="F4644" t="s">
        <v>38</v>
      </c>
      <c r="G4644" t="s">
        <v>51</v>
      </c>
      <c r="H4644" t="s">
        <v>1067</v>
      </c>
      <c r="I4644">
        <v>26.18</v>
      </c>
      <c r="J4644">
        <v>2</v>
      </c>
      <c r="K4644">
        <v>-3.27</v>
      </c>
    </row>
    <row r="4645" spans="1:11" x14ac:dyDescent="0.3">
      <c r="A4645" s="1">
        <v>42496</v>
      </c>
      <c r="B4645" s="3">
        <f t="shared" si="144"/>
        <v>5</v>
      </c>
      <c r="C4645" s="3">
        <f t="shared" si="145"/>
        <v>2016</v>
      </c>
      <c r="D4645" t="s">
        <v>2173</v>
      </c>
      <c r="E4645" t="s">
        <v>185</v>
      </c>
      <c r="F4645" t="s">
        <v>10</v>
      </c>
      <c r="G4645" t="s">
        <v>91</v>
      </c>
      <c r="H4645" t="s">
        <v>1887</v>
      </c>
      <c r="I4645">
        <v>54.48</v>
      </c>
      <c r="J4645">
        <v>1</v>
      </c>
      <c r="K4645">
        <v>15.25</v>
      </c>
    </row>
    <row r="4646" spans="1:11" x14ac:dyDescent="0.3">
      <c r="A4646" s="1">
        <v>42496</v>
      </c>
      <c r="B4646" s="3">
        <f t="shared" si="144"/>
        <v>5</v>
      </c>
      <c r="C4646" s="3">
        <f t="shared" si="145"/>
        <v>2016</v>
      </c>
      <c r="D4646" t="s">
        <v>1103</v>
      </c>
      <c r="E4646" t="s">
        <v>26</v>
      </c>
      <c r="F4646" t="s">
        <v>33</v>
      </c>
      <c r="G4646" t="s">
        <v>46</v>
      </c>
      <c r="H4646" t="s">
        <v>2513</v>
      </c>
      <c r="I4646">
        <v>41.6</v>
      </c>
      <c r="J4646">
        <v>4</v>
      </c>
      <c r="K4646">
        <v>14.14</v>
      </c>
    </row>
    <row r="4647" spans="1:11" x14ac:dyDescent="0.3">
      <c r="A4647" s="1">
        <v>42497</v>
      </c>
      <c r="B4647" s="3">
        <f t="shared" si="144"/>
        <v>5</v>
      </c>
      <c r="C4647" s="3">
        <f t="shared" si="145"/>
        <v>2016</v>
      </c>
      <c r="D4647" t="s">
        <v>2454</v>
      </c>
      <c r="E4647" t="s">
        <v>148</v>
      </c>
      <c r="F4647" t="s">
        <v>10</v>
      </c>
      <c r="G4647" t="s">
        <v>19</v>
      </c>
      <c r="H4647" t="s">
        <v>329</v>
      </c>
      <c r="I4647">
        <v>85.23</v>
      </c>
      <c r="J4647">
        <v>7</v>
      </c>
      <c r="K4647">
        <v>30.9</v>
      </c>
    </row>
    <row r="4648" spans="1:11" x14ac:dyDescent="0.3">
      <c r="A4648" s="1">
        <v>42497</v>
      </c>
      <c r="B4648" s="3">
        <f t="shared" si="144"/>
        <v>5</v>
      </c>
      <c r="C4648" s="3">
        <f t="shared" si="145"/>
        <v>2016</v>
      </c>
      <c r="D4648" t="s">
        <v>2454</v>
      </c>
      <c r="E4648" t="s">
        <v>148</v>
      </c>
      <c r="F4648" t="s">
        <v>10</v>
      </c>
      <c r="G4648" t="s">
        <v>15</v>
      </c>
      <c r="H4648" t="s">
        <v>1258</v>
      </c>
      <c r="I4648">
        <v>44.4</v>
      </c>
      <c r="J4648">
        <v>3</v>
      </c>
      <c r="K4648">
        <v>22.2</v>
      </c>
    </row>
    <row r="4649" spans="1:11" x14ac:dyDescent="0.3">
      <c r="A4649" s="1">
        <v>42497</v>
      </c>
      <c r="B4649" s="3">
        <f t="shared" si="144"/>
        <v>5</v>
      </c>
      <c r="C4649" s="3">
        <f t="shared" si="145"/>
        <v>2016</v>
      </c>
      <c r="D4649" t="s">
        <v>2454</v>
      </c>
      <c r="E4649" t="s">
        <v>148</v>
      </c>
      <c r="F4649" t="s">
        <v>33</v>
      </c>
      <c r="G4649" t="s">
        <v>34</v>
      </c>
      <c r="H4649" t="s">
        <v>1941</v>
      </c>
      <c r="I4649">
        <v>442.76</v>
      </c>
      <c r="J4649">
        <v>4</v>
      </c>
      <c r="K4649">
        <v>59.04</v>
      </c>
    </row>
    <row r="4650" spans="1:11" x14ac:dyDescent="0.3">
      <c r="A4650" s="1">
        <v>42497</v>
      </c>
      <c r="B4650" s="3">
        <f t="shared" si="144"/>
        <v>5</v>
      </c>
      <c r="C4650" s="3">
        <f t="shared" si="145"/>
        <v>2016</v>
      </c>
      <c r="D4650" t="s">
        <v>2454</v>
      </c>
      <c r="E4650" t="s">
        <v>148</v>
      </c>
      <c r="F4650" t="s">
        <v>38</v>
      </c>
      <c r="G4650" t="s">
        <v>301</v>
      </c>
      <c r="H4650" t="s">
        <v>1903</v>
      </c>
      <c r="I4650">
        <v>3999.95</v>
      </c>
      <c r="J4650">
        <v>5</v>
      </c>
      <c r="K4650">
        <v>1159.99</v>
      </c>
    </row>
    <row r="4651" spans="1:11" x14ac:dyDescent="0.3">
      <c r="A4651" s="1">
        <v>42497</v>
      </c>
      <c r="B4651" s="3">
        <f t="shared" si="144"/>
        <v>5</v>
      </c>
      <c r="C4651" s="3">
        <f t="shared" si="145"/>
        <v>2016</v>
      </c>
      <c r="D4651" t="s">
        <v>2454</v>
      </c>
      <c r="E4651" t="s">
        <v>148</v>
      </c>
      <c r="F4651" t="s">
        <v>38</v>
      </c>
      <c r="G4651" t="s">
        <v>51</v>
      </c>
      <c r="H4651" t="s">
        <v>1085</v>
      </c>
      <c r="I4651">
        <v>199.95</v>
      </c>
      <c r="J4651">
        <v>5</v>
      </c>
      <c r="K4651">
        <v>21.99</v>
      </c>
    </row>
    <row r="4652" spans="1:11" x14ac:dyDescent="0.3">
      <c r="A4652" s="1">
        <v>42497</v>
      </c>
      <c r="B4652" s="3">
        <f t="shared" si="144"/>
        <v>5</v>
      </c>
      <c r="C4652" s="3">
        <f t="shared" si="145"/>
        <v>2016</v>
      </c>
      <c r="D4652" t="s">
        <v>2454</v>
      </c>
      <c r="E4652" t="s">
        <v>148</v>
      </c>
      <c r="F4652" t="s">
        <v>33</v>
      </c>
      <c r="G4652" t="s">
        <v>46</v>
      </c>
      <c r="H4652" t="s">
        <v>1014</v>
      </c>
      <c r="I4652">
        <v>63.68</v>
      </c>
      <c r="J4652">
        <v>8</v>
      </c>
      <c r="K4652">
        <v>28.02</v>
      </c>
    </row>
    <row r="4653" spans="1:11" x14ac:dyDescent="0.3">
      <c r="A4653" s="1">
        <v>42498</v>
      </c>
      <c r="B4653" s="3">
        <f t="shared" si="144"/>
        <v>5</v>
      </c>
      <c r="C4653" s="3">
        <f t="shared" si="145"/>
        <v>2016</v>
      </c>
      <c r="D4653" t="s">
        <v>582</v>
      </c>
      <c r="E4653" t="s">
        <v>58</v>
      </c>
      <c r="F4653" t="s">
        <v>33</v>
      </c>
      <c r="G4653" t="s">
        <v>46</v>
      </c>
      <c r="H4653" t="s">
        <v>2195</v>
      </c>
      <c r="I4653">
        <v>211.96</v>
      </c>
      <c r="J4653">
        <v>2</v>
      </c>
      <c r="K4653">
        <v>42.39</v>
      </c>
    </row>
    <row r="4654" spans="1:11" x14ac:dyDescent="0.3">
      <c r="A4654" s="1">
        <v>42498</v>
      </c>
      <c r="B4654" s="3">
        <f t="shared" si="144"/>
        <v>5</v>
      </c>
      <c r="C4654" s="3">
        <f t="shared" si="145"/>
        <v>2016</v>
      </c>
      <c r="D4654" t="s">
        <v>255</v>
      </c>
      <c r="E4654" t="s">
        <v>77</v>
      </c>
      <c r="F4654" t="s">
        <v>10</v>
      </c>
      <c r="G4654" t="s">
        <v>17</v>
      </c>
      <c r="H4654" t="s">
        <v>1047</v>
      </c>
      <c r="I4654">
        <v>1006.06</v>
      </c>
      <c r="J4654">
        <v>3</v>
      </c>
      <c r="K4654">
        <v>88.03</v>
      </c>
    </row>
    <row r="4655" spans="1:11" x14ac:dyDescent="0.3">
      <c r="A4655" s="1">
        <v>42498</v>
      </c>
      <c r="B4655" s="3">
        <f t="shared" si="144"/>
        <v>5</v>
      </c>
      <c r="C4655" s="3">
        <f t="shared" si="145"/>
        <v>2016</v>
      </c>
      <c r="D4655" t="s">
        <v>255</v>
      </c>
      <c r="E4655" t="s">
        <v>77</v>
      </c>
      <c r="F4655" t="s">
        <v>10</v>
      </c>
      <c r="G4655" t="s">
        <v>11</v>
      </c>
      <c r="H4655" t="s">
        <v>440</v>
      </c>
      <c r="I4655">
        <v>10.69</v>
      </c>
      <c r="J4655">
        <v>2</v>
      </c>
      <c r="K4655">
        <v>3.74</v>
      </c>
    </row>
    <row r="4656" spans="1:11" x14ac:dyDescent="0.3">
      <c r="A4656" s="1">
        <v>42498</v>
      </c>
      <c r="B4656" s="3">
        <f t="shared" si="144"/>
        <v>5</v>
      </c>
      <c r="C4656" s="3">
        <f t="shared" si="145"/>
        <v>2016</v>
      </c>
      <c r="D4656" t="s">
        <v>255</v>
      </c>
      <c r="E4656" t="s">
        <v>77</v>
      </c>
      <c r="F4656" t="s">
        <v>10</v>
      </c>
      <c r="G4656" t="s">
        <v>11</v>
      </c>
      <c r="H4656" t="s">
        <v>2107</v>
      </c>
      <c r="I4656">
        <v>10.37</v>
      </c>
      <c r="J4656">
        <v>2</v>
      </c>
      <c r="K4656">
        <v>3.63</v>
      </c>
    </row>
    <row r="4657" spans="1:11" x14ac:dyDescent="0.3">
      <c r="A4657" s="1">
        <v>42498</v>
      </c>
      <c r="B4657" s="3">
        <f t="shared" si="144"/>
        <v>5</v>
      </c>
      <c r="C4657" s="3">
        <f t="shared" si="145"/>
        <v>2016</v>
      </c>
      <c r="D4657" t="s">
        <v>255</v>
      </c>
      <c r="E4657" t="s">
        <v>77</v>
      </c>
      <c r="F4657" t="s">
        <v>10</v>
      </c>
      <c r="G4657" t="s">
        <v>17</v>
      </c>
      <c r="H4657" t="s">
        <v>2316</v>
      </c>
      <c r="I4657">
        <v>25.12</v>
      </c>
      <c r="J4657">
        <v>2</v>
      </c>
      <c r="K4657">
        <v>1.57</v>
      </c>
    </row>
    <row r="4658" spans="1:11" x14ac:dyDescent="0.3">
      <c r="A4658" s="1">
        <v>42498</v>
      </c>
      <c r="B4658" s="3">
        <f t="shared" si="144"/>
        <v>5</v>
      </c>
      <c r="C4658" s="3">
        <f t="shared" si="145"/>
        <v>2016</v>
      </c>
      <c r="D4658" t="s">
        <v>255</v>
      </c>
      <c r="E4658" t="s">
        <v>77</v>
      </c>
      <c r="F4658" t="s">
        <v>38</v>
      </c>
      <c r="G4658" t="s">
        <v>51</v>
      </c>
      <c r="H4658" t="s">
        <v>651</v>
      </c>
      <c r="I4658">
        <v>58.11</v>
      </c>
      <c r="J4658">
        <v>2</v>
      </c>
      <c r="K4658">
        <v>7.26</v>
      </c>
    </row>
    <row r="4659" spans="1:11" x14ac:dyDescent="0.3">
      <c r="A4659" s="1">
        <v>42498</v>
      </c>
      <c r="B4659" s="3">
        <f t="shared" si="144"/>
        <v>5</v>
      </c>
      <c r="C4659" s="3">
        <f t="shared" si="145"/>
        <v>2016</v>
      </c>
      <c r="D4659" t="s">
        <v>1076</v>
      </c>
      <c r="E4659" t="s">
        <v>26</v>
      </c>
      <c r="F4659" t="s">
        <v>10</v>
      </c>
      <c r="G4659" t="s">
        <v>11</v>
      </c>
      <c r="H4659" t="s">
        <v>1912</v>
      </c>
      <c r="I4659">
        <v>17.940000000000001</v>
      </c>
      <c r="J4659">
        <v>3</v>
      </c>
      <c r="K4659">
        <v>8.07</v>
      </c>
    </row>
    <row r="4660" spans="1:11" x14ac:dyDescent="0.3">
      <c r="A4660" s="1">
        <v>42499</v>
      </c>
      <c r="B4660" s="3">
        <f t="shared" si="144"/>
        <v>5</v>
      </c>
      <c r="C4660" s="3">
        <f t="shared" si="145"/>
        <v>2016</v>
      </c>
      <c r="D4660" t="s">
        <v>1066</v>
      </c>
      <c r="E4660" t="s">
        <v>163</v>
      </c>
      <c r="F4660" t="s">
        <v>38</v>
      </c>
      <c r="G4660" t="s">
        <v>51</v>
      </c>
      <c r="H4660" t="s">
        <v>2514</v>
      </c>
      <c r="I4660">
        <v>93.98</v>
      </c>
      <c r="J4660">
        <v>2</v>
      </c>
      <c r="K4660">
        <v>13.16</v>
      </c>
    </row>
    <row r="4661" spans="1:11" x14ac:dyDescent="0.3">
      <c r="A4661" s="1">
        <v>42499</v>
      </c>
      <c r="B4661" s="3">
        <f t="shared" si="144"/>
        <v>5</v>
      </c>
      <c r="C4661" s="3">
        <f t="shared" si="145"/>
        <v>2016</v>
      </c>
      <c r="D4661" t="s">
        <v>1965</v>
      </c>
      <c r="E4661" t="s">
        <v>22</v>
      </c>
      <c r="F4661" t="s">
        <v>10</v>
      </c>
      <c r="G4661" t="s">
        <v>62</v>
      </c>
      <c r="H4661" t="s">
        <v>63</v>
      </c>
      <c r="I4661">
        <v>9.34</v>
      </c>
      <c r="J4661">
        <v>1</v>
      </c>
      <c r="K4661">
        <v>3.5</v>
      </c>
    </row>
    <row r="4662" spans="1:11" x14ac:dyDescent="0.3">
      <c r="A4662" s="1">
        <v>42499</v>
      </c>
      <c r="B4662" s="3">
        <f t="shared" si="144"/>
        <v>5</v>
      </c>
      <c r="C4662" s="3">
        <f t="shared" si="145"/>
        <v>2016</v>
      </c>
      <c r="D4662" t="s">
        <v>1965</v>
      </c>
      <c r="E4662" t="s">
        <v>22</v>
      </c>
      <c r="F4662" t="s">
        <v>10</v>
      </c>
      <c r="G4662" t="s">
        <v>23</v>
      </c>
      <c r="H4662" t="s">
        <v>448</v>
      </c>
      <c r="I4662">
        <v>79.36</v>
      </c>
      <c r="J4662">
        <v>5</v>
      </c>
      <c r="K4662">
        <v>9.92</v>
      </c>
    </row>
    <row r="4663" spans="1:11" x14ac:dyDescent="0.3">
      <c r="A4663" s="1">
        <v>42499</v>
      </c>
      <c r="B4663" s="3">
        <f t="shared" si="144"/>
        <v>5</v>
      </c>
      <c r="C4663" s="3">
        <f t="shared" si="145"/>
        <v>2016</v>
      </c>
      <c r="D4663" t="s">
        <v>532</v>
      </c>
      <c r="E4663" t="s">
        <v>148</v>
      </c>
      <c r="F4663" t="s">
        <v>10</v>
      </c>
      <c r="G4663" t="s">
        <v>23</v>
      </c>
      <c r="H4663" t="s">
        <v>2515</v>
      </c>
      <c r="I4663">
        <v>8</v>
      </c>
      <c r="J4663">
        <v>5</v>
      </c>
      <c r="K4663">
        <v>3.44</v>
      </c>
    </row>
    <row r="4664" spans="1:11" x14ac:dyDescent="0.3">
      <c r="A4664" s="1">
        <v>42499</v>
      </c>
      <c r="B4664" s="3">
        <f t="shared" si="144"/>
        <v>5</v>
      </c>
      <c r="C4664" s="3">
        <f t="shared" si="145"/>
        <v>2016</v>
      </c>
      <c r="D4664" t="s">
        <v>1069</v>
      </c>
      <c r="E4664" t="s">
        <v>26</v>
      </c>
      <c r="F4664" t="s">
        <v>10</v>
      </c>
      <c r="G4664" t="s">
        <v>11</v>
      </c>
      <c r="H4664" t="s">
        <v>2516</v>
      </c>
      <c r="I4664">
        <v>32.04</v>
      </c>
      <c r="J4664">
        <v>4</v>
      </c>
      <c r="K4664">
        <v>14.42</v>
      </c>
    </row>
    <row r="4665" spans="1:11" x14ac:dyDescent="0.3">
      <c r="A4665" s="1">
        <v>42499</v>
      </c>
      <c r="B4665" s="3">
        <f t="shared" si="144"/>
        <v>5</v>
      </c>
      <c r="C4665" s="3">
        <f t="shared" si="145"/>
        <v>2016</v>
      </c>
      <c r="D4665" t="s">
        <v>21</v>
      </c>
      <c r="E4665" t="s">
        <v>9</v>
      </c>
      <c r="F4665" t="s">
        <v>38</v>
      </c>
      <c r="G4665" t="s">
        <v>39</v>
      </c>
      <c r="H4665" t="s">
        <v>734</v>
      </c>
      <c r="I4665">
        <v>19.14</v>
      </c>
      <c r="J4665">
        <v>2</v>
      </c>
      <c r="K4665">
        <v>1.91</v>
      </c>
    </row>
    <row r="4666" spans="1:11" x14ac:dyDescent="0.3">
      <c r="A4666" s="1">
        <v>42499</v>
      </c>
      <c r="B4666" s="3">
        <f t="shared" si="144"/>
        <v>5</v>
      </c>
      <c r="C4666" s="3">
        <f t="shared" si="145"/>
        <v>2016</v>
      </c>
      <c r="D4666" t="s">
        <v>1391</v>
      </c>
      <c r="E4666" t="s">
        <v>54</v>
      </c>
      <c r="F4666" t="s">
        <v>10</v>
      </c>
      <c r="G4666" t="s">
        <v>23</v>
      </c>
      <c r="H4666" t="s">
        <v>75</v>
      </c>
      <c r="I4666">
        <v>27.86</v>
      </c>
      <c r="J4666">
        <v>7</v>
      </c>
      <c r="K4666">
        <v>9.19</v>
      </c>
    </row>
    <row r="4667" spans="1:11" x14ac:dyDescent="0.3">
      <c r="A4667" s="1">
        <v>42499</v>
      </c>
      <c r="B4667" s="3">
        <f t="shared" si="144"/>
        <v>5</v>
      </c>
      <c r="C4667" s="3">
        <f t="shared" si="145"/>
        <v>2016</v>
      </c>
      <c r="D4667" t="s">
        <v>2517</v>
      </c>
      <c r="E4667" t="s">
        <v>9</v>
      </c>
      <c r="F4667" t="s">
        <v>10</v>
      </c>
      <c r="G4667" t="s">
        <v>17</v>
      </c>
      <c r="H4667" t="s">
        <v>307</v>
      </c>
      <c r="I4667">
        <v>856.66</v>
      </c>
      <c r="J4667">
        <v>6</v>
      </c>
      <c r="K4667">
        <v>107.08</v>
      </c>
    </row>
    <row r="4668" spans="1:11" x14ac:dyDescent="0.3">
      <c r="A4668" s="1">
        <v>42499</v>
      </c>
      <c r="B4668" s="3">
        <f t="shared" si="144"/>
        <v>5</v>
      </c>
      <c r="C4668" s="3">
        <f t="shared" si="145"/>
        <v>2016</v>
      </c>
      <c r="D4668" t="s">
        <v>2517</v>
      </c>
      <c r="E4668" t="s">
        <v>9</v>
      </c>
      <c r="F4668" t="s">
        <v>10</v>
      </c>
      <c r="G4668" t="s">
        <v>19</v>
      </c>
      <c r="H4668" t="s">
        <v>468</v>
      </c>
      <c r="I4668">
        <v>13.18</v>
      </c>
      <c r="J4668">
        <v>4</v>
      </c>
      <c r="K4668">
        <v>-20.440000000000001</v>
      </c>
    </row>
    <row r="4669" spans="1:11" x14ac:dyDescent="0.3">
      <c r="A4669" s="1">
        <v>42499</v>
      </c>
      <c r="B4669" s="3">
        <f t="shared" si="144"/>
        <v>5</v>
      </c>
      <c r="C4669" s="3">
        <f t="shared" si="145"/>
        <v>2016</v>
      </c>
      <c r="D4669" t="s">
        <v>2517</v>
      </c>
      <c r="E4669" t="s">
        <v>9</v>
      </c>
      <c r="F4669" t="s">
        <v>10</v>
      </c>
      <c r="G4669" t="s">
        <v>91</v>
      </c>
      <c r="H4669" t="s">
        <v>2518</v>
      </c>
      <c r="I4669">
        <v>48.78</v>
      </c>
      <c r="J4669">
        <v>4</v>
      </c>
      <c r="K4669">
        <v>-131.72</v>
      </c>
    </row>
    <row r="4670" spans="1:11" x14ac:dyDescent="0.3">
      <c r="A4670" s="1">
        <v>42499</v>
      </c>
      <c r="B4670" s="3">
        <f t="shared" si="144"/>
        <v>5</v>
      </c>
      <c r="C4670" s="3">
        <f t="shared" si="145"/>
        <v>2016</v>
      </c>
      <c r="D4670" t="s">
        <v>2517</v>
      </c>
      <c r="E4670" t="s">
        <v>9</v>
      </c>
      <c r="F4670" t="s">
        <v>10</v>
      </c>
      <c r="G4670" t="s">
        <v>11</v>
      </c>
      <c r="H4670" t="s">
        <v>2489</v>
      </c>
      <c r="I4670">
        <v>76.64</v>
      </c>
      <c r="J4670">
        <v>2</v>
      </c>
      <c r="K4670">
        <v>26.82</v>
      </c>
    </row>
    <row r="4671" spans="1:11" x14ac:dyDescent="0.3">
      <c r="A4671" s="1">
        <v>42499</v>
      </c>
      <c r="B4671" s="3">
        <f t="shared" si="144"/>
        <v>5</v>
      </c>
      <c r="C4671" s="3">
        <f t="shared" si="145"/>
        <v>2016</v>
      </c>
      <c r="D4671" t="s">
        <v>2517</v>
      </c>
      <c r="E4671" t="s">
        <v>9</v>
      </c>
      <c r="F4671" t="s">
        <v>10</v>
      </c>
      <c r="G4671" t="s">
        <v>19</v>
      </c>
      <c r="H4671" t="s">
        <v>1508</v>
      </c>
      <c r="I4671">
        <v>18.53</v>
      </c>
      <c r="J4671">
        <v>6</v>
      </c>
      <c r="K4671">
        <v>-27.79</v>
      </c>
    </row>
    <row r="4672" spans="1:11" x14ac:dyDescent="0.3">
      <c r="A4672" s="1">
        <v>42500</v>
      </c>
      <c r="B4672" s="3">
        <f t="shared" si="144"/>
        <v>5</v>
      </c>
      <c r="C4672" s="3">
        <f t="shared" si="145"/>
        <v>2016</v>
      </c>
      <c r="D4672" t="s">
        <v>982</v>
      </c>
      <c r="E4672" t="s">
        <v>163</v>
      </c>
      <c r="F4672" t="s">
        <v>10</v>
      </c>
      <c r="G4672" t="s">
        <v>11</v>
      </c>
      <c r="H4672" t="s">
        <v>986</v>
      </c>
      <c r="I4672">
        <v>11.96</v>
      </c>
      <c r="J4672">
        <v>2</v>
      </c>
      <c r="K4672">
        <v>5.86</v>
      </c>
    </row>
    <row r="4673" spans="1:11" x14ac:dyDescent="0.3">
      <c r="A4673" s="1">
        <v>42500</v>
      </c>
      <c r="B4673" s="3">
        <f t="shared" si="144"/>
        <v>5</v>
      </c>
      <c r="C4673" s="3">
        <f t="shared" si="145"/>
        <v>2016</v>
      </c>
      <c r="D4673" t="s">
        <v>1382</v>
      </c>
      <c r="E4673" t="s">
        <v>22</v>
      </c>
      <c r="F4673" t="s">
        <v>38</v>
      </c>
      <c r="G4673" t="s">
        <v>39</v>
      </c>
      <c r="H4673" t="s">
        <v>1535</v>
      </c>
      <c r="I4673">
        <v>743.99</v>
      </c>
      <c r="J4673">
        <v>2</v>
      </c>
      <c r="K4673">
        <v>-124</v>
      </c>
    </row>
    <row r="4674" spans="1:11" x14ac:dyDescent="0.3">
      <c r="A4674" s="1">
        <v>42500</v>
      </c>
      <c r="B4674" s="3">
        <f t="shared" ref="B4674:B4737" si="146">MONTH(A:A)</f>
        <v>5</v>
      </c>
      <c r="C4674" s="3">
        <f t="shared" ref="C4674:C4737" si="147">YEAR(A:A)</f>
        <v>2016</v>
      </c>
      <c r="D4674" t="s">
        <v>1103</v>
      </c>
      <c r="E4674" t="s">
        <v>14</v>
      </c>
      <c r="F4674" t="s">
        <v>10</v>
      </c>
      <c r="G4674" t="s">
        <v>62</v>
      </c>
      <c r="H4674" t="s">
        <v>2519</v>
      </c>
      <c r="I4674">
        <v>7.07</v>
      </c>
      <c r="J4674">
        <v>2</v>
      </c>
      <c r="K4674">
        <v>2.39</v>
      </c>
    </row>
    <row r="4675" spans="1:11" x14ac:dyDescent="0.3">
      <c r="A4675" s="1">
        <v>42501</v>
      </c>
      <c r="B4675" s="3">
        <f t="shared" si="146"/>
        <v>5</v>
      </c>
      <c r="C4675" s="3">
        <f t="shared" si="147"/>
        <v>2016</v>
      </c>
      <c r="D4675" t="s">
        <v>676</v>
      </c>
      <c r="E4675" t="s">
        <v>26</v>
      </c>
      <c r="F4675" t="s">
        <v>10</v>
      </c>
      <c r="G4675" t="s">
        <v>11</v>
      </c>
      <c r="H4675" t="s">
        <v>1912</v>
      </c>
      <c r="I4675">
        <v>5.98</v>
      </c>
      <c r="J4675">
        <v>1</v>
      </c>
      <c r="K4675">
        <v>2.69</v>
      </c>
    </row>
    <row r="4676" spans="1:11" x14ac:dyDescent="0.3">
      <c r="A4676" s="1">
        <v>42502</v>
      </c>
      <c r="B4676" s="3">
        <f t="shared" si="146"/>
        <v>5</v>
      </c>
      <c r="C4676" s="3">
        <f t="shared" si="147"/>
        <v>2016</v>
      </c>
      <c r="D4676" t="s">
        <v>1358</v>
      </c>
      <c r="E4676" t="s">
        <v>54</v>
      </c>
      <c r="F4676" t="s">
        <v>10</v>
      </c>
      <c r="G4676" t="s">
        <v>23</v>
      </c>
      <c r="H4676" t="s">
        <v>37</v>
      </c>
      <c r="I4676">
        <v>10.96</v>
      </c>
      <c r="J4676">
        <v>4</v>
      </c>
      <c r="K4676">
        <v>2.96</v>
      </c>
    </row>
    <row r="4677" spans="1:11" x14ac:dyDescent="0.3">
      <c r="A4677" s="1">
        <v>42502</v>
      </c>
      <c r="B4677" s="3">
        <f t="shared" si="146"/>
        <v>5</v>
      </c>
      <c r="C4677" s="3">
        <f t="shared" si="147"/>
        <v>2016</v>
      </c>
      <c r="D4677" t="s">
        <v>284</v>
      </c>
      <c r="E4677" t="s">
        <v>22</v>
      </c>
      <c r="F4677" t="s">
        <v>10</v>
      </c>
      <c r="G4677" t="s">
        <v>17</v>
      </c>
      <c r="H4677" t="s">
        <v>1016</v>
      </c>
      <c r="I4677">
        <v>82.37</v>
      </c>
      <c r="J4677">
        <v>2</v>
      </c>
      <c r="K4677">
        <v>-19.559999999999999</v>
      </c>
    </row>
    <row r="4678" spans="1:11" x14ac:dyDescent="0.3">
      <c r="A4678" s="1">
        <v>42502</v>
      </c>
      <c r="B4678" s="3">
        <f t="shared" si="146"/>
        <v>5</v>
      </c>
      <c r="C4678" s="3">
        <f t="shared" si="147"/>
        <v>2016</v>
      </c>
      <c r="D4678" t="s">
        <v>2485</v>
      </c>
      <c r="E4678" t="s">
        <v>163</v>
      </c>
      <c r="F4678" t="s">
        <v>10</v>
      </c>
      <c r="G4678" t="s">
        <v>62</v>
      </c>
      <c r="H4678" t="s">
        <v>2520</v>
      </c>
      <c r="I4678">
        <v>54.9</v>
      </c>
      <c r="J4678">
        <v>5</v>
      </c>
      <c r="K4678">
        <v>26.9</v>
      </c>
    </row>
    <row r="4679" spans="1:11" x14ac:dyDescent="0.3">
      <c r="A4679" s="1">
        <v>42502</v>
      </c>
      <c r="B4679" s="3">
        <f t="shared" si="146"/>
        <v>5</v>
      </c>
      <c r="C4679" s="3">
        <f t="shared" si="147"/>
        <v>2016</v>
      </c>
      <c r="D4679" t="s">
        <v>991</v>
      </c>
      <c r="E4679" t="s">
        <v>148</v>
      </c>
      <c r="F4679" t="s">
        <v>33</v>
      </c>
      <c r="G4679" t="s">
        <v>46</v>
      </c>
      <c r="H4679" t="s">
        <v>1569</v>
      </c>
      <c r="I4679">
        <v>10.02</v>
      </c>
      <c r="J4679">
        <v>3</v>
      </c>
      <c r="K4679">
        <v>4.41</v>
      </c>
    </row>
    <row r="4680" spans="1:11" x14ac:dyDescent="0.3">
      <c r="A4680" s="1">
        <v>42502</v>
      </c>
      <c r="B4680" s="3">
        <f t="shared" si="146"/>
        <v>5</v>
      </c>
      <c r="C4680" s="3">
        <f t="shared" si="147"/>
        <v>2016</v>
      </c>
      <c r="D4680" t="s">
        <v>991</v>
      </c>
      <c r="E4680" t="s">
        <v>148</v>
      </c>
      <c r="F4680" t="s">
        <v>38</v>
      </c>
      <c r="G4680" t="s">
        <v>39</v>
      </c>
      <c r="H4680" t="s">
        <v>512</v>
      </c>
      <c r="I4680">
        <v>631.96</v>
      </c>
      <c r="J4680">
        <v>4</v>
      </c>
      <c r="K4680">
        <v>303.33999999999997</v>
      </c>
    </row>
    <row r="4681" spans="1:11" x14ac:dyDescent="0.3">
      <c r="A4681" s="1">
        <v>42502</v>
      </c>
      <c r="B4681" s="3">
        <f t="shared" si="146"/>
        <v>5</v>
      </c>
      <c r="C4681" s="3">
        <f t="shared" si="147"/>
        <v>2016</v>
      </c>
      <c r="D4681" t="s">
        <v>371</v>
      </c>
      <c r="E4681" t="s">
        <v>26</v>
      </c>
      <c r="F4681" t="s">
        <v>38</v>
      </c>
      <c r="G4681" t="s">
        <v>51</v>
      </c>
      <c r="H4681" t="s">
        <v>2521</v>
      </c>
      <c r="I4681">
        <v>120</v>
      </c>
      <c r="J4681">
        <v>6</v>
      </c>
      <c r="K4681">
        <v>46.8</v>
      </c>
    </row>
    <row r="4682" spans="1:11" x14ac:dyDescent="0.3">
      <c r="A4682" s="1">
        <v>42502</v>
      </c>
      <c r="B4682" s="3">
        <f t="shared" si="146"/>
        <v>5</v>
      </c>
      <c r="C4682" s="3">
        <f t="shared" si="147"/>
        <v>2016</v>
      </c>
      <c r="D4682" t="s">
        <v>371</v>
      </c>
      <c r="E4682" t="s">
        <v>26</v>
      </c>
      <c r="F4682" t="s">
        <v>10</v>
      </c>
      <c r="G4682" t="s">
        <v>91</v>
      </c>
      <c r="H4682" t="s">
        <v>657</v>
      </c>
      <c r="I4682">
        <v>8.67</v>
      </c>
      <c r="J4682">
        <v>1</v>
      </c>
      <c r="K4682">
        <v>2.34</v>
      </c>
    </row>
    <row r="4683" spans="1:11" x14ac:dyDescent="0.3">
      <c r="A4683" s="1">
        <v>42504</v>
      </c>
      <c r="B4683" s="3">
        <f t="shared" si="146"/>
        <v>5</v>
      </c>
      <c r="C4683" s="3">
        <f t="shared" si="147"/>
        <v>2016</v>
      </c>
      <c r="D4683" t="s">
        <v>1777</v>
      </c>
      <c r="E4683" t="s">
        <v>77</v>
      </c>
      <c r="F4683" t="s">
        <v>33</v>
      </c>
      <c r="G4683" t="s">
        <v>46</v>
      </c>
      <c r="H4683" t="s">
        <v>2035</v>
      </c>
      <c r="I4683">
        <v>79.38</v>
      </c>
      <c r="J4683">
        <v>1</v>
      </c>
      <c r="K4683">
        <v>29.77</v>
      </c>
    </row>
    <row r="4684" spans="1:11" x14ac:dyDescent="0.3">
      <c r="A4684" s="1">
        <v>42504</v>
      </c>
      <c r="B4684" s="3">
        <f t="shared" si="146"/>
        <v>5</v>
      </c>
      <c r="C4684" s="3">
        <f t="shared" si="147"/>
        <v>2016</v>
      </c>
      <c r="D4684" t="s">
        <v>1656</v>
      </c>
      <c r="E4684" t="s">
        <v>122</v>
      </c>
      <c r="F4684" t="s">
        <v>10</v>
      </c>
      <c r="G4684" t="s">
        <v>19</v>
      </c>
      <c r="H4684" t="s">
        <v>1135</v>
      </c>
      <c r="I4684">
        <v>57.58</v>
      </c>
      <c r="J4684">
        <v>3</v>
      </c>
      <c r="K4684">
        <v>-44.15</v>
      </c>
    </row>
    <row r="4685" spans="1:11" x14ac:dyDescent="0.3">
      <c r="A4685" s="1">
        <v>42504</v>
      </c>
      <c r="B4685" s="3">
        <f t="shared" si="146"/>
        <v>5</v>
      </c>
      <c r="C4685" s="3">
        <f t="shared" si="147"/>
        <v>2016</v>
      </c>
      <c r="D4685" t="s">
        <v>1656</v>
      </c>
      <c r="E4685" t="s">
        <v>122</v>
      </c>
      <c r="F4685" t="s">
        <v>10</v>
      </c>
      <c r="G4685" t="s">
        <v>11</v>
      </c>
      <c r="H4685" t="s">
        <v>1169</v>
      </c>
      <c r="I4685">
        <v>31.1</v>
      </c>
      <c r="J4685">
        <v>6</v>
      </c>
      <c r="K4685">
        <v>10.89</v>
      </c>
    </row>
    <row r="4686" spans="1:11" x14ac:dyDescent="0.3">
      <c r="A4686" s="1">
        <v>42504</v>
      </c>
      <c r="B4686" s="3">
        <f t="shared" si="146"/>
        <v>5</v>
      </c>
      <c r="C4686" s="3">
        <f t="shared" si="147"/>
        <v>2016</v>
      </c>
      <c r="D4686" t="s">
        <v>1656</v>
      </c>
      <c r="E4686" t="s">
        <v>122</v>
      </c>
      <c r="F4686" t="s">
        <v>33</v>
      </c>
      <c r="G4686" t="s">
        <v>46</v>
      </c>
      <c r="H4686" t="s">
        <v>208</v>
      </c>
      <c r="I4686">
        <v>30.19</v>
      </c>
      <c r="J4686">
        <v>3</v>
      </c>
      <c r="K4686">
        <v>8.3000000000000007</v>
      </c>
    </row>
    <row r="4687" spans="1:11" x14ac:dyDescent="0.3">
      <c r="A4687" s="1">
        <v>42504</v>
      </c>
      <c r="B4687" s="3">
        <f t="shared" si="146"/>
        <v>5</v>
      </c>
      <c r="C4687" s="3">
        <f t="shared" si="147"/>
        <v>2016</v>
      </c>
      <c r="D4687" t="s">
        <v>1656</v>
      </c>
      <c r="E4687" t="s">
        <v>122</v>
      </c>
      <c r="F4687" t="s">
        <v>38</v>
      </c>
      <c r="G4687" t="s">
        <v>39</v>
      </c>
      <c r="H4687" t="s">
        <v>641</v>
      </c>
      <c r="I4687">
        <v>43.6</v>
      </c>
      <c r="J4687">
        <v>5</v>
      </c>
      <c r="K4687">
        <v>4.3600000000000003</v>
      </c>
    </row>
    <row r="4688" spans="1:11" x14ac:dyDescent="0.3">
      <c r="A4688" s="1">
        <v>42504</v>
      </c>
      <c r="B4688" s="3">
        <f t="shared" si="146"/>
        <v>5</v>
      </c>
      <c r="C4688" s="3">
        <f t="shared" si="147"/>
        <v>2016</v>
      </c>
      <c r="D4688" t="s">
        <v>1656</v>
      </c>
      <c r="E4688" t="s">
        <v>122</v>
      </c>
      <c r="F4688" t="s">
        <v>10</v>
      </c>
      <c r="G4688" t="s">
        <v>23</v>
      </c>
      <c r="H4688" t="s">
        <v>2000</v>
      </c>
      <c r="I4688">
        <v>4.7699999999999996</v>
      </c>
      <c r="J4688">
        <v>2</v>
      </c>
      <c r="K4688">
        <v>0.42</v>
      </c>
    </row>
    <row r="4689" spans="1:11" x14ac:dyDescent="0.3">
      <c r="A4689" s="1">
        <v>42504</v>
      </c>
      <c r="B4689" s="3">
        <f t="shared" si="146"/>
        <v>5</v>
      </c>
      <c r="C4689" s="3">
        <f t="shared" si="147"/>
        <v>2016</v>
      </c>
      <c r="D4689" t="s">
        <v>1656</v>
      </c>
      <c r="E4689" t="s">
        <v>122</v>
      </c>
      <c r="F4689" t="s">
        <v>10</v>
      </c>
      <c r="G4689" t="s">
        <v>19</v>
      </c>
      <c r="H4689" t="s">
        <v>2118</v>
      </c>
      <c r="I4689">
        <v>10.38</v>
      </c>
      <c r="J4689">
        <v>2</v>
      </c>
      <c r="K4689">
        <v>-7.61</v>
      </c>
    </row>
    <row r="4690" spans="1:11" x14ac:dyDescent="0.3">
      <c r="A4690" s="1">
        <v>42504</v>
      </c>
      <c r="B4690" s="3">
        <f t="shared" si="146"/>
        <v>5</v>
      </c>
      <c r="C4690" s="3">
        <f t="shared" si="147"/>
        <v>2016</v>
      </c>
      <c r="D4690" t="s">
        <v>1656</v>
      </c>
      <c r="E4690" t="s">
        <v>122</v>
      </c>
      <c r="F4690" t="s">
        <v>10</v>
      </c>
      <c r="G4690" t="s">
        <v>19</v>
      </c>
      <c r="H4690" t="s">
        <v>1126</v>
      </c>
      <c r="I4690">
        <v>13.39</v>
      </c>
      <c r="J4690">
        <v>8</v>
      </c>
      <c r="K4690">
        <v>-9.82</v>
      </c>
    </row>
    <row r="4691" spans="1:11" x14ac:dyDescent="0.3">
      <c r="A4691" s="1">
        <v>42504</v>
      </c>
      <c r="B4691" s="3">
        <f t="shared" si="146"/>
        <v>5</v>
      </c>
      <c r="C4691" s="3">
        <f t="shared" si="147"/>
        <v>2016</v>
      </c>
      <c r="D4691" t="s">
        <v>1567</v>
      </c>
      <c r="E4691" t="s">
        <v>94</v>
      </c>
      <c r="F4691" t="s">
        <v>38</v>
      </c>
      <c r="G4691" t="s">
        <v>51</v>
      </c>
      <c r="H4691" t="s">
        <v>1614</v>
      </c>
      <c r="I4691">
        <v>185.53</v>
      </c>
      <c r="J4691">
        <v>7</v>
      </c>
      <c r="K4691">
        <v>48.7</v>
      </c>
    </row>
    <row r="4692" spans="1:11" x14ac:dyDescent="0.3">
      <c r="A4692" s="1">
        <v>42505</v>
      </c>
      <c r="B4692" s="3">
        <f t="shared" si="146"/>
        <v>5</v>
      </c>
      <c r="C4692" s="3">
        <f t="shared" si="147"/>
        <v>2016</v>
      </c>
      <c r="D4692" t="s">
        <v>627</v>
      </c>
      <c r="E4692" t="s">
        <v>328</v>
      </c>
      <c r="F4692" t="s">
        <v>10</v>
      </c>
      <c r="G4692" t="s">
        <v>19</v>
      </c>
      <c r="H4692" t="s">
        <v>1135</v>
      </c>
      <c r="I4692">
        <v>511.84</v>
      </c>
      <c r="J4692">
        <v>8</v>
      </c>
      <c r="K4692">
        <v>240.56</v>
      </c>
    </row>
    <row r="4693" spans="1:11" x14ac:dyDescent="0.3">
      <c r="A4693" s="1">
        <v>42505</v>
      </c>
      <c r="B4693" s="3">
        <f t="shared" si="146"/>
        <v>5</v>
      </c>
      <c r="C4693" s="3">
        <f t="shared" si="147"/>
        <v>2016</v>
      </c>
      <c r="D4693" t="s">
        <v>627</v>
      </c>
      <c r="E4693" t="s">
        <v>328</v>
      </c>
      <c r="F4693" t="s">
        <v>10</v>
      </c>
      <c r="G4693" t="s">
        <v>23</v>
      </c>
      <c r="H4693" t="s">
        <v>1068</v>
      </c>
      <c r="I4693">
        <v>91.96</v>
      </c>
      <c r="J4693">
        <v>4</v>
      </c>
      <c r="K4693">
        <v>25.75</v>
      </c>
    </row>
    <row r="4694" spans="1:11" x14ac:dyDescent="0.3">
      <c r="A4694" s="1">
        <v>42505</v>
      </c>
      <c r="B4694" s="3">
        <f t="shared" si="146"/>
        <v>5</v>
      </c>
      <c r="C4694" s="3">
        <f t="shared" si="147"/>
        <v>2016</v>
      </c>
      <c r="D4694" t="s">
        <v>627</v>
      </c>
      <c r="E4694" t="s">
        <v>328</v>
      </c>
      <c r="F4694" t="s">
        <v>10</v>
      </c>
      <c r="G4694" t="s">
        <v>23</v>
      </c>
      <c r="H4694" t="s">
        <v>1948</v>
      </c>
      <c r="I4694">
        <v>8.34</v>
      </c>
      <c r="J4694">
        <v>3</v>
      </c>
      <c r="K4694">
        <v>2.17</v>
      </c>
    </row>
    <row r="4695" spans="1:11" x14ac:dyDescent="0.3">
      <c r="A4695" s="1">
        <v>42505</v>
      </c>
      <c r="B4695" s="3">
        <f t="shared" si="146"/>
        <v>5</v>
      </c>
      <c r="C4695" s="3">
        <f t="shared" si="147"/>
        <v>2016</v>
      </c>
      <c r="D4695" t="s">
        <v>1370</v>
      </c>
      <c r="E4695" t="s">
        <v>148</v>
      </c>
      <c r="F4695" t="s">
        <v>10</v>
      </c>
      <c r="G4695" t="s">
        <v>19</v>
      </c>
      <c r="H4695" t="s">
        <v>2328</v>
      </c>
      <c r="I4695">
        <v>13.78</v>
      </c>
      <c r="J4695">
        <v>3</v>
      </c>
      <c r="K4695">
        <v>4.4800000000000004</v>
      </c>
    </row>
    <row r="4696" spans="1:11" x14ac:dyDescent="0.3">
      <c r="A4696" s="1">
        <v>42505</v>
      </c>
      <c r="B4696" s="3">
        <f t="shared" si="146"/>
        <v>5</v>
      </c>
      <c r="C4696" s="3">
        <f t="shared" si="147"/>
        <v>2016</v>
      </c>
      <c r="D4696" t="s">
        <v>8</v>
      </c>
      <c r="E4696" t="s">
        <v>122</v>
      </c>
      <c r="F4696" t="s">
        <v>10</v>
      </c>
      <c r="G4696" t="s">
        <v>19</v>
      </c>
      <c r="H4696" t="s">
        <v>1366</v>
      </c>
      <c r="I4696">
        <v>7.76</v>
      </c>
      <c r="J4696">
        <v>4</v>
      </c>
      <c r="K4696">
        <v>-5.18</v>
      </c>
    </row>
    <row r="4697" spans="1:11" x14ac:dyDescent="0.3">
      <c r="A4697" s="1">
        <v>42505</v>
      </c>
      <c r="B4697" s="3">
        <f t="shared" si="146"/>
        <v>5</v>
      </c>
      <c r="C4697" s="3">
        <f t="shared" si="147"/>
        <v>2016</v>
      </c>
      <c r="D4697" t="s">
        <v>203</v>
      </c>
      <c r="E4697" t="s">
        <v>77</v>
      </c>
      <c r="F4697" t="s">
        <v>10</v>
      </c>
      <c r="G4697" t="s">
        <v>11</v>
      </c>
      <c r="H4697" t="s">
        <v>2522</v>
      </c>
      <c r="I4697">
        <v>15.23</v>
      </c>
      <c r="J4697">
        <v>4</v>
      </c>
      <c r="K4697">
        <v>5.52</v>
      </c>
    </row>
    <row r="4698" spans="1:11" x14ac:dyDescent="0.3">
      <c r="A4698" s="1">
        <v>42506</v>
      </c>
      <c r="B4698" s="3">
        <f t="shared" si="146"/>
        <v>5</v>
      </c>
      <c r="C4698" s="3">
        <f t="shared" si="147"/>
        <v>2016</v>
      </c>
      <c r="D4698" t="s">
        <v>2410</v>
      </c>
      <c r="E4698" t="s">
        <v>612</v>
      </c>
      <c r="F4698" t="s">
        <v>10</v>
      </c>
      <c r="G4698" t="s">
        <v>17</v>
      </c>
      <c r="H4698" t="s">
        <v>556</v>
      </c>
      <c r="I4698">
        <v>552.55999999999995</v>
      </c>
      <c r="J4698">
        <v>4</v>
      </c>
      <c r="K4698">
        <v>0</v>
      </c>
    </row>
    <row r="4699" spans="1:11" x14ac:dyDescent="0.3">
      <c r="A4699" s="1">
        <v>42506</v>
      </c>
      <c r="B4699" s="3">
        <f t="shared" si="146"/>
        <v>5</v>
      </c>
      <c r="C4699" s="3">
        <f t="shared" si="147"/>
        <v>2016</v>
      </c>
      <c r="D4699" t="s">
        <v>1425</v>
      </c>
      <c r="E4699" t="s">
        <v>26</v>
      </c>
      <c r="F4699" t="s">
        <v>10</v>
      </c>
      <c r="G4699" t="s">
        <v>11</v>
      </c>
      <c r="H4699" t="s">
        <v>2294</v>
      </c>
      <c r="I4699">
        <v>17.34</v>
      </c>
      <c r="J4699">
        <v>3</v>
      </c>
      <c r="K4699">
        <v>8.5</v>
      </c>
    </row>
    <row r="4700" spans="1:11" x14ac:dyDescent="0.3">
      <c r="A4700" s="1">
        <v>42506</v>
      </c>
      <c r="B4700" s="3">
        <f t="shared" si="146"/>
        <v>5</v>
      </c>
      <c r="C4700" s="3">
        <f t="shared" si="147"/>
        <v>2016</v>
      </c>
      <c r="D4700" t="s">
        <v>192</v>
      </c>
      <c r="E4700" t="s">
        <v>26</v>
      </c>
      <c r="F4700" t="s">
        <v>33</v>
      </c>
      <c r="G4700" t="s">
        <v>46</v>
      </c>
      <c r="H4700" t="s">
        <v>1204</v>
      </c>
      <c r="I4700">
        <v>282.83999999999997</v>
      </c>
      <c r="J4700">
        <v>4</v>
      </c>
      <c r="K4700">
        <v>19.8</v>
      </c>
    </row>
    <row r="4701" spans="1:11" x14ac:dyDescent="0.3">
      <c r="A4701" s="1">
        <v>42506</v>
      </c>
      <c r="B4701" s="3">
        <f t="shared" si="146"/>
        <v>5</v>
      </c>
      <c r="C4701" s="3">
        <f t="shared" si="147"/>
        <v>2016</v>
      </c>
      <c r="D4701" t="s">
        <v>192</v>
      </c>
      <c r="E4701" t="s">
        <v>26</v>
      </c>
      <c r="F4701" t="s">
        <v>10</v>
      </c>
      <c r="G4701" t="s">
        <v>15</v>
      </c>
      <c r="H4701" t="s">
        <v>605</v>
      </c>
      <c r="I4701">
        <v>27.72</v>
      </c>
      <c r="J4701">
        <v>9</v>
      </c>
      <c r="K4701">
        <v>13.31</v>
      </c>
    </row>
    <row r="4702" spans="1:11" x14ac:dyDescent="0.3">
      <c r="A4702" s="1">
        <v>42507</v>
      </c>
      <c r="B4702" s="3">
        <f t="shared" si="146"/>
        <v>5</v>
      </c>
      <c r="C4702" s="3">
        <f t="shared" si="147"/>
        <v>2016</v>
      </c>
      <c r="D4702" t="s">
        <v>467</v>
      </c>
      <c r="E4702" t="s">
        <v>122</v>
      </c>
      <c r="F4702" t="s">
        <v>10</v>
      </c>
      <c r="G4702" t="s">
        <v>19</v>
      </c>
      <c r="H4702" t="s">
        <v>1649</v>
      </c>
      <c r="I4702">
        <v>2.95</v>
      </c>
      <c r="J4702">
        <v>2</v>
      </c>
      <c r="K4702">
        <v>-2.16</v>
      </c>
    </row>
    <row r="4703" spans="1:11" x14ac:dyDescent="0.3">
      <c r="A4703" s="1">
        <v>42507</v>
      </c>
      <c r="B4703" s="3">
        <f t="shared" si="146"/>
        <v>5</v>
      </c>
      <c r="C4703" s="3">
        <f t="shared" si="147"/>
        <v>2016</v>
      </c>
      <c r="D4703" t="s">
        <v>467</v>
      </c>
      <c r="E4703" t="s">
        <v>122</v>
      </c>
      <c r="F4703" t="s">
        <v>10</v>
      </c>
      <c r="G4703" t="s">
        <v>19</v>
      </c>
      <c r="H4703" t="s">
        <v>851</v>
      </c>
      <c r="I4703">
        <v>27.02</v>
      </c>
      <c r="J4703">
        <v>6</v>
      </c>
      <c r="K4703">
        <v>-21.61</v>
      </c>
    </row>
    <row r="4704" spans="1:11" x14ac:dyDescent="0.3">
      <c r="A4704" s="1">
        <v>42507</v>
      </c>
      <c r="B4704" s="3">
        <f t="shared" si="146"/>
        <v>5</v>
      </c>
      <c r="C4704" s="3">
        <f t="shared" si="147"/>
        <v>2016</v>
      </c>
      <c r="D4704" t="s">
        <v>1004</v>
      </c>
      <c r="E4704" t="s">
        <v>612</v>
      </c>
      <c r="F4704" t="s">
        <v>10</v>
      </c>
      <c r="G4704" t="s">
        <v>199</v>
      </c>
      <c r="H4704" t="s">
        <v>261</v>
      </c>
      <c r="I4704">
        <v>65.17</v>
      </c>
      <c r="J4704">
        <v>7</v>
      </c>
      <c r="K4704">
        <v>18.899999999999999</v>
      </c>
    </row>
    <row r="4705" spans="1:11" x14ac:dyDescent="0.3">
      <c r="A4705" s="1">
        <v>42507</v>
      </c>
      <c r="B4705" s="3">
        <f t="shared" si="146"/>
        <v>5</v>
      </c>
      <c r="C4705" s="3">
        <f t="shared" si="147"/>
        <v>2016</v>
      </c>
      <c r="D4705" t="s">
        <v>1004</v>
      </c>
      <c r="E4705" t="s">
        <v>612</v>
      </c>
      <c r="F4705" t="s">
        <v>10</v>
      </c>
      <c r="G4705" t="s">
        <v>15</v>
      </c>
      <c r="H4705" t="s">
        <v>1433</v>
      </c>
      <c r="I4705">
        <v>14.62</v>
      </c>
      <c r="J4705">
        <v>2</v>
      </c>
      <c r="K4705">
        <v>6.87</v>
      </c>
    </row>
    <row r="4706" spans="1:11" x14ac:dyDescent="0.3">
      <c r="A4706" s="1">
        <v>42507</v>
      </c>
      <c r="B4706" s="3">
        <f t="shared" si="146"/>
        <v>5</v>
      </c>
      <c r="C4706" s="3">
        <f t="shared" si="147"/>
        <v>2016</v>
      </c>
      <c r="D4706" t="s">
        <v>1004</v>
      </c>
      <c r="E4706" t="s">
        <v>612</v>
      </c>
      <c r="F4706" t="s">
        <v>33</v>
      </c>
      <c r="G4706" t="s">
        <v>46</v>
      </c>
      <c r="H4706" t="s">
        <v>1774</v>
      </c>
      <c r="I4706">
        <v>173.24</v>
      </c>
      <c r="J4706">
        <v>4</v>
      </c>
      <c r="K4706">
        <v>17.32</v>
      </c>
    </row>
    <row r="4707" spans="1:11" x14ac:dyDescent="0.3">
      <c r="A4707" s="1">
        <v>42507</v>
      </c>
      <c r="B4707" s="3">
        <f t="shared" si="146"/>
        <v>5</v>
      </c>
      <c r="C4707" s="3">
        <f t="shared" si="147"/>
        <v>2016</v>
      </c>
      <c r="D4707" t="s">
        <v>1285</v>
      </c>
      <c r="E4707" t="s">
        <v>14</v>
      </c>
      <c r="F4707" t="s">
        <v>10</v>
      </c>
      <c r="G4707" t="s">
        <v>19</v>
      </c>
      <c r="H4707" t="s">
        <v>2523</v>
      </c>
      <c r="I4707">
        <v>2.89</v>
      </c>
      <c r="J4707">
        <v>1</v>
      </c>
      <c r="K4707">
        <v>-4.7699999999999996</v>
      </c>
    </row>
    <row r="4708" spans="1:11" x14ac:dyDescent="0.3">
      <c r="A4708" s="1">
        <v>42507</v>
      </c>
      <c r="B4708" s="3">
        <f t="shared" si="146"/>
        <v>5</v>
      </c>
      <c r="C4708" s="3">
        <f t="shared" si="147"/>
        <v>2016</v>
      </c>
      <c r="D4708" t="s">
        <v>1285</v>
      </c>
      <c r="E4708" t="s">
        <v>14</v>
      </c>
      <c r="F4708" t="s">
        <v>10</v>
      </c>
      <c r="G4708" t="s">
        <v>42</v>
      </c>
      <c r="H4708" t="s">
        <v>1232</v>
      </c>
      <c r="I4708">
        <v>7.9</v>
      </c>
      <c r="J4708">
        <v>3</v>
      </c>
      <c r="K4708">
        <v>2.4700000000000002</v>
      </c>
    </row>
    <row r="4709" spans="1:11" x14ac:dyDescent="0.3">
      <c r="A4709" s="1">
        <v>42507</v>
      </c>
      <c r="B4709" s="3">
        <f t="shared" si="146"/>
        <v>5</v>
      </c>
      <c r="C4709" s="3">
        <f t="shared" si="147"/>
        <v>2016</v>
      </c>
      <c r="D4709" t="s">
        <v>1285</v>
      </c>
      <c r="E4709" t="s">
        <v>14</v>
      </c>
      <c r="F4709" t="s">
        <v>33</v>
      </c>
      <c r="G4709" t="s">
        <v>46</v>
      </c>
      <c r="H4709" t="s">
        <v>2014</v>
      </c>
      <c r="I4709">
        <v>22.61</v>
      </c>
      <c r="J4709">
        <v>3</v>
      </c>
      <c r="K4709">
        <v>-10.17</v>
      </c>
    </row>
    <row r="4710" spans="1:11" x14ac:dyDescent="0.3">
      <c r="A4710" s="1">
        <v>42507</v>
      </c>
      <c r="B4710" s="3">
        <f t="shared" si="146"/>
        <v>5</v>
      </c>
      <c r="C4710" s="3">
        <f t="shared" si="147"/>
        <v>2016</v>
      </c>
      <c r="D4710" t="s">
        <v>1285</v>
      </c>
      <c r="E4710" t="s">
        <v>14</v>
      </c>
      <c r="F4710" t="s">
        <v>10</v>
      </c>
      <c r="G4710" t="s">
        <v>11</v>
      </c>
      <c r="H4710" t="s">
        <v>1913</v>
      </c>
      <c r="I4710">
        <v>30.53</v>
      </c>
      <c r="J4710">
        <v>8</v>
      </c>
      <c r="K4710">
        <v>9.5399999999999991</v>
      </c>
    </row>
    <row r="4711" spans="1:11" x14ac:dyDescent="0.3">
      <c r="A4711" s="1">
        <v>42508</v>
      </c>
      <c r="B4711" s="3">
        <f t="shared" si="146"/>
        <v>5</v>
      </c>
      <c r="C4711" s="3">
        <f t="shared" si="147"/>
        <v>2016</v>
      </c>
      <c r="D4711" t="s">
        <v>160</v>
      </c>
      <c r="E4711" t="s">
        <v>26</v>
      </c>
      <c r="F4711" t="s">
        <v>10</v>
      </c>
      <c r="G4711" t="s">
        <v>17</v>
      </c>
      <c r="H4711" t="s">
        <v>2337</v>
      </c>
      <c r="I4711">
        <v>104.28</v>
      </c>
      <c r="J4711">
        <v>3</v>
      </c>
      <c r="K4711">
        <v>26.07</v>
      </c>
    </row>
    <row r="4712" spans="1:11" x14ac:dyDescent="0.3">
      <c r="A4712" s="1">
        <v>42508</v>
      </c>
      <c r="B4712" s="3">
        <f t="shared" si="146"/>
        <v>5</v>
      </c>
      <c r="C4712" s="3">
        <f t="shared" si="147"/>
        <v>2016</v>
      </c>
      <c r="D4712" t="s">
        <v>160</v>
      </c>
      <c r="E4712" t="s">
        <v>26</v>
      </c>
      <c r="F4712" t="s">
        <v>10</v>
      </c>
      <c r="G4712" t="s">
        <v>11</v>
      </c>
      <c r="H4712" t="s">
        <v>2132</v>
      </c>
      <c r="I4712">
        <v>17.940000000000001</v>
      </c>
      <c r="J4712">
        <v>3</v>
      </c>
      <c r="K4712">
        <v>8.7899999999999991</v>
      </c>
    </row>
    <row r="4713" spans="1:11" x14ac:dyDescent="0.3">
      <c r="A4713" s="1">
        <v>42509</v>
      </c>
      <c r="B4713" s="3">
        <f t="shared" si="146"/>
        <v>5</v>
      </c>
      <c r="C4713" s="3">
        <f t="shared" si="147"/>
        <v>2016</v>
      </c>
      <c r="D4713" t="s">
        <v>731</v>
      </c>
      <c r="E4713" t="s">
        <v>54</v>
      </c>
      <c r="F4713" t="s">
        <v>33</v>
      </c>
      <c r="G4713" t="s">
        <v>34</v>
      </c>
      <c r="H4713" t="s">
        <v>1730</v>
      </c>
      <c r="I4713">
        <v>641.96</v>
      </c>
      <c r="J4713">
        <v>2</v>
      </c>
      <c r="K4713">
        <v>179.75</v>
      </c>
    </row>
    <row r="4714" spans="1:11" x14ac:dyDescent="0.3">
      <c r="A4714" s="1">
        <v>42509</v>
      </c>
      <c r="B4714" s="3">
        <f t="shared" si="146"/>
        <v>5</v>
      </c>
      <c r="C4714" s="3">
        <f t="shared" si="147"/>
        <v>2016</v>
      </c>
      <c r="D4714" t="s">
        <v>313</v>
      </c>
      <c r="E4714" t="s">
        <v>148</v>
      </c>
      <c r="F4714" t="s">
        <v>10</v>
      </c>
      <c r="G4714" t="s">
        <v>91</v>
      </c>
      <c r="H4714" t="s">
        <v>1819</v>
      </c>
      <c r="I4714">
        <v>242.9</v>
      </c>
      <c r="J4714">
        <v>5</v>
      </c>
      <c r="K4714">
        <v>70.44</v>
      </c>
    </row>
    <row r="4715" spans="1:11" x14ac:dyDescent="0.3">
      <c r="A4715" s="1">
        <v>42509</v>
      </c>
      <c r="B4715" s="3">
        <f t="shared" si="146"/>
        <v>5</v>
      </c>
      <c r="C4715" s="3">
        <f t="shared" si="147"/>
        <v>2016</v>
      </c>
      <c r="D4715" t="s">
        <v>313</v>
      </c>
      <c r="E4715" t="s">
        <v>148</v>
      </c>
      <c r="F4715" t="s">
        <v>10</v>
      </c>
      <c r="G4715" t="s">
        <v>17</v>
      </c>
      <c r="H4715" t="s">
        <v>837</v>
      </c>
      <c r="I4715">
        <v>454.9</v>
      </c>
      <c r="J4715">
        <v>5</v>
      </c>
      <c r="K4715">
        <v>0</v>
      </c>
    </row>
    <row r="4716" spans="1:11" x14ac:dyDescent="0.3">
      <c r="A4716" s="1">
        <v>42509</v>
      </c>
      <c r="B4716" s="3">
        <f t="shared" si="146"/>
        <v>5</v>
      </c>
      <c r="C4716" s="3">
        <f t="shared" si="147"/>
        <v>2016</v>
      </c>
      <c r="D4716" t="s">
        <v>313</v>
      </c>
      <c r="E4716" t="s">
        <v>148</v>
      </c>
      <c r="F4716" t="s">
        <v>33</v>
      </c>
      <c r="G4716" t="s">
        <v>46</v>
      </c>
      <c r="H4716" t="s">
        <v>1091</v>
      </c>
      <c r="I4716">
        <v>35.92</v>
      </c>
      <c r="J4716">
        <v>4</v>
      </c>
      <c r="K4716">
        <v>15.09</v>
      </c>
    </row>
    <row r="4717" spans="1:11" x14ac:dyDescent="0.3">
      <c r="A4717" s="1">
        <v>42509</v>
      </c>
      <c r="B4717" s="3">
        <f t="shared" si="146"/>
        <v>5</v>
      </c>
      <c r="C4717" s="3">
        <f t="shared" si="147"/>
        <v>2016</v>
      </c>
      <c r="D4717" t="s">
        <v>313</v>
      </c>
      <c r="E4717" t="s">
        <v>148</v>
      </c>
      <c r="F4717" t="s">
        <v>33</v>
      </c>
      <c r="G4717" t="s">
        <v>46</v>
      </c>
      <c r="H4717" t="s">
        <v>59</v>
      </c>
      <c r="I4717">
        <v>39.76</v>
      </c>
      <c r="J4717">
        <v>8</v>
      </c>
      <c r="K4717">
        <v>12.33</v>
      </c>
    </row>
    <row r="4718" spans="1:11" x14ac:dyDescent="0.3">
      <c r="A4718" s="1">
        <v>42509</v>
      </c>
      <c r="B4718" s="3">
        <f t="shared" si="146"/>
        <v>5</v>
      </c>
      <c r="C4718" s="3">
        <f t="shared" si="147"/>
        <v>2016</v>
      </c>
      <c r="D4718" t="s">
        <v>313</v>
      </c>
      <c r="E4718" t="s">
        <v>148</v>
      </c>
      <c r="F4718" t="s">
        <v>10</v>
      </c>
      <c r="G4718" t="s">
        <v>19</v>
      </c>
      <c r="H4718" t="s">
        <v>1824</v>
      </c>
      <c r="I4718">
        <v>47.74</v>
      </c>
      <c r="J4718">
        <v>4</v>
      </c>
      <c r="K4718">
        <v>14.92</v>
      </c>
    </row>
    <row r="4719" spans="1:11" x14ac:dyDescent="0.3">
      <c r="A4719" s="1">
        <v>42509</v>
      </c>
      <c r="B4719" s="3">
        <f t="shared" si="146"/>
        <v>5</v>
      </c>
      <c r="C4719" s="3">
        <f t="shared" si="147"/>
        <v>2016</v>
      </c>
      <c r="D4719" t="s">
        <v>1516</v>
      </c>
      <c r="E4719" t="s">
        <v>26</v>
      </c>
      <c r="F4719" t="s">
        <v>10</v>
      </c>
      <c r="G4719" t="s">
        <v>19</v>
      </c>
      <c r="H4719" t="s">
        <v>510</v>
      </c>
      <c r="I4719">
        <v>9.58</v>
      </c>
      <c r="J4719">
        <v>1</v>
      </c>
      <c r="K4719">
        <v>3.35</v>
      </c>
    </row>
    <row r="4720" spans="1:11" x14ac:dyDescent="0.3">
      <c r="A4720" s="1">
        <v>42509</v>
      </c>
      <c r="B4720" s="3">
        <f t="shared" si="146"/>
        <v>5</v>
      </c>
      <c r="C4720" s="3">
        <f t="shared" si="147"/>
        <v>2016</v>
      </c>
      <c r="D4720" t="s">
        <v>467</v>
      </c>
      <c r="E4720" t="s">
        <v>128</v>
      </c>
      <c r="F4720" t="s">
        <v>10</v>
      </c>
      <c r="G4720" t="s">
        <v>23</v>
      </c>
      <c r="H4720" t="s">
        <v>844</v>
      </c>
      <c r="I4720">
        <v>21.4</v>
      </c>
      <c r="J4720">
        <v>5</v>
      </c>
      <c r="K4720">
        <v>6.21</v>
      </c>
    </row>
    <row r="4721" spans="1:11" x14ac:dyDescent="0.3">
      <c r="A4721" s="1">
        <v>42509</v>
      </c>
      <c r="B4721" s="3">
        <f t="shared" si="146"/>
        <v>5</v>
      </c>
      <c r="C4721" s="3">
        <f t="shared" si="147"/>
        <v>2016</v>
      </c>
      <c r="D4721" t="s">
        <v>442</v>
      </c>
      <c r="E4721" t="s">
        <v>26</v>
      </c>
      <c r="F4721" t="s">
        <v>10</v>
      </c>
      <c r="G4721" t="s">
        <v>91</v>
      </c>
      <c r="H4721" t="s">
        <v>657</v>
      </c>
      <c r="I4721">
        <v>87.84</v>
      </c>
      <c r="J4721">
        <v>8</v>
      </c>
      <c r="K4721">
        <v>23.72</v>
      </c>
    </row>
    <row r="4722" spans="1:11" x14ac:dyDescent="0.3">
      <c r="A4722" s="1">
        <v>42510</v>
      </c>
      <c r="B4722" s="3">
        <f t="shared" si="146"/>
        <v>5</v>
      </c>
      <c r="C4722" s="3">
        <f t="shared" si="147"/>
        <v>2016</v>
      </c>
      <c r="D4722" t="s">
        <v>300</v>
      </c>
      <c r="E4722" t="s">
        <v>26</v>
      </c>
      <c r="F4722" t="s">
        <v>33</v>
      </c>
      <c r="G4722" t="s">
        <v>46</v>
      </c>
      <c r="H4722" t="s">
        <v>2371</v>
      </c>
      <c r="I4722">
        <v>1049.2</v>
      </c>
      <c r="J4722">
        <v>5</v>
      </c>
      <c r="K4722">
        <v>272.79000000000002</v>
      </c>
    </row>
    <row r="4723" spans="1:11" x14ac:dyDescent="0.3">
      <c r="A4723" s="1">
        <v>42510</v>
      </c>
      <c r="B4723" s="3">
        <f t="shared" si="146"/>
        <v>5</v>
      </c>
      <c r="C4723" s="3">
        <f t="shared" si="147"/>
        <v>2016</v>
      </c>
      <c r="D4723" t="s">
        <v>300</v>
      </c>
      <c r="E4723" t="s">
        <v>26</v>
      </c>
      <c r="F4723" t="s">
        <v>10</v>
      </c>
      <c r="G4723" t="s">
        <v>19</v>
      </c>
      <c r="H4723" t="s">
        <v>188</v>
      </c>
      <c r="I4723">
        <v>15.42</v>
      </c>
      <c r="J4723">
        <v>4</v>
      </c>
      <c r="K4723">
        <v>5.01</v>
      </c>
    </row>
    <row r="4724" spans="1:11" x14ac:dyDescent="0.3">
      <c r="A4724" s="1">
        <v>42510</v>
      </c>
      <c r="B4724" s="3">
        <f t="shared" si="146"/>
        <v>5</v>
      </c>
      <c r="C4724" s="3">
        <f t="shared" si="147"/>
        <v>2016</v>
      </c>
      <c r="D4724" t="s">
        <v>1651</v>
      </c>
      <c r="E4724" t="s">
        <v>244</v>
      </c>
      <c r="F4724" t="s">
        <v>38</v>
      </c>
      <c r="G4724" t="s">
        <v>39</v>
      </c>
      <c r="H4724" t="s">
        <v>1099</v>
      </c>
      <c r="I4724">
        <v>1363.96</v>
      </c>
      <c r="J4724">
        <v>5</v>
      </c>
      <c r="K4724">
        <v>85.25</v>
      </c>
    </row>
    <row r="4725" spans="1:11" x14ac:dyDescent="0.3">
      <c r="A4725" s="1">
        <v>42510</v>
      </c>
      <c r="B4725" s="3">
        <f t="shared" si="146"/>
        <v>5</v>
      </c>
      <c r="C4725" s="3">
        <f t="shared" si="147"/>
        <v>2016</v>
      </c>
      <c r="D4725" t="s">
        <v>1967</v>
      </c>
      <c r="E4725" t="s">
        <v>122</v>
      </c>
      <c r="F4725" t="s">
        <v>10</v>
      </c>
      <c r="G4725" t="s">
        <v>19</v>
      </c>
      <c r="H4725" t="s">
        <v>450</v>
      </c>
      <c r="I4725">
        <v>2.69</v>
      </c>
      <c r="J4725">
        <v>2</v>
      </c>
      <c r="K4725">
        <v>-2.25</v>
      </c>
    </row>
    <row r="4726" spans="1:11" x14ac:dyDescent="0.3">
      <c r="A4726" s="1">
        <v>42510</v>
      </c>
      <c r="B4726" s="3">
        <f t="shared" si="146"/>
        <v>5</v>
      </c>
      <c r="C4726" s="3">
        <f t="shared" si="147"/>
        <v>2016</v>
      </c>
      <c r="D4726" t="s">
        <v>1493</v>
      </c>
      <c r="E4726" t="s">
        <v>277</v>
      </c>
      <c r="F4726" t="s">
        <v>10</v>
      </c>
      <c r="G4726" t="s">
        <v>19</v>
      </c>
      <c r="H4726" t="s">
        <v>547</v>
      </c>
      <c r="I4726">
        <v>40.64</v>
      </c>
      <c r="J4726">
        <v>7</v>
      </c>
      <c r="K4726">
        <v>-32.51</v>
      </c>
    </row>
    <row r="4727" spans="1:11" x14ac:dyDescent="0.3">
      <c r="A4727" s="1">
        <v>42511</v>
      </c>
      <c r="B4727" s="3">
        <f t="shared" si="146"/>
        <v>5</v>
      </c>
      <c r="C4727" s="3">
        <f t="shared" si="147"/>
        <v>2016</v>
      </c>
      <c r="D4727" t="s">
        <v>1777</v>
      </c>
      <c r="E4727" t="s">
        <v>26</v>
      </c>
      <c r="F4727" t="s">
        <v>38</v>
      </c>
      <c r="G4727" t="s">
        <v>39</v>
      </c>
      <c r="H4727" t="s">
        <v>2274</v>
      </c>
      <c r="I4727">
        <v>55.18</v>
      </c>
      <c r="J4727">
        <v>3</v>
      </c>
      <c r="K4727">
        <v>-12.41</v>
      </c>
    </row>
    <row r="4728" spans="1:11" x14ac:dyDescent="0.3">
      <c r="A4728" s="1">
        <v>42511</v>
      </c>
      <c r="B4728" s="3">
        <f t="shared" si="146"/>
        <v>5</v>
      </c>
      <c r="C4728" s="3">
        <f t="shared" si="147"/>
        <v>2016</v>
      </c>
      <c r="D4728" t="s">
        <v>1777</v>
      </c>
      <c r="E4728" t="s">
        <v>26</v>
      </c>
      <c r="F4728" t="s">
        <v>38</v>
      </c>
      <c r="G4728" t="s">
        <v>51</v>
      </c>
      <c r="H4728" t="s">
        <v>1614</v>
      </c>
      <c r="I4728">
        <v>66.260000000000005</v>
      </c>
      <c r="J4728">
        <v>2</v>
      </c>
      <c r="K4728">
        <v>27.17</v>
      </c>
    </row>
    <row r="4729" spans="1:11" x14ac:dyDescent="0.3">
      <c r="A4729" s="1">
        <v>42511</v>
      </c>
      <c r="B4729" s="3">
        <f t="shared" si="146"/>
        <v>5</v>
      </c>
      <c r="C4729" s="3">
        <f t="shared" si="147"/>
        <v>2016</v>
      </c>
      <c r="D4729" t="s">
        <v>211</v>
      </c>
      <c r="E4729" t="s">
        <v>125</v>
      </c>
      <c r="F4729" t="s">
        <v>38</v>
      </c>
      <c r="G4729" t="s">
        <v>301</v>
      </c>
      <c r="H4729" t="s">
        <v>2524</v>
      </c>
      <c r="I4729">
        <v>2396.4</v>
      </c>
      <c r="J4729">
        <v>10</v>
      </c>
      <c r="K4729">
        <v>179.73</v>
      </c>
    </row>
    <row r="4730" spans="1:11" x14ac:dyDescent="0.3">
      <c r="A4730" s="1">
        <v>42511</v>
      </c>
      <c r="B4730" s="3">
        <f t="shared" si="146"/>
        <v>5</v>
      </c>
      <c r="C4730" s="3">
        <f t="shared" si="147"/>
        <v>2016</v>
      </c>
      <c r="D4730" t="s">
        <v>318</v>
      </c>
      <c r="E4730" t="s">
        <v>1528</v>
      </c>
      <c r="F4730" t="s">
        <v>10</v>
      </c>
      <c r="G4730" t="s">
        <v>11</v>
      </c>
      <c r="H4730" t="s">
        <v>624</v>
      </c>
      <c r="I4730">
        <v>111.96</v>
      </c>
      <c r="J4730">
        <v>2</v>
      </c>
      <c r="K4730">
        <v>54.86</v>
      </c>
    </row>
    <row r="4731" spans="1:11" x14ac:dyDescent="0.3">
      <c r="A4731" s="1">
        <v>42511</v>
      </c>
      <c r="B4731" s="3">
        <f t="shared" si="146"/>
        <v>5</v>
      </c>
      <c r="C4731" s="3">
        <f t="shared" si="147"/>
        <v>2016</v>
      </c>
      <c r="D4731" t="s">
        <v>2525</v>
      </c>
      <c r="E4731" t="s">
        <v>9</v>
      </c>
      <c r="F4731" t="s">
        <v>10</v>
      </c>
      <c r="G4731" t="s">
        <v>19</v>
      </c>
      <c r="H4731" t="s">
        <v>149</v>
      </c>
      <c r="I4731">
        <v>1.96</v>
      </c>
      <c r="J4731">
        <v>2</v>
      </c>
      <c r="K4731">
        <v>-3.24</v>
      </c>
    </row>
    <row r="4732" spans="1:11" x14ac:dyDescent="0.3">
      <c r="A4732" s="1">
        <v>42511</v>
      </c>
      <c r="B4732" s="3">
        <f t="shared" si="146"/>
        <v>5</v>
      </c>
      <c r="C4732" s="3">
        <f t="shared" si="147"/>
        <v>2016</v>
      </c>
      <c r="D4732" t="s">
        <v>2525</v>
      </c>
      <c r="E4732" t="s">
        <v>9</v>
      </c>
      <c r="F4732" t="s">
        <v>10</v>
      </c>
      <c r="G4732" t="s">
        <v>11</v>
      </c>
      <c r="H4732" t="s">
        <v>1641</v>
      </c>
      <c r="I4732">
        <v>82.66</v>
      </c>
      <c r="J4732">
        <v>9</v>
      </c>
      <c r="K4732">
        <v>31</v>
      </c>
    </row>
    <row r="4733" spans="1:11" x14ac:dyDescent="0.3">
      <c r="A4733" s="1">
        <v>42511</v>
      </c>
      <c r="B4733" s="3">
        <f t="shared" si="146"/>
        <v>5</v>
      </c>
      <c r="C4733" s="3">
        <f t="shared" si="147"/>
        <v>2016</v>
      </c>
      <c r="D4733" t="s">
        <v>1770</v>
      </c>
      <c r="E4733" t="s">
        <v>14</v>
      </c>
      <c r="F4733" t="s">
        <v>10</v>
      </c>
      <c r="G4733" t="s">
        <v>19</v>
      </c>
      <c r="H4733" t="s">
        <v>247</v>
      </c>
      <c r="I4733">
        <v>3.8</v>
      </c>
      <c r="J4733">
        <v>3</v>
      </c>
      <c r="K4733">
        <v>-5.89</v>
      </c>
    </row>
    <row r="4734" spans="1:11" x14ac:dyDescent="0.3">
      <c r="A4734" s="1">
        <v>42512</v>
      </c>
      <c r="B4734" s="3">
        <f t="shared" si="146"/>
        <v>5</v>
      </c>
      <c r="C4734" s="3">
        <f t="shared" si="147"/>
        <v>2016</v>
      </c>
      <c r="D4734" t="s">
        <v>2382</v>
      </c>
      <c r="E4734" t="s">
        <v>176</v>
      </c>
      <c r="F4734" t="s">
        <v>38</v>
      </c>
      <c r="G4734" t="s">
        <v>39</v>
      </c>
      <c r="H4734" t="s">
        <v>86</v>
      </c>
      <c r="I4734">
        <v>345</v>
      </c>
      <c r="J4734">
        <v>5</v>
      </c>
      <c r="K4734">
        <v>86.25</v>
      </c>
    </row>
    <row r="4735" spans="1:11" x14ac:dyDescent="0.3">
      <c r="A4735" s="1">
        <v>42512</v>
      </c>
      <c r="B4735" s="3">
        <f t="shared" si="146"/>
        <v>5</v>
      </c>
      <c r="C4735" s="3">
        <f t="shared" si="147"/>
        <v>2016</v>
      </c>
      <c r="D4735" t="s">
        <v>2382</v>
      </c>
      <c r="E4735" t="s">
        <v>176</v>
      </c>
      <c r="F4735" t="s">
        <v>33</v>
      </c>
      <c r="G4735" t="s">
        <v>144</v>
      </c>
      <c r="H4735" t="s">
        <v>500</v>
      </c>
      <c r="I4735">
        <v>174.29</v>
      </c>
      <c r="J4735">
        <v>2</v>
      </c>
      <c r="K4735">
        <v>-19.920000000000002</v>
      </c>
    </row>
    <row r="4736" spans="1:11" x14ac:dyDescent="0.3">
      <c r="A4736" s="1">
        <v>42512</v>
      </c>
      <c r="B4736" s="3">
        <f t="shared" si="146"/>
        <v>5</v>
      </c>
      <c r="C4736" s="3">
        <f t="shared" si="147"/>
        <v>2016</v>
      </c>
      <c r="D4736" t="s">
        <v>2382</v>
      </c>
      <c r="E4736" t="s">
        <v>176</v>
      </c>
      <c r="F4736" t="s">
        <v>10</v>
      </c>
      <c r="G4736" t="s">
        <v>91</v>
      </c>
      <c r="H4736" t="s">
        <v>1414</v>
      </c>
      <c r="I4736">
        <v>662.84</v>
      </c>
      <c r="J4736">
        <v>4</v>
      </c>
      <c r="K4736">
        <v>172.34</v>
      </c>
    </row>
    <row r="4737" spans="1:11" x14ac:dyDescent="0.3">
      <c r="A4737" s="1">
        <v>42512</v>
      </c>
      <c r="B4737" s="3">
        <f t="shared" si="146"/>
        <v>5</v>
      </c>
      <c r="C4737" s="3">
        <f t="shared" si="147"/>
        <v>2016</v>
      </c>
      <c r="D4737" t="s">
        <v>2382</v>
      </c>
      <c r="E4737" t="s">
        <v>176</v>
      </c>
      <c r="F4737" t="s">
        <v>38</v>
      </c>
      <c r="G4737" t="s">
        <v>51</v>
      </c>
      <c r="H4737" t="s">
        <v>1168</v>
      </c>
      <c r="I4737">
        <v>95.1</v>
      </c>
      <c r="J4737">
        <v>5</v>
      </c>
      <c r="K4737">
        <v>30.43</v>
      </c>
    </row>
    <row r="4738" spans="1:11" x14ac:dyDescent="0.3">
      <c r="A4738" s="1">
        <v>42512</v>
      </c>
      <c r="B4738" s="3">
        <f t="shared" ref="B4738:B4801" si="148">MONTH(A:A)</f>
        <v>5</v>
      </c>
      <c r="C4738" s="3">
        <f t="shared" ref="C4738:C4801" si="149">YEAR(A:A)</f>
        <v>2016</v>
      </c>
      <c r="D4738" t="s">
        <v>2382</v>
      </c>
      <c r="E4738" t="s">
        <v>176</v>
      </c>
      <c r="F4738" t="s">
        <v>10</v>
      </c>
      <c r="G4738" t="s">
        <v>62</v>
      </c>
      <c r="H4738" t="s">
        <v>2480</v>
      </c>
      <c r="I4738">
        <v>26.88</v>
      </c>
      <c r="J4738">
        <v>6</v>
      </c>
      <c r="K4738">
        <v>12.9</v>
      </c>
    </row>
    <row r="4739" spans="1:11" x14ac:dyDescent="0.3">
      <c r="A4739" s="1">
        <v>42512</v>
      </c>
      <c r="B4739" s="3">
        <f t="shared" si="148"/>
        <v>5</v>
      </c>
      <c r="C4739" s="3">
        <f t="shared" si="149"/>
        <v>2016</v>
      </c>
      <c r="D4739" t="s">
        <v>2382</v>
      </c>
      <c r="E4739" t="s">
        <v>176</v>
      </c>
      <c r="F4739" t="s">
        <v>38</v>
      </c>
      <c r="G4739" t="s">
        <v>39</v>
      </c>
      <c r="H4739" t="s">
        <v>1517</v>
      </c>
      <c r="I4739">
        <v>257.98</v>
      </c>
      <c r="J4739">
        <v>2</v>
      </c>
      <c r="K4739">
        <v>74.81</v>
      </c>
    </row>
    <row r="4740" spans="1:11" x14ac:dyDescent="0.3">
      <c r="A4740" s="1">
        <v>42512</v>
      </c>
      <c r="B4740" s="3">
        <f t="shared" si="148"/>
        <v>5</v>
      </c>
      <c r="C4740" s="3">
        <f t="shared" si="149"/>
        <v>2016</v>
      </c>
      <c r="D4740" t="s">
        <v>1486</v>
      </c>
      <c r="E4740" t="s">
        <v>29</v>
      </c>
      <c r="F4740" t="s">
        <v>10</v>
      </c>
      <c r="G4740" t="s">
        <v>15</v>
      </c>
      <c r="H4740" t="s">
        <v>2501</v>
      </c>
      <c r="I4740">
        <v>14.73</v>
      </c>
      <c r="J4740">
        <v>3</v>
      </c>
      <c r="K4740">
        <v>7.22</v>
      </c>
    </row>
    <row r="4741" spans="1:11" x14ac:dyDescent="0.3">
      <c r="A4741" s="1">
        <v>42512</v>
      </c>
      <c r="B4741" s="3">
        <f t="shared" si="148"/>
        <v>5</v>
      </c>
      <c r="C4741" s="3">
        <f t="shared" si="149"/>
        <v>2016</v>
      </c>
      <c r="D4741" t="s">
        <v>1465</v>
      </c>
      <c r="E4741" t="s">
        <v>26</v>
      </c>
      <c r="F4741" t="s">
        <v>38</v>
      </c>
      <c r="G4741" t="s">
        <v>39</v>
      </c>
      <c r="H4741" t="s">
        <v>2526</v>
      </c>
      <c r="I4741">
        <v>222.38</v>
      </c>
      <c r="J4741">
        <v>2</v>
      </c>
      <c r="K4741">
        <v>22.24</v>
      </c>
    </row>
    <row r="4742" spans="1:11" x14ac:dyDescent="0.3">
      <c r="A4742" s="1">
        <v>42513</v>
      </c>
      <c r="B4742" s="3">
        <f t="shared" si="148"/>
        <v>5</v>
      </c>
      <c r="C4742" s="3">
        <f t="shared" si="149"/>
        <v>2016</v>
      </c>
      <c r="D4742" t="s">
        <v>1404</v>
      </c>
      <c r="E4742" t="s">
        <v>26</v>
      </c>
      <c r="F4742" t="s">
        <v>33</v>
      </c>
      <c r="G4742" t="s">
        <v>46</v>
      </c>
      <c r="H4742" t="s">
        <v>1106</v>
      </c>
      <c r="I4742">
        <v>37.049999999999997</v>
      </c>
      <c r="J4742">
        <v>3</v>
      </c>
      <c r="K4742">
        <v>16.3</v>
      </c>
    </row>
    <row r="4743" spans="1:11" x14ac:dyDescent="0.3">
      <c r="A4743" s="1">
        <v>42513</v>
      </c>
      <c r="B4743" s="3">
        <f t="shared" si="148"/>
        <v>5</v>
      </c>
      <c r="C4743" s="3">
        <f t="shared" si="149"/>
        <v>2016</v>
      </c>
      <c r="D4743" t="s">
        <v>1011</v>
      </c>
      <c r="E4743" t="s">
        <v>14</v>
      </c>
      <c r="F4743" t="s">
        <v>38</v>
      </c>
      <c r="G4743" t="s">
        <v>39</v>
      </c>
      <c r="H4743" t="s">
        <v>2142</v>
      </c>
      <c r="I4743">
        <v>1979.93</v>
      </c>
      <c r="J4743">
        <v>9</v>
      </c>
      <c r="K4743">
        <v>148.49</v>
      </c>
    </row>
    <row r="4744" spans="1:11" x14ac:dyDescent="0.3">
      <c r="A4744" s="1">
        <v>42513</v>
      </c>
      <c r="B4744" s="3">
        <f t="shared" si="148"/>
        <v>5</v>
      </c>
      <c r="C4744" s="3">
        <f t="shared" si="149"/>
        <v>2016</v>
      </c>
      <c r="D4744" t="s">
        <v>245</v>
      </c>
      <c r="E4744" t="s">
        <v>487</v>
      </c>
      <c r="F4744" t="s">
        <v>10</v>
      </c>
      <c r="G4744" t="s">
        <v>11</v>
      </c>
      <c r="H4744" t="s">
        <v>678</v>
      </c>
      <c r="I4744">
        <v>4.9800000000000004</v>
      </c>
      <c r="J4744">
        <v>1</v>
      </c>
      <c r="K4744">
        <v>2.44</v>
      </c>
    </row>
    <row r="4745" spans="1:11" x14ac:dyDescent="0.3">
      <c r="A4745" s="1">
        <v>42513</v>
      </c>
      <c r="B4745" s="3">
        <f t="shared" si="148"/>
        <v>5</v>
      </c>
      <c r="C4745" s="3">
        <f t="shared" si="149"/>
        <v>2016</v>
      </c>
      <c r="D4745" t="s">
        <v>2527</v>
      </c>
      <c r="E4745" t="s">
        <v>22</v>
      </c>
      <c r="F4745" t="s">
        <v>38</v>
      </c>
      <c r="G4745" t="s">
        <v>602</v>
      </c>
      <c r="H4745" t="s">
        <v>2528</v>
      </c>
      <c r="I4745">
        <v>8399.98</v>
      </c>
      <c r="J4745">
        <v>4</v>
      </c>
      <c r="K4745">
        <v>1120</v>
      </c>
    </row>
    <row r="4746" spans="1:11" x14ac:dyDescent="0.3">
      <c r="A4746" s="1">
        <v>42513</v>
      </c>
      <c r="B4746" s="3">
        <f t="shared" si="148"/>
        <v>5</v>
      </c>
      <c r="C4746" s="3">
        <f t="shared" si="149"/>
        <v>2016</v>
      </c>
      <c r="D4746" t="s">
        <v>2527</v>
      </c>
      <c r="E4746" t="s">
        <v>22</v>
      </c>
      <c r="F4746" t="s">
        <v>10</v>
      </c>
      <c r="G4746" t="s">
        <v>19</v>
      </c>
      <c r="H4746" t="s">
        <v>1231</v>
      </c>
      <c r="I4746">
        <v>6.29</v>
      </c>
      <c r="J4746">
        <v>1</v>
      </c>
      <c r="K4746">
        <v>-4.2</v>
      </c>
    </row>
    <row r="4747" spans="1:11" x14ac:dyDescent="0.3">
      <c r="A4747" s="1">
        <v>42513</v>
      </c>
      <c r="B4747" s="3">
        <f t="shared" si="148"/>
        <v>5</v>
      </c>
      <c r="C4747" s="3">
        <f t="shared" si="149"/>
        <v>2016</v>
      </c>
      <c r="D4747" t="s">
        <v>2527</v>
      </c>
      <c r="E4747" t="s">
        <v>22</v>
      </c>
      <c r="F4747" t="s">
        <v>10</v>
      </c>
      <c r="G4747" t="s">
        <v>11</v>
      </c>
      <c r="H4747" t="s">
        <v>506</v>
      </c>
      <c r="I4747">
        <v>10.37</v>
      </c>
      <c r="J4747">
        <v>2</v>
      </c>
      <c r="K4747">
        <v>3.63</v>
      </c>
    </row>
    <row r="4748" spans="1:11" x14ac:dyDescent="0.3">
      <c r="A4748" s="1">
        <v>42513</v>
      </c>
      <c r="B4748" s="3">
        <f t="shared" si="148"/>
        <v>5</v>
      </c>
      <c r="C4748" s="3">
        <f t="shared" si="149"/>
        <v>2016</v>
      </c>
      <c r="D4748" t="s">
        <v>2527</v>
      </c>
      <c r="E4748" t="s">
        <v>22</v>
      </c>
      <c r="F4748" t="s">
        <v>38</v>
      </c>
      <c r="G4748" t="s">
        <v>39</v>
      </c>
      <c r="H4748" t="s">
        <v>2426</v>
      </c>
      <c r="I4748">
        <v>122.38</v>
      </c>
      <c r="J4748">
        <v>3</v>
      </c>
      <c r="K4748">
        <v>-24.48</v>
      </c>
    </row>
    <row r="4749" spans="1:11" x14ac:dyDescent="0.3">
      <c r="A4749" s="1">
        <v>42514</v>
      </c>
      <c r="B4749" s="3">
        <f t="shared" si="148"/>
        <v>5</v>
      </c>
      <c r="C4749" s="3">
        <f t="shared" si="149"/>
        <v>2016</v>
      </c>
      <c r="D4749" t="s">
        <v>1493</v>
      </c>
      <c r="E4749" t="s">
        <v>54</v>
      </c>
      <c r="F4749" t="s">
        <v>10</v>
      </c>
      <c r="G4749" t="s">
        <v>199</v>
      </c>
      <c r="H4749" t="s">
        <v>1457</v>
      </c>
      <c r="I4749">
        <v>69.5</v>
      </c>
      <c r="J4749">
        <v>5</v>
      </c>
      <c r="K4749">
        <v>20.16</v>
      </c>
    </row>
    <row r="4750" spans="1:11" x14ac:dyDescent="0.3">
      <c r="A4750" s="1">
        <v>42514</v>
      </c>
      <c r="B4750" s="3">
        <f t="shared" si="148"/>
        <v>5</v>
      </c>
      <c r="C4750" s="3">
        <f t="shared" si="149"/>
        <v>2016</v>
      </c>
      <c r="D4750" t="s">
        <v>1493</v>
      </c>
      <c r="E4750" t="s">
        <v>54</v>
      </c>
      <c r="F4750" t="s">
        <v>10</v>
      </c>
      <c r="G4750" t="s">
        <v>11</v>
      </c>
      <c r="H4750" t="s">
        <v>2489</v>
      </c>
      <c r="I4750">
        <v>191.6</v>
      </c>
      <c r="J4750">
        <v>4</v>
      </c>
      <c r="K4750">
        <v>91.97</v>
      </c>
    </row>
    <row r="4751" spans="1:11" x14ac:dyDescent="0.3">
      <c r="A4751" s="1">
        <v>42514</v>
      </c>
      <c r="B4751" s="3">
        <f t="shared" si="148"/>
        <v>5</v>
      </c>
      <c r="C4751" s="3">
        <f t="shared" si="149"/>
        <v>2016</v>
      </c>
      <c r="D4751" t="s">
        <v>909</v>
      </c>
      <c r="E4751" t="s">
        <v>22</v>
      </c>
      <c r="F4751" t="s">
        <v>10</v>
      </c>
      <c r="G4751" t="s">
        <v>23</v>
      </c>
      <c r="H4751" t="s">
        <v>2529</v>
      </c>
      <c r="I4751">
        <v>16.66</v>
      </c>
      <c r="J4751">
        <v>3</v>
      </c>
      <c r="K4751">
        <v>3.33</v>
      </c>
    </row>
    <row r="4752" spans="1:11" x14ac:dyDescent="0.3">
      <c r="A4752" s="1">
        <v>42515</v>
      </c>
      <c r="B4752" s="3">
        <f t="shared" si="148"/>
        <v>5</v>
      </c>
      <c r="C4752" s="3">
        <f t="shared" si="149"/>
        <v>2016</v>
      </c>
      <c r="D4752" t="s">
        <v>2056</v>
      </c>
      <c r="E4752" t="s">
        <v>29</v>
      </c>
      <c r="F4752" t="s">
        <v>33</v>
      </c>
      <c r="G4752" t="s">
        <v>46</v>
      </c>
      <c r="H4752" t="s">
        <v>2530</v>
      </c>
      <c r="I4752">
        <v>24.96</v>
      </c>
      <c r="J4752">
        <v>4</v>
      </c>
      <c r="K4752">
        <v>6.24</v>
      </c>
    </row>
    <row r="4753" spans="1:11" x14ac:dyDescent="0.3">
      <c r="A4753" s="1">
        <v>42515</v>
      </c>
      <c r="B4753" s="3">
        <f t="shared" si="148"/>
        <v>5</v>
      </c>
      <c r="C4753" s="3">
        <f t="shared" si="149"/>
        <v>2016</v>
      </c>
      <c r="D4753" t="s">
        <v>2056</v>
      </c>
      <c r="E4753" t="s">
        <v>29</v>
      </c>
      <c r="F4753" t="s">
        <v>10</v>
      </c>
      <c r="G4753" t="s">
        <v>11</v>
      </c>
      <c r="H4753" t="s">
        <v>107</v>
      </c>
      <c r="I4753">
        <v>19.36</v>
      </c>
      <c r="J4753">
        <v>2</v>
      </c>
      <c r="K4753">
        <v>9.2899999999999991</v>
      </c>
    </row>
    <row r="4754" spans="1:11" x14ac:dyDescent="0.3">
      <c r="A4754" s="1">
        <v>42515</v>
      </c>
      <c r="B4754" s="3">
        <f t="shared" si="148"/>
        <v>5</v>
      </c>
      <c r="C4754" s="3">
        <f t="shared" si="149"/>
        <v>2016</v>
      </c>
      <c r="D4754" t="s">
        <v>2056</v>
      </c>
      <c r="E4754" t="s">
        <v>29</v>
      </c>
      <c r="F4754" t="s">
        <v>10</v>
      </c>
      <c r="G4754" t="s">
        <v>17</v>
      </c>
      <c r="H4754" t="s">
        <v>1853</v>
      </c>
      <c r="I4754">
        <v>1267.6500000000001</v>
      </c>
      <c r="J4754">
        <v>9</v>
      </c>
      <c r="K4754">
        <v>152.12</v>
      </c>
    </row>
    <row r="4755" spans="1:11" x14ac:dyDescent="0.3">
      <c r="A4755" s="1">
        <v>42516</v>
      </c>
      <c r="B4755" s="3">
        <f t="shared" si="148"/>
        <v>5</v>
      </c>
      <c r="C4755" s="3">
        <f t="shared" si="149"/>
        <v>2016</v>
      </c>
      <c r="D4755" t="s">
        <v>379</v>
      </c>
      <c r="E4755" t="s">
        <v>9</v>
      </c>
      <c r="F4755" t="s">
        <v>10</v>
      </c>
      <c r="G4755" t="s">
        <v>11</v>
      </c>
      <c r="H4755" t="s">
        <v>2171</v>
      </c>
      <c r="I4755">
        <v>10.37</v>
      </c>
      <c r="J4755">
        <v>2</v>
      </c>
      <c r="K4755">
        <v>3.63</v>
      </c>
    </row>
    <row r="4756" spans="1:11" x14ac:dyDescent="0.3">
      <c r="A4756" s="1">
        <v>42516</v>
      </c>
      <c r="B4756" s="3">
        <f t="shared" si="148"/>
        <v>5</v>
      </c>
      <c r="C4756" s="3">
        <f t="shared" si="149"/>
        <v>2016</v>
      </c>
      <c r="D4756" t="s">
        <v>379</v>
      </c>
      <c r="E4756" t="s">
        <v>9</v>
      </c>
      <c r="F4756" t="s">
        <v>33</v>
      </c>
      <c r="G4756" t="s">
        <v>34</v>
      </c>
      <c r="H4756" t="s">
        <v>1684</v>
      </c>
      <c r="I4756">
        <v>388.43</v>
      </c>
      <c r="J4756">
        <v>5</v>
      </c>
      <c r="K4756">
        <v>-88.78</v>
      </c>
    </row>
    <row r="4757" spans="1:11" x14ac:dyDescent="0.3">
      <c r="A4757" s="1">
        <v>42516</v>
      </c>
      <c r="B4757" s="3">
        <f t="shared" si="148"/>
        <v>5</v>
      </c>
      <c r="C4757" s="3">
        <f t="shared" si="149"/>
        <v>2016</v>
      </c>
      <c r="D4757" t="s">
        <v>379</v>
      </c>
      <c r="E4757" t="s">
        <v>9</v>
      </c>
      <c r="F4757" t="s">
        <v>10</v>
      </c>
      <c r="G4757" t="s">
        <v>11</v>
      </c>
      <c r="H4757" t="s">
        <v>2132</v>
      </c>
      <c r="I4757">
        <v>14.35</v>
      </c>
      <c r="J4757">
        <v>3</v>
      </c>
      <c r="K4757">
        <v>5.2</v>
      </c>
    </row>
    <row r="4758" spans="1:11" x14ac:dyDescent="0.3">
      <c r="A4758" s="1">
        <v>42516</v>
      </c>
      <c r="B4758" s="3">
        <f t="shared" si="148"/>
        <v>5</v>
      </c>
      <c r="C4758" s="3">
        <f t="shared" si="149"/>
        <v>2016</v>
      </c>
      <c r="D4758" t="s">
        <v>379</v>
      </c>
      <c r="E4758" t="s">
        <v>9</v>
      </c>
      <c r="F4758" t="s">
        <v>38</v>
      </c>
      <c r="G4758" t="s">
        <v>51</v>
      </c>
      <c r="H4758" t="s">
        <v>2531</v>
      </c>
      <c r="I4758">
        <v>63.99</v>
      </c>
      <c r="J4758">
        <v>1</v>
      </c>
      <c r="K4758">
        <v>-7.2</v>
      </c>
    </row>
    <row r="4759" spans="1:11" x14ac:dyDescent="0.3">
      <c r="A4759" s="1">
        <v>42516</v>
      </c>
      <c r="B4759" s="3">
        <f t="shared" si="148"/>
        <v>5</v>
      </c>
      <c r="C4759" s="3">
        <f t="shared" si="149"/>
        <v>2016</v>
      </c>
      <c r="D4759" t="s">
        <v>852</v>
      </c>
      <c r="E4759" t="s">
        <v>2043</v>
      </c>
      <c r="F4759" t="s">
        <v>10</v>
      </c>
      <c r="G4759" t="s">
        <v>11</v>
      </c>
      <c r="H4759" t="s">
        <v>639</v>
      </c>
      <c r="I4759">
        <v>19.440000000000001</v>
      </c>
      <c r="J4759">
        <v>3</v>
      </c>
      <c r="K4759">
        <v>9.33</v>
      </c>
    </row>
    <row r="4760" spans="1:11" x14ac:dyDescent="0.3">
      <c r="A4760" s="1">
        <v>42516</v>
      </c>
      <c r="B4760" s="3">
        <f t="shared" si="148"/>
        <v>5</v>
      </c>
      <c r="C4760" s="3">
        <f t="shared" si="149"/>
        <v>2016</v>
      </c>
      <c r="D4760" t="s">
        <v>852</v>
      </c>
      <c r="E4760" t="s">
        <v>2043</v>
      </c>
      <c r="F4760" t="s">
        <v>10</v>
      </c>
      <c r="G4760" t="s">
        <v>19</v>
      </c>
      <c r="H4760" t="s">
        <v>188</v>
      </c>
      <c r="I4760">
        <v>9.64</v>
      </c>
      <c r="J4760">
        <v>2</v>
      </c>
      <c r="K4760">
        <v>4.43</v>
      </c>
    </row>
    <row r="4761" spans="1:11" x14ac:dyDescent="0.3">
      <c r="A4761" s="1">
        <v>42516</v>
      </c>
      <c r="B4761" s="3">
        <f t="shared" si="148"/>
        <v>5</v>
      </c>
      <c r="C4761" s="3">
        <f t="shared" si="149"/>
        <v>2016</v>
      </c>
      <c r="D4761" t="s">
        <v>852</v>
      </c>
      <c r="E4761" t="s">
        <v>2043</v>
      </c>
      <c r="F4761" t="s">
        <v>10</v>
      </c>
      <c r="G4761" t="s">
        <v>11</v>
      </c>
      <c r="H4761" t="s">
        <v>2532</v>
      </c>
      <c r="I4761">
        <v>12.7</v>
      </c>
      <c r="J4761">
        <v>2</v>
      </c>
      <c r="K4761">
        <v>5.84</v>
      </c>
    </row>
    <row r="4762" spans="1:11" x14ac:dyDescent="0.3">
      <c r="A4762" s="1">
        <v>42516</v>
      </c>
      <c r="B4762" s="3">
        <f t="shared" si="148"/>
        <v>5</v>
      </c>
      <c r="C4762" s="3">
        <f t="shared" si="149"/>
        <v>2016</v>
      </c>
      <c r="D4762" t="s">
        <v>852</v>
      </c>
      <c r="E4762" t="s">
        <v>2043</v>
      </c>
      <c r="F4762" t="s">
        <v>33</v>
      </c>
      <c r="G4762" t="s">
        <v>46</v>
      </c>
      <c r="H4762" t="s">
        <v>930</v>
      </c>
      <c r="I4762">
        <v>41.37</v>
      </c>
      <c r="J4762">
        <v>3</v>
      </c>
      <c r="K4762">
        <v>17.38</v>
      </c>
    </row>
    <row r="4763" spans="1:11" x14ac:dyDescent="0.3">
      <c r="A4763" s="1">
        <v>42516</v>
      </c>
      <c r="B4763" s="3">
        <f t="shared" si="148"/>
        <v>5</v>
      </c>
      <c r="C4763" s="3">
        <f t="shared" si="149"/>
        <v>2016</v>
      </c>
      <c r="D4763" t="s">
        <v>1567</v>
      </c>
      <c r="E4763" t="s">
        <v>22</v>
      </c>
      <c r="F4763" t="s">
        <v>10</v>
      </c>
      <c r="G4763" t="s">
        <v>23</v>
      </c>
      <c r="H4763" t="s">
        <v>843</v>
      </c>
      <c r="I4763">
        <v>1.5</v>
      </c>
      <c r="J4763">
        <v>1</v>
      </c>
      <c r="K4763">
        <v>0.17</v>
      </c>
    </row>
    <row r="4764" spans="1:11" x14ac:dyDescent="0.3">
      <c r="A4764" s="1">
        <v>42516</v>
      </c>
      <c r="B4764" s="3">
        <f t="shared" si="148"/>
        <v>5</v>
      </c>
      <c r="C4764" s="3">
        <f t="shared" si="149"/>
        <v>2016</v>
      </c>
      <c r="D4764" t="s">
        <v>1567</v>
      </c>
      <c r="E4764" t="s">
        <v>22</v>
      </c>
      <c r="F4764" t="s">
        <v>10</v>
      </c>
      <c r="G4764" t="s">
        <v>91</v>
      </c>
      <c r="H4764" t="s">
        <v>2272</v>
      </c>
      <c r="I4764">
        <v>34.85</v>
      </c>
      <c r="J4764">
        <v>2</v>
      </c>
      <c r="K4764">
        <v>6.53</v>
      </c>
    </row>
    <row r="4765" spans="1:11" x14ac:dyDescent="0.3">
      <c r="A4765" s="1">
        <v>42516</v>
      </c>
      <c r="B4765" s="3">
        <f t="shared" si="148"/>
        <v>5</v>
      </c>
      <c r="C4765" s="3">
        <f t="shared" si="149"/>
        <v>2016</v>
      </c>
      <c r="D4765" t="s">
        <v>522</v>
      </c>
      <c r="E4765" t="s">
        <v>26</v>
      </c>
      <c r="F4765" t="s">
        <v>10</v>
      </c>
      <c r="G4765" t="s">
        <v>42</v>
      </c>
      <c r="H4765" t="s">
        <v>129</v>
      </c>
      <c r="I4765">
        <v>5.94</v>
      </c>
      <c r="J4765">
        <v>3</v>
      </c>
      <c r="K4765">
        <v>0</v>
      </c>
    </row>
    <row r="4766" spans="1:11" x14ac:dyDescent="0.3">
      <c r="A4766" s="1">
        <v>42516</v>
      </c>
      <c r="B4766" s="3">
        <f t="shared" si="148"/>
        <v>5</v>
      </c>
      <c r="C4766" s="3">
        <f t="shared" si="149"/>
        <v>2016</v>
      </c>
      <c r="D4766" t="s">
        <v>522</v>
      </c>
      <c r="E4766" t="s">
        <v>26</v>
      </c>
      <c r="F4766" t="s">
        <v>10</v>
      </c>
      <c r="G4766" t="s">
        <v>11</v>
      </c>
      <c r="H4766" t="s">
        <v>2278</v>
      </c>
      <c r="I4766">
        <v>45.36</v>
      </c>
      <c r="J4766">
        <v>7</v>
      </c>
      <c r="K4766">
        <v>21.77</v>
      </c>
    </row>
    <row r="4767" spans="1:11" x14ac:dyDescent="0.3">
      <c r="A4767" s="1">
        <v>42516</v>
      </c>
      <c r="B4767" s="3">
        <f t="shared" si="148"/>
        <v>5</v>
      </c>
      <c r="C4767" s="3">
        <f t="shared" si="149"/>
        <v>2016</v>
      </c>
      <c r="D4767" t="s">
        <v>522</v>
      </c>
      <c r="E4767" t="s">
        <v>26</v>
      </c>
      <c r="F4767" t="s">
        <v>38</v>
      </c>
      <c r="G4767" t="s">
        <v>39</v>
      </c>
      <c r="H4767" t="s">
        <v>929</v>
      </c>
      <c r="I4767">
        <v>211.17</v>
      </c>
      <c r="J4767">
        <v>4</v>
      </c>
      <c r="K4767">
        <v>23.76</v>
      </c>
    </row>
    <row r="4768" spans="1:11" x14ac:dyDescent="0.3">
      <c r="A4768" s="1">
        <v>42516</v>
      </c>
      <c r="B4768" s="3">
        <f t="shared" si="148"/>
        <v>5</v>
      </c>
      <c r="C4768" s="3">
        <f t="shared" si="149"/>
        <v>2016</v>
      </c>
      <c r="D4768" t="s">
        <v>522</v>
      </c>
      <c r="E4768" t="s">
        <v>26</v>
      </c>
      <c r="F4768" t="s">
        <v>33</v>
      </c>
      <c r="G4768" t="s">
        <v>34</v>
      </c>
      <c r="H4768" t="s">
        <v>1818</v>
      </c>
      <c r="I4768">
        <v>484.7</v>
      </c>
      <c r="J4768">
        <v>6</v>
      </c>
      <c r="K4768">
        <v>-84.82</v>
      </c>
    </row>
    <row r="4769" spans="1:11" x14ac:dyDescent="0.3">
      <c r="A4769" s="1">
        <v>42516</v>
      </c>
      <c r="B4769" s="3">
        <f t="shared" si="148"/>
        <v>5</v>
      </c>
      <c r="C4769" s="3">
        <f t="shared" si="149"/>
        <v>2016</v>
      </c>
      <c r="D4769" t="s">
        <v>522</v>
      </c>
      <c r="E4769" t="s">
        <v>26</v>
      </c>
      <c r="F4769" t="s">
        <v>38</v>
      </c>
      <c r="G4769" t="s">
        <v>301</v>
      </c>
      <c r="H4769" t="s">
        <v>2149</v>
      </c>
      <c r="I4769">
        <v>371.98</v>
      </c>
      <c r="J4769">
        <v>3</v>
      </c>
      <c r="K4769">
        <v>116.24</v>
      </c>
    </row>
    <row r="4770" spans="1:11" x14ac:dyDescent="0.3">
      <c r="A4770" s="1">
        <v>42516</v>
      </c>
      <c r="B4770" s="3">
        <f t="shared" si="148"/>
        <v>5</v>
      </c>
      <c r="C4770" s="3">
        <f t="shared" si="149"/>
        <v>2016</v>
      </c>
      <c r="D4770" t="s">
        <v>1743</v>
      </c>
      <c r="E4770" t="s">
        <v>122</v>
      </c>
      <c r="F4770" t="s">
        <v>10</v>
      </c>
      <c r="G4770" t="s">
        <v>17</v>
      </c>
      <c r="H4770" t="s">
        <v>1086</v>
      </c>
      <c r="I4770">
        <v>184.7</v>
      </c>
      <c r="J4770">
        <v>6</v>
      </c>
      <c r="K4770">
        <v>13.85</v>
      </c>
    </row>
    <row r="4771" spans="1:11" x14ac:dyDescent="0.3">
      <c r="A4771" s="1">
        <v>42516</v>
      </c>
      <c r="B4771" s="3">
        <f t="shared" si="148"/>
        <v>5</v>
      </c>
      <c r="C4771" s="3">
        <f t="shared" si="149"/>
        <v>2016</v>
      </c>
      <c r="D4771" t="s">
        <v>1743</v>
      </c>
      <c r="E4771" t="s">
        <v>122</v>
      </c>
      <c r="F4771" t="s">
        <v>38</v>
      </c>
      <c r="G4771" t="s">
        <v>51</v>
      </c>
      <c r="H4771" t="s">
        <v>1736</v>
      </c>
      <c r="I4771">
        <v>47.92</v>
      </c>
      <c r="J4771">
        <v>2</v>
      </c>
      <c r="K4771">
        <v>11.98</v>
      </c>
    </row>
    <row r="4772" spans="1:11" x14ac:dyDescent="0.3">
      <c r="A4772" s="1">
        <v>42516</v>
      </c>
      <c r="B4772" s="3">
        <f t="shared" si="148"/>
        <v>5</v>
      </c>
      <c r="C4772" s="3">
        <f t="shared" si="149"/>
        <v>2016</v>
      </c>
      <c r="D4772" t="s">
        <v>2503</v>
      </c>
      <c r="E4772" t="s">
        <v>156</v>
      </c>
      <c r="F4772" t="s">
        <v>33</v>
      </c>
      <c r="G4772" t="s">
        <v>46</v>
      </c>
      <c r="H4772" t="s">
        <v>1091</v>
      </c>
      <c r="I4772">
        <v>26.94</v>
      </c>
      <c r="J4772">
        <v>3</v>
      </c>
      <c r="K4772">
        <v>11.31</v>
      </c>
    </row>
    <row r="4773" spans="1:11" x14ac:dyDescent="0.3">
      <c r="A4773" s="1">
        <v>42517</v>
      </c>
      <c r="B4773" s="3">
        <f t="shared" si="148"/>
        <v>5</v>
      </c>
      <c r="C4773" s="3">
        <f t="shared" si="149"/>
        <v>2016</v>
      </c>
      <c r="D4773" t="s">
        <v>592</v>
      </c>
      <c r="E4773" t="s">
        <v>109</v>
      </c>
      <c r="F4773" t="s">
        <v>33</v>
      </c>
      <c r="G4773" t="s">
        <v>34</v>
      </c>
      <c r="H4773" t="s">
        <v>975</v>
      </c>
      <c r="I4773">
        <v>3504.9</v>
      </c>
      <c r="J4773">
        <v>5</v>
      </c>
      <c r="K4773">
        <v>700.98</v>
      </c>
    </row>
    <row r="4774" spans="1:11" x14ac:dyDescent="0.3">
      <c r="A4774" s="1">
        <v>42517</v>
      </c>
      <c r="B4774" s="3">
        <f t="shared" si="148"/>
        <v>5</v>
      </c>
      <c r="C4774" s="3">
        <f t="shared" si="149"/>
        <v>2016</v>
      </c>
      <c r="D4774" t="s">
        <v>592</v>
      </c>
      <c r="E4774" t="s">
        <v>109</v>
      </c>
      <c r="F4774" t="s">
        <v>10</v>
      </c>
      <c r="G4774" t="s">
        <v>11</v>
      </c>
      <c r="H4774" t="s">
        <v>2332</v>
      </c>
      <c r="I4774">
        <v>144.12</v>
      </c>
      <c r="J4774">
        <v>3</v>
      </c>
      <c r="K4774">
        <v>69.180000000000007</v>
      </c>
    </row>
    <row r="4775" spans="1:11" x14ac:dyDescent="0.3">
      <c r="A4775" s="1">
        <v>42517</v>
      </c>
      <c r="B4775" s="3">
        <f t="shared" si="148"/>
        <v>5</v>
      </c>
      <c r="C4775" s="3">
        <f t="shared" si="149"/>
        <v>2016</v>
      </c>
      <c r="D4775" t="s">
        <v>592</v>
      </c>
      <c r="E4775" t="s">
        <v>109</v>
      </c>
      <c r="F4775" t="s">
        <v>10</v>
      </c>
      <c r="G4775" t="s">
        <v>11</v>
      </c>
      <c r="H4775" t="s">
        <v>2242</v>
      </c>
      <c r="I4775">
        <v>314.55</v>
      </c>
      <c r="J4775">
        <v>3</v>
      </c>
      <c r="K4775">
        <v>150.97999999999999</v>
      </c>
    </row>
    <row r="4776" spans="1:11" x14ac:dyDescent="0.3">
      <c r="A4776" s="1">
        <v>42517</v>
      </c>
      <c r="B4776" s="3">
        <f t="shared" si="148"/>
        <v>5</v>
      </c>
      <c r="C4776" s="3">
        <f t="shared" si="149"/>
        <v>2016</v>
      </c>
      <c r="D4776" t="s">
        <v>865</v>
      </c>
      <c r="E4776" t="s">
        <v>14</v>
      </c>
      <c r="F4776" t="s">
        <v>33</v>
      </c>
      <c r="G4776" t="s">
        <v>46</v>
      </c>
      <c r="H4776" t="s">
        <v>1935</v>
      </c>
      <c r="I4776">
        <v>25.18</v>
      </c>
      <c r="J4776">
        <v>3</v>
      </c>
      <c r="K4776">
        <v>-33.36</v>
      </c>
    </row>
    <row r="4777" spans="1:11" x14ac:dyDescent="0.3">
      <c r="A4777" s="1">
        <v>42517</v>
      </c>
      <c r="B4777" s="3">
        <f t="shared" si="148"/>
        <v>5</v>
      </c>
      <c r="C4777" s="3">
        <f t="shared" si="149"/>
        <v>2016</v>
      </c>
      <c r="D4777" t="s">
        <v>865</v>
      </c>
      <c r="E4777" t="s">
        <v>14</v>
      </c>
      <c r="F4777" t="s">
        <v>33</v>
      </c>
      <c r="G4777" t="s">
        <v>46</v>
      </c>
      <c r="H4777" t="s">
        <v>562</v>
      </c>
      <c r="I4777">
        <v>5.58</v>
      </c>
      <c r="J4777">
        <v>2</v>
      </c>
      <c r="K4777">
        <v>-1.68</v>
      </c>
    </row>
    <row r="4778" spans="1:11" x14ac:dyDescent="0.3">
      <c r="A4778" s="1">
        <v>42517</v>
      </c>
      <c r="B4778" s="3">
        <f t="shared" si="148"/>
        <v>5</v>
      </c>
      <c r="C4778" s="3">
        <f t="shared" si="149"/>
        <v>2016</v>
      </c>
      <c r="D4778" t="s">
        <v>865</v>
      </c>
      <c r="E4778" t="s">
        <v>14</v>
      </c>
      <c r="F4778" t="s">
        <v>10</v>
      </c>
      <c r="G4778" t="s">
        <v>17</v>
      </c>
      <c r="H4778" t="s">
        <v>1756</v>
      </c>
      <c r="I4778">
        <v>1297.3699999999999</v>
      </c>
      <c r="J4778">
        <v>9</v>
      </c>
      <c r="K4778">
        <v>97.3</v>
      </c>
    </row>
    <row r="4779" spans="1:11" x14ac:dyDescent="0.3">
      <c r="A4779" s="1">
        <v>42517</v>
      </c>
      <c r="B4779" s="3">
        <f t="shared" si="148"/>
        <v>5</v>
      </c>
      <c r="C4779" s="3">
        <f t="shared" si="149"/>
        <v>2016</v>
      </c>
      <c r="D4779" t="s">
        <v>1474</v>
      </c>
      <c r="E4779" t="s">
        <v>26</v>
      </c>
      <c r="F4779" t="s">
        <v>10</v>
      </c>
      <c r="G4779" t="s">
        <v>11</v>
      </c>
      <c r="H4779" t="s">
        <v>1700</v>
      </c>
      <c r="I4779">
        <v>13.38</v>
      </c>
      <c r="J4779">
        <v>2</v>
      </c>
      <c r="K4779">
        <v>6.15</v>
      </c>
    </row>
    <row r="4780" spans="1:11" x14ac:dyDescent="0.3">
      <c r="A4780" s="1">
        <v>42518</v>
      </c>
      <c r="B4780" s="3">
        <f t="shared" si="148"/>
        <v>5</v>
      </c>
      <c r="C4780" s="3">
        <f t="shared" si="149"/>
        <v>2016</v>
      </c>
      <c r="D4780" t="s">
        <v>1054</v>
      </c>
      <c r="E4780" t="s">
        <v>328</v>
      </c>
      <c r="F4780" t="s">
        <v>10</v>
      </c>
      <c r="G4780" t="s">
        <v>23</v>
      </c>
      <c r="H4780" t="s">
        <v>1851</v>
      </c>
      <c r="I4780">
        <v>185.88</v>
      </c>
      <c r="J4780">
        <v>6</v>
      </c>
      <c r="K4780">
        <v>50.19</v>
      </c>
    </row>
    <row r="4781" spans="1:11" x14ac:dyDescent="0.3">
      <c r="A4781" s="1">
        <v>42518</v>
      </c>
      <c r="B4781" s="3">
        <f t="shared" si="148"/>
        <v>5</v>
      </c>
      <c r="C4781" s="3">
        <f t="shared" si="149"/>
        <v>2016</v>
      </c>
      <c r="D4781" t="s">
        <v>1782</v>
      </c>
      <c r="E4781" t="s">
        <v>122</v>
      </c>
      <c r="F4781" t="s">
        <v>33</v>
      </c>
      <c r="G4781" t="s">
        <v>34</v>
      </c>
      <c r="H4781" t="s">
        <v>1127</v>
      </c>
      <c r="I4781">
        <v>390.27</v>
      </c>
      <c r="J4781">
        <v>8</v>
      </c>
      <c r="K4781">
        <v>-24.39</v>
      </c>
    </row>
    <row r="4782" spans="1:11" x14ac:dyDescent="0.3">
      <c r="A4782" s="1">
        <v>42518</v>
      </c>
      <c r="B4782" s="3">
        <f t="shared" si="148"/>
        <v>5</v>
      </c>
      <c r="C4782" s="3">
        <f t="shared" si="149"/>
        <v>2016</v>
      </c>
      <c r="D4782" t="s">
        <v>1782</v>
      </c>
      <c r="E4782" t="s">
        <v>122</v>
      </c>
      <c r="F4782" t="s">
        <v>10</v>
      </c>
      <c r="G4782" t="s">
        <v>11</v>
      </c>
      <c r="H4782" t="s">
        <v>1104</v>
      </c>
      <c r="I4782">
        <v>62.19</v>
      </c>
      <c r="J4782">
        <v>13</v>
      </c>
      <c r="K4782">
        <v>19.440000000000001</v>
      </c>
    </row>
    <row r="4783" spans="1:11" x14ac:dyDescent="0.3">
      <c r="A4783" s="1">
        <v>42518</v>
      </c>
      <c r="B4783" s="3">
        <f t="shared" si="148"/>
        <v>5</v>
      </c>
      <c r="C4783" s="3">
        <f t="shared" si="149"/>
        <v>2016</v>
      </c>
      <c r="D4783" t="s">
        <v>255</v>
      </c>
      <c r="E4783" t="s">
        <v>26</v>
      </c>
      <c r="F4783" t="s">
        <v>10</v>
      </c>
      <c r="G4783" t="s">
        <v>91</v>
      </c>
      <c r="H4783" t="s">
        <v>1295</v>
      </c>
      <c r="I4783">
        <v>262.24</v>
      </c>
      <c r="J4783">
        <v>2</v>
      </c>
      <c r="K4783">
        <v>78.67</v>
      </c>
    </row>
    <row r="4784" spans="1:11" x14ac:dyDescent="0.3">
      <c r="A4784" s="1">
        <v>42518</v>
      </c>
      <c r="B4784" s="3">
        <f t="shared" si="148"/>
        <v>5</v>
      </c>
      <c r="C4784" s="3">
        <f t="shared" si="149"/>
        <v>2016</v>
      </c>
      <c r="D4784" t="s">
        <v>255</v>
      </c>
      <c r="E4784" t="s">
        <v>26</v>
      </c>
      <c r="F4784" t="s">
        <v>10</v>
      </c>
      <c r="G4784" t="s">
        <v>11</v>
      </c>
      <c r="H4784" t="s">
        <v>1900</v>
      </c>
      <c r="I4784">
        <v>182.72</v>
      </c>
      <c r="J4784">
        <v>8</v>
      </c>
      <c r="K4784">
        <v>84.05</v>
      </c>
    </row>
    <row r="4785" spans="1:11" x14ac:dyDescent="0.3">
      <c r="A4785" s="1">
        <v>42518</v>
      </c>
      <c r="B4785" s="3">
        <f t="shared" si="148"/>
        <v>5</v>
      </c>
      <c r="C4785" s="3">
        <f t="shared" si="149"/>
        <v>2016</v>
      </c>
      <c r="D4785" t="s">
        <v>255</v>
      </c>
      <c r="E4785" t="s">
        <v>26</v>
      </c>
      <c r="F4785" t="s">
        <v>38</v>
      </c>
      <c r="G4785" t="s">
        <v>51</v>
      </c>
      <c r="H4785" t="s">
        <v>672</v>
      </c>
      <c r="I4785">
        <v>131.6</v>
      </c>
      <c r="J4785">
        <v>7</v>
      </c>
      <c r="K4785">
        <v>7.9</v>
      </c>
    </row>
    <row r="4786" spans="1:11" x14ac:dyDescent="0.3">
      <c r="A4786" s="1">
        <v>42518</v>
      </c>
      <c r="B4786" s="3">
        <f t="shared" si="148"/>
        <v>5</v>
      </c>
      <c r="C4786" s="3">
        <f t="shared" si="149"/>
        <v>2016</v>
      </c>
      <c r="D4786" t="s">
        <v>255</v>
      </c>
      <c r="E4786" t="s">
        <v>26</v>
      </c>
      <c r="F4786" t="s">
        <v>10</v>
      </c>
      <c r="G4786" t="s">
        <v>19</v>
      </c>
      <c r="H4786" t="s">
        <v>1184</v>
      </c>
      <c r="I4786">
        <v>22.72</v>
      </c>
      <c r="J4786">
        <v>4</v>
      </c>
      <c r="K4786">
        <v>7.38</v>
      </c>
    </row>
    <row r="4787" spans="1:11" x14ac:dyDescent="0.3">
      <c r="A4787" s="1">
        <v>42518</v>
      </c>
      <c r="B4787" s="3">
        <f t="shared" si="148"/>
        <v>5</v>
      </c>
      <c r="C4787" s="3">
        <f t="shared" si="149"/>
        <v>2016</v>
      </c>
      <c r="D4787" t="s">
        <v>255</v>
      </c>
      <c r="E4787" t="s">
        <v>26</v>
      </c>
      <c r="F4787" t="s">
        <v>38</v>
      </c>
      <c r="G4787" t="s">
        <v>301</v>
      </c>
      <c r="H4787" t="s">
        <v>836</v>
      </c>
      <c r="I4787">
        <v>558.4</v>
      </c>
      <c r="J4787">
        <v>2</v>
      </c>
      <c r="K4787">
        <v>41.88</v>
      </c>
    </row>
    <row r="4788" spans="1:11" x14ac:dyDescent="0.3">
      <c r="A4788" s="1">
        <v>42518</v>
      </c>
      <c r="B4788" s="3">
        <f t="shared" si="148"/>
        <v>5</v>
      </c>
      <c r="C4788" s="3">
        <f t="shared" si="149"/>
        <v>2016</v>
      </c>
      <c r="D4788" t="s">
        <v>524</v>
      </c>
      <c r="E4788" t="s">
        <v>148</v>
      </c>
      <c r="F4788" t="s">
        <v>10</v>
      </c>
      <c r="G4788" t="s">
        <v>199</v>
      </c>
      <c r="H4788" t="s">
        <v>2214</v>
      </c>
      <c r="I4788">
        <v>54.9</v>
      </c>
      <c r="J4788">
        <v>5</v>
      </c>
      <c r="K4788">
        <v>15.37</v>
      </c>
    </row>
    <row r="4789" spans="1:11" x14ac:dyDescent="0.3">
      <c r="A4789" s="1">
        <v>42518</v>
      </c>
      <c r="B4789" s="3">
        <f t="shared" si="148"/>
        <v>5</v>
      </c>
      <c r="C4789" s="3">
        <f t="shared" si="149"/>
        <v>2016</v>
      </c>
      <c r="D4789" t="s">
        <v>1442</v>
      </c>
      <c r="E4789" t="s">
        <v>14</v>
      </c>
      <c r="F4789" t="s">
        <v>38</v>
      </c>
      <c r="G4789" t="s">
        <v>39</v>
      </c>
      <c r="H4789" t="s">
        <v>647</v>
      </c>
      <c r="I4789">
        <v>286.39999999999998</v>
      </c>
      <c r="J4789">
        <v>1</v>
      </c>
      <c r="K4789">
        <v>25.06</v>
      </c>
    </row>
    <row r="4790" spans="1:11" x14ac:dyDescent="0.3">
      <c r="A4790" s="1">
        <v>42519</v>
      </c>
      <c r="B4790" s="3">
        <f t="shared" si="148"/>
        <v>5</v>
      </c>
      <c r="C4790" s="3">
        <f t="shared" si="149"/>
        <v>2016</v>
      </c>
      <c r="D4790" t="s">
        <v>1750</v>
      </c>
      <c r="E4790" t="s">
        <v>487</v>
      </c>
      <c r="F4790" t="s">
        <v>38</v>
      </c>
      <c r="G4790" t="s">
        <v>39</v>
      </c>
      <c r="H4790" t="s">
        <v>286</v>
      </c>
      <c r="I4790">
        <v>979.95</v>
      </c>
      <c r="J4790">
        <v>5</v>
      </c>
      <c r="K4790">
        <v>274.39</v>
      </c>
    </row>
    <row r="4791" spans="1:11" x14ac:dyDescent="0.3">
      <c r="A4791" s="1">
        <v>42519</v>
      </c>
      <c r="B4791" s="3">
        <f t="shared" si="148"/>
        <v>5</v>
      </c>
      <c r="C4791" s="3">
        <f t="shared" si="149"/>
        <v>2016</v>
      </c>
      <c r="D4791" t="s">
        <v>1750</v>
      </c>
      <c r="E4791" t="s">
        <v>487</v>
      </c>
      <c r="F4791" t="s">
        <v>10</v>
      </c>
      <c r="G4791" t="s">
        <v>19</v>
      </c>
      <c r="H4791" t="s">
        <v>786</v>
      </c>
      <c r="I4791">
        <v>22.75</v>
      </c>
      <c r="J4791">
        <v>5</v>
      </c>
      <c r="K4791">
        <v>11.38</v>
      </c>
    </row>
    <row r="4792" spans="1:11" x14ac:dyDescent="0.3">
      <c r="A4792" s="1">
        <v>42519</v>
      </c>
      <c r="B4792" s="3">
        <f t="shared" si="148"/>
        <v>5</v>
      </c>
      <c r="C4792" s="3">
        <f t="shared" si="149"/>
        <v>2016</v>
      </c>
      <c r="D4792" t="s">
        <v>2473</v>
      </c>
      <c r="E4792" t="s">
        <v>119</v>
      </c>
      <c r="F4792" t="s">
        <v>10</v>
      </c>
      <c r="G4792" t="s">
        <v>19</v>
      </c>
      <c r="H4792" t="s">
        <v>2486</v>
      </c>
      <c r="I4792">
        <v>11.28</v>
      </c>
      <c r="J4792">
        <v>3</v>
      </c>
      <c r="K4792">
        <v>-8.65</v>
      </c>
    </row>
    <row r="4793" spans="1:11" x14ac:dyDescent="0.3">
      <c r="A4793" s="1">
        <v>42519</v>
      </c>
      <c r="B4793" s="3">
        <f t="shared" si="148"/>
        <v>5</v>
      </c>
      <c r="C4793" s="3">
        <f t="shared" si="149"/>
        <v>2016</v>
      </c>
      <c r="D4793" t="s">
        <v>2473</v>
      </c>
      <c r="E4793" t="s">
        <v>119</v>
      </c>
      <c r="F4793" t="s">
        <v>10</v>
      </c>
      <c r="G4793" t="s">
        <v>23</v>
      </c>
      <c r="H4793" t="s">
        <v>325</v>
      </c>
      <c r="I4793">
        <v>4.45</v>
      </c>
      <c r="J4793">
        <v>2</v>
      </c>
      <c r="K4793">
        <v>0.33</v>
      </c>
    </row>
    <row r="4794" spans="1:11" x14ac:dyDescent="0.3">
      <c r="A4794" s="1">
        <v>42519</v>
      </c>
      <c r="B4794" s="3">
        <f t="shared" si="148"/>
        <v>5</v>
      </c>
      <c r="C4794" s="3">
        <f t="shared" si="149"/>
        <v>2016</v>
      </c>
      <c r="D4794" t="s">
        <v>2473</v>
      </c>
      <c r="E4794" t="s">
        <v>119</v>
      </c>
      <c r="F4794" t="s">
        <v>33</v>
      </c>
      <c r="G4794" t="s">
        <v>46</v>
      </c>
      <c r="H4794" t="s">
        <v>1989</v>
      </c>
      <c r="I4794">
        <v>44.76</v>
      </c>
      <c r="J4794">
        <v>3</v>
      </c>
      <c r="K4794">
        <v>14.55</v>
      </c>
    </row>
    <row r="4795" spans="1:11" x14ac:dyDescent="0.3">
      <c r="A4795" s="1">
        <v>42520</v>
      </c>
      <c r="B4795" s="3">
        <f t="shared" si="148"/>
        <v>5</v>
      </c>
      <c r="C4795" s="3">
        <f t="shared" si="149"/>
        <v>2016</v>
      </c>
      <c r="D4795" t="s">
        <v>2297</v>
      </c>
      <c r="E4795" t="s">
        <v>277</v>
      </c>
      <c r="F4795" t="s">
        <v>10</v>
      </c>
      <c r="G4795" t="s">
        <v>19</v>
      </c>
      <c r="H4795" t="s">
        <v>910</v>
      </c>
      <c r="I4795">
        <v>22.62</v>
      </c>
      <c r="J4795">
        <v>2</v>
      </c>
      <c r="K4795">
        <v>-15.08</v>
      </c>
    </row>
    <row r="4796" spans="1:11" x14ac:dyDescent="0.3">
      <c r="A4796" s="1">
        <v>42520</v>
      </c>
      <c r="B4796" s="3">
        <f t="shared" si="148"/>
        <v>5</v>
      </c>
      <c r="C4796" s="3">
        <f t="shared" si="149"/>
        <v>2016</v>
      </c>
      <c r="D4796" t="s">
        <v>2297</v>
      </c>
      <c r="E4796" t="s">
        <v>277</v>
      </c>
      <c r="F4796" t="s">
        <v>10</v>
      </c>
      <c r="G4796" t="s">
        <v>19</v>
      </c>
      <c r="H4796" t="s">
        <v>764</v>
      </c>
      <c r="I4796">
        <v>14.95</v>
      </c>
      <c r="J4796">
        <v>2</v>
      </c>
      <c r="K4796">
        <v>-11.96</v>
      </c>
    </row>
    <row r="4797" spans="1:11" x14ac:dyDescent="0.3">
      <c r="A4797" s="1">
        <v>42520</v>
      </c>
      <c r="B4797" s="3">
        <f t="shared" si="148"/>
        <v>5</v>
      </c>
      <c r="C4797" s="3">
        <f t="shared" si="149"/>
        <v>2016</v>
      </c>
      <c r="D4797" t="s">
        <v>2297</v>
      </c>
      <c r="E4797" t="s">
        <v>277</v>
      </c>
      <c r="F4797" t="s">
        <v>33</v>
      </c>
      <c r="G4797" t="s">
        <v>34</v>
      </c>
      <c r="H4797" t="s">
        <v>990</v>
      </c>
      <c r="I4797">
        <v>801.57</v>
      </c>
      <c r="J4797">
        <v>2</v>
      </c>
      <c r="K4797">
        <v>50.1</v>
      </c>
    </row>
    <row r="4798" spans="1:11" x14ac:dyDescent="0.3">
      <c r="A4798" s="1">
        <v>42520</v>
      </c>
      <c r="B4798" s="3">
        <f t="shared" si="148"/>
        <v>5</v>
      </c>
      <c r="C4798" s="3">
        <f t="shared" si="149"/>
        <v>2016</v>
      </c>
      <c r="D4798" t="s">
        <v>2297</v>
      </c>
      <c r="E4798" t="s">
        <v>277</v>
      </c>
      <c r="F4798" t="s">
        <v>10</v>
      </c>
      <c r="G4798" t="s">
        <v>19</v>
      </c>
      <c r="H4798" t="s">
        <v>2482</v>
      </c>
      <c r="I4798">
        <v>2.38</v>
      </c>
      <c r="J4798">
        <v>3</v>
      </c>
      <c r="K4798">
        <v>-1.9</v>
      </c>
    </row>
    <row r="4799" spans="1:11" x14ac:dyDescent="0.3">
      <c r="A4799" s="1">
        <v>42520</v>
      </c>
      <c r="B4799" s="3">
        <f t="shared" si="148"/>
        <v>5</v>
      </c>
      <c r="C4799" s="3">
        <f t="shared" si="149"/>
        <v>2016</v>
      </c>
      <c r="D4799" t="s">
        <v>2297</v>
      </c>
      <c r="E4799" t="s">
        <v>277</v>
      </c>
      <c r="F4799" t="s">
        <v>10</v>
      </c>
      <c r="G4799" t="s">
        <v>11</v>
      </c>
      <c r="H4799" t="s">
        <v>1988</v>
      </c>
      <c r="I4799">
        <v>32.79</v>
      </c>
      <c r="J4799">
        <v>1</v>
      </c>
      <c r="K4799">
        <v>11.89</v>
      </c>
    </row>
    <row r="4800" spans="1:11" x14ac:dyDescent="0.3">
      <c r="A4800" s="1">
        <v>42520</v>
      </c>
      <c r="B4800" s="3">
        <f t="shared" si="148"/>
        <v>5</v>
      </c>
      <c r="C4800" s="3">
        <f t="shared" si="149"/>
        <v>2016</v>
      </c>
      <c r="D4800" t="s">
        <v>2533</v>
      </c>
      <c r="E4800" t="s">
        <v>244</v>
      </c>
      <c r="F4800" t="s">
        <v>10</v>
      </c>
      <c r="G4800" t="s">
        <v>19</v>
      </c>
      <c r="H4800" t="s">
        <v>704</v>
      </c>
      <c r="I4800">
        <v>3.28</v>
      </c>
      <c r="J4800">
        <v>2</v>
      </c>
      <c r="K4800">
        <v>-2.63</v>
      </c>
    </row>
    <row r="4801" spans="1:11" x14ac:dyDescent="0.3">
      <c r="A4801" s="1">
        <v>42520</v>
      </c>
      <c r="B4801" s="3">
        <f t="shared" si="148"/>
        <v>5</v>
      </c>
      <c r="C4801" s="3">
        <f t="shared" si="149"/>
        <v>2016</v>
      </c>
      <c r="D4801" t="s">
        <v>656</v>
      </c>
      <c r="E4801" t="s">
        <v>77</v>
      </c>
      <c r="F4801" t="s">
        <v>38</v>
      </c>
      <c r="G4801" t="s">
        <v>602</v>
      </c>
      <c r="H4801" t="s">
        <v>915</v>
      </c>
      <c r="I4801">
        <v>839.99</v>
      </c>
      <c r="J4801">
        <v>2</v>
      </c>
      <c r="K4801">
        <v>70</v>
      </c>
    </row>
    <row r="4802" spans="1:11" x14ac:dyDescent="0.3">
      <c r="A4802" s="1">
        <v>42520</v>
      </c>
      <c r="B4802" s="3">
        <f t="shared" ref="B4802:B4865" si="150">MONTH(A:A)</f>
        <v>5</v>
      </c>
      <c r="C4802" s="3">
        <f t="shared" ref="C4802:C4865" si="151">YEAR(A:A)</f>
        <v>2016</v>
      </c>
      <c r="D4802" t="s">
        <v>442</v>
      </c>
      <c r="E4802" t="s">
        <v>54</v>
      </c>
      <c r="F4802" t="s">
        <v>33</v>
      </c>
      <c r="G4802" t="s">
        <v>144</v>
      </c>
      <c r="H4802" t="s">
        <v>1785</v>
      </c>
      <c r="I4802">
        <v>2275.5</v>
      </c>
      <c r="J4802">
        <v>10</v>
      </c>
      <c r="K4802">
        <v>386.84</v>
      </c>
    </row>
    <row r="4803" spans="1:11" x14ac:dyDescent="0.3">
      <c r="A4803" s="1">
        <v>42520</v>
      </c>
      <c r="B4803" s="3">
        <f t="shared" si="150"/>
        <v>5</v>
      </c>
      <c r="C4803" s="3">
        <f t="shared" si="151"/>
        <v>2016</v>
      </c>
      <c r="D4803" t="s">
        <v>442</v>
      </c>
      <c r="E4803" t="s">
        <v>54</v>
      </c>
      <c r="F4803" t="s">
        <v>38</v>
      </c>
      <c r="G4803" t="s">
        <v>51</v>
      </c>
      <c r="H4803" t="s">
        <v>1786</v>
      </c>
      <c r="I4803">
        <v>1979.7</v>
      </c>
      <c r="J4803">
        <v>6</v>
      </c>
      <c r="K4803">
        <v>653.29999999999995</v>
      </c>
    </row>
    <row r="4804" spans="1:11" x14ac:dyDescent="0.3">
      <c r="A4804" s="1">
        <v>42520</v>
      </c>
      <c r="B4804" s="3">
        <f t="shared" si="150"/>
        <v>5</v>
      </c>
      <c r="C4804" s="3">
        <f t="shared" si="151"/>
        <v>2016</v>
      </c>
      <c r="D4804" t="s">
        <v>442</v>
      </c>
      <c r="E4804" t="s">
        <v>54</v>
      </c>
      <c r="F4804" t="s">
        <v>10</v>
      </c>
      <c r="G4804" t="s">
        <v>15</v>
      </c>
      <c r="H4804" t="s">
        <v>2475</v>
      </c>
      <c r="I4804">
        <v>62.1</v>
      </c>
      <c r="J4804">
        <v>6</v>
      </c>
      <c r="K4804">
        <v>29.81</v>
      </c>
    </row>
    <row r="4805" spans="1:11" x14ac:dyDescent="0.3">
      <c r="A4805" s="1">
        <v>42520</v>
      </c>
      <c r="B4805" s="3">
        <f t="shared" si="150"/>
        <v>5</v>
      </c>
      <c r="C4805" s="3">
        <f t="shared" si="151"/>
        <v>2016</v>
      </c>
      <c r="D4805" t="s">
        <v>598</v>
      </c>
      <c r="E4805" t="s">
        <v>77</v>
      </c>
      <c r="F4805" t="s">
        <v>10</v>
      </c>
      <c r="G4805" t="s">
        <v>91</v>
      </c>
      <c r="H4805" t="s">
        <v>439</v>
      </c>
      <c r="I4805">
        <v>123.92</v>
      </c>
      <c r="J4805">
        <v>5</v>
      </c>
      <c r="K4805">
        <v>9.2899999999999991</v>
      </c>
    </row>
    <row r="4806" spans="1:11" x14ac:dyDescent="0.3">
      <c r="A4806" s="1">
        <v>42520</v>
      </c>
      <c r="B4806" s="3">
        <f t="shared" si="150"/>
        <v>5</v>
      </c>
      <c r="C4806" s="3">
        <f t="shared" si="151"/>
        <v>2016</v>
      </c>
      <c r="D4806" t="s">
        <v>1534</v>
      </c>
      <c r="E4806" t="s">
        <v>26</v>
      </c>
      <c r="F4806" t="s">
        <v>10</v>
      </c>
      <c r="G4806" t="s">
        <v>11</v>
      </c>
      <c r="H4806" t="s">
        <v>2168</v>
      </c>
      <c r="I4806">
        <v>38.880000000000003</v>
      </c>
      <c r="J4806">
        <v>6</v>
      </c>
      <c r="K4806">
        <v>18.66</v>
      </c>
    </row>
    <row r="4807" spans="1:11" x14ac:dyDescent="0.3">
      <c r="A4807" s="1">
        <v>42520</v>
      </c>
      <c r="B4807" s="3">
        <f t="shared" si="150"/>
        <v>5</v>
      </c>
      <c r="C4807" s="3">
        <f t="shared" si="151"/>
        <v>2016</v>
      </c>
      <c r="D4807" t="s">
        <v>970</v>
      </c>
      <c r="E4807" t="s">
        <v>156</v>
      </c>
      <c r="F4807" t="s">
        <v>10</v>
      </c>
      <c r="G4807" t="s">
        <v>91</v>
      </c>
      <c r="H4807" t="s">
        <v>2151</v>
      </c>
      <c r="I4807">
        <v>364.74</v>
      </c>
      <c r="J4807">
        <v>3</v>
      </c>
      <c r="K4807">
        <v>109.42</v>
      </c>
    </row>
    <row r="4808" spans="1:11" x14ac:dyDescent="0.3">
      <c r="A4808" s="1">
        <v>42520</v>
      </c>
      <c r="B4808" s="3">
        <f t="shared" si="150"/>
        <v>5</v>
      </c>
      <c r="C4808" s="3">
        <f t="shared" si="151"/>
        <v>2016</v>
      </c>
      <c r="D4808" t="s">
        <v>970</v>
      </c>
      <c r="E4808" t="s">
        <v>156</v>
      </c>
      <c r="F4808" t="s">
        <v>33</v>
      </c>
      <c r="G4808" t="s">
        <v>46</v>
      </c>
      <c r="H4808" t="s">
        <v>1999</v>
      </c>
      <c r="I4808">
        <v>47.4</v>
      </c>
      <c r="J4808">
        <v>5</v>
      </c>
      <c r="K4808">
        <v>21.33</v>
      </c>
    </row>
    <row r="4809" spans="1:11" x14ac:dyDescent="0.3">
      <c r="A4809" s="1">
        <v>42520</v>
      </c>
      <c r="B4809" s="3">
        <f t="shared" si="150"/>
        <v>5</v>
      </c>
      <c r="C4809" s="3">
        <f t="shared" si="151"/>
        <v>2016</v>
      </c>
      <c r="D4809" t="s">
        <v>970</v>
      </c>
      <c r="E4809" t="s">
        <v>156</v>
      </c>
      <c r="F4809" t="s">
        <v>10</v>
      </c>
      <c r="G4809" t="s">
        <v>17</v>
      </c>
      <c r="H4809" t="s">
        <v>515</v>
      </c>
      <c r="I4809">
        <v>49.76</v>
      </c>
      <c r="J4809">
        <v>4</v>
      </c>
      <c r="K4809">
        <v>13.93</v>
      </c>
    </row>
    <row r="4810" spans="1:11" x14ac:dyDescent="0.3">
      <c r="A4810" s="1">
        <v>42520</v>
      </c>
      <c r="B4810" s="3">
        <f t="shared" si="150"/>
        <v>5</v>
      </c>
      <c r="C4810" s="3">
        <f t="shared" si="151"/>
        <v>2016</v>
      </c>
      <c r="D4810" t="s">
        <v>970</v>
      </c>
      <c r="E4810" t="s">
        <v>156</v>
      </c>
      <c r="F4810" t="s">
        <v>10</v>
      </c>
      <c r="G4810" t="s">
        <v>23</v>
      </c>
      <c r="H4810" t="s">
        <v>325</v>
      </c>
      <c r="I4810">
        <v>5.56</v>
      </c>
      <c r="J4810">
        <v>2</v>
      </c>
      <c r="K4810">
        <v>1.45</v>
      </c>
    </row>
    <row r="4811" spans="1:11" x14ac:dyDescent="0.3">
      <c r="A4811" s="1">
        <v>42520</v>
      </c>
      <c r="B4811" s="3">
        <f t="shared" si="150"/>
        <v>5</v>
      </c>
      <c r="C4811" s="3">
        <f t="shared" si="151"/>
        <v>2016</v>
      </c>
      <c r="D4811" t="s">
        <v>970</v>
      </c>
      <c r="E4811" t="s">
        <v>156</v>
      </c>
      <c r="F4811" t="s">
        <v>10</v>
      </c>
      <c r="G4811" t="s">
        <v>11</v>
      </c>
      <c r="H4811" t="s">
        <v>2242</v>
      </c>
      <c r="I4811">
        <v>629.1</v>
      </c>
      <c r="J4811">
        <v>6</v>
      </c>
      <c r="K4811">
        <v>301.97000000000003</v>
      </c>
    </row>
    <row r="4812" spans="1:11" x14ac:dyDescent="0.3">
      <c r="A4812" s="1">
        <v>42520</v>
      </c>
      <c r="B4812" s="3">
        <f t="shared" si="150"/>
        <v>5</v>
      </c>
      <c r="C4812" s="3">
        <f t="shared" si="151"/>
        <v>2016</v>
      </c>
      <c r="D4812" t="s">
        <v>970</v>
      </c>
      <c r="E4812" t="s">
        <v>156</v>
      </c>
      <c r="F4812" t="s">
        <v>10</v>
      </c>
      <c r="G4812" t="s">
        <v>23</v>
      </c>
      <c r="H4812" t="s">
        <v>1568</v>
      </c>
      <c r="I4812">
        <v>14.7</v>
      </c>
      <c r="J4812">
        <v>5</v>
      </c>
      <c r="K4812">
        <v>3.97</v>
      </c>
    </row>
    <row r="4813" spans="1:11" x14ac:dyDescent="0.3">
      <c r="A4813" s="1">
        <v>42520</v>
      </c>
      <c r="B4813" s="3">
        <f t="shared" si="150"/>
        <v>5</v>
      </c>
      <c r="C4813" s="3">
        <f t="shared" si="151"/>
        <v>2016</v>
      </c>
      <c r="D4813" t="s">
        <v>970</v>
      </c>
      <c r="E4813" t="s">
        <v>156</v>
      </c>
      <c r="F4813" t="s">
        <v>10</v>
      </c>
      <c r="G4813" t="s">
        <v>11</v>
      </c>
      <c r="H4813" t="s">
        <v>1364</v>
      </c>
      <c r="I4813">
        <v>45.36</v>
      </c>
      <c r="J4813">
        <v>7</v>
      </c>
      <c r="K4813">
        <v>21.77</v>
      </c>
    </row>
    <row r="4814" spans="1:11" x14ac:dyDescent="0.3">
      <c r="A4814" s="1">
        <v>42520</v>
      </c>
      <c r="B4814" s="3">
        <f t="shared" si="150"/>
        <v>5</v>
      </c>
      <c r="C4814" s="3">
        <f t="shared" si="151"/>
        <v>2016</v>
      </c>
      <c r="D4814" t="s">
        <v>970</v>
      </c>
      <c r="E4814" t="s">
        <v>156</v>
      </c>
      <c r="F4814" t="s">
        <v>38</v>
      </c>
      <c r="G4814" t="s">
        <v>39</v>
      </c>
      <c r="H4814" t="s">
        <v>719</v>
      </c>
      <c r="I4814">
        <v>125.99</v>
      </c>
      <c r="J4814">
        <v>1</v>
      </c>
      <c r="K4814">
        <v>35.28</v>
      </c>
    </row>
    <row r="4815" spans="1:11" x14ac:dyDescent="0.3">
      <c r="A4815" s="1">
        <v>42520</v>
      </c>
      <c r="B4815" s="3">
        <f t="shared" si="150"/>
        <v>5</v>
      </c>
      <c r="C4815" s="3">
        <f t="shared" si="151"/>
        <v>2016</v>
      </c>
      <c r="D4815" t="s">
        <v>2449</v>
      </c>
      <c r="E4815" t="s">
        <v>26</v>
      </c>
      <c r="F4815" t="s">
        <v>33</v>
      </c>
      <c r="G4815" t="s">
        <v>46</v>
      </c>
      <c r="H4815" t="s">
        <v>1935</v>
      </c>
      <c r="I4815">
        <v>167.84</v>
      </c>
      <c r="J4815">
        <v>8</v>
      </c>
      <c r="K4815">
        <v>11.75</v>
      </c>
    </row>
    <row r="4816" spans="1:11" x14ac:dyDescent="0.3">
      <c r="A4816" s="1">
        <v>42520</v>
      </c>
      <c r="B4816" s="3">
        <f t="shared" si="150"/>
        <v>5</v>
      </c>
      <c r="C4816" s="3">
        <f t="shared" si="151"/>
        <v>2016</v>
      </c>
      <c r="D4816" t="s">
        <v>1945</v>
      </c>
      <c r="E4816" t="s">
        <v>54</v>
      </c>
      <c r="F4816" t="s">
        <v>10</v>
      </c>
      <c r="G4816" t="s">
        <v>62</v>
      </c>
      <c r="H4816" t="s">
        <v>1164</v>
      </c>
      <c r="I4816">
        <v>26.55</v>
      </c>
      <c r="J4816">
        <v>9</v>
      </c>
      <c r="K4816">
        <v>12.74</v>
      </c>
    </row>
    <row r="4817" spans="1:11" x14ac:dyDescent="0.3">
      <c r="A4817" s="1">
        <v>42520</v>
      </c>
      <c r="B4817" s="3">
        <f t="shared" si="150"/>
        <v>5</v>
      </c>
      <c r="C4817" s="3">
        <f t="shared" si="151"/>
        <v>2016</v>
      </c>
      <c r="D4817" t="s">
        <v>1945</v>
      </c>
      <c r="E4817" t="s">
        <v>54</v>
      </c>
      <c r="F4817" t="s">
        <v>38</v>
      </c>
      <c r="G4817" t="s">
        <v>51</v>
      </c>
      <c r="H4817" t="s">
        <v>635</v>
      </c>
      <c r="I4817">
        <v>111.98</v>
      </c>
      <c r="J4817">
        <v>2</v>
      </c>
      <c r="K4817">
        <v>26.88</v>
      </c>
    </row>
    <row r="4818" spans="1:11" x14ac:dyDescent="0.3">
      <c r="A4818" s="1">
        <v>42520</v>
      </c>
      <c r="B4818" s="3">
        <f t="shared" si="150"/>
        <v>5</v>
      </c>
      <c r="C4818" s="3">
        <f t="shared" si="151"/>
        <v>2016</v>
      </c>
      <c r="D4818" t="s">
        <v>1195</v>
      </c>
      <c r="E4818" t="s">
        <v>9</v>
      </c>
      <c r="F4818" t="s">
        <v>38</v>
      </c>
      <c r="G4818" t="s">
        <v>39</v>
      </c>
      <c r="H4818" t="s">
        <v>2407</v>
      </c>
      <c r="I4818">
        <v>79.959999999999994</v>
      </c>
      <c r="J4818">
        <v>5</v>
      </c>
      <c r="K4818">
        <v>8</v>
      </c>
    </row>
    <row r="4819" spans="1:11" x14ac:dyDescent="0.3">
      <c r="A4819" s="1">
        <v>42520</v>
      </c>
      <c r="B4819" s="3">
        <f t="shared" si="150"/>
        <v>5</v>
      </c>
      <c r="C4819" s="3">
        <f t="shared" si="151"/>
        <v>2016</v>
      </c>
      <c r="D4819" t="s">
        <v>1195</v>
      </c>
      <c r="E4819" t="s">
        <v>9</v>
      </c>
      <c r="F4819" t="s">
        <v>38</v>
      </c>
      <c r="G4819" t="s">
        <v>51</v>
      </c>
      <c r="H4819" t="s">
        <v>635</v>
      </c>
      <c r="I4819">
        <v>223.96</v>
      </c>
      <c r="J4819">
        <v>5</v>
      </c>
      <c r="K4819">
        <v>11.2</v>
      </c>
    </row>
    <row r="4820" spans="1:11" x14ac:dyDescent="0.3">
      <c r="A4820" s="1">
        <v>42521</v>
      </c>
      <c r="B4820" s="3">
        <f t="shared" si="150"/>
        <v>5</v>
      </c>
      <c r="C4820" s="3">
        <f t="shared" si="151"/>
        <v>2016</v>
      </c>
      <c r="D4820" t="s">
        <v>1422</v>
      </c>
      <c r="E4820" t="s">
        <v>14</v>
      </c>
      <c r="F4820" t="s">
        <v>33</v>
      </c>
      <c r="G4820" t="s">
        <v>46</v>
      </c>
      <c r="H4820" t="s">
        <v>2534</v>
      </c>
      <c r="I4820">
        <v>32.06</v>
      </c>
      <c r="J4820">
        <v>3</v>
      </c>
      <c r="K4820">
        <v>-12.83</v>
      </c>
    </row>
    <row r="4821" spans="1:11" x14ac:dyDescent="0.3">
      <c r="A4821" s="1">
        <v>42521</v>
      </c>
      <c r="B4821" s="3">
        <f t="shared" si="150"/>
        <v>5</v>
      </c>
      <c r="C4821" s="3">
        <f t="shared" si="151"/>
        <v>2016</v>
      </c>
      <c r="D4821" t="s">
        <v>1422</v>
      </c>
      <c r="E4821" t="s">
        <v>14</v>
      </c>
      <c r="F4821" t="s">
        <v>10</v>
      </c>
      <c r="G4821" t="s">
        <v>11</v>
      </c>
      <c r="H4821" t="s">
        <v>1146</v>
      </c>
      <c r="I4821">
        <v>18.5</v>
      </c>
      <c r="J4821">
        <v>4</v>
      </c>
      <c r="K4821">
        <v>6.7</v>
      </c>
    </row>
    <row r="4822" spans="1:11" x14ac:dyDescent="0.3">
      <c r="A4822" s="1">
        <v>42521</v>
      </c>
      <c r="B4822" s="3">
        <f t="shared" si="150"/>
        <v>5</v>
      </c>
      <c r="C4822" s="3">
        <f t="shared" si="151"/>
        <v>2016</v>
      </c>
      <c r="D4822" t="s">
        <v>1422</v>
      </c>
      <c r="E4822" t="s">
        <v>14</v>
      </c>
      <c r="F4822" t="s">
        <v>33</v>
      </c>
      <c r="G4822" t="s">
        <v>34</v>
      </c>
      <c r="H4822" t="s">
        <v>70</v>
      </c>
      <c r="I4822">
        <v>191.08</v>
      </c>
      <c r="J4822">
        <v>3</v>
      </c>
      <c r="K4822">
        <v>-38.22</v>
      </c>
    </row>
    <row r="4823" spans="1:11" x14ac:dyDescent="0.3">
      <c r="A4823" s="1">
        <v>42521</v>
      </c>
      <c r="B4823" s="3">
        <f t="shared" si="150"/>
        <v>5</v>
      </c>
      <c r="C4823" s="3">
        <f t="shared" si="151"/>
        <v>2016</v>
      </c>
      <c r="D4823" t="s">
        <v>1422</v>
      </c>
      <c r="E4823" t="s">
        <v>14</v>
      </c>
      <c r="F4823" t="s">
        <v>10</v>
      </c>
      <c r="G4823" t="s">
        <v>11</v>
      </c>
      <c r="H4823" t="s">
        <v>2171</v>
      </c>
      <c r="I4823">
        <v>10.37</v>
      </c>
      <c r="J4823">
        <v>2</v>
      </c>
      <c r="K4823">
        <v>3.63</v>
      </c>
    </row>
    <row r="4824" spans="1:11" x14ac:dyDescent="0.3">
      <c r="A4824" s="1">
        <v>42521</v>
      </c>
      <c r="B4824" s="3">
        <f t="shared" si="150"/>
        <v>5</v>
      </c>
      <c r="C4824" s="3">
        <f t="shared" si="151"/>
        <v>2016</v>
      </c>
      <c r="D4824" t="s">
        <v>2229</v>
      </c>
      <c r="E4824" t="s">
        <v>148</v>
      </c>
      <c r="F4824" t="s">
        <v>10</v>
      </c>
      <c r="G4824" t="s">
        <v>19</v>
      </c>
      <c r="H4824" t="s">
        <v>928</v>
      </c>
      <c r="I4824">
        <v>7.15</v>
      </c>
      <c r="J4824">
        <v>3</v>
      </c>
      <c r="K4824">
        <v>2.3199999999999998</v>
      </c>
    </row>
    <row r="4825" spans="1:11" x14ac:dyDescent="0.3">
      <c r="A4825" s="1">
        <v>42521</v>
      </c>
      <c r="B4825" s="3">
        <f t="shared" si="150"/>
        <v>5</v>
      </c>
      <c r="C4825" s="3">
        <f t="shared" si="151"/>
        <v>2016</v>
      </c>
      <c r="D4825" t="s">
        <v>2229</v>
      </c>
      <c r="E4825" t="s">
        <v>148</v>
      </c>
      <c r="F4825" t="s">
        <v>38</v>
      </c>
      <c r="G4825" t="s">
        <v>39</v>
      </c>
      <c r="H4825" t="s">
        <v>1931</v>
      </c>
      <c r="I4825">
        <v>179.7</v>
      </c>
      <c r="J4825">
        <v>6</v>
      </c>
      <c r="K4825">
        <v>88.05</v>
      </c>
    </row>
    <row r="4826" spans="1:11" x14ac:dyDescent="0.3">
      <c r="A4826" s="1">
        <v>42523</v>
      </c>
      <c r="B4826" s="3">
        <f t="shared" si="150"/>
        <v>6</v>
      </c>
      <c r="C4826" s="3">
        <f t="shared" si="151"/>
        <v>2016</v>
      </c>
      <c r="D4826" t="s">
        <v>1241</v>
      </c>
      <c r="E4826" t="s">
        <v>22</v>
      </c>
      <c r="F4826" t="s">
        <v>10</v>
      </c>
      <c r="G4826" t="s">
        <v>17</v>
      </c>
      <c r="H4826" t="s">
        <v>296</v>
      </c>
      <c r="I4826">
        <v>64.78</v>
      </c>
      <c r="J4826">
        <v>1</v>
      </c>
      <c r="K4826">
        <v>-12.96</v>
      </c>
    </row>
    <row r="4827" spans="1:11" x14ac:dyDescent="0.3">
      <c r="A4827" s="1">
        <v>42523</v>
      </c>
      <c r="B4827" s="3">
        <f t="shared" si="150"/>
        <v>6</v>
      </c>
      <c r="C4827" s="3">
        <f t="shared" si="151"/>
        <v>2016</v>
      </c>
      <c r="D4827" t="s">
        <v>524</v>
      </c>
      <c r="E4827" t="s">
        <v>163</v>
      </c>
      <c r="F4827" t="s">
        <v>10</v>
      </c>
      <c r="G4827" t="s">
        <v>11</v>
      </c>
      <c r="H4827" t="s">
        <v>1140</v>
      </c>
      <c r="I4827">
        <v>30.18</v>
      </c>
      <c r="J4827">
        <v>3</v>
      </c>
      <c r="K4827">
        <v>13.88</v>
      </c>
    </row>
    <row r="4828" spans="1:11" x14ac:dyDescent="0.3">
      <c r="A4828" s="1">
        <v>42523</v>
      </c>
      <c r="B4828" s="3">
        <f t="shared" si="150"/>
        <v>6</v>
      </c>
      <c r="C4828" s="3">
        <f t="shared" si="151"/>
        <v>2016</v>
      </c>
      <c r="D4828" t="s">
        <v>524</v>
      </c>
      <c r="E4828" t="s">
        <v>163</v>
      </c>
      <c r="F4828" t="s">
        <v>10</v>
      </c>
      <c r="G4828" t="s">
        <v>19</v>
      </c>
      <c r="H4828" t="s">
        <v>630</v>
      </c>
      <c r="I4828">
        <v>51.65</v>
      </c>
      <c r="J4828">
        <v>12</v>
      </c>
      <c r="K4828">
        <v>18.72</v>
      </c>
    </row>
    <row r="4829" spans="1:11" x14ac:dyDescent="0.3">
      <c r="A4829" s="1">
        <v>42523</v>
      </c>
      <c r="B4829" s="3">
        <f t="shared" si="150"/>
        <v>6</v>
      </c>
      <c r="C4829" s="3">
        <f t="shared" si="151"/>
        <v>2016</v>
      </c>
      <c r="D4829" t="s">
        <v>524</v>
      </c>
      <c r="E4829" t="s">
        <v>163</v>
      </c>
      <c r="F4829" t="s">
        <v>10</v>
      </c>
      <c r="G4829" t="s">
        <v>19</v>
      </c>
      <c r="H4829" t="s">
        <v>1119</v>
      </c>
      <c r="I4829">
        <v>11.23</v>
      </c>
      <c r="J4829">
        <v>3</v>
      </c>
      <c r="K4829">
        <v>3.93</v>
      </c>
    </row>
    <row r="4830" spans="1:11" x14ac:dyDescent="0.3">
      <c r="A4830" s="1">
        <v>42524</v>
      </c>
      <c r="B4830" s="3">
        <f t="shared" si="150"/>
        <v>6</v>
      </c>
      <c r="C4830" s="3">
        <f t="shared" si="151"/>
        <v>2016</v>
      </c>
      <c r="D4830" t="s">
        <v>318</v>
      </c>
      <c r="E4830" t="s">
        <v>26</v>
      </c>
      <c r="F4830" t="s">
        <v>33</v>
      </c>
      <c r="G4830" t="s">
        <v>144</v>
      </c>
      <c r="H4830" t="s">
        <v>1829</v>
      </c>
      <c r="I4830">
        <v>71.09</v>
      </c>
      <c r="J4830">
        <v>2</v>
      </c>
      <c r="K4830">
        <v>-1.78</v>
      </c>
    </row>
    <row r="4831" spans="1:11" x14ac:dyDescent="0.3">
      <c r="A4831" s="1">
        <v>42525</v>
      </c>
      <c r="B4831" s="3">
        <f t="shared" si="150"/>
        <v>6</v>
      </c>
      <c r="C4831" s="3">
        <f t="shared" si="151"/>
        <v>2016</v>
      </c>
      <c r="D4831" t="s">
        <v>1597</v>
      </c>
      <c r="E4831" t="s">
        <v>54</v>
      </c>
      <c r="F4831" t="s">
        <v>10</v>
      </c>
      <c r="G4831" t="s">
        <v>11</v>
      </c>
      <c r="H4831" t="s">
        <v>1254</v>
      </c>
      <c r="I4831">
        <v>75.88</v>
      </c>
      <c r="J4831">
        <v>2</v>
      </c>
      <c r="K4831">
        <v>35.659999999999997</v>
      </c>
    </row>
    <row r="4832" spans="1:11" x14ac:dyDescent="0.3">
      <c r="A4832" s="1">
        <v>42525</v>
      </c>
      <c r="B4832" s="3">
        <f t="shared" si="150"/>
        <v>6</v>
      </c>
      <c r="C4832" s="3">
        <f t="shared" si="151"/>
        <v>2016</v>
      </c>
      <c r="D4832" t="s">
        <v>1011</v>
      </c>
      <c r="E4832" t="s">
        <v>14</v>
      </c>
      <c r="F4832" t="s">
        <v>10</v>
      </c>
      <c r="G4832" t="s">
        <v>11</v>
      </c>
      <c r="H4832" t="s">
        <v>330</v>
      </c>
      <c r="I4832">
        <v>25.92</v>
      </c>
      <c r="J4832">
        <v>5</v>
      </c>
      <c r="K4832">
        <v>9.4</v>
      </c>
    </row>
    <row r="4833" spans="1:11" x14ac:dyDescent="0.3">
      <c r="A4833" s="1">
        <v>42525</v>
      </c>
      <c r="B4833" s="3">
        <f t="shared" si="150"/>
        <v>6</v>
      </c>
      <c r="C4833" s="3">
        <f t="shared" si="151"/>
        <v>2016</v>
      </c>
      <c r="D4833" t="s">
        <v>1011</v>
      </c>
      <c r="E4833" t="s">
        <v>14</v>
      </c>
      <c r="F4833" t="s">
        <v>33</v>
      </c>
      <c r="G4833" t="s">
        <v>46</v>
      </c>
      <c r="H4833" t="s">
        <v>2371</v>
      </c>
      <c r="I4833">
        <v>419.68</v>
      </c>
      <c r="J4833">
        <v>5</v>
      </c>
      <c r="K4833">
        <v>-356.73</v>
      </c>
    </row>
    <row r="4834" spans="1:11" x14ac:dyDescent="0.3">
      <c r="A4834" s="1">
        <v>42525</v>
      </c>
      <c r="B4834" s="3">
        <f t="shared" si="150"/>
        <v>6</v>
      </c>
      <c r="C4834" s="3">
        <f t="shared" si="151"/>
        <v>2016</v>
      </c>
      <c r="D4834" t="s">
        <v>1011</v>
      </c>
      <c r="E4834" t="s">
        <v>14</v>
      </c>
      <c r="F4834" t="s">
        <v>33</v>
      </c>
      <c r="G4834" t="s">
        <v>46</v>
      </c>
      <c r="H4834" t="s">
        <v>1014</v>
      </c>
      <c r="I4834">
        <v>11.69</v>
      </c>
      <c r="J4834">
        <v>3</v>
      </c>
      <c r="K4834">
        <v>-4.68</v>
      </c>
    </row>
    <row r="4835" spans="1:11" x14ac:dyDescent="0.3">
      <c r="A4835" s="1">
        <v>42525</v>
      </c>
      <c r="B4835" s="3">
        <f t="shared" si="150"/>
        <v>6</v>
      </c>
      <c r="C4835" s="3">
        <f t="shared" si="151"/>
        <v>2016</v>
      </c>
      <c r="D4835" t="s">
        <v>1011</v>
      </c>
      <c r="E4835" t="s">
        <v>14</v>
      </c>
      <c r="F4835" t="s">
        <v>38</v>
      </c>
      <c r="G4835" t="s">
        <v>39</v>
      </c>
      <c r="H4835" t="s">
        <v>1987</v>
      </c>
      <c r="I4835">
        <v>31.98</v>
      </c>
      <c r="J4835">
        <v>2</v>
      </c>
      <c r="K4835">
        <v>11.19</v>
      </c>
    </row>
    <row r="4836" spans="1:11" x14ac:dyDescent="0.3">
      <c r="A4836" s="1">
        <v>42525</v>
      </c>
      <c r="B4836" s="3">
        <f t="shared" si="150"/>
        <v>6</v>
      </c>
      <c r="C4836" s="3">
        <f t="shared" si="151"/>
        <v>2016</v>
      </c>
      <c r="D4836" t="s">
        <v>1011</v>
      </c>
      <c r="E4836" t="s">
        <v>14</v>
      </c>
      <c r="F4836" t="s">
        <v>33</v>
      </c>
      <c r="G4836" t="s">
        <v>144</v>
      </c>
      <c r="H4836" t="s">
        <v>727</v>
      </c>
      <c r="I4836">
        <v>177.23</v>
      </c>
      <c r="J4836">
        <v>5</v>
      </c>
      <c r="K4836">
        <v>-120.51</v>
      </c>
    </row>
    <row r="4837" spans="1:11" x14ac:dyDescent="0.3">
      <c r="A4837" s="1">
        <v>42525</v>
      </c>
      <c r="B4837" s="3">
        <f t="shared" si="150"/>
        <v>6</v>
      </c>
      <c r="C4837" s="3">
        <f t="shared" si="151"/>
        <v>2016</v>
      </c>
      <c r="D4837" t="s">
        <v>1011</v>
      </c>
      <c r="E4837" t="s">
        <v>14</v>
      </c>
      <c r="F4837" t="s">
        <v>33</v>
      </c>
      <c r="G4837" t="s">
        <v>46</v>
      </c>
      <c r="H4837" t="s">
        <v>1626</v>
      </c>
      <c r="I4837">
        <v>4.04</v>
      </c>
      <c r="J4837">
        <v>3</v>
      </c>
      <c r="K4837">
        <v>-2.83</v>
      </c>
    </row>
    <row r="4838" spans="1:11" x14ac:dyDescent="0.3">
      <c r="A4838" s="1">
        <v>42525</v>
      </c>
      <c r="B4838" s="3">
        <f t="shared" si="150"/>
        <v>6</v>
      </c>
      <c r="C4838" s="3">
        <f t="shared" si="151"/>
        <v>2016</v>
      </c>
      <c r="D4838" t="s">
        <v>1011</v>
      </c>
      <c r="E4838" t="s">
        <v>14</v>
      </c>
      <c r="F4838" t="s">
        <v>10</v>
      </c>
      <c r="G4838" t="s">
        <v>23</v>
      </c>
      <c r="H4838" t="s">
        <v>352</v>
      </c>
      <c r="I4838">
        <v>7.41</v>
      </c>
      <c r="J4838">
        <v>2</v>
      </c>
      <c r="K4838">
        <v>1.2</v>
      </c>
    </row>
    <row r="4839" spans="1:11" x14ac:dyDescent="0.3">
      <c r="A4839" s="1">
        <v>42525</v>
      </c>
      <c r="B4839" s="3">
        <f t="shared" si="150"/>
        <v>6</v>
      </c>
      <c r="C4839" s="3">
        <f t="shared" si="151"/>
        <v>2016</v>
      </c>
      <c r="D4839" t="s">
        <v>2087</v>
      </c>
      <c r="E4839" t="s">
        <v>148</v>
      </c>
      <c r="F4839" t="s">
        <v>10</v>
      </c>
      <c r="G4839" t="s">
        <v>11</v>
      </c>
      <c r="H4839" t="s">
        <v>624</v>
      </c>
      <c r="I4839">
        <v>14.94</v>
      </c>
      <c r="J4839">
        <v>3</v>
      </c>
      <c r="K4839">
        <v>7.02</v>
      </c>
    </row>
    <row r="4840" spans="1:11" x14ac:dyDescent="0.3">
      <c r="A4840" s="1">
        <v>42525</v>
      </c>
      <c r="B4840" s="3">
        <f t="shared" si="150"/>
        <v>6</v>
      </c>
      <c r="C4840" s="3">
        <f t="shared" si="151"/>
        <v>2016</v>
      </c>
      <c r="D4840" t="s">
        <v>2087</v>
      </c>
      <c r="E4840" t="s">
        <v>148</v>
      </c>
      <c r="F4840" t="s">
        <v>38</v>
      </c>
      <c r="G4840" t="s">
        <v>301</v>
      </c>
      <c r="H4840" t="s">
        <v>2535</v>
      </c>
      <c r="I4840">
        <v>1349.85</v>
      </c>
      <c r="J4840">
        <v>3</v>
      </c>
      <c r="K4840">
        <v>364.46</v>
      </c>
    </row>
    <row r="4841" spans="1:11" x14ac:dyDescent="0.3">
      <c r="A4841" s="1">
        <v>42525</v>
      </c>
      <c r="B4841" s="3">
        <f t="shared" si="150"/>
        <v>6</v>
      </c>
      <c r="C4841" s="3">
        <f t="shared" si="151"/>
        <v>2016</v>
      </c>
      <c r="D4841" t="s">
        <v>2087</v>
      </c>
      <c r="E4841" t="s">
        <v>148</v>
      </c>
      <c r="F4841" t="s">
        <v>33</v>
      </c>
      <c r="G4841" t="s">
        <v>73</v>
      </c>
      <c r="H4841" t="s">
        <v>718</v>
      </c>
      <c r="I4841">
        <v>136.78</v>
      </c>
      <c r="J4841">
        <v>1</v>
      </c>
      <c r="K4841">
        <v>5.13</v>
      </c>
    </row>
    <row r="4842" spans="1:11" x14ac:dyDescent="0.3">
      <c r="A4842" s="1">
        <v>42525</v>
      </c>
      <c r="B4842" s="3">
        <f t="shared" si="150"/>
        <v>6</v>
      </c>
      <c r="C4842" s="3">
        <f t="shared" si="151"/>
        <v>2016</v>
      </c>
      <c r="D4842" t="s">
        <v>2087</v>
      </c>
      <c r="E4842" t="s">
        <v>148</v>
      </c>
      <c r="F4842" t="s">
        <v>33</v>
      </c>
      <c r="G4842" t="s">
        <v>46</v>
      </c>
      <c r="H4842" t="s">
        <v>1731</v>
      </c>
      <c r="I4842">
        <v>61.12</v>
      </c>
      <c r="J4842">
        <v>4</v>
      </c>
      <c r="K4842">
        <v>20.78</v>
      </c>
    </row>
    <row r="4843" spans="1:11" x14ac:dyDescent="0.3">
      <c r="A4843" s="1">
        <v>42526</v>
      </c>
      <c r="B4843" s="3">
        <f t="shared" si="150"/>
        <v>6</v>
      </c>
      <c r="C4843" s="3">
        <f t="shared" si="151"/>
        <v>2016</v>
      </c>
      <c r="D4843" t="s">
        <v>604</v>
      </c>
      <c r="E4843" t="s">
        <v>22</v>
      </c>
      <c r="F4843" t="s">
        <v>10</v>
      </c>
      <c r="G4843" t="s">
        <v>17</v>
      </c>
      <c r="H4843" t="s">
        <v>1481</v>
      </c>
      <c r="I4843">
        <v>124.61</v>
      </c>
      <c r="J4843">
        <v>4</v>
      </c>
      <c r="K4843">
        <v>-23.36</v>
      </c>
    </row>
    <row r="4844" spans="1:11" x14ac:dyDescent="0.3">
      <c r="A4844" s="1">
        <v>42526</v>
      </c>
      <c r="B4844" s="3">
        <f t="shared" si="150"/>
        <v>6</v>
      </c>
      <c r="C4844" s="3">
        <f t="shared" si="151"/>
        <v>2016</v>
      </c>
      <c r="D4844" t="s">
        <v>604</v>
      </c>
      <c r="E4844" t="s">
        <v>22</v>
      </c>
      <c r="F4844" t="s">
        <v>10</v>
      </c>
      <c r="G4844" t="s">
        <v>15</v>
      </c>
      <c r="H4844" t="s">
        <v>2505</v>
      </c>
      <c r="I4844">
        <v>7.56</v>
      </c>
      <c r="J4844">
        <v>3</v>
      </c>
      <c r="K4844">
        <v>2.65</v>
      </c>
    </row>
    <row r="4845" spans="1:11" x14ac:dyDescent="0.3">
      <c r="A4845" s="1">
        <v>42526</v>
      </c>
      <c r="B4845" s="3">
        <f t="shared" si="150"/>
        <v>6</v>
      </c>
      <c r="C4845" s="3">
        <f t="shared" si="151"/>
        <v>2016</v>
      </c>
      <c r="D4845" t="s">
        <v>713</v>
      </c>
      <c r="E4845" t="s">
        <v>58</v>
      </c>
      <c r="F4845" t="s">
        <v>10</v>
      </c>
      <c r="G4845" t="s">
        <v>17</v>
      </c>
      <c r="H4845" t="s">
        <v>1756</v>
      </c>
      <c r="I4845">
        <v>360.38</v>
      </c>
      <c r="J4845">
        <v>2</v>
      </c>
      <c r="K4845">
        <v>93.7</v>
      </c>
    </row>
    <row r="4846" spans="1:11" x14ac:dyDescent="0.3">
      <c r="A4846" s="1">
        <v>42526</v>
      </c>
      <c r="B4846" s="3">
        <f t="shared" si="150"/>
        <v>6</v>
      </c>
      <c r="C4846" s="3">
        <f t="shared" si="151"/>
        <v>2016</v>
      </c>
      <c r="D4846" t="s">
        <v>713</v>
      </c>
      <c r="E4846" t="s">
        <v>58</v>
      </c>
      <c r="F4846" t="s">
        <v>10</v>
      </c>
      <c r="G4846" t="s">
        <v>23</v>
      </c>
      <c r="H4846" t="s">
        <v>526</v>
      </c>
      <c r="I4846">
        <v>11.16</v>
      </c>
      <c r="J4846">
        <v>2</v>
      </c>
      <c r="K4846">
        <v>2.79</v>
      </c>
    </row>
    <row r="4847" spans="1:11" x14ac:dyDescent="0.3">
      <c r="A4847" s="1">
        <v>42526</v>
      </c>
      <c r="B4847" s="3">
        <f t="shared" si="150"/>
        <v>6</v>
      </c>
      <c r="C4847" s="3">
        <f t="shared" si="151"/>
        <v>2016</v>
      </c>
      <c r="D4847" t="s">
        <v>713</v>
      </c>
      <c r="E4847" t="s">
        <v>58</v>
      </c>
      <c r="F4847" t="s">
        <v>10</v>
      </c>
      <c r="G4847" t="s">
        <v>15</v>
      </c>
      <c r="H4847" t="s">
        <v>1587</v>
      </c>
      <c r="I4847">
        <v>14.94</v>
      </c>
      <c r="J4847">
        <v>3</v>
      </c>
      <c r="K4847">
        <v>6.87</v>
      </c>
    </row>
    <row r="4848" spans="1:11" x14ac:dyDescent="0.3">
      <c r="A4848" s="1">
        <v>42526</v>
      </c>
      <c r="B4848" s="3">
        <f t="shared" si="150"/>
        <v>6</v>
      </c>
      <c r="C4848" s="3">
        <f t="shared" si="151"/>
        <v>2016</v>
      </c>
      <c r="D4848" t="s">
        <v>279</v>
      </c>
      <c r="E4848" t="s">
        <v>26</v>
      </c>
      <c r="F4848" t="s">
        <v>10</v>
      </c>
      <c r="G4848" t="s">
        <v>19</v>
      </c>
      <c r="H4848" t="s">
        <v>450</v>
      </c>
      <c r="I4848">
        <v>21.55</v>
      </c>
      <c r="J4848">
        <v>6</v>
      </c>
      <c r="K4848">
        <v>7</v>
      </c>
    </row>
    <row r="4849" spans="1:11" x14ac:dyDescent="0.3">
      <c r="A4849" s="1">
        <v>42526</v>
      </c>
      <c r="B4849" s="3">
        <f t="shared" si="150"/>
        <v>6</v>
      </c>
      <c r="C4849" s="3">
        <f t="shared" si="151"/>
        <v>2016</v>
      </c>
      <c r="D4849" t="s">
        <v>279</v>
      </c>
      <c r="E4849" t="s">
        <v>26</v>
      </c>
      <c r="F4849" t="s">
        <v>10</v>
      </c>
      <c r="G4849" t="s">
        <v>91</v>
      </c>
      <c r="H4849" t="s">
        <v>763</v>
      </c>
      <c r="I4849">
        <v>58.24</v>
      </c>
      <c r="J4849">
        <v>4</v>
      </c>
      <c r="K4849">
        <v>15.72</v>
      </c>
    </row>
    <row r="4850" spans="1:11" x14ac:dyDescent="0.3">
      <c r="A4850" s="1">
        <v>42526</v>
      </c>
      <c r="B4850" s="3">
        <f t="shared" si="150"/>
        <v>6</v>
      </c>
      <c r="C4850" s="3">
        <f t="shared" si="151"/>
        <v>2016</v>
      </c>
      <c r="D4850" t="s">
        <v>1865</v>
      </c>
      <c r="E4850" t="s">
        <v>163</v>
      </c>
      <c r="F4850" t="s">
        <v>10</v>
      </c>
      <c r="G4850" t="s">
        <v>199</v>
      </c>
      <c r="H4850" t="s">
        <v>1052</v>
      </c>
      <c r="I4850">
        <v>61.38</v>
      </c>
      <c r="J4850">
        <v>6</v>
      </c>
      <c r="K4850">
        <v>15.96</v>
      </c>
    </row>
    <row r="4851" spans="1:11" x14ac:dyDescent="0.3">
      <c r="A4851" s="1">
        <v>42527</v>
      </c>
      <c r="B4851" s="3">
        <f t="shared" si="150"/>
        <v>6</v>
      </c>
      <c r="C4851" s="3">
        <f t="shared" si="151"/>
        <v>2016</v>
      </c>
      <c r="D4851" t="s">
        <v>1746</v>
      </c>
      <c r="E4851" t="s">
        <v>14</v>
      </c>
      <c r="F4851" t="s">
        <v>38</v>
      </c>
      <c r="G4851" t="s">
        <v>39</v>
      </c>
      <c r="H4851" t="s">
        <v>2402</v>
      </c>
      <c r="I4851">
        <v>328.22</v>
      </c>
      <c r="J4851">
        <v>4</v>
      </c>
      <c r="K4851">
        <v>28.72</v>
      </c>
    </row>
    <row r="4852" spans="1:11" x14ac:dyDescent="0.3">
      <c r="A4852" s="1">
        <v>42527</v>
      </c>
      <c r="B4852" s="3">
        <f t="shared" si="150"/>
        <v>6</v>
      </c>
      <c r="C4852" s="3">
        <f t="shared" si="151"/>
        <v>2016</v>
      </c>
      <c r="D4852" t="s">
        <v>226</v>
      </c>
      <c r="E4852" t="s">
        <v>433</v>
      </c>
      <c r="F4852" t="s">
        <v>10</v>
      </c>
      <c r="G4852" t="s">
        <v>17</v>
      </c>
      <c r="H4852" t="s">
        <v>973</v>
      </c>
      <c r="I4852">
        <v>714.3</v>
      </c>
      <c r="J4852">
        <v>5</v>
      </c>
      <c r="K4852">
        <v>207.15</v>
      </c>
    </row>
    <row r="4853" spans="1:11" x14ac:dyDescent="0.3">
      <c r="A4853" s="1">
        <v>42527</v>
      </c>
      <c r="B4853" s="3">
        <f t="shared" si="150"/>
        <v>6</v>
      </c>
      <c r="C4853" s="3">
        <f t="shared" si="151"/>
        <v>2016</v>
      </c>
      <c r="D4853" t="s">
        <v>2536</v>
      </c>
      <c r="E4853" t="s">
        <v>433</v>
      </c>
      <c r="F4853" t="s">
        <v>10</v>
      </c>
      <c r="G4853" t="s">
        <v>11</v>
      </c>
      <c r="H4853" t="s">
        <v>2376</v>
      </c>
      <c r="I4853">
        <v>105.52</v>
      </c>
      <c r="J4853">
        <v>4</v>
      </c>
      <c r="K4853">
        <v>48.54</v>
      </c>
    </row>
    <row r="4854" spans="1:11" x14ac:dyDescent="0.3">
      <c r="A4854" s="1">
        <v>42527</v>
      </c>
      <c r="B4854" s="3">
        <f t="shared" si="150"/>
        <v>6</v>
      </c>
      <c r="C4854" s="3">
        <f t="shared" si="151"/>
        <v>2016</v>
      </c>
      <c r="D4854" t="s">
        <v>1839</v>
      </c>
      <c r="E4854" t="s">
        <v>100</v>
      </c>
      <c r="F4854" t="s">
        <v>38</v>
      </c>
      <c r="G4854" t="s">
        <v>51</v>
      </c>
      <c r="H4854" t="s">
        <v>1313</v>
      </c>
      <c r="I4854">
        <v>179.94</v>
      </c>
      <c r="J4854">
        <v>6</v>
      </c>
      <c r="K4854">
        <v>75.569999999999993</v>
      </c>
    </row>
    <row r="4855" spans="1:11" x14ac:dyDescent="0.3">
      <c r="A4855" s="1">
        <v>42527</v>
      </c>
      <c r="B4855" s="3">
        <f t="shared" si="150"/>
        <v>6</v>
      </c>
      <c r="C4855" s="3">
        <f t="shared" si="151"/>
        <v>2016</v>
      </c>
      <c r="D4855" t="s">
        <v>1839</v>
      </c>
      <c r="E4855" t="s">
        <v>100</v>
      </c>
      <c r="F4855" t="s">
        <v>38</v>
      </c>
      <c r="G4855" t="s">
        <v>51</v>
      </c>
      <c r="H4855" t="s">
        <v>1421</v>
      </c>
      <c r="I4855">
        <v>26.85</v>
      </c>
      <c r="J4855">
        <v>3</v>
      </c>
      <c r="K4855">
        <v>5.0999999999999996</v>
      </c>
    </row>
    <row r="4856" spans="1:11" x14ac:dyDescent="0.3">
      <c r="A4856" s="1">
        <v>42527</v>
      </c>
      <c r="B4856" s="3">
        <f t="shared" si="150"/>
        <v>6</v>
      </c>
      <c r="C4856" s="3">
        <f t="shared" si="151"/>
        <v>2016</v>
      </c>
      <c r="D4856" t="s">
        <v>1839</v>
      </c>
      <c r="E4856" t="s">
        <v>100</v>
      </c>
      <c r="F4856" t="s">
        <v>38</v>
      </c>
      <c r="G4856" t="s">
        <v>51</v>
      </c>
      <c r="H4856" t="s">
        <v>65</v>
      </c>
      <c r="I4856">
        <v>323.37</v>
      </c>
      <c r="J4856">
        <v>3</v>
      </c>
      <c r="K4856">
        <v>129.35</v>
      </c>
    </row>
    <row r="4857" spans="1:11" x14ac:dyDescent="0.3">
      <c r="A4857" s="1">
        <v>42527</v>
      </c>
      <c r="B4857" s="3">
        <f t="shared" si="150"/>
        <v>6</v>
      </c>
      <c r="C4857" s="3">
        <f t="shared" si="151"/>
        <v>2016</v>
      </c>
      <c r="D4857" t="s">
        <v>1839</v>
      </c>
      <c r="E4857" t="s">
        <v>100</v>
      </c>
      <c r="F4857" t="s">
        <v>10</v>
      </c>
      <c r="G4857" t="s">
        <v>11</v>
      </c>
      <c r="H4857" t="s">
        <v>2201</v>
      </c>
      <c r="I4857">
        <v>59.94</v>
      </c>
      <c r="J4857">
        <v>3</v>
      </c>
      <c r="K4857">
        <v>28.17</v>
      </c>
    </row>
    <row r="4858" spans="1:11" x14ac:dyDescent="0.3">
      <c r="A4858" s="1">
        <v>42527</v>
      </c>
      <c r="B4858" s="3">
        <f t="shared" si="150"/>
        <v>6</v>
      </c>
      <c r="C4858" s="3">
        <f t="shared" si="151"/>
        <v>2016</v>
      </c>
      <c r="D4858" t="s">
        <v>1839</v>
      </c>
      <c r="E4858" t="s">
        <v>100</v>
      </c>
      <c r="F4858" t="s">
        <v>10</v>
      </c>
      <c r="G4858" t="s">
        <v>19</v>
      </c>
      <c r="H4858" t="s">
        <v>1308</v>
      </c>
      <c r="I4858">
        <v>64.14</v>
      </c>
      <c r="J4858">
        <v>3</v>
      </c>
      <c r="K4858">
        <v>30.79</v>
      </c>
    </row>
    <row r="4859" spans="1:11" x14ac:dyDescent="0.3">
      <c r="A4859" s="1">
        <v>42527</v>
      </c>
      <c r="B4859" s="3">
        <f t="shared" si="150"/>
        <v>6</v>
      </c>
      <c r="C4859" s="3">
        <f t="shared" si="151"/>
        <v>2016</v>
      </c>
      <c r="D4859" t="s">
        <v>1839</v>
      </c>
      <c r="E4859" t="s">
        <v>100</v>
      </c>
      <c r="F4859" t="s">
        <v>10</v>
      </c>
      <c r="G4859" t="s">
        <v>19</v>
      </c>
      <c r="H4859" t="s">
        <v>1791</v>
      </c>
      <c r="I4859">
        <v>11.67</v>
      </c>
      <c r="J4859">
        <v>3</v>
      </c>
      <c r="K4859">
        <v>5.6</v>
      </c>
    </row>
    <row r="4860" spans="1:11" x14ac:dyDescent="0.3">
      <c r="A4860" s="1">
        <v>42527</v>
      </c>
      <c r="B4860" s="3">
        <f t="shared" si="150"/>
        <v>6</v>
      </c>
      <c r="C4860" s="3">
        <f t="shared" si="151"/>
        <v>2016</v>
      </c>
      <c r="D4860" t="s">
        <v>1839</v>
      </c>
      <c r="E4860" t="s">
        <v>100</v>
      </c>
      <c r="F4860" t="s">
        <v>10</v>
      </c>
      <c r="G4860" t="s">
        <v>11</v>
      </c>
      <c r="H4860" t="s">
        <v>2537</v>
      </c>
      <c r="I4860">
        <v>12.96</v>
      </c>
      <c r="J4860">
        <v>2</v>
      </c>
      <c r="K4860">
        <v>6.22</v>
      </c>
    </row>
    <row r="4861" spans="1:11" x14ac:dyDescent="0.3">
      <c r="A4861" s="1">
        <v>42527</v>
      </c>
      <c r="B4861" s="3">
        <f t="shared" si="150"/>
        <v>6</v>
      </c>
      <c r="C4861" s="3">
        <f t="shared" si="151"/>
        <v>2016</v>
      </c>
      <c r="D4861" t="s">
        <v>768</v>
      </c>
      <c r="E4861" t="s">
        <v>26</v>
      </c>
      <c r="F4861" t="s">
        <v>10</v>
      </c>
      <c r="G4861" t="s">
        <v>15</v>
      </c>
      <c r="H4861" t="s">
        <v>581</v>
      </c>
      <c r="I4861">
        <v>22.05</v>
      </c>
      <c r="J4861">
        <v>7</v>
      </c>
      <c r="K4861">
        <v>10.58</v>
      </c>
    </row>
    <row r="4862" spans="1:11" x14ac:dyDescent="0.3">
      <c r="A4862" s="1">
        <v>42527</v>
      </c>
      <c r="B4862" s="3">
        <f t="shared" si="150"/>
        <v>6</v>
      </c>
      <c r="C4862" s="3">
        <f t="shared" si="151"/>
        <v>2016</v>
      </c>
      <c r="D4862" t="s">
        <v>768</v>
      </c>
      <c r="E4862" t="s">
        <v>26</v>
      </c>
      <c r="F4862" t="s">
        <v>10</v>
      </c>
      <c r="G4862" t="s">
        <v>11</v>
      </c>
      <c r="H4862" t="s">
        <v>2538</v>
      </c>
      <c r="I4862">
        <v>99.9</v>
      </c>
      <c r="J4862">
        <v>5</v>
      </c>
      <c r="K4862">
        <v>46.95</v>
      </c>
    </row>
    <row r="4863" spans="1:11" x14ac:dyDescent="0.3">
      <c r="A4863" s="1">
        <v>42527</v>
      </c>
      <c r="B4863" s="3">
        <f t="shared" si="150"/>
        <v>6</v>
      </c>
      <c r="C4863" s="3">
        <f t="shared" si="151"/>
        <v>2016</v>
      </c>
      <c r="D4863" t="s">
        <v>31</v>
      </c>
      <c r="E4863" t="s">
        <v>26</v>
      </c>
      <c r="F4863" t="s">
        <v>38</v>
      </c>
      <c r="G4863" t="s">
        <v>39</v>
      </c>
      <c r="H4863" t="s">
        <v>587</v>
      </c>
      <c r="I4863">
        <v>3023.93</v>
      </c>
      <c r="J4863">
        <v>9</v>
      </c>
      <c r="K4863">
        <v>226.79</v>
      </c>
    </row>
    <row r="4864" spans="1:11" x14ac:dyDescent="0.3">
      <c r="A4864" s="1">
        <v>42527</v>
      </c>
      <c r="B4864" s="3">
        <f t="shared" si="150"/>
        <v>6</v>
      </c>
      <c r="C4864" s="3">
        <f t="shared" si="151"/>
        <v>2016</v>
      </c>
      <c r="D4864" t="s">
        <v>31</v>
      </c>
      <c r="E4864" t="s">
        <v>26</v>
      </c>
      <c r="F4864" t="s">
        <v>38</v>
      </c>
      <c r="G4864" t="s">
        <v>51</v>
      </c>
      <c r="H4864" t="s">
        <v>1264</v>
      </c>
      <c r="I4864">
        <v>26.96</v>
      </c>
      <c r="J4864">
        <v>2</v>
      </c>
      <c r="K4864">
        <v>3.77</v>
      </c>
    </row>
    <row r="4865" spans="1:11" x14ac:dyDescent="0.3">
      <c r="A4865" s="1">
        <v>42527</v>
      </c>
      <c r="B4865" s="3">
        <f t="shared" si="150"/>
        <v>6</v>
      </c>
      <c r="C4865" s="3">
        <f t="shared" si="151"/>
        <v>2016</v>
      </c>
      <c r="D4865" t="s">
        <v>31</v>
      </c>
      <c r="E4865" t="s">
        <v>26</v>
      </c>
      <c r="F4865" t="s">
        <v>38</v>
      </c>
      <c r="G4865" t="s">
        <v>39</v>
      </c>
      <c r="H4865" t="s">
        <v>1418</v>
      </c>
      <c r="I4865">
        <v>477.6</v>
      </c>
      <c r="J4865">
        <v>3</v>
      </c>
      <c r="K4865">
        <v>161.19</v>
      </c>
    </row>
    <row r="4866" spans="1:11" x14ac:dyDescent="0.3">
      <c r="A4866" s="1">
        <v>42527</v>
      </c>
      <c r="B4866" s="3">
        <f t="shared" ref="B4866:B4929" si="152">MONTH(A:A)</f>
        <v>6</v>
      </c>
      <c r="C4866" s="3">
        <f t="shared" ref="C4866:C4929" si="153">YEAR(A:A)</f>
        <v>2016</v>
      </c>
      <c r="D4866" t="s">
        <v>2539</v>
      </c>
      <c r="E4866" t="s">
        <v>77</v>
      </c>
      <c r="F4866" t="s">
        <v>33</v>
      </c>
      <c r="G4866" t="s">
        <v>46</v>
      </c>
      <c r="H4866" t="s">
        <v>669</v>
      </c>
      <c r="I4866">
        <v>466.32</v>
      </c>
      <c r="J4866">
        <v>3</v>
      </c>
      <c r="K4866">
        <v>34.97</v>
      </c>
    </row>
    <row r="4867" spans="1:11" x14ac:dyDescent="0.3">
      <c r="A4867" s="1">
        <v>42527</v>
      </c>
      <c r="B4867" s="3">
        <f t="shared" si="152"/>
        <v>6</v>
      </c>
      <c r="C4867" s="3">
        <f t="shared" si="153"/>
        <v>2016</v>
      </c>
      <c r="D4867" t="s">
        <v>2539</v>
      </c>
      <c r="E4867" t="s">
        <v>77</v>
      </c>
      <c r="F4867" t="s">
        <v>33</v>
      </c>
      <c r="G4867" t="s">
        <v>46</v>
      </c>
      <c r="H4867" t="s">
        <v>1896</v>
      </c>
      <c r="I4867">
        <v>82.64</v>
      </c>
      <c r="J4867">
        <v>2</v>
      </c>
      <c r="K4867">
        <v>0</v>
      </c>
    </row>
    <row r="4868" spans="1:11" x14ac:dyDescent="0.3">
      <c r="A4868" s="1">
        <v>42528</v>
      </c>
      <c r="B4868" s="3">
        <f t="shared" si="152"/>
        <v>6</v>
      </c>
      <c r="C4868" s="3">
        <f t="shared" si="153"/>
        <v>2016</v>
      </c>
      <c r="D4868" t="s">
        <v>1512</v>
      </c>
      <c r="E4868" t="s">
        <v>148</v>
      </c>
      <c r="F4868" t="s">
        <v>10</v>
      </c>
      <c r="G4868" t="s">
        <v>11</v>
      </c>
      <c r="H4868" t="s">
        <v>492</v>
      </c>
      <c r="I4868">
        <v>32.4</v>
      </c>
      <c r="J4868">
        <v>5</v>
      </c>
      <c r="K4868">
        <v>15.55</v>
      </c>
    </row>
    <row r="4869" spans="1:11" x14ac:dyDescent="0.3">
      <c r="A4869" s="1">
        <v>42528</v>
      </c>
      <c r="B4869" s="3">
        <f t="shared" si="152"/>
        <v>6</v>
      </c>
      <c r="C4869" s="3">
        <f t="shared" si="153"/>
        <v>2016</v>
      </c>
      <c r="D4869" t="s">
        <v>1176</v>
      </c>
      <c r="E4869" t="s">
        <v>26</v>
      </c>
      <c r="F4869" t="s">
        <v>10</v>
      </c>
      <c r="G4869" t="s">
        <v>19</v>
      </c>
      <c r="H4869" t="s">
        <v>1858</v>
      </c>
      <c r="I4869">
        <v>4.78</v>
      </c>
      <c r="J4869">
        <v>1</v>
      </c>
      <c r="K4869">
        <v>1.55</v>
      </c>
    </row>
    <row r="4870" spans="1:11" x14ac:dyDescent="0.3">
      <c r="A4870" s="1">
        <v>42528</v>
      </c>
      <c r="B4870" s="3">
        <f t="shared" si="152"/>
        <v>6</v>
      </c>
      <c r="C4870" s="3">
        <f t="shared" si="153"/>
        <v>2016</v>
      </c>
      <c r="D4870" t="s">
        <v>1176</v>
      </c>
      <c r="E4870" t="s">
        <v>26</v>
      </c>
      <c r="F4870" t="s">
        <v>10</v>
      </c>
      <c r="G4870" t="s">
        <v>11</v>
      </c>
      <c r="H4870" t="s">
        <v>1353</v>
      </c>
      <c r="I4870">
        <v>4.7300000000000004</v>
      </c>
      <c r="J4870">
        <v>1</v>
      </c>
      <c r="K4870">
        <v>2.3199999999999998</v>
      </c>
    </row>
    <row r="4871" spans="1:11" x14ac:dyDescent="0.3">
      <c r="A4871" s="1">
        <v>42528</v>
      </c>
      <c r="B4871" s="3">
        <f t="shared" si="152"/>
        <v>6</v>
      </c>
      <c r="C4871" s="3">
        <f t="shared" si="153"/>
        <v>2016</v>
      </c>
      <c r="D4871" t="s">
        <v>2540</v>
      </c>
      <c r="E4871" t="s">
        <v>22</v>
      </c>
      <c r="F4871" t="s">
        <v>10</v>
      </c>
      <c r="G4871" t="s">
        <v>42</v>
      </c>
      <c r="H4871" t="s">
        <v>1245</v>
      </c>
      <c r="I4871">
        <v>9.65</v>
      </c>
      <c r="J4871">
        <v>6</v>
      </c>
      <c r="K4871">
        <v>3.5</v>
      </c>
    </row>
    <row r="4872" spans="1:11" x14ac:dyDescent="0.3">
      <c r="A4872" s="1">
        <v>42530</v>
      </c>
      <c r="B4872" s="3">
        <f t="shared" si="152"/>
        <v>6</v>
      </c>
      <c r="C4872" s="3">
        <f t="shared" si="153"/>
        <v>2016</v>
      </c>
      <c r="D4872" t="s">
        <v>645</v>
      </c>
      <c r="E4872" t="s">
        <v>26</v>
      </c>
      <c r="F4872" t="s">
        <v>38</v>
      </c>
      <c r="G4872" t="s">
        <v>39</v>
      </c>
      <c r="H4872" t="s">
        <v>2370</v>
      </c>
      <c r="I4872">
        <v>177.48</v>
      </c>
      <c r="J4872">
        <v>3</v>
      </c>
      <c r="K4872">
        <v>19.97</v>
      </c>
    </row>
    <row r="4873" spans="1:11" x14ac:dyDescent="0.3">
      <c r="A4873" s="1">
        <v>42530</v>
      </c>
      <c r="B4873" s="3">
        <f t="shared" si="152"/>
        <v>6</v>
      </c>
      <c r="C4873" s="3">
        <f t="shared" si="153"/>
        <v>2016</v>
      </c>
      <c r="D4873" t="s">
        <v>1470</v>
      </c>
      <c r="E4873" t="s">
        <v>122</v>
      </c>
      <c r="F4873" t="s">
        <v>38</v>
      </c>
      <c r="G4873" t="s">
        <v>301</v>
      </c>
      <c r="H4873" t="s">
        <v>2541</v>
      </c>
      <c r="I4873">
        <v>695.7</v>
      </c>
      <c r="J4873">
        <v>2</v>
      </c>
      <c r="K4873">
        <v>-27.83</v>
      </c>
    </row>
    <row r="4874" spans="1:11" x14ac:dyDescent="0.3">
      <c r="A4874" s="1">
        <v>42530</v>
      </c>
      <c r="B4874" s="3">
        <f t="shared" si="152"/>
        <v>6</v>
      </c>
      <c r="C4874" s="3">
        <f t="shared" si="153"/>
        <v>2016</v>
      </c>
      <c r="D4874" t="s">
        <v>1967</v>
      </c>
      <c r="E4874" t="s">
        <v>26</v>
      </c>
      <c r="F4874" t="s">
        <v>33</v>
      </c>
      <c r="G4874" t="s">
        <v>34</v>
      </c>
      <c r="H4874" t="s">
        <v>1424</v>
      </c>
      <c r="I4874">
        <v>122.35</v>
      </c>
      <c r="J4874">
        <v>3</v>
      </c>
      <c r="K4874">
        <v>13.76</v>
      </c>
    </row>
    <row r="4875" spans="1:11" x14ac:dyDescent="0.3">
      <c r="A4875" s="1">
        <v>42530</v>
      </c>
      <c r="B4875" s="3">
        <f t="shared" si="152"/>
        <v>6</v>
      </c>
      <c r="C4875" s="3">
        <f t="shared" si="153"/>
        <v>2016</v>
      </c>
      <c r="D4875" t="s">
        <v>1583</v>
      </c>
      <c r="E4875" t="s">
        <v>314</v>
      </c>
      <c r="F4875" t="s">
        <v>33</v>
      </c>
      <c r="G4875" t="s">
        <v>144</v>
      </c>
      <c r="H4875" t="s">
        <v>2542</v>
      </c>
      <c r="I4875">
        <v>692.94</v>
      </c>
      <c r="J4875">
        <v>3</v>
      </c>
      <c r="K4875">
        <v>173.24</v>
      </c>
    </row>
    <row r="4876" spans="1:11" x14ac:dyDescent="0.3">
      <c r="A4876" s="1">
        <v>42531</v>
      </c>
      <c r="B4876" s="3">
        <f t="shared" si="152"/>
        <v>6</v>
      </c>
      <c r="C4876" s="3">
        <f t="shared" si="153"/>
        <v>2016</v>
      </c>
      <c r="D4876" t="s">
        <v>2036</v>
      </c>
      <c r="E4876" t="s">
        <v>26</v>
      </c>
      <c r="F4876" t="s">
        <v>10</v>
      </c>
      <c r="G4876" t="s">
        <v>15</v>
      </c>
      <c r="H4876" t="s">
        <v>2475</v>
      </c>
      <c r="I4876">
        <v>20.7</v>
      </c>
      <c r="J4876">
        <v>2</v>
      </c>
      <c r="K4876">
        <v>9.94</v>
      </c>
    </row>
    <row r="4877" spans="1:11" x14ac:dyDescent="0.3">
      <c r="A4877" s="1">
        <v>42531</v>
      </c>
      <c r="B4877" s="3">
        <f t="shared" si="152"/>
        <v>6</v>
      </c>
      <c r="C4877" s="3">
        <f t="shared" si="153"/>
        <v>2016</v>
      </c>
      <c r="D4877" t="s">
        <v>2036</v>
      </c>
      <c r="E4877" t="s">
        <v>26</v>
      </c>
      <c r="F4877" t="s">
        <v>33</v>
      </c>
      <c r="G4877" t="s">
        <v>144</v>
      </c>
      <c r="H4877" t="s">
        <v>2440</v>
      </c>
      <c r="I4877">
        <v>1335.68</v>
      </c>
      <c r="J4877">
        <v>4</v>
      </c>
      <c r="K4877">
        <v>-217.05</v>
      </c>
    </row>
    <row r="4878" spans="1:11" x14ac:dyDescent="0.3">
      <c r="A4878" s="1">
        <v>42531</v>
      </c>
      <c r="B4878" s="3">
        <f t="shared" si="152"/>
        <v>6</v>
      </c>
      <c r="C4878" s="3">
        <f t="shared" si="153"/>
        <v>2016</v>
      </c>
      <c r="D4878" t="s">
        <v>2036</v>
      </c>
      <c r="E4878" t="s">
        <v>26</v>
      </c>
      <c r="F4878" t="s">
        <v>10</v>
      </c>
      <c r="G4878" t="s">
        <v>11</v>
      </c>
      <c r="H4878" t="s">
        <v>492</v>
      </c>
      <c r="I4878">
        <v>32.4</v>
      </c>
      <c r="J4878">
        <v>5</v>
      </c>
      <c r="K4878">
        <v>15.55</v>
      </c>
    </row>
    <row r="4879" spans="1:11" x14ac:dyDescent="0.3">
      <c r="A4879" s="1">
        <v>42531</v>
      </c>
      <c r="B4879" s="3">
        <f t="shared" si="152"/>
        <v>6</v>
      </c>
      <c r="C4879" s="3">
        <f t="shared" si="153"/>
        <v>2016</v>
      </c>
      <c r="D4879" t="s">
        <v>2428</v>
      </c>
      <c r="E4879" t="s">
        <v>22</v>
      </c>
      <c r="F4879" t="s">
        <v>10</v>
      </c>
      <c r="G4879" t="s">
        <v>15</v>
      </c>
      <c r="H4879" t="s">
        <v>1817</v>
      </c>
      <c r="I4879">
        <v>23.62</v>
      </c>
      <c r="J4879">
        <v>8</v>
      </c>
      <c r="K4879">
        <v>7.97</v>
      </c>
    </row>
    <row r="4880" spans="1:11" x14ac:dyDescent="0.3">
      <c r="A4880" s="1">
        <v>42532</v>
      </c>
      <c r="B4880" s="3">
        <f t="shared" si="152"/>
        <v>6</v>
      </c>
      <c r="C4880" s="3">
        <f t="shared" si="153"/>
        <v>2016</v>
      </c>
      <c r="D4880" t="s">
        <v>449</v>
      </c>
      <c r="E4880" t="s">
        <v>9</v>
      </c>
      <c r="F4880" t="s">
        <v>10</v>
      </c>
      <c r="G4880" t="s">
        <v>19</v>
      </c>
      <c r="H4880" t="s">
        <v>1485</v>
      </c>
      <c r="I4880">
        <v>1.34</v>
      </c>
      <c r="J4880">
        <v>4</v>
      </c>
      <c r="K4880">
        <v>-2.15</v>
      </c>
    </row>
    <row r="4881" spans="1:11" x14ac:dyDescent="0.3">
      <c r="A4881" s="1">
        <v>42532</v>
      </c>
      <c r="B4881" s="3">
        <f t="shared" si="152"/>
        <v>6</v>
      </c>
      <c r="C4881" s="3">
        <f t="shared" si="153"/>
        <v>2016</v>
      </c>
      <c r="D4881" t="s">
        <v>449</v>
      </c>
      <c r="E4881" t="s">
        <v>9</v>
      </c>
      <c r="F4881" t="s">
        <v>10</v>
      </c>
      <c r="G4881" t="s">
        <v>19</v>
      </c>
      <c r="H4881" t="s">
        <v>262</v>
      </c>
      <c r="I4881">
        <v>8.27</v>
      </c>
      <c r="J4881">
        <v>4</v>
      </c>
      <c r="K4881">
        <v>-13.65</v>
      </c>
    </row>
    <row r="4882" spans="1:11" x14ac:dyDescent="0.3">
      <c r="A4882" s="1">
        <v>42532</v>
      </c>
      <c r="B4882" s="3">
        <f t="shared" si="152"/>
        <v>6</v>
      </c>
      <c r="C4882" s="3">
        <f t="shared" si="153"/>
        <v>2016</v>
      </c>
      <c r="D4882" t="s">
        <v>449</v>
      </c>
      <c r="E4882" t="s">
        <v>9</v>
      </c>
      <c r="F4882" t="s">
        <v>33</v>
      </c>
      <c r="G4882" t="s">
        <v>46</v>
      </c>
      <c r="H4882" t="s">
        <v>488</v>
      </c>
      <c r="I4882">
        <v>12.54</v>
      </c>
      <c r="J4882">
        <v>7</v>
      </c>
      <c r="K4882">
        <v>-9.09</v>
      </c>
    </row>
    <row r="4883" spans="1:11" x14ac:dyDescent="0.3">
      <c r="A4883" s="1">
        <v>42532</v>
      </c>
      <c r="B4883" s="3">
        <f t="shared" si="152"/>
        <v>6</v>
      </c>
      <c r="C4883" s="3">
        <f t="shared" si="153"/>
        <v>2016</v>
      </c>
      <c r="D4883" t="s">
        <v>1334</v>
      </c>
      <c r="E4883" t="s">
        <v>148</v>
      </c>
      <c r="F4883" t="s">
        <v>38</v>
      </c>
      <c r="G4883" t="s">
        <v>51</v>
      </c>
      <c r="H4883" t="s">
        <v>2001</v>
      </c>
      <c r="I4883">
        <v>239.97</v>
      </c>
      <c r="J4883">
        <v>3</v>
      </c>
      <c r="K4883">
        <v>71.989999999999995</v>
      </c>
    </row>
    <row r="4884" spans="1:11" x14ac:dyDescent="0.3">
      <c r="A4884" s="1">
        <v>42532</v>
      </c>
      <c r="B4884" s="3">
        <f t="shared" si="152"/>
        <v>6</v>
      </c>
      <c r="C4884" s="3">
        <f t="shared" si="153"/>
        <v>2016</v>
      </c>
      <c r="D4884" t="s">
        <v>508</v>
      </c>
      <c r="E4884" t="s">
        <v>163</v>
      </c>
      <c r="F4884" t="s">
        <v>10</v>
      </c>
      <c r="G4884" t="s">
        <v>15</v>
      </c>
      <c r="H4884" t="s">
        <v>2029</v>
      </c>
      <c r="I4884">
        <v>14.62</v>
      </c>
      <c r="J4884">
        <v>2</v>
      </c>
      <c r="K4884">
        <v>6.87</v>
      </c>
    </row>
    <row r="4885" spans="1:11" x14ac:dyDescent="0.3">
      <c r="A4885" s="1">
        <v>42532</v>
      </c>
      <c r="B4885" s="3">
        <f t="shared" si="152"/>
        <v>6</v>
      </c>
      <c r="C4885" s="3">
        <f t="shared" si="153"/>
        <v>2016</v>
      </c>
      <c r="D4885" t="s">
        <v>508</v>
      </c>
      <c r="E4885" t="s">
        <v>163</v>
      </c>
      <c r="F4885" t="s">
        <v>10</v>
      </c>
      <c r="G4885" t="s">
        <v>19</v>
      </c>
      <c r="H4885" t="s">
        <v>188</v>
      </c>
      <c r="I4885">
        <v>53.98</v>
      </c>
      <c r="J4885">
        <v>14</v>
      </c>
      <c r="K4885">
        <v>17.54</v>
      </c>
    </row>
    <row r="4886" spans="1:11" x14ac:dyDescent="0.3">
      <c r="A4886" s="1">
        <v>42532</v>
      </c>
      <c r="B4886" s="3">
        <f t="shared" si="152"/>
        <v>6</v>
      </c>
      <c r="C4886" s="3">
        <f t="shared" si="153"/>
        <v>2016</v>
      </c>
      <c r="D4886" t="s">
        <v>508</v>
      </c>
      <c r="E4886" t="s">
        <v>163</v>
      </c>
      <c r="F4886" t="s">
        <v>38</v>
      </c>
      <c r="G4886" t="s">
        <v>51</v>
      </c>
      <c r="H4886" t="s">
        <v>2080</v>
      </c>
      <c r="I4886">
        <v>389.97</v>
      </c>
      <c r="J4886">
        <v>3</v>
      </c>
      <c r="K4886">
        <v>132.59</v>
      </c>
    </row>
    <row r="4887" spans="1:11" x14ac:dyDescent="0.3">
      <c r="A4887" s="1">
        <v>42532</v>
      </c>
      <c r="B4887" s="3">
        <f t="shared" si="152"/>
        <v>6</v>
      </c>
      <c r="C4887" s="3">
        <f t="shared" si="153"/>
        <v>2016</v>
      </c>
      <c r="D4887" t="s">
        <v>57</v>
      </c>
      <c r="E4887" t="s">
        <v>26</v>
      </c>
      <c r="F4887" t="s">
        <v>33</v>
      </c>
      <c r="G4887" t="s">
        <v>144</v>
      </c>
      <c r="H4887" t="s">
        <v>319</v>
      </c>
      <c r="I4887">
        <v>902.71</v>
      </c>
      <c r="J4887">
        <v>3</v>
      </c>
      <c r="K4887">
        <v>33.85</v>
      </c>
    </row>
    <row r="4888" spans="1:11" x14ac:dyDescent="0.3">
      <c r="A4888" s="1">
        <v>42533</v>
      </c>
      <c r="B4888" s="3">
        <f t="shared" si="152"/>
        <v>6</v>
      </c>
      <c r="C4888" s="3">
        <f t="shared" si="153"/>
        <v>2016</v>
      </c>
      <c r="D4888" t="s">
        <v>2543</v>
      </c>
      <c r="E4888" t="s">
        <v>26</v>
      </c>
      <c r="F4888" t="s">
        <v>10</v>
      </c>
      <c r="G4888" t="s">
        <v>15</v>
      </c>
      <c r="H4888" t="s">
        <v>1039</v>
      </c>
      <c r="I4888">
        <v>14.62</v>
      </c>
      <c r="J4888">
        <v>2</v>
      </c>
      <c r="K4888">
        <v>6.87</v>
      </c>
    </row>
    <row r="4889" spans="1:11" x14ac:dyDescent="0.3">
      <c r="A4889" s="1">
        <v>42533</v>
      </c>
      <c r="B4889" s="3">
        <f t="shared" si="152"/>
        <v>6</v>
      </c>
      <c r="C4889" s="3">
        <f t="shared" si="153"/>
        <v>2016</v>
      </c>
      <c r="D4889" t="s">
        <v>2123</v>
      </c>
      <c r="E4889" t="s">
        <v>487</v>
      </c>
      <c r="F4889" t="s">
        <v>10</v>
      </c>
      <c r="G4889" t="s">
        <v>91</v>
      </c>
      <c r="H4889" t="s">
        <v>710</v>
      </c>
      <c r="I4889">
        <v>208.16</v>
      </c>
      <c r="J4889">
        <v>1</v>
      </c>
      <c r="K4889">
        <v>56.2</v>
      </c>
    </row>
    <row r="4890" spans="1:11" x14ac:dyDescent="0.3">
      <c r="A4890" s="1">
        <v>42533</v>
      </c>
      <c r="B4890" s="3">
        <f t="shared" si="152"/>
        <v>6</v>
      </c>
      <c r="C4890" s="3">
        <f t="shared" si="153"/>
        <v>2016</v>
      </c>
      <c r="D4890" t="s">
        <v>2123</v>
      </c>
      <c r="E4890" t="s">
        <v>487</v>
      </c>
      <c r="F4890" t="s">
        <v>10</v>
      </c>
      <c r="G4890" t="s">
        <v>19</v>
      </c>
      <c r="H4890" t="s">
        <v>1126</v>
      </c>
      <c r="I4890">
        <v>16.739999999999998</v>
      </c>
      <c r="J4890">
        <v>3</v>
      </c>
      <c r="K4890">
        <v>8.0399999999999991</v>
      </c>
    </row>
    <row r="4891" spans="1:11" x14ac:dyDescent="0.3">
      <c r="A4891" s="1">
        <v>42533</v>
      </c>
      <c r="B4891" s="3">
        <f t="shared" si="152"/>
        <v>6</v>
      </c>
      <c r="C4891" s="3">
        <f t="shared" si="153"/>
        <v>2016</v>
      </c>
      <c r="D4891" t="s">
        <v>767</v>
      </c>
      <c r="E4891" t="s">
        <v>58</v>
      </c>
      <c r="F4891" t="s">
        <v>33</v>
      </c>
      <c r="G4891" t="s">
        <v>46</v>
      </c>
      <c r="H4891" t="s">
        <v>2184</v>
      </c>
      <c r="I4891">
        <v>47.04</v>
      </c>
      <c r="J4891">
        <v>3</v>
      </c>
      <c r="K4891">
        <v>18.350000000000001</v>
      </c>
    </row>
    <row r="4892" spans="1:11" x14ac:dyDescent="0.3">
      <c r="A4892" s="1">
        <v>42533</v>
      </c>
      <c r="B4892" s="3">
        <f t="shared" si="152"/>
        <v>6</v>
      </c>
      <c r="C4892" s="3">
        <f t="shared" si="153"/>
        <v>2016</v>
      </c>
      <c r="D4892" t="s">
        <v>767</v>
      </c>
      <c r="E4892" t="s">
        <v>58</v>
      </c>
      <c r="F4892" t="s">
        <v>10</v>
      </c>
      <c r="G4892" t="s">
        <v>19</v>
      </c>
      <c r="H4892" t="s">
        <v>799</v>
      </c>
      <c r="I4892">
        <v>30.84</v>
      </c>
      <c r="J4892">
        <v>4</v>
      </c>
      <c r="K4892">
        <v>13.88</v>
      </c>
    </row>
    <row r="4893" spans="1:11" x14ac:dyDescent="0.3">
      <c r="A4893" s="1">
        <v>42533</v>
      </c>
      <c r="B4893" s="3">
        <f t="shared" si="152"/>
        <v>6</v>
      </c>
      <c r="C4893" s="3">
        <f t="shared" si="153"/>
        <v>2016</v>
      </c>
      <c r="D4893" t="s">
        <v>767</v>
      </c>
      <c r="E4893" t="s">
        <v>58</v>
      </c>
      <c r="F4893" t="s">
        <v>10</v>
      </c>
      <c r="G4893" t="s">
        <v>17</v>
      </c>
      <c r="H4893" t="s">
        <v>1760</v>
      </c>
      <c r="I4893">
        <v>226.56</v>
      </c>
      <c r="J4893">
        <v>6</v>
      </c>
      <c r="K4893">
        <v>63.44</v>
      </c>
    </row>
    <row r="4894" spans="1:11" x14ac:dyDescent="0.3">
      <c r="A4894" s="1">
        <v>42533</v>
      </c>
      <c r="B4894" s="3">
        <f t="shared" si="152"/>
        <v>6</v>
      </c>
      <c r="C4894" s="3">
        <f t="shared" si="153"/>
        <v>2016</v>
      </c>
      <c r="D4894" t="s">
        <v>767</v>
      </c>
      <c r="E4894" t="s">
        <v>58</v>
      </c>
      <c r="F4894" t="s">
        <v>10</v>
      </c>
      <c r="G4894" t="s">
        <v>62</v>
      </c>
      <c r="H4894" t="s">
        <v>1090</v>
      </c>
      <c r="I4894">
        <v>115.02</v>
      </c>
      <c r="J4894">
        <v>9</v>
      </c>
      <c r="K4894">
        <v>51.76</v>
      </c>
    </row>
    <row r="4895" spans="1:11" x14ac:dyDescent="0.3">
      <c r="A4895" s="1">
        <v>42533</v>
      </c>
      <c r="B4895" s="3">
        <f t="shared" si="152"/>
        <v>6</v>
      </c>
      <c r="C4895" s="3">
        <f t="shared" si="153"/>
        <v>2016</v>
      </c>
      <c r="D4895" t="s">
        <v>767</v>
      </c>
      <c r="E4895" t="s">
        <v>58</v>
      </c>
      <c r="F4895" t="s">
        <v>38</v>
      </c>
      <c r="G4895" t="s">
        <v>39</v>
      </c>
      <c r="H4895" t="s">
        <v>2282</v>
      </c>
      <c r="I4895">
        <v>68.040000000000006</v>
      </c>
      <c r="J4895">
        <v>7</v>
      </c>
      <c r="K4895">
        <v>19.73</v>
      </c>
    </row>
    <row r="4896" spans="1:11" x14ac:dyDescent="0.3">
      <c r="A4896" s="1">
        <v>42533</v>
      </c>
      <c r="B4896" s="3">
        <f t="shared" si="152"/>
        <v>6</v>
      </c>
      <c r="C4896" s="3">
        <f t="shared" si="153"/>
        <v>2016</v>
      </c>
      <c r="D4896" t="s">
        <v>2187</v>
      </c>
      <c r="E4896" t="s">
        <v>14</v>
      </c>
      <c r="F4896" t="s">
        <v>38</v>
      </c>
      <c r="G4896" t="s">
        <v>301</v>
      </c>
      <c r="H4896" t="s">
        <v>2544</v>
      </c>
      <c r="I4896">
        <v>1007.98</v>
      </c>
      <c r="J4896">
        <v>3</v>
      </c>
      <c r="K4896">
        <v>43.2</v>
      </c>
    </row>
    <row r="4897" spans="1:11" x14ac:dyDescent="0.3">
      <c r="A4897" s="1">
        <v>42533</v>
      </c>
      <c r="B4897" s="3">
        <f t="shared" si="152"/>
        <v>6</v>
      </c>
      <c r="C4897" s="3">
        <f t="shared" si="153"/>
        <v>2016</v>
      </c>
      <c r="D4897" t="s">
        <v>2187</v>
      </c>
      <c r="E4897" t="s">
        <v>14</v>
      </c>
      <c r="F4897" t="s">
        <v>10</v>
      </c>
      <c r="G4897" t="s">
        <v>11</v>
      </c>
      <c r="H4897" t="s">
        <v>2219</v>
      </c>
      <c r="I4897">
        <v>313.49</v>
      </c>
      <c r="J4897">
        <v>7</v>
      </c>
      <c r="K4897">
        <v>113.64</v>
      </c>
    </row>
    <row r="4898" spans="1:11" x14ac:dyDescent="0.3">
      <c r="A4898" s="1">
        <v>42533</v>
      </c>
      <c r="B4898" s="3">
        <f t="shared" si="152"/>
        <v>6</v>
      </c>
      <c r="C4898" s="3">
        <f t="shared" si="153"/>
        <v>2016</v>
      </c>
      <c r="D4898" t="s">
        <v>1139</v>
      </c>
      <c r="E4898" t="s">
        <v>14</v>
      </c>
      <c r="F4898" t="s">
        <v>10</v>
      </c>
      <c r="G4898" t="s">
        <v>11</v>
      </c>
      <c r="H4898" t="s">
        <v>1178</v>
      </c>
      <c r="I4898">
        <v>23.12</v>
      </c>
      <c r="J4898">
        <v>5</v>
      </c>
      <c r="K4898">
        <v>8.3800000000000008</v>
      </c>
    </row>
    <row r="4899" spans="1:11" x14ac:dyDescent="0.3">
      <c r="A4899" s="1">
        <v>42533</v>
      </c>
      <c r="B4899" s="3">
        <f t="shared" si="152"/>
        <v>6</v>
      </c>
      <c r="C4899" s="3">
        <f t="shared" si="153"/>
        <v>2016</v>
      </c>
      <c r="D4899" t="s">
        <v>2317</v>
      </c>
      <c r="E4899" t="s">
        <v>148</v>
      </c>
      <c r="F4899" t="s">
        <v>10</v>
      </c>
      <c r="G4899" t="s">
        <v>11</v>
      </c>
      <c r="H4899" t="s">
        <v>2545</v>
      </c>
      <c r="I4899">
        <v>92.94</v>
      </c>
      <c r="J4899">
        <v>3</v>
      </c>
      <c r="K4899">
        <v>41.82</v>
      </c>
    </row>
    <row r="4900" spans="1:11" x14ac:dyDescent="0.3">
      <c r="A4900" s="1">
        <v>42533</v>
      </c>
      <c r="B4900" s="3">
        <f t="shared" si="152"/>
        <v>6</v>
      </c>
      <c r="C4900" s="3">
        <f t="shared" si="153"/>
        <v>2016</v>
      </c>
      <c r="D4900" t="s">
        <v>2317</v>
      </c>
      <c r="E4900" t="s">
        <v>148</v>
      </c>
      <c r="F4900" t="s">
        <v>10</v>
      </c>
      <c r="G4900" t="s">
        <v>91</v>
      </c>
      <c r="H4900" t="s">
        <v>1753</v>
      </c>
      <c r="I4900">
        <v>52.56</v>
      </c>
      <c r="J4900">
        <v>3</v>
      </c>
      <c r="K4900">
        <v>18.399999999999999</v>
      </c>
    </row>
    <row r="4901" spans="1:11" x14ac:dyDescent="0.3">
      <c r="A4901" s="1">
        <v>42533</v>
      </c>
      <c r="B4901" s="3">
        <f t="shared" si="152"/>
        <v>6</v>
      </c>
      <c r="C4901" s="3">
        <f t="shared" si="153"/>
        <v>2016</v>
      </c>
      <c r="D4901" t="s">
        <v>1286</v>
      </c>
      <c r="E4901" t="s">
        <v>26</v>
      </c>
      <c r="F4901" t="s">
        <v>10</v>
      </c>
      <c r="G4901" t="s">
        <v>11</v>
      </c>
      <c r="H4901" t="s">
        <v>2545</v>
      </c>
      <c r="I4901">
        <v>185.88</v>
      </c>
      <c r="J4901">
        <v>6</v>
      </c>
      <c r="K4901">
        <v>83.65</v>
      </c>
    </row>
    <row r="4902" spans="1:11" x14ac:dyDescent="0.3">
      <c r="A4902" s="1">
        <v>42533</v>
      </c>
      <c r="B4902" s="3">
        <f t="shared" si="152"/>
        <v>6</v>
      </c>
      <c r="C4902" s="3">
        <f t="shared" si="153"/>
        <v>2016</v>
      </c>
      <c r="D4902" t="s">
        <v>1286</v>
      </c>
      <c r="E4902" t="s">
        <v>26</v>
      </c>
      <c r="F4902" t="s">
        <v>10</v>
      </c>
      <c r="G4902" t="s">
        <v>11</v>
      </c>
      <c r="H4902" t="s">
        <v>2168</v>
      </c>
      <c r="I4902">
        <v>12.96</v>
      </c>
      <c r="J4902">
        <v>2</v>
      </c>
      <c r="K4902">
        <v>6.22</v>
      </c>
    </row>
    <row r="4903" spans="1:11" x14ac:dyDescent="0.3">
      <c r="A4903" s="1">
        <v>42533</v>
      </c>
      <c r="B4903" s="3">
        <f t="shared" si="152"/>
        <v>6</v>
      </c>
      <c r="C4903" s="3">
        <f t="shared" si="153"/>
        <v>2016</v>
      </c>
      <c r="D4903" t="s">
        <v>950</v>
      </c>
      <c r="E4903" t="s">
        <v>9</v>
      </c>
      <c r="F4903" t="s">
        <v>10</v>
      </c>
      <c r="G4903" t="s">
        <v>91</v>
      </c>
      <c r="H4903" t="s">
        <v>1639</v>
      </c>
      <c r="I4903">
        <v>64.38</v>
      </c>
      <c r="J4903">
        <v>4</v>
      </c>
      <c r="K4903">
        <v>-160.96</v>
      </c>
    </row>
    <row r="4904" spans="1:11" x14ac:dyDescent="0.3">
      <c r="A4904" s="1">
        <v>42533</v>
      </c>
      <c r="B4904" s="3">
        <f t="shared" si="152"/>
        <v>6</v>
      </c>
      <c r="C4904" s="3">
        <f t="shared" si="153"/>
        <v>2016</v>
      </c>
      <c r="D4904" t="s">
        <v>950</v>
      </c>
      <c r="E4904" t="s">
        <v>9</v>
      </c>
      <c r="F4904" t="s">
        <v>33</v>
      </c>
      <c r="G4904" t="s">
        <v>46</v>
      </c>
      <c r="H4904" t="s">
        <v>590</v>
      </c>
      <c r="I4904">
        <v>6.98</v>
      </c>
      <c r="J4904">
        <v>2</v>
      </c>
      <c r="K4904">
        <v>-4.54</v>
      </c>
    </row>
    <row r="4905" spans="1:11" x14ac:dyDescent="0.3">
      <c r="A4905" s="1">
        <v>42533</v>
      </c>
      <c r="B4905" s="3">
        <f t="shared" si="152"/>
        <v>6</v>
      </c>
      <c r="C4905" s="3">
        <f t="shared" si="153"/>
        <v>2016</v>
      </c>
      <c r="D4905" t="s">
        <v>950</v>
      </c>
      <c r="E4905" t="s">
        <v>9</v>
      </c>
      <c r="F4905" t="s">
        <v>10</v>
      </c>
      <c r="G4905" t="s">
        <v>23</v>
      </c>
      <c r="H4905" t="s">
        <v>840</v>
      </c>
      <c r="I4905">
        <v>11.26</v>
      </c>
      <c r="J4905">
        <v>8</v>
      </c>
      <c r="K4905">
        <v>3.94</v>
      </c>
    </row>
    <row r="4906" spans="1:11" x14ac:dyDescent="0.3">
      <c r="A4906" s="1">
        <v>42533</v>
      </c>
      <c r="B4906" s="3">
        <f t="shared" si="152"/>
        <v>6</v>
      </c>
      <c r="C4906" s="3">
        <f t="shared" si="153"/>
        <v>2016</v>
      </c>
      <c r="D4906" t="s">
        <v>950</v>
      </c>
      <c r="E4906" t="s">
        <v>9</v>
      </c>
      <c r="F4906" t="s">
        <v>10</v>
      </c>
      <c r="G4906" t="s">
        <v>11</v>
      </c>
      <c r="H4906" t="s">
        <v>2546</v>
      </c>
      <c r="I4906">
        <v>15.55</v>
      </c>
      <c r="J4906">
        <v>3</v>
      </c>
      <c r="K4906">
        <v>5.64</v>
      </c>
    </row>
    <row r="4907" spans="1:11" x14ac:dyDescent="0.3">
      <c r="A4907" s="1">
        <v>42533</v>
      </c>
      <c r="B4907" s="3">
        <f t="shared" si="152"/>
        <v>6</v>
      </c>
      <c r="C4907" s="3">
        <f t="shared" si="153"/>
        <v>2016</v>
      </c>
      <c r="D4907" t="s">
        <v>950</v>
      </c>
      <c r="E4907" t="s">
        <v>9</v>
      </c>
      <c r="F4907" t="s">
        <v>33</v>
      </c>
      <c r="G4907" t="s">
        <v>34</v>
      </c>
      <c r="H4907" t="s">
        <v>1453</v>
      </c>
      <c r="I4907">
        <v>379.37</v>
      </c>
      <c r="J4907">
        <v>2</v>
      </c>
      <c r="K4907">
        <v>-119.23</v>
      </c>
    </row>
    <row r="4908" spans="1:11" x14ac:dyDescent="0.3">
      <c r="A4908" s="1">
        <v>42533</v>
      </c>
      <c r="B4908" s="3">
        <f t="shared" si="152"/>
        <v>6</v>
      </c>
      <c r="C4908" s="3">
        <f t="shared" si="153"/>
        <v>2016</v>
      </c>
      <c r="D4908" t="s">
        <v>950</v>
      </c>
      <c r="E4908" t="s">
        <v>9</v>
      </c>
      <c r="F4908" t="s">
        <v>10</v>
      </c>
      <c r="G4908" t="s">
        <v>17</v>
      </c>
      <c r="H4908" t="s">
        <v>298</v>
      </c>
      <c r="I4908">
        <v>67.540000000000006</v>
      </c>
      <c r="J4908">
        <v>9</v>
      </c>
      <c r="K4908">
        <v>6.75</v>
      </c>
    </row>
    <row r="4909" spans="1:11" x14ac:dyDescent="0.3">
      <c r="A4909" s="1">
        <v>42533</v>
      </c>
      <c r="B4909" s="3">
        <f t="shared" si="152"/>
        <v>6</v>
      </c>
      <c r="C4909" s="3">
        <f t="shared" si="153"/>
        <v>2016</v>
      </c>
      <c r="D4909" t="s">
        <v>950</v>
      </c>
      <c r="E4909" t="s">
        <v>9</v>
      </c>
      <c r="F4909" t="s">
        <v>10</v>
      </c>
      <c r="G4909" t="s">
        <v>19</v>
      </c>
      <c r="H4909" t="s">
        <v>574</v>
      </c>
      <c r="I4909">
        <v>1.52</v>
      </c>
      <c r="J4909">
        <v>2</v>
      </c>
      <c r="K4909">
        <v>-2.67</v>
      </c>
    </row>
    <row r="4910" spans="1:11" x14ac:dyDescent="0.3">
      <c r="A4910" s="1">
        <v>42534</v>
      </c>
      <c r="B4910" s="3">
        <f t="shared" si="152"/>
        <v>6</v>
      </c>
      <c r="C4910" s="3">
        <f t="shared" si="153"/>
        <v>2016</v>
      </c>
      <c r="D4910" t="s">
        <v>342</v>
      </c>
      <c r="E4910" t="s">
        <v>109</v>
      </c>
      <c r="F4910" t="s">
        <v>38</v>
      </c>
      <c r="G4910" t="s">
        <v>39</v>
      </c>
      <c r="H4910" t="s">
        <v>374</v>
      </c>
      <c r="I4910">
        <v>377.97</v>
      </c>
      <c r="J4910">
        <v>3</v>
      </c>
      <c r="K4910">
        <v>94.49</v>
      </c>
    </row>
    <row r="4911" spans="1:11" x14ac:dyDescent="0.3">
      <c r="A4911" s="1">
        <v>42534</v>
      </c>
      <c r="B4911" s="3">
        <f t="shared" si="152"/>
        <v>6</v>
      </c>
      <c r="C4911" s="3">
        <f t="shared" si="153"/>
        <v>2016</v>
      </c>
      <c r="D4911" t="s">
        <v>1066</v>
      </c>
      <c r="E4911" t="s">
        <v>1282</v>
      </c>
      <c r="F4911" t="s">
        <v>10</v>
      </c>
      <c r="G4911" t="s">
        <v>15</v>
      </c>
      <c r="H4911" t="s">
        <v>1296</v>
      </c>
      <c r="I4911">
        <v>18.899999999999999</v>
      </c>
      <c r="J4911">
        <v>3</v>
      </c>
      <c r="K4911">
        <v>8.69</v>
      </c>
    </row>
    <row r="4912" spans="1:11" x14ac:dyDescent="0.3">
      <c r="A4912" s="1">
        <v>42534</v>
      </c>
      <c r="B4912" s="3">
        <f t="shared" si="152"/>
        <v>6</v>
      </c>
      <c r="C4912" s="3">
        <f t="shared" si="153"/>
        <v>2016</v>
      </c>
      <c r="D4912" t="s">
        <v>708</v>
      </c>
      <c r="E4912" t="s">
        <v>148</v>
      </c>
      <c r="F4912" t="s">
        <v>10</v>
      </c>
      <c r="G4912" t="s">
        <v>19</v>
      </c>
      <c r="H4912" t="s">
        <v>1122</v>
      </c>
      <c r="I4912">
        <v>33.57</v>
      </c>
      <c r="J4912">
        <v>2</v>
      </c>
      <c r="K4912">
        <v>11.75</v>
      </c>
    </row>
    <row r="4913" spans="1:11" x14ac:dyDescent="0.3">
      <c r="A4913" s="1">
        <v>42535</v>
      </c>
      <c r="B4913" s="3">
        <f t="shared" si="152"/>
        <v>6</v>
      </c>
      <c r="C4913" s="3">
        <f t="shared" si="153"/>
        <v>2016</v>
      </c>
      <c r="D4913" t="s">
        <v>946</v>
      </c>
      <c r="E4913" t="s">
        <v>26</v>
      </c>
      <c r="F4913" t="s">
        <v>10</v>
      </c>
      <c r="G4913" t="s">
        <v>23</v>
      </c>
      <c r="H4913" t="s">
        <v>2389</v>
      </c>
      <c r="I4913">
        <v>7.04</v>
      </c>
      <c r="J4913">
        <v>4</v>
      </c>
      <c r="K4913">
        <v>2.04</v>
      </c>
    </row>
    <row r="4914" spans="1:11" x14ac:dyDescent="0.3">
      <c r="A4914" s="1">
        <v>42535</v>
      </c>
      <c r="B4914" s="3">
        <f t="shared" si="152"/>
        <v>6</v>
      </c>
      <c r="C4914" s="3">
        <f t="shared" si="153"/>
        <v>2016</v>
      </c>
      <c r="D4914" t="s">
        <v>946</v>
      </c>
      <c r="E4914" t="s">
        <v>26</v>
      </c>
      <c r="F4914" t="s">
        <v>33</v>
      </c>
      <c r="G4914" t="s">
        <v>46</v>
      </c>
      <c r="H4914" t="s">
        <v>2492</v>
      </c>
      <c r="I4914">
        <v>8.73</v>
      </c>
      <c r="J4914">
        <v>3</v>
      </c>
      <c r="K4914">
        <v>4.0999999999999996</v>
      </c>
    </row>
    <row r="4915" spans="1:11" x14ac:dyDescent="0.3">
      <c r="A4915" s="1">
        <v>42535</v>
      </c>
      <c r="B4915" s="3">
        <f t="shared" si="152"/>
        <v>6</v>
      </c>
      <c r="C4915" s="3">
        <f t="shared" si="153"/>
        <v>2016</v>
      </c>
      <c r="D4915" t="s">
        <v>946</v>
      </c>
      <c r="E4915" t="s">
        <v>26</v>
      </c>
      <c r="F4915" t="s">
        <v>38</v>
      </c>
      <c r="G4915" t="s">
        <v>51</v>
      </c>
      <c r="H4915" t="s">
        <v>655</v>
      </c>
      <c r="I4915">
        <v>29.29</v>
      </c>
      <c r="J4915">
        <v>1</v>
      </c>
      <c r="K4915">
        <v>9.67</v>
      </c>
    </row>
    <row r="4916" spans="1:11" x14ac:dyDescent="0.3">
      <c r="A4916" s="1">
        <v>42535</v>
      </c>
      <c r="B4916" s="3">
        <f t="shared" si="152"/>
        <v>6</v>
      </c>
      <c r="C4916" s="3">
        <f t="shared" si="153"/>
        <v>2016</v>
      </c>
      <c r="D4916" t="s">
        <v>946</v>
      </c>
      <c r="E4916" t="s">
        <v>26</v>
      </c>
      <c r="F4916" t="s">
        <v>10</v>
      </c>
      <c r="G4916" t="s">
        <v>23</v>
      </c>
      <c r="H4916" t="s">
        <v>2191</v>
      </c>
      <c r="I4916">
        <v>8.64</v>
      </c>
      <c r="J4916">
        <v>3</v>
      </c>
      <c r="K4916">
        <v>2.5099999999999998</v>
      </c>
    </row>
    <row r="4917" spans="1:11" x14ac:dyDescent="0.3">
      <c r="A4917" s="1">
        <v>42535</v>
      </c>
      <c r="B4917" s="3">
        <f t="shared" si="152"/>
        <v>6</v>
      </c>
      <c r="C4917" s="3">
        <f t="shared" si="153"/>
        <v>2016</v>
      </c>
      <c r="D4917" t="s">
        <v>575</v>
      </c>
      <c r="E4917" t="s">
        <v>26</v>
      </c>
      <c r="F4917" t="s">
        <v>33</v>
      </c>
      <c r="G4917" t="s">
        <v>73</v>
      </c>
      <c r="H4917" t="s">
        <v>341</v>
      </c>
      <c r="I4917">
        <v>599.16999999999996</v>
      </c>
      <c r="J4917">
        <v>5</v>
      </c>
      <c r="K4917">
        <v>35.25</v>
      </c>
    </row>
    <row r="4918" spans="1:11" x14ac:dyDescent="0.3">
      <c r="A4918" s="1">
        <v>42535</v>
      </c>
      <c r="B4918" s="3">
        <f t="shared" si="152"/>
        <v>6</v>
      </c>
      <c r="C4918" s="3">
        <f t="shared" si="153"/>
        <v>2016</v>
      </c>
      <c r="D4918" t="s">
        <v>921</v>
      </c>
      <c r="E4918" t="s">
        <v>26</v>
      </c>
      <c r="F4918" t="s">
        <v>33</v>
      </c>
      <c r="G4918" t="s">
        <v>144</v>
      </c>
      <c r="H4918" t="s">
        <v>2542</v>
      </c>
      <c r="I4918">
        <v>1293.49</v>
      </c>
      <c r="J4918">
        <v>7</v>
      </c>
      <c r="K4918">
        <v>80.84</v>
      </c>
    </row>
    <row r="4919" spans="1:11" x14ac:dyDescent="0.3">
      <c r="A4919" s="1">
        <v>42535</v>
      </c>
      <c r="B4919" s="3">
        <f t="shared" si="152"/>
        <v>6</v>
      </c>
      <c r="C4919" s="3">
        <f t="shared" si="153"/>
        <v>2016</v>
      </c>
      <c r="D4919" t="s">
        <v>2547</v>
      </c>
      <c r="E4919" t="s">
        <v>22</v>
      </c>
      <c r="F4919" t="s">
        <v>33</v>
      </c>
      <c r="G4919" t="s">
        <v>144</v>
      </c>
      <c r="H4919" t="s">
        <v>2510</v>
      </c>
      <c r="I4919">
        <v>337.18</v>
      </c>
      <c r="J4919">
        <v>2</v>
      </c>
      <c r="K4919">
        <v>-118.01</v>
      </c>
    </row>
    <row r="4920" spans="1:11" x14ac:dyDescent="0.3">
      <c r="A4920" s="1">
        <v>42535</v>
      </c>
      <c r="B4920" s="3">
        <f t="shared" si="152"/>
        <v>6</v>
      </c>
      <c r="C4920" s="3">
        <f t="shared" si="153"/>
        <v>2016</v>
      </c>
      <c r="D4920" t="s">
        <v>371</v>
      </c>
      <c r="E4920" t="s">
        <v>122</v>
      </c>
      <c r="F4920" t="s">
        <v>10</v>
      </c>
      <c r="G4920" t="s">
        <v>19</v>
      </c>
      <c r="H4920" t="s">
        <v>2074</v>
      </c>
      <c r="I4920">
        <v>39.94</v>
      </c>
      <c r="J4920">
        <v>4</v>
      </c>
      <c r="K4920">
        <v>-26.62</v>
      </c>
    </row>
    <row r="4921" spans="1:11" x14ac:dyDescent="0.3">
      <c r="A4921" s="1">
        <v>42535</v>
      </c>
      <c r="B4921" s="3">
        <f t="shared" si="152"/>
        <v>6</v>
      </c>
      <c r="C4921" s="3">
        <f t="shared" si="153"/>
        <v>2016</v>
      </c>
      <c r="D4921" t="s">
        <v>371</v>
      </c>
      <c r="E4921" t="s">
        <v>122</v>
      </c>
      <c r="F4921" t="s">
        <v>38</v>
      </c>
      <c r="G4921" t="s">
        <v>51</v>
      </c>
      <c r="H4921" t="s">
        <v>2287</v>
      </c>
      <c r="I4921">
        <v>18.46</v>
      </c>
      <c r="J4921">
        <v>2</v>
      </c>
      <c r="K4921">
        <v>2.31</v>
      </c>
    </row>
    <row r="4922" spans="1:11" x14ac:dyDescent="0.3">
      <c r="A4922" s="1">
        <v>42535</v>
      </c>
      <c r="B4922" s="3">
        <f t="shared" si="152"/>
        <v>6</v>
      </c>
      <c r="C4922" s="3">
        <f t="shared" si="153"/>
        <v>2016</v>
      </c>
      <c r="D4922" t="s">
        <v>890</v>
      </c>
      <c r="E4922" t="s">
        <v>163</v>
      </c>
      <c r="F4922" t="s">
        <v>33</v>
      </c>
      <c r="G4922" t="s">
        <v>144</v>
      </c>
      <c r="H4922" t="s">
        <v>1773</v>
      </c>
      <c r="I4922">
        <v>1115.17</v>
      </c>
      <c r="J4922">
        <v>7</v>
      </c>
      <c r="K4922">
        <v>334.55</v>
      </c>
    </row>
    <row r="4923" spans="1:11" x14ac:dyDescent="0.3">
      <c r="A4923" s="1">
        <v>42536</v>
      </c>
      <c r="B4923" s="3">
        <f t="shared" si="152"/>
        <v>6</v>
      </c>
      <c r="C4923" s="3">
        <f t="shared" si="153"/>
        <v>2016</v>
      </c>
      <c r="D4923" t="s">
        <v>1474</v>
      </c>
      <c r="E4923" t="s">
        <v>9</v>
      </c>
      <c r="F4923" t="s">
        <v>10</v>
      </c>
      <c r="G4923" t="s">
        <v>11</v>
      </c>
      <c r="H4923" t="s">
        <v>2031</v>
      </c>
      <c r="I4923">
        <v>173.49</v>
      </c>
      <c r="J4923">
        <v>7</v>
      </c>
      <c r="K4923">
        <v>54.22</v>
      </c>
    </row>
    <row r="4924" spans="1:11" x14ac:dyDescent="0.3">
      <c r="A4924" s="1">
        <v>42537</v>
      </c>
      <c r="B4924" s="3">
        <f t="shared" si="152"/>
        <v>6</v>
      </c>
      <c r="C4924" s="3">
        <f t="shared" si="153"/>
        <v>2016</v>
      </c>
      <c r="D4924" t="s">
        <v>2093</v>
      </c>
      <c r="E4924" t="s">
        <v>26</v>
      </c>
      <c r="F4924" t="s">
        <v>10</v>
      </c>
      <c r="G4924" t="s">
        <v>11</v>
      </c>
      <c r="H4924" t="s">
        <v>1607</v>
      </c>
      <c r="I4924">
        <v>46.35</v>
      </c>
      <c r="J4924">
        <v>5</v>
      </c>
      <c r="K4924">
        <v>21.78</v>
      </c>
    </row>
    <row r="4925" spans="1:11" x14ac:dyDescent="0.3">
      <c r="A4925" s="1">
        <v>42537</v>
      </c>
      <c r="B4925" s="3">
        <f t="shared" si="152"/>
        <v>6</v>
      </c>
      <c r="C4925" s="3">
        <f t="shared" si="153"/>
        <v>2016</v>
      </c>
      <c r="D4925" t="s">
        <v>1876</v>
      </c>
      <c r="E4925" t="s">
        <v>119</v>
      </c>
      <c r="F4925" t="s">
        <v>38</v>
      </c>
      <c r="G4925" t="s">
        <v>301</v>
      </c>
      <c r="H4925" t="s">
        <v>2548</v>
      </c>
      <c r="I4925">
        <v>91.48</v>
      </c>
      <c r="J4925">
        <v>1</v>
      </c>
      <c r="K4925">
        <v>-1.83</v>
      </c>
    </row>
    <row r="4926" spans="1:11" x14ac:dyDescent="0.3">
      <c r="A4926" s="1">
        <v>42537</v>
      </c>
      <c r="B4926" s="3">
        <f t="shared" si="152"/>
        <v>6</v>
      </c>
      <c r="C4926" s="3">
        <f t="shared" si="153"/>
        <v>2016</v>
      </c>
      <c r="D4926" t="s">
        <v>1936</v>
      </c>
      <c r="E4926" t="s">
        <v>58</v>
      </c>
      <c r="F4926" t="s">
        <v>10</v>
      </c>
      <c r="G4926" t="s">
        <v>15</v>
      </c>
      <c r="H4926" t="s">
        <v>446</v>
      </c>
      <c r="I4926">
        <v>9.4499999999999993</v>
      </c>
      <c r="J4926">
        <v>3</v>
      </c>
      <c r="K4926">
        <v>4.54</v>
      </c>
    </row>
    <row r="4927" spans="1:11" x14ac:dyDescent="0.3">
      <c r="A4927" s="1">
        <v>42538</v>
      </c>
      <c r="B4927" s="3">
        <f t="shared" si="152"/>
        <v>6</v>
      </c>
      <c r="C4927" s="3">
        <f t="shared" si="153"/>
        <v>2016</v>
      </c>
      <c r="D4927" t="s">
        <v>2549</v>
      </c>
      <c r="E4927" t="s">
        <v>148</v>
      </c>
      <c r="F4927" t="s">
        <v>10</v>
      </c>
      <c r="G4927" t="s">
        <v>17</v>
      </c>
      <c r="H4927" t="s">
        <v>2337</v>
      </c>
      <c r="I4927">
        <v>208.56</v>
      </c>
      <c r="J4927">
        <v>6</v>
      </c>
      <c r="K4927">
        <v>52.14</v>
      </c>
    </row>
    <row r="4928" spans="1:11" x14ac:dyDescent="0.3">
      <c r="A4928" s="1">
        <v>42538</v>
      </c>
      <c r="B4928" s="3">
        <f t="shared" si="152"/>
        <v>6</v>
      </c>
      <c r="C4928" s="3">
        <f t="shared" si="153"/>
        <v>2016</v>
      </c>
      <c r="D4928" t="s">
        <v>2549</v>
      </c>
      <c r="E4928" t="s">
        <v>148</v>
      </c>
      <c r="F4928" t="s">
        <v>10</v>
      </c>
      <c r="G4928" t="s">
        <v>11</v>
      </c>
      <c r="H4928" t="s">
        <v>548</v>
      </c>
      <c r="I4928">
        <v>32.4</v>
      </c>
      <c r="J4928">
        <v>5</v>
      </c>
      <c r="K4928">
        <v>15.55</v>
      </c>
    </row>
    <row r="4929" spans="1:11" x14ac:dyDescent="0.3">
      <c r="A4929" s="1">
        <v>42538</v>
      </c>
      <c r="B4929" s="3">
        <f t="shared" si="152"/>
        <v>6</v>
      </c>
      <c r="C4929" s="3">
        <f t="shared" si="153"/>
        <v>2016</v>
      </c>
      <c r="D4929" t="s">
        <v>2549</v>
      </c>
      <c r="E4929" t="s">
        <v>148</v>
      </c>
      <c r="F4929" t="s">
        <v>33</v>
      </c>
      <c r="G4929" t="s">
        <v>34</v>
      </c>
      <c r="H4929" t="s">
        <v>2024</v>
      </c>
      <c r="I4929">
        <v>319.41000000000003</v>
      </c>
      <c r="J4929">
        <v>5</v>
      </c>
      <c r="K4929">
        <v>7.1</v>
      </c>
    </row>
    <row r="4930" spans="1:11" x14ac:dyDescent="0.3">
      <c r="A4930" s="1">
        <v>42538</v>
      </c>
      <c r="B4930" s="3">
        <f t="shared" ref="B4930:B4993" si="154">MONTH(A:A)</f>
        <v>6</v>
      </c>
      <c r="C4930" s="3">
        <f t="shared" ref="C4930:C4993" si="155">YEAR(A:A)</f>
        <v>2016</v>
      </c>
      <c r="D4930" t="s">
        <v>2549</v>
      </c>
      <c r="E4930" t="s">
        <v>148</v>
      </c>
      <c r="F4930" t="s">
        <v>10</v>
      </c>
      <c r="G4930" t="s">
        <v>11</v>
      </c>
      <c r="H4930" t="s">
        <v>239</v>
      </c>
      <c r="I4930">
        <v>14.56</v>
      </c>
      <c r="J4930">
        <v>2</v>
      </c>
      <c r="K4930">
        <v>6.99</v>
      </c>
    </row>
    <row r="4931" spans="1:11" x14ac:dyDescent="0.3">
      <c r="A4931" s="1">
        <v>42538</v>
      </c>
      <c r="B4931" s="3">
        <f t="shared" si="154"/>
        <v>6</v>
      </c>
      <c r="C4931" s="3">
        <f t="shared" si="155"/>
        <v>2016</v>
      </c>
      <c r="D4931" t="s">
        <v>2549</v>
      </c>
      <c r="E4931" t="s">
        <v>148</v>
      </c>
      <c r="F4931" t="s">
        <v>38</v>
      </c>
      <c r="G4931" t="s">
        <v>51</v>
      </c>
      <c r="H4931" t="s">
        <v>1010</v>
      </c>
      <c r="I4931">
        <v>30</v>
      </c>
      <c r="J4931">
        <v>2</v>
      </c>
      <c r="K4931">
        <v>3.3</v>
      </c>
    </row>
    <row r="4932" spans="1:11" x14ac:dyDescent="0.3">
      <c r="A4932" s="1">
        <v>42538</v>
      </c>
      <c r="B4932" s="3">
        <f t="shared" si="154"/>
        <v>6</v>
      </c>
      <c r="C4932" s="3">
        <f t="shared" si="155"/>
        <v>2016</v>
      </c>
      <c r="D4932" t="s">
        <v>2549</v>
      </c>
      <c r="E4932" t="s">
        <v>148</v>
      </c>
      <c r="F4932" t="s">
        <v>10</v>
      </c>
      <c r="G4932" t="s">
        <v>19</v>
      </c>
      <c r="H4932" t="s">
        <v>1502</v>
      </c>
      <c r="I4932">
        <v>48.48</v>
      </c>
      <c r="J4932">
        <v>4</v>
      </c>
      <c r="K4932">
        <v>16.36</v>
      </c>
    </row>
    <row r="4933" spans="1:11" x14ac:dyDescent="0.3">
      <c r="A4933" s="1">
        <v>42538</v>
      </c>
      <c r="B4933" s="3">
        <f t="shared" si="154"/>
        <v>6</v>
      </c>
      <c r="C4933" s="3">
        <f t="shared" si="155"/>
        <v>2016</v>
      </c>
      <c r="D4933" t="s">
        <v>2549</v>
      </c>
      <c r="E4933" t="s">
        <v>148</v>
      </c>
      <c r="F4933" t="s">
        <v>10</v>
      </c>
      <c r="G4933" t="s">
        <v>23</v>
      </c>
      <c r="H4933" t="s">
        <v>540</v>
      </c>
      <c r="I4933">
        <v>1.68</v>
      </c>
      <c r="J4933">
        <v>1</v>
      </c>
      <c r="K4933">
        <v>0.84</v>
      </c>
    </row>
    <row r="4934" spans="1:11" x14ac:dyDescent="0.3">
      <c r="A4934" s="1">
        <v>42538</v>
      </c>
      <c r="B4934" s="3">
        <f t="shared" si="154"/>
        <v>6</v>
      </c>
      <c r="C4934" s="3">
        <f t="shared" si="155"/>
        <v>2016</v>
      </c>
      <c r="D4934" t="s">
        <v>1484</v>
      </c>
      <c r="E4934" t="s">
        <v>26</v>
      </c>
      <c r="F4934" t="s">
        <v>10</v>
      </c>
      <c r="G4934" t="s">
        <v>11</v>
      </c>
      <c r="H4934" t="s">
        <v>1056</v>
      </c>
      <c r="I4934">
        <v>111.96</v>
      </c>
      <c r="J4934">
        <v>2</v>
      </c>
      <c r="K4934">
        <v>54.86</v>
      </c>
    </row>
    <row r="4935" spans="1:11" x14ac:dyDescent="0.3">
      <c r="A4935" s="1">
        <v>42538</v>
      </c>
      <c r="B4935" s="3">
        <f t="shared" si="154"/>
        <v>6</v>
      </c>
      <c r="C4935" s="3">
        <f t="shared" si="155"/>
        <v>2016</v>
      </c>
      <c r="D4935" t="s">
        <v>2155</v>
      </c>
      <c r="E4935" t="s">
        <v>148</v>
      </c>
      <c r="F4935" t="s">
        <v>10</v>
      </c>
      <c r="G4935" t="s">
        <v>17</v>
      </c>
      <c r="H4935" t="s">
        <v>1809</v>
      </c>
      <c r="I4935">
        <v>40.74</v>
      </c>
      <c r="J4935">
        <v>3</v>
      </c>
      <c r="K4935">
        <v>0.41</v>
      </c>
    </row>
    <row r="4936" spans="1:11" x14ac:dyDescent="0.3">
      <c r="A4936" s="1">
        <v>42538</v>
      </c>
      <c r="B4936" s="3">
        <f t="shared" si="154"/>
        <v>6</v>
      </c>
      <c r="C4936" s="3">
        <f t="shared" si="155"/>
        <v>2016</v>
      </c>
      <c r="D4936" t="s">
        <v>150</v>
      </c>
      <c r="E4936" t="s">
        <v>26</v>
      </c>
      <c r="F4936" t="s">
        <v>33</v>
      </c>
      <c r="G4936" t="s">
        <v>73</v>
      </c>
      <c r="H4936" t="s">
        <v>341</v>
      </c>
      <c r="I4936">
        <v>239.67</v>
      </c>
      <c r="J4936">
        <v>2</v>
      </c>
      <c r="K4936">
        <v>14.1</v>
      </c>
    </row>
    <row r="4937" spans="1:11" x14ac:dyDescent="0.3">
      <c r="A4937" s="1">
        <v>42538</v>
      </c>
      <c r="B4937" s="3">
        <f t="shared" si="154"/>
        <v>6</v>
      </c>
      <c r="C4937" s="3">
        <f t="shared" si="155"/>
        <v>2016</v>
      </c>
      <c r="D4937" t="s">
        <v>150</v>
      </c>
      <c r="E4937" t="s">
        <v>26</v>
      </c>
      <c r="F4937" t="s">
        <v>10</v>
      </c>
      <c r="G4937" t="s">
        <v>15</v>
      </c>
      <c r="H4937" t="s">
        <v>2508</v>
      </c>
      <c r="I4937">
        <v>22.5</v>
      </c>
      <c r="J4937">
        <v>6</v>
      </c>
      <c r="K4937">
        <v>10.8</v>
      </c>
    </row>
    <row r="4938" spans="1:11" x14ac:dyDescent="0.3">
      <c r="A4938" s="1">
        <v>42538</v>
      </c>
      <c r="B4938" s="3">
        <f t="shared" si="154"/>
        <v>6</v>
      </c>
      <c r="C4938" s="3">
        <f t="shared" si="155"/>
        <v>2016</v>
      </c>
      <c r="D4938" t="s">
        <v>150</v>
      </c>
      <c r="E4938" t="s">
        <v>26</v>
      </c>
      <c r="F4938" t="s">
        <v>10</v>
      </c>
      <c r="G4938" t="s">
        <v>11</v>
      </c>
      <c r="H4938" t="s">
        <v>2300</v>
      </c>
      <c r="I4938">
        <v>219.84</v>
      </c>
      <c r="J4938">
        <v>4</v>
      </c>
      <c r="K4938">
        <v>107.72</v>
      </c>
    </row>
    <row r="4939" spans="1:11" x14ac:dyDescent="0.3">
      <c r="A4939" s="1">
        <v>42538</v>
      </c>
      <c r="B4939" s="3">
        <f t="shared" si="154"/>
        <v>6</v>
      </c>
      <c r="C4939" s="3">
        <f t="shared" si="155"/>
        <v>2016</v>
      </c>
      <c r="D4939" t="s">
        <v>566</v>
      </c>
      <c r="E4939" t="s">
        <v>277</v>
      </c>
      <c r="F4939" t="s">
        <v>33</v>
      </c>
      <c r="G4939" t="s">
        <v>46</v>
      </c>
      <c r="H4939" t="s">
        <v>189</v>
      </c>
      <c r="I4939">
        <v>266.35000000000002</v>
      </c>
      <c r="J4939">
        <v>3</v>
      </c>
      <c r="K4939">
        <v>-13.32</v>
      </c>
    </row>
    <row r="4940" spans="1:11" x14ac:dyDescent="0.3">
      <c r="A4940" s="1">
        <v>42538</v>
      </c>
      <c r="B4940" s="3">
        <f t="shared" si="154"/>
        <v>6</v>
      </c>
      <c r="C4940" s="3">
        <f t="shared" si="155"/>
        <v>2016</v>
      </c>
      <c r="D4940" t="s">
        <v>566</v>
      </c>
      <c r="E4940" t="s">
        <v>277</v>
      </c>
      <c r="F4940" t="s">
        <v>33</v>
      </c>
      <c r="G4940" t="s">
        <v>34</v>
      </c>
      <c r="H4940" t="s">
        <v>2158</v>
      </c>
      <c r="I4940">
        <v>483.14</v>
      </c>
      <c r="J4940">
        <v>4</v>
      </c>
      <c r="K4940">
        <v>54.35</v>
      </c>
    </row>
    <row r="4941" spans="1:11" x14ac:dyDescent="0.3">
      <c r="A4941" s="1">
        <v>42538</v>
      </c>
      <c r="B4941" s="3">
        <f t="shared" si="154"/>
        <v>6</v>
      </c>
      <c r="C4941" s="3">
        <f t="shared" si="155"/>
        <v>2016</v>
      </c>
      <c r="D4941" t="s">
        <v>318</v>
      </c>
      <c r="E4941" t="s">
        <v>612</v>
      </c>
      <c r="F4941" t="s">
        <v>10</v>
      </c>
      <c r="G4941" t="s">
        <v>19</v>
      </c>
      <c r="H4941" t="s">
        <v>2172</v>
      </c>
      <c r="I4941">
        <v>7.96</v>
      </c>
      <c r="J4941">
        <v>2</v>
      </c>
      <c r="K4941">
        <v>3.74</v>
      </c>
    </row>
    <row r="4942" spans="1:11" x14ac:dyDescent="0.3">
      <c r="A4942" s="1">
        <v>42538</v>
      </c>
      <c r="B4942" s="3">
        <f t="shared" si="154"/>
        <v>6</v>
      </c>
      <c r="C4942" s="3">
        <f t="shared" si="155"/>
        <v>2016</v>
      </c>
      <c r="D4942" t="s">
        <v>318</v>
      </c>
      <c r="E4942" t="s">
        <v>612</v>
      </c>
      <c r="F4942" t="s">
        <v>38</v>
      </c>
      <c r="G4942" t="s">
        <v>39</v>
      </c>
      <c r="H4942" t="s">
        <v>41</v>
      </c>
      <c r="I4942">
        <v>566.97</v>
      </c>
      <c r="J4942">
        <v>3</v>
      </c>
      <c r="K4942">
        <v>153.08000000000001</v>
      </c>
    </row>
    <row r="4943" spans="1:11" x14ac:dyDescent="0.3">
      <c r="A4943" s="1">
        <v>42538</v>
      </c>
      <c r="B4943" s="3">
        <f t="shared" si="154"/>
        <v>6</v>
      </c>
      <c r="C4943" s="3">
        <f t="shared" si="155"/>
        <v>2016</v>
      </c>
      <c r="D4943" t="s">
        <v>318</v>
      </c>
      <c r="E4943" t="s">
        <v>612</v>
      </c>
      <c r="F4943" t="s">
        <v>10</v>
      </c>
      <c r="G4943" t="s">
        <v>23</v>
      </c>
      <c r="H4943" t="s">
        <v>316</v>
      </c>
      <c r="I4943">
        <v>9.84</v>
      </c>
      <c r="J4943">
        <v>3</v>
      </c>
      <c r="K4943">
        <v>2.85</v>
      </c>
    </row>
    <row r="4944" spans="1:11" x14ac:dyDescent="0.3">
      <c r="A4944" s="1">
        <v>42538</v>
      </c>
      <c r="B4944" s="3">
        <f t="shared" si="154"/>
        <v>6</v>
      </c>
      <c r="C4944" s="3">
        <f t="shared" si="155"/>
        <v>2016</v>
      </c>
      <c r="D4944" t="s">
        <v>1554</v>
      </c>
      <c r="E4944" t="s">
        <v>148</v>
      </c>
      <c r="F4944" t="s">
        <v>33</v>
      </c>
      <c r="G4944" t="s">
        <v>144</v>
      </c>
      <c r="H4944" t="s">
        <v>182</v>
      </c>
      <c r="I4944">
        <v>376.87</v>
      </c>
      <c r="J4944">
        <v>3</v>
      </c>
      <c r="K4944">
        <v>-213.56</v>
      </c>
    </row>
    <row r="4945" spans="1:11" x14ac:dyDescent="0.3">
      <c r="A4945" s="1">
        <v>42539</v>
      </c>
      <c r="B4945" s="3">
        <f t="shared" si="154"/>
        <v>6</v>
      </c>
      <c r="C4945" s="3">
        <f t="shared" si="155"/>
        <v>2016</v>
      </c>
      <c r="D4945" t="s">
        <v>773</v>
      </c>
      <c r="E4945" t="s">
        <v>14</v>
      </c>
      <c r="F4945" t="s">
        <v>10</v>
      </c>
      <c r="G4945" t="s">
        <v>11</v>
      </c>
      <c r="H4945" t="s">
        <v>2081</v>
      </c>
      <c r="I4945">
        <v>76.86</v>
      </c>
      <c r="J4945">
        <v>2</v>
      </c>
      <c r="K4945">
        <v>26.9</v>
      </c>
    </row>
    <row r="4946" spans="1:11" x14ac:dyDescent="0.3">
      <c r="A4946" s="1">
        <v>42539</v>
      </c>
      <c r="B4946" s="3">
        <f t="shared" si="154"/>
        <v>6</v>
      </c>
      <c r="C4946" s="3">
        <f t="shared" si="155"/>
        <v>2016</v>
      </c>
      <c r="D4946" t="s">
        <v>2123</v>
      </c>
      <c r="E4946" t="s">
        <v>22</v>
      </c>
      <c r="F4946" t="s">
        <v>10</v>
      </c>
      <c r="G4946" t="s">
        <v>11</v>
      </c>
      <c r="H4946" t="s">
        <v>1307</v>
      </c>
      <c r="I4946">
        <v>6.85</v>
      </c>
      <c r="J4946">
        <v>2</v>
      </c>
      <c r="K4946">
        <v>2.14</v>
      </c>
    </row>
    <row r="4947" spans="1:11" x14ac:dyDescent="0.3">
      <c r="A4947" s="1">
        <v>42539</v>
      </c>
      <c r="B4947" s="3">
        <f t="shared" si="154"/>
        <v>6</v>
      </c>
      <c r="C4947" s="3">
        <f t="shared" si="155"/>
        <v>2016</v>
      </c>
      <c r="D4947" t="s">
        <v>2123</v>
      </c>
      <c r="E4947" t="s">
        <v>22</v>
      </c>
      <c r="F4947" t="s">
        <v>10</v>
      </c>
      <c r="G4947" t="s">
        <v>19</v>
      </c>
      <c r="H4947" t="s">
        <v>799</v>
      </c>
      <c r="I4947">
        <v>4.63</v>
      </c>
      <c r="J4947">
        <v>2</v>
      </c>
      <c r="K4947">
        <v>-3.86</v>
      </c>
    </row>
    <row r="4948" spans="1:11" x14ac:dyDescent="0.3">
      <c r="A4948" s="1">
        <v>42539</v>
      </c>
      <c r="B4948" s="3">
        <f t="shared" si="154"/>
        <v>6</v>
      </c>
      <c r="C4948" s="3">
        <f t="shared" si="155"/>
        <v>2016</v>
      </c>
      <c r="D4948" t="s">
        <v>2123</v>
      </c>
      <c r="E4948" t="s">
        <v>22</v>
      </c>
      <c r="F4948" t="s">
        <v>10</v>
      </c>
      <c r="G4948" t="s">
        <v>91</v>
      </c>
      <c r="H4948" t="s">
        <v>714</v>
      </c>
      <c r="I4948">
        <v>453.6</v>
      </c>
      <c r="J4948">
        <v>3</v>
      </c>
      <c r="K4948">
        <v>90.72</v>
      </c>
    </row>
    <row r="4949" spans="1:11" x14ac:dyDescent="0.3">
      <c r="A4949" s="1">
        <v>42540</v>
      </c>
      <c r="B4949" s="3">
        <f t="shared" si="154"/>
        <v>6</v>
      </c>
      <c r="C4949" s="3">
        <f t="shared" si="155"/>
        <v>2016</v>
      </c>
      <c r="D4949" t="s">
        <v>1241</v>
      </c>
      <c r="E4949" t="s">
        <v>26</v>
      </c>
      <c r="F4949" t="s">
        <v>10</v>
      </c>
      <c r="G4949" t="s">
        <v>11</v>
      </c>
      <c r="H4949" t="s">
        <v>168</v>
      </c>
      <c r="I4949">
        <v>17.12</v>
      </c>
      <c r="J4949">
        <v>2</v>
      </c>
      <c r="K4949">
        <v>8.0500000000000007</v>
      </c>
    </row>
    <row r="4950" spans="1:11" x14ac:dyDescent="0.3">
      <c r="A4950" s="1">
        <v>42541</v>
      </c>
      <c r="B4950" s="3">
        <f t="shared" si="154"/>
        <v>6</v>
      </c>
      <c r="C4950" s="3">
        <f t="shared" si="155"/>
        <v>2016</v>
      </c>
      <c r="D4950" t="s">
        <v>1137</v>
      </c>
      <c r="E4950" t="s">
        <v>58</v>
      </c>
      <c r="F4950" t="s">
        <v>38</v>
      </c>
      <c r="G4950" t="s">
        <v>51</v>
      </c>
      <c r="H4950" t="s">
        <v>1010</v>
      </c>
      <c r="I4950">
        <v>45</v>
      </c>
      <c r="J4950">
        <v>3</v>
      </c>
      <c r="K4950">
        <v>4.95</v>
      </c>
    </row>
    <row r="4951" spans="1:11" x14ac:dyDescent="0.3">
      <c r="A4951" s="1">
        <v>42541</v>
      </c>
      <c r="B4951" s="3">
        <f t="shared" si="154"/>
        <v>6</v>
      </c>
      <c r="C4951" s="3">
        <f t="shared" si="155"/>
        <v>2016</v>
      </c>
      <c r="D4951" t="s">
        <v>1137</v>
      </c>
      <c r="E4951" t="s">
        <v>58</v>
      </c>
      <c r="F4951" t="s">
        <v>38</v>
      </c>
      <c r="G4951" t="s">
        <v>39</v>
      </c>
      <c r="H4951" t="s">
        <v>641</v>
      </c>
      <c r="I4951">
        <v>21.8</v>
      </c>
      <c r="J4951">
        <v>2</v>
      </c>
      <c r="K4951">
        <v>6.1</v>
      </c>
    </row>
    <row r="4952" spans="1:11" x14ac:dyDescent="0.3">
      <c r="A4952" s="1">
        <v>42541</v>
      </c>
      <c r="B4952" s="3">
        <f t="shared" si="154"/>
        <v>6</v>
      </c>
      <c r="C4952" s="3">
        <f t="shared" si="155"/>
        <v>2016</v>
      </c>
      <c r="D4952" t="s">
        <v>2204</v>
      </c>
      <c r="E4952" t="s">
        <v>26</v>
      </c>
      <c r="F4952" t="s">
        <v>10</v>
      </c>
      <c r="G4952" t="s">
        <v>23</v>
      </c>
      <c r="H4952" t="s">
        <v>810</v>
      </c>
      <c r="I4952">
        <v>5.16</v>
      </c>
      <c r="J4952">
        <v>2</v>
      </c>
      <c r="K4952">
        <v>1.34</v>
      </c>
    </row>
    <row r="4953" spans="1:11" x14ac:dyDescent="0.3">
      <c r="A4953" s="1">
        <v>42541</v>
      </c>
      <c r="B4953" s="3">
        <f t="shared" si="154"/>
        <v>6</v>
      </c>
      <c r="C4953" s="3">
        <f t="shared" si="155"/>
        <v>2016</v>
      </c>
      <c r="D4953" t="s">
        <v>2204</v>
      </c>
      <c r="E4953" t="s">
        <v>26</v>
      </c>
      <c r="F4953" t="s">
        <v>10</v>
      </c>
      <c r="G4953" t="s">
        <v>11</v>
      </c>
      <c r="H4953" t="s">
        <v>2113</v>
      </c>
      <c r="I4953">
        <v>38.880000000000003</v>
      </c>
      <c r="J4953">
        <v>6</v>
      </c>
      <c r="K4953">
        <v>18.66</v>
      </c>
    </row>
    <row r="4954" spans="1:11" x14ac:dyDescent="0.3">
      <c r="A4954" s="1">
        <v>42541</v>
      </c>
      <c r="B4954" s="3">
        <f t="shared" si="154"/>
        <v>6</v>
      </c>
      <c r="C4954" s="3">
        <f t="shared" si="155"/>
        <v>2016</v>
      </c>
      <c r="D4954" t="s">
        <v>2099</v>
      </c>
      <c r="E4954" t="s">
        <v>22</v>
      </c>
      <c r="F4954" t="s">
        <v>10</v>
      </c>
      <c r="G4954" t="s">
        <v>11</v>
      </c>
      <c r="H4954" t="s">
        <v>2550</v>
      </c>
      <c r="I4954">
        <v>45.06</v>
      </c>
      <c r="J4954">
        <v>8</v>
      </c>
      <c r="K4954">
        <v>15.21</v>
      </c>
    </row>
    <row r="4955" spans="1:11" x14ac:dyDescent="0.3">
      <c r="A4955" s="1">
        <v>42541</v>
      </c>
      <c r="B4955" s="3">
        <f t="shared" si="154"/>
        <v>6</v>
      </c>
      <c r="C4955" s="3">
        <f t="shared" si="155"/>
        <v>2016</v>
      </c>
      <c r="D4955" t="s">
        <v>2099</v>
      </c>
      <c r="E4955" t="s">
        <v>22</v>
      </c>
      <c r="F4955" t="s">
        <v>10</v>
      </c>
      <c r="G4955" t="s">
        <v>19</v>
      </c>
      <c r="H4955" t="s">
        <v>2119</v>
      </c>
      <c r="I4955">
        <v>29.72</v>
      </c>
      <c r="J4955">
        <v>6</v>
      </c>
      <c r="K4955">
        <v>-21.79</v>
      </c>
    </row>
    <row r="4956" spans="1:11" x14ac:dyDescent="0.3">
      <c r="A4956" s="1">
        <v>42541</v>
      </c>
      <c r="B4956" s="3">
        <f t="shared" si="154"/>
        <v>6</v>
      </c>
      <c r="C4956" s="3">
        <f t="shared" si="155"/>
        <v>2016</v>
      </c>
      <c r="D4956" t="s">
        <v>2099</v>
      </c>
      <c r="E4956" t="s">
        <v>22</v>
      </c>
      <c r="F4956" t="s">
        <v>10</v>
      </c>
      <c r="G4956" t="s">
        <v>11</v>
      </c>
      <c r="H4956" t="s">
        <v>2113</v>
      </c>
      <c r="I4956">
        <v>15.55</v>
      </c>
      <c r="J4956">
        <v>3</v>
      </c>
      <c r="K4956">
        <v>5.44</v>
      </c>
    </row>
    <row r="4957" spans="1:11" x14ac:dyDescent="0.3">
      <c r="A4957" s="1">
        <v>42541</v>
      </c>
      <c r="B4957" s="3">
        <f t="shared" si="154"/>
        <v>6</v>
      </c>
      <c r="C4957" s="3">
        <f t="shared" si="155"/>
        <v>2016</v>
      </c>
      <c r="D4957" t="s">
        <v>2099</v>
      </c>
      <c r="E4957" t="s">
        <v>22</v>
      </c>
      <c r="F4957" t="s">
        <v>10</v>
      </c>
      <c r="G4957" t="s">
        <v>91</v>
      </c>
      <c r="H4957" t="s">
        <v>2551</v>
      </c>
      <c r="I4957">
        <v>447.7</v>
      </c>
      <c r="J4957">
        <v>2</v>
      </c>
      <c r="K4957">
        <v>33.58</v>
      </c>
    </row>
    <row r="4958" spans="1:11" x14ac:dyDescent="0.3">
      <c r="A4958" s="1">
        <v>42541</v>
      </c>
      <c r="B4958" s="3">
        <f t="shared" si="154"/>
        <v>6</v>
      </c>
      <c r="C4958" s="3">
        <f t="shared" si="155"/>
        <v>2016</v>
      </c>
      <c r="D4958" t="s">
        <v>1746</v>
      </c>
      <c r="E4958" t="s">
        <v>26</v>
      </c>
      <c r="F4958" t="s">
        <v>10</v>
      </c>
      <c r="G4958" t="s">
        <v>11</v>
      </c>
      <c r="H4958" t="s">
        <v>440</v>
      </c>
      <c r="I4958">
        <v>46.76</v>
      </c>
      <c r="J4958">
        <v>7</v>
      </c>
      <c r="K4958">
        <v>22.44</v>
      </c>
    </row>
    <row r="4959" spans="1:11" x14ac:dyDescent="0.3">
      <c r="A4959" s="1">
        <v>42541</v>
      </c>
      <c r="B4959" s="3">
        <f t="shared" si="154"/>
        <v>6</v>
      </c>
      <c r="C4959" s="3">
        <f t="shared" si="155"/>
        <v>2016</v>
      </c>
      <c r="D4959" t="s">
        <v>1746</v>
      </c>
      <c r="E4959" t="s">
        <v>26</v>
      </c>
      <c r="F4959" t="s">
        <v>10</v>
      </c>
      <c r="G4959" t="s">
        <v>19</v>
      </c>
      <c r="H4959" t="s">
        <v>221</v>
      </c>
      <c r="I4959">
        <v>17.71</v>
      </c>
      <c r="J4959">
        <v>3</v>
      </c>
      <c r="K4959">
        <v>6.42</v>
      </c>
    </row>
    <row r="4960" spans="1:11" x14ac:dyDescent="0.3">
      <c r="A4960" s="1">
        <v>42541</v>
      </c>
      <c r="B4960" s="3">
        <f t="shared" si="154"/>
        <v>6</v>
      </c>
      <c r="C4960" s="3">
        <f t="shared" si="155"/>
        <v>2016</v>
      </c>
      <c r="D4960" t="s">
        <v>1746</v>
      </c>
      <c r="E4960" t="s">
        <v>26</v>
      </c>
      <c r="F4960" t="s">
        <v>10</v>
      </c>
      <c r="G4960" t="s">
        <v>91</v>
      </c>
      <c r="H4960" t="s">
        <v>332</v>
      </c>
      <c r="I4960">
        <v>21.78</v>
      </c>
      <c r="J4960">
        <v>2</v>
      </c>
      <c r="K4960">
        <v>5.66</v>
      </c>
    </row>
    <row r="4961" spans="1:11" x14ac:dyDescent="0.3">
      <c r="A4961" s="1">
        <v>42541</v>
      </c>
      <c r="B4961" s="3">
        <f t="shared" si="154"/>
        <v>6</v>
      </c>
      <c r="C4961" s="3">
        <f t="shared" si="155"/>
        <v>2016</v>
      </c>
      <c r="D4961" t="s">
        <v>1746</v>
      </c>
      <c r="E4961" t="s">
        <v>26</v>
      </c>
      <c r="F4961" t="s">
        <v>10</v>
      </c>
      <c r="G4961" t="s">
        <v>17</v>
      </c>
      <c r="H4961" t="s">
        <v>235</v>
      </c>
      <c r="I4961">
        <v>161.94</v>
      </c>
      <c r="J4961">
        <v>3</v>
      </c>
      <c r="K4961">
        <v>9.7200000000000006</v>
      </c>
    </row>
    <row r="4962" spans="1:11" x14ac:dyDescent="0.3">
      <c r="A4962" s="1">
        <v>42541</v>
      </c>
      <c r="B4962" s="3">
        <f t="shared" si="154"/>
        <v>6</v>
      </c>
      <c r="C4962" s="3">
        <f t="shared" si="155"/>
        <v>2016</v>
      </c>
      <c r="D4962" t="s">
        <v>1746</v>
      </c>
      <c r="E4962" t="s">
        <v>26</v>
      </c>
      <c r="F4962" t="s">
        <v>33</v>
      </c>
      <c r="G4962" t="s">
        <v>34</v>
      </c>
      <c r="H4962" t="s">
        <v>2403</v>
      </c>
      <c r="I4962">
        <v>161.57</v>
      </c>
      <c r="J4962">
        <v>2</v>
      </c>
      <c r="K4962">
        <v>-8.08</v>
      </c>
    </row>
    <row r="4963" spans="1:11" x14ac:dyDescent="0.3">
      <c r="A4963" s="1">
        <v>42541</v>
      </c>
      <c r="B4963" s="3">
        <f t="shared" si="154"/>
        <v>6</v>
      </c>
      <c r="C4963" s="3">
        <f t="shared" si="155"/>
        <v>2016</v>
      </c>
      <c r="D4963" t="s">
        <v>1286</v>
      </c>
      <c r="E4963" t="s">
        <v>9</v>
      </c>
      <c r="F4963" t="s">
        <v>38</v>
      </c>
      <c r="G4963" t="s">
        <v>51</v>
      </c>
      <c r="H4963" t="s">
        <v>1313</v>
      </c>
      <c r="I4963">
        <v>95.97</v>
      </c>
      <c r="J4963">
        <v>4</v>
      </c>
      <c r="K4963">
        <v>26.39</v>
      </c>
    </row>
    <row r="4964" spans="1:11" x14ac:dyDescent="0.3">
      <c r="A4964" s="1">
        <v>42541</v>
      </c>
      <c r="B4964" s="3">
        <f t="shared" si="154"/>
        <v>6</v>
      </c>
      <c r="C4964" s="3">
        <f t="shared" si="155"/>
        <v>2016</v>
      </c>
      <c r="D4964" t="s">
        <v>1286</v>
      </c>
      <c r="E4964" t="s">
        <v>9</v>
      </c>
      <c r="F4964" t="s">
        <v>10</v>
      </c>
      <c r="G4964" t="s">
        <v>11</v>
      </c>
      <c r="H4964" t="s">
        <v>2207</v>
      </c>
      <c r="I4964">
        <v>10.37</v>
      </c>
      <c r="J4964">
        <v>2</v>
      </c>
      <c r="K4964">
        <v>3.63</v>
      </c>
    </row>
    <row r="4965" spans="1:11" x14ac:dyDescent="0.3">
      <c r="A4965" s="1">
        <v>42541</v>
      </c>
      <c r="B4965" s="3">
        <f t="shared" si="154"/>
        <v>6</v>
      </c>
      <c r="C4965" s="3">
        <f t="shared" si="155"/>
        <v>2016</v>
      </c>
      <c r="D4965" t="s">
        <v>614</v>
      </c>
      <c r="E4965" t="s">
        <v>839</v>
      </c>
      <c r="F4965" t="s">
        <v>38</v>
      </c>
      <c r="G4965" t="s">
        <v>51</v>
      </c>
      <c r="H4965" t="s">
        <v>297</v>
      </c>
      <c r="I4965">
        <v>6.9</v>
      </c>
      <c r="J4965">
        <v>1</v>
      </c>
      <c r="K4965">
        <v>0.55000000000000004</v>
      </c>
    </row>
    <row r="4966" spans="1:11" x14ac:dyDescent="0.3">
      <c r="A4966" s="1">
        <v>42541</v>
      </c>
      <c r="B4966" s="3">
        <f t="shared" si="154"/>
        <v>6</v>
      </c>
      <c r="C4966" s="3">
        <f t="shared" si="155"/>
        <v>2016</v>
      </c>
      <c r="D4966" t="s">
        <v>614</v>
      </c>
      <c r="E4966" t="s">
        <v>839</v>
      </c>
      <c r="F4966" t="s">
        <v>33</v>
      </c>
      <c r="G4966" t="s">
        <v>46</v>
      </c>
      <c r="H4966" t="s">
        <v>338</v>
      </c>
      <c r="I4966">
        <v>57.69</v>
      </c>
      <c r="J4966">
        <v>3</v>
      </c>
      <c r="K4966">
        <v>23.65</v>
      </c>
    </row>
    <row r="4967" spans="1:11" x14ac:dyDescent="0.3">
      <c r="A4967" s="1">
        <v>42542</v>
      </c>
      <c r="B4967" s="3">
        <f t="shared" si="154"/>
        <v>6</v>
      </c>
      <c r="C4967" s="3">
        <f t="shared" si="155"/>
        <v>2016</v>
      </c>
      <c r="D4967" t="s">
        <v>1360</v>
      </c>
      <c r="E4967" t="s">
        <v>148</v>
      </c>
      <c r="F4967" t="s">
        <v>10</v>
      </c>
      <c r="G4967" t="s">
        <v>19</v>
      </c>
      <c r="H4967" t="s">
        <v>864</v>
      </c>
      <c r="I4967">
        <v>36.56</v>
      </c>
      <c r="J4967">
        <v>5</v>
      </c>
      <c r="K4967">
        <v>12.8</v>
      </c>
    </row>
    <row r="4968" spans="1:11" x14ac:dyDescent="0.3">
      <c r="A4968" s="1">
        <v>42542</v>
      </c>
      <c r="B4968" s="3">
        <f t="shared" si="154"/>
        <v>6</v>
      </c>
      <c r="C4968" s="3">
        <f t="shared" si="155"/>
        <v>2016</v>
      </c>
      <c r="D4968" t="s">
        <v>1360</v>
      </c>
      <c r="E4968" t="s">
        <v>148</v>
      </c>
      <c r="F4968" t="s">
        <v>10</v>
      </c>
      <c r="G4968" t="s">
        <v>19</v>
      </c>
      <c r="H4968" t="s">
        <v>299</v>
      </c>
      <c r="I4968">
        <v>186.14</v>
      </c>
      <c r="J4968">
        <v>6</v>
      </c>
      <c r="K4968">
        <v>60.5</v>
      </c>
    </row>
    <row r="4969" spans="1:11" x14ac:dyDescent="0.3">
      <c r="A4969" s="1">
        <v>42542</v>
      </c>
      <c r="B4969" s="3">
        <f t="shared" si="154"/>
        <v>6</v>
      </c>
      <c r="C4969" s="3">
        <f t="shared" si="155"/>
        <v>2016</v>
      </c>
      <c r="D4969" t="s">
        <v>1360</v>
      </c>
      <c r="E4969" t="s">
        <v>148</v>
      </c>
      <c r="F4969" t="s">
        <v>33</v>
      </c>
      <c r="G4969" t="s">
        <v>73</v>
      </c>
      <c r="H4969" t="s">
        <v>776</v>
      </c>
      <c r="I4969">
        <v>353.57</v>
      </c>
      <c r="J4969">
        <v>2</v>
      </c>
      <c r="K4969">
        <v>-44.2</v>
      </c>
    </row>
    <row r="4970" spans="1:11" x14ac:dyDescent="0.3">
      <c r="A4970" s="1">
        <v>42542</v>
      </c>
      <c r="B4970" s="3">
        <f t="shared" si="154"/>
        <v>6</v>
      </c>
      <c r="C4970" s="3">
        <f t="shared" si="155"/>
        <v>2016</v>
      </c>
      <c r="D4970" t="s">
        <v>1865</v>
      </c>
      <c r="E4970" t="s">
        <v>14</v>
      </c>
      <c r="F4970" t="s">
        <v>10</v>
      </c>
      <c r="G4970" t="s">
        <v>19</v>
      </c>
      <c r="H4970" t="s">
        <v>1490</v>
      </c>
      <c r="I4970">
        <v>0.84</v>
      </c>
      <c r="J4970">
        <v>1</v>
      </c>
      <c r="K4970">
        <v>-1.34</v>
      </c>
    </row>
    <row r="4971" spans="1:11" x14ac:dyDescent="0.3">
      <c r="A4971" s="1">
        <v>42544</v>
      </c>
      <c r="B4971" s="3">
        <f t="shared" si="154"/>
        <v>6</v>
      </c>
      <c r="C4971" s="3">
        <f t="shared" si="155"/>
        <v>2016</v>
      </c>
      <c r="D4971" t="s">
        <v>1802</v>
      </c>
      <c r="E4971" t="s">
        <v>148</v>
      </c>
      <c r="F4971" t="s">
        <v>10</v>
      </c>
      <c r="G4971" t="s">
        <v>15</v>
      </c>
      <c r="H4971" t="s">
        <v>1499</v>
      </c>
      <c r="I4971">
        <v>122.12</v>
      </c>
      <c r="J4971">
        <v>4</v>
      </c>
      <c r="K4971">
        <v>56.18</v>
      </c>
    </row>
    <row r="4972" spans="1:11" x14ac:dyDescent="0.3">
      <c r="A4972" s="1">
        <v>42544</v>
      </c>
      <c r="B4972" s="3">
        <f t="shared" si="154"/>
        <v>6</v>
      </c>
      <c r="C4972" s="3">
        <f t="shared" si="155"/>
        <v>2016</v>
      </c>
      <c r="D4972" t="s">
        <v>1802</v>
      </c>
      <c r="E4972" t="s">
        <v>148</v>
      </c>
      <c r="F4972" t="s">
        <v>10</v>
      </c>
      <c r="G4972" t="s">
        <v>15</v>
      </c>
      <c r="H4972" t="s">
        <v>1703</v>
      </c>
      <c r="I4972">
        <v>18.45</v>
      </c>
      <c r="J4972">
        <v>5</v>
      </c>
      <c r="K4972">
        <v>8.67</v>
      </c>
    </row>
    <row r="4973" spans="1:11" x14ac:dyDescent="0.3">
      <c r="A4973" s="1">
        <v>42544</v>
      </c>
      <c r="B4973" s="3">
        <f t="shared" si="154"/>
        <v>6</v>
      </c>
      <c r="C4973" s="3">
        <f t="shared" si="155"/>
        <v>2016</v>
      </c>
      <c r="D4973" t="s">
        <v>1802</v>
      </c>
      <c r="E4973" t="s">
        <v>148</v>
      </c>
      <c r="F4973" t="s">
        <v>10</v>
      </c>
      <c r="G4973" t="s">
        <v>17</v>
      </c>
      <c r="H4973" t="s">
        <v>2358</v>
      </c>
      <c r="I4973">
        <v>324.89999999999998</v>
      </c>
      <c r="J4973">
        <v>5</v>
      </c>
      <c r="K4973">
        <v>38.99</v>
      </c>
    </row>
    <row r="4974" spans="1:11" x14ac:dyDescent="0.3">
      <c r="A4974" s="1">
        <v>42544</v>
      </c>
      <c r="B4974" s="3">
        <f t="shared" si="154"/>
        <v>6</v>
      </c>
      <c r="C4974" s="3">
        <f t="shared" si="155"/>
        <v>2016</v>
      </c>
      <c r="D4974" t="s">
        <v>1802</v>
      </c>
      <c r="E4974" t="s">
        <v>148</v>
      </c>
      <c r="F4974" t="s">
        <v>10</v>
      </c>
      <c r="G4974" t="s">
        <v>11</v>
      </c>
      <c r="H4974" t="s">
        <v>2166</v>
      </c>
      <c r="I4974">
        <v>146.72999999999999</v>
      </c>
      <c r="J4974">
        <v>3</v>
      </c>
      <c r="K4974">
        <v>68.959999999999994</v>
      </c>
    </row>
    <row r="4975" spans="1:11" x14ac:dyDescent="0.3">
      <c r="A4975" s="1">
        <v>42544</v>
      </c>
      <c r="B4975" s="3">
        <f t="shared" si="154"/>
        <v>6</v>
      </c>
      <c r="C4975" s="3">
        <f t="shared" si="155"/>
        <v>2016</v>
      </c>
      <c r="D4975" t="s">
        <v>1802</v>
      </c>
      <c r="E4975" t="s">
        <v>148</v>
      </c>
      <c r="F4975" t="s">
        <v>10</v>
      </c>
      <c r="G4975" t="s">
        <v>42</v>
      </c>
      <c r="H4975" t="s">
        <v>2552</v>
      </c>
      <c r="I4975">
        <v>3.96</v>
      </c>
      <c r="J4975">
        <v>2</v>
      </c>
      <c r="K4975">
        <v>1.47</v>
      </c>
    </row>
    <row r="4976" spans="1:11" x14ac:dyDescent="0.3">
      <c r="A4976" s="1">
        <v>42544</v>
      </c>
      <c r="B4976" s="3">
        <f t="shared" si="154"/>
        <v>6</v>
      </c>
      <c r="C4976" s="3">
        <f t="shared" si="155"/>
        <v>2016</v>
      </c>
      <c r="D4976" t="s">
        <v>1841</v>
      </c>
      <c r="E4976" t="s">
        <v>148</v>
      </c>
      <c r="F4976" t="s">
        <v>10</v>
      </c>
      <c r="G4976" t="s">
        <v>199</v>
      </c>
      <c r="H4976" t="s">
        <v>200</v>
      </c>
      <c r="I4976">
        <v>835.17</v>
      </c>
      <c r="J4976">
        <v>7</v>
      </c>
      <c r="K4976">
        <v>16.7</v>
      </c>
    </row>
    <row r="4977" spans="1:11" x14ac:dyDescent="0.3">
      <c r="A4977" s="1">
        <v>42544</v>
      </c>
      <c r="B4977" s="3">
        <f t="shared" si="154"/>
        <v>6</v>
      </c>
      <c r="C4977" s="3">
        <f t="shared" si="155"/>
        <v>2016</v>
      </c>
      <c r="D4977" t="s">
        <v>464</v>
      </c>
      <c r="E4977" t="s">
        <v>26</v>
      </c>
      <c r="F4977" t="s">
        <v>10</v>
      </c>
      <c r="G4977" t="s">
        <v>17</v>
      </c>
      <c r="H4977" t="s">
        <v>2190</v>
      </c>
      <c r="I4977">
        <v>93.68</v>
      </c>
      <c r="J4977">
        <v>4</v>
      </c>
      <c r="K4977">
        <v>25.29</v>
      </c>
    </row>
    <row r="4978" spans="1:11" x14ac:dyDescent="0.3">
      <c r="A4978" s="1">
        <v>42544</v>
      </c>
      <c r="B4978" s="3">
        <f t="shared" si="154"/>
        <v>6</v>
      </c>
      <c r="C4978" s="3">
        <f t="shared" si="155"/>
        <v>2016</v>
      </c>
      <c r="D4978" t="s">
        <v>464</v>
      </c>
      <c r="E4978" t="s">
        <v>26</v>
      </c>
      <c r="F4978" t="s">
        <v>10</v>
      </c>
      <c r="G4978" t="s">
        <v>15</v>
      </c>
      <c r="H4978" t="s">
        <v>905</v>
      </c>
      <c r="I4978">
        <v>21.93</v>
      </c>
      <c r="J4978">
        <v>3</v>
      </c>
      <c r="K4978">
        <v>10.31</v>
      </c>
    </row>
    <row r="4979" spans="1:11" x14ac:dyDescent="0.3">
      <c r="A4979" s="1">
        <v>42544</v>
      </c>
      <c r="B4979" s="3">
        <f t="shared" si="154"/>
        <v>6</v>
      </c>
      <c r="C4979" s="3">
        <f t="shared" si="155"/>
        <v>2016</v>
      </c>
      <c r="D4979" t="s">
        <v>464</v>
      </c>
      <c r="E4979" t="s">
        <v>26</v>
      </c>
      <c r="F4979" t="s">
        <v>38</v>
      </c>
      <c r="G4979" t="s">
        <v>39</v>
      </c>
      <c r="H4979" t="s">
        <v>1346</v>
      </c>
      <c r="I4979">
        <v>862.34</v>
      </c>
      <c r="J4979">
        <v>7</v>
      </c>
      <c r="K4979">
        <v>97.01</v>
      </c>
    </row>
    <row r="4980" spans="1:11" x14ac:dyDescent="0.3">
      <c r="A4980" s="1">
        <v>42544</v>
      </c>
      <c r="B4980" s="3">
        <f t="shared" si="154"/>
        <v>6</v>
      </c>
      <c r="C4980" s="3">
        <f t="shared" si="155"/>
        <v>2016</v>
      </c>
      <c r="D4980" t="s">
        <v>464</v>
      </c>
      <c r="E4980" t="s">
        <v>26</v>
      </c>
      <c r="F4980" t="s">
        <v>10</v>
      </c>
      <c r="G4980" t="s">
        <v>11</v>
      </c>
      <c r="H4980" t="s">
        <v>1051</v>
      </c>
      <c r="I4980">
        <v>19.98</v>
      </c>
      <c r="J4980">
        <v>1</v>
      </c>
      <c r="K4980">
        <v>9.39</v>
      </c>
    </row>
    <row r="4981" spans="1:11" x14ac:dyDescent="0.3">
      <c r="A4981" s="1">
        <v>42544</v>
      </c>
      <c r="B4981" s="3">
        <f t="shared" si="154"/>
        <v>6</v>
      </c>
      <c r="C4981" s="3">
        <f t="shared" si="155"/>
        <v>2016</v>
      </c>
      <c r="D4981" t="s">
        <v>1683</v>
      </c>
      <c r="E4981" t="s">
        <v>148</v>
      </c>
      <c r="F4981" t="s">
        <v>10</v>
      </c>
      <c r="G4981" t="s">
        <v>15</v>
      </c>
      <c r="H4981" t="s">
        <v>1817</v>
      </c>
      <c r="I4981">
        <v>25.83</v>
      </c>
      <c r="J4981">
        <v>7</v>
      </c>
      <c r="K4981">
        <v>12.14</v>
      </c>
    </row>
    <row r="4982" spans="1:11" x14ac:dyDescent="0.3">
      <c r="A4982" s="1">
        <v>42545</v>
      </c>
      <c r="B4982" s="3">
        <f t="shared" si="154"/>
        <v>6</v>
      </c>
      <c r="C4982" s="3">
        <f t="shared" si="155"/>
        <v>2016</v>
      </c>
      <c r="D4982" t="s">
        <v>2093</v>
      </c>
      <c r="E4982" t="s">
        <v>26</v>
      </c>
      <c r="F4982" t="s">
        <v>38</v>
      </c>
      <c r="G4982" t="s">
        <v>39</v>
      </c>
      <c r="H4982" t="s">
        <v>135</v>
      </c>
      <c r="I4982">
        <v>38.24</v>
      </c>
      <c r="J4982">
        <v>4</v>
      </c>
      <c r="K4982">
        <v>-9.56</v>
      </c>
    </row>
    <row r="4983" spans="1:11" x14ac:dyDescent="0.3">
      <c r="A4983" s="1">
        <v>42545</v>
      </c>
      <c r="B4983" s="3">
        <f t="shared" si="154"/>
        <v>6</v>
      </c>
      <c r="C4983" s="3">
        <f t="shared" si="155"/>
        <v>2016</v>
      </c>
      <c r="D4983" t="s">
        <v>99</v>
      </c>
      <c r="E4983" t="s">
        <v>128</v>
      </c>
      <c r="F4983" t="s">
        <v>38</v>
      </c>
      <c r="G4983" t="s">
        <v>39</v>
      </c>
      <c r="H4983" t="s">
        <v>1492</v>
      </c>
      <c r="I4983">
        <v>440.91</v>
      </c>
      <c r="J4983">
        <v>9</v>
      </c>
      <c r="K4983">
        <v>123.45</v>
      </c>
    </row>
    <row r="4984" spans="1:11" x14ac:dyDescent="0.3">
      <c r="A4984" s="1">
        <v>42545</v>
      </c>
      <c r="B4984" s="3">
        <f t="shared" si="154"/>
        <v>6</v>
      </c>
      <c r="C4984" s="3">
        <f t="shared" si="155"/>
        <v>2016</v>
      </c>
      <c r="D4984" t="s">
        <v>1668</v>
      </c>
      <c r="E4984" t="s">
        <v>9</v>
      </c>
      <c r="F4984" t="s">
        <v>10</v>
      </c>
      <c r="G4984" t="s">
        <v>91</v>
      </c>
      <c r="H4984" t="s">
        <v>2272</v>
      </c>
      <c r="I4984">
        <v>8.7100000000000009</v>
      </c>
      <c r="J4984">
        <v>2</v>
      </c>
      <c r="K4984">
        <v>-19.600000000000001</v>
      </c>
    </row>
    <row r="4985" spans="1:11" x14ac:dyDescent="0.3">
      <c r="A4985" s="1">
        <v>42545</v>
      </c>
      <c r="B4985" s="3">
        <f t="shared" si="154"/>
        <v>6</v>
      </c>
      <c r="C4985" s="3">
        <f t="shared" si="155"/>
        <v>2016</v>
      </c>
      <c r="D4985" t="s">
        <v>2106</v>
      </c>
      <c r="E4985" t="s">
        <v>26</v>
      </c>
      <c r="F4985" t="s">
        <v>38</v>
      </c>
      <c r="G4985" t="s">
        <v>301</v>
      </c>
      <c r="H4985" t="s">
        <v>2456</v>
      </c>
      <c r="I4985">
        <v>4476.8</v>
      </c>
      <c r="J4985">
        <v>4</v>
      </c>
      <c r="K4985">
        <v>503.64</v>
      </c>
    </row>
    <row r="4986" spans="1:11" x14ac:dyDescent="0.3">
      <c r="A4986" s="1">
        <v>42545</v>
      </c>
      <c r="B4986" s="3">
        <f t="shared" si="154"/>
        <v>6</v>
      </c>
      <c r="C4986" s="3">
        <f t="shared" si="155"/>
        <v>2016</v>
      </c>
      <c r="D4986" t="s">
        <v>2106</v>
      </c>
      <c r="E4986" t="s">
        <v>26</v>
      </c>
      <c r="F4986" t="s">
        <v>10</v>
      </c>
      <c r="G4986" t="s">
        <v>11</v>
      </c>
      <c r="H4986" t="s">
        <v>978</v>
      </c>
      <c r="I4986">
        <v>104.85</v>
      </c>
      <c r="J4986">
        <v>1</v>
      </c>
      <c r="K4986">
        <v>50.33</v>
      </c>
    </row>
    <row r="4987" spans="1:11" x14ac:dyDescent="0.3">
      <c r="A4987" s="1">
        <v>42545</v>
      </c>
      <c r="B4987" s="3">
        <f t="shared" si="154"/>
        <v>6</v>
      </c>
      <c r="C4987" s="3">
        <f t="shared" si="155"/>
        <v>2016</v>
      </c>
      <c r="D4987" t="s">
        <v>2106</v>
      </c>
      <c r="E4987" t="s">
        <v>26</v>
      </c>
      <c r="F4987" t="s">
        <v>10</v>
      </c>
      <c r="G4987" t="s">
        <v>91</v>
      </c>
      <c r="H4987" t="s">
        <v>1639</v>
      </c>
      <c r="I4987">
        <v>241.44</v>
      </c>
      <c r="J4987">
        <v>3</v>
      </c>
      <c r="K4987">
        <v>72.430000000000007</v>
      </c>
    </row>
    <row r="4988" spans="1:11" x14ac:dyDescent="0.3">
      <c r="A4988" s="1">
        <v>42546</v>
      </c>
      <c r="B4988" s="3">
        <f t="shared" si="154"/>
        <v>6</v>
      </c>
      <c r="C4988" s="3">
        <f t="shared" si="155"/>
        <v>2016</v>
      </c>
      <c r="D4988" t="s">
        <v>559</v>
      </c>
      <c r="E4988" t="s">
        <v>22</v>
      </c>
      <c r="F4988" t="s">
        <v>33</v>
      </c>
      <c r="G4988" t="s">
        <v>34</v>
      </c>
      <c r="H4988" t="s">
        <v>429</v>
      </c>
      <c r="I4988">
        <v>422.06</v>
      </c>
      <c r="J4988">
        <v>3</v>
      </c>
      <c r="K4988">
        <v>-18.09</v>
      </c>
    </row>
    <row r="4989" spans="1:11" x14ac:dyDescent="0.3">
      <c r="A4989" s="1">
        <v>42546</v>
      </c>
      <c r="B4989" s="3">
        <f t="shared" si="154"/>
        <v>6</v>
      </c>
      <c r="C4989" s="3">
        <f t="shared" si="155"/>
        <v>2016</v>
      </c>
      <c r="D4989" t="s">
        <v>559</v>
      </c>
      <c r="E4989" t="s">
        <v>22</v>
      </c>
      <c r="F4989" t="s">
        <v>10</v>
      </c>
      <c r="G4989" t="s">
        <v>19</v>
      </c>
      <c r="H4989" t="s">
        <v>2227</v>
      </c>
      <c r="I4989">
        <v>38.090000000000003</v>
      </c>
      <c r="J4989">
        <v>4</v>
      </c>
      <c r="K4989">
        <v>-27.93</v>
      </c>
    </row>
    <row r="4990" spans="1:11" x14ac:dyDescent="0.3">
      <c r="A4990" s="1">
        <v>42546</v>
      </c>
      <c r="B4990" s="3">
        <f t="shared" si="154"/>
        <v>6</v>
      </c>
      <c r="C4990" s="3">
        <f t="shared" si="155"/>
        <v>2016</v>
      </c>
      <c r="D4990" t="s">
        <v>559</v>
      </c>
      <c r="E4990" t="s">
        <v>22</v>
      </c>
      <c r="F4990" t="s">
        <v>10</v>
      </c>
      <c r="G4990" t="s">
        <v>17</v>
      </c>
      <c r="H4990" t="s">
        <v>1373</v>
      </c>
      <c r="I4990">
        <v>254.35</v>
      </c>
      <c r="J4990">
        <v>6</v>
      </c>
      <c r="K4990">
        <v>-50.87</v>
      </c>
    </row>
    <row r="4991" spans="1:11" x14ac:dyDescent="0.3">
      <c r="A4991" s="1">
        <v>42546</v>
      </c>
      <c r="B4991" s="3">
        <f t="shared" si="154"/>
        <v>6</v>
      </c>
      <c r="C4991" s="3">
        <f t="shared" si="155"/>
        <v>2016</v>
      </c>
      <c r="D4991" t="s">
        <v>306</v>
      </c>
      <c r="E4991" t="s">
        <v>26</v>
      </c>
      <c r="F4991" t="s">
        <v>10</v>
      </c>
      <c r="G4991" t="s">
        <v>91</v>
      </c>
      <c r="H4991" t="s">
        <v>92</v>
      </c>
      <c r="I4991">
        <v>60.81</v>
      </c>
      <c r="J4991">
        <v>3</v>
      </c>
      <c r="K4991">
        <v>17.03</v>
      </c>
    </row>
    <row r="4992" spans="1:11" x14ac:dyDescent="0.3">
      <c r="A4992" s="1">
        <v>42546</v>
      </c>
      <c r="B4992" s="3">
        <f t="shared" si="154"/>
        <v>6</v>
      </c>
      <c r="C4992" s="3">
        <f t="shared" si="155"/>
        <v>2016</v>
      </c>
      <c r="D4992" t="s">
        <v>1262</v>
      </c>
      <c r="E4992" t="s">
        <v>9</v>
      </c>
      <c r="F4992" t="s">
        <v>33</v>
      </c>
      <c r="G4992" t="s">
        <v>34</v>
      </c>
      <c r="H4992" t="s">
        <v>186</v>
      </c>
      <c r="I4992">
        <v>85.25</v>
      </c>
      <c r="J4992">
        <v>2</v>
      </c>
      <c r="K4992">
        <v>-6.09</v>
      </c>
    </row>
    <row r="4993" spans="1:11" x14ac:dyDescent="0.3">
      <c r="A4993" s="1">
        <v>42546</v>
      </c>
      <c r="B4993" s="3">
        <f t="shared" si="154"/>
        <v>6</v>
      </c>
      <c r="C4993" s="3">
        <f t="shared" si="155"/>
        <v>2016</v>
      </c>
      <c r="D4993" t="s">
        <v>1262</v>
      </c>
      <c r="E4993" t="s">
        <v>9</v>
      </c>
      <c r="F4993" t="s">
        <v>33</v>
      </c>
      <c r="G4993" t="s">
        <v>46</v>
      </c>
      <c r="H4993" t="s">
        <v>2553</v>
      </c>
      <c r="I4993">
        <v>32.71</v>
      </c>
      <c r="J4993">
        <v>2</v>
      </c>
      <c r="K4993">
        <v>-26.17</v>
      </c>
    </row>
    <row r="4994" spans="1:11" x14ac:dyDescent="0.3">
      <c r="A4994" s="1">
        <v>42547</v>
      </c>
      <c r="B4994" s="3">
        <f t="shared" ref="B4994:B5057" si="156">MONTH(A:A)</f>
        <v>6</v>
      </c>
      <c r="C4994" s="3">
        <f t="shared" ref="C4994:C5057" si="157">YEAR(A:A)</f>
        <v>2016</v>
      </c>
      <c r="D4994" t="s">
        <v>461</v>
      </c>
      <c r="E4994" t="s">
        <v>148</v>
      </c>
      <c r="F4994" t="s">
        <v>10</v>
      </c>
      <c r="G4994" t="s">
        <v>23</v>
      </c>
      <c r="H4994" t="s">
        <v>1251</v>
      </c>
      <c r="I4994">
        <v>14.7</v>
      </c>
      <c r="J4994">
        <v>5</v>
      </c>
      <c r="K4994">
        <v>6.62</v>
      </c>
    </row>
    <row r="4995" spans="1:11" x14ac:dyDescent="0.3">
      <c r="A4995" s="1">
        <v>42547</v>
      </c>
      <c r="B4995" s="3">
        <f t="shared" si="156"/>
        <v>6</v>
      </c>
      <c r="C4995" s="3">
        <f t="shared" si="157"/>
        <v>2016</v>
      </c>
      <c r="D4995" t="s">
        <v>461</v>
      </c>
      <c r="E4995" t="s">
        <v>148</v>
      </c>
      <c r="F4995" t="s">
        <v>10</v>
      </c>
      <c r="G4995" t="s">
        <v>17</v>
      </c>
      <c r="H4995" t="s">
        <v>1853</v>
      </c>
      <c r="I4995">
        <v>704.25</v>
      </c>
      <c r="J4995">
        <v>5</v>
      </c>
      <c r="K4995">
        <v>84.51</v>
      </c>
    </row>
    <row r="4996" spans="1:11" x14ac:dyDescent="0.3">
      <c r="A4996" s="1">
        <v>42547</v>
      </c>
      <c r="B4996" s="3">
        <f t="shared" si="156"/>
        <v>6</v>
      </c>
      <c r="C4996" s="3">
        <f t="shared" si="157"/>
        <v>2016</v>
      </c>
      <c r="D4996" t="s">
        <v>1103</v>
      </c>
      <c r="E4996" t="s">
        <v>1528</v>
      </c>
      <c r="F4996" t="s">
        <v>10</v>
      </c>
      <c r="G4996" t="s">
        <v>17</v>
      </c>
      <c r="H4996" t="s">
        <v>1779</v>
      </c>
      <c r="I4996">
        <v>14.9</v>
      </c>
      <c r="J4996">
        <v>5</v>
      </c>
      <c r="K4996">
        <v>1.04</v>
      </c>
    </row>
    <row r="4997" spans="1:11" x14ac:dyDescent="0.3">
      <c r="A4997" s="1">
        <v>42547</v>
      </c>
      <c r="B4997" s="3">
        <f t="shared" si="156"/>
        <v>6</v>
      </c>
      <c r="C4997" s="3">
        <f t="shared" si="157"/>
        <v>2016</v>
      </c>
      <c r="D4997" t="s">
        <v>1002</v>
      </c>
      <c r="E4997" t="s">
        <v>9</v>
      </c>
      <c r="F4997" t="s">
        <v>38</v>
      </c>
      <c r="G4997" t="s">
        <v>51</v>
      </c>
      <c r="H4997" t="s">
        <v>2554</v>
      </c>
      <c r="I4997">
        <v>13.62</v>
      </c>
      <c r="J4997">
        <v>2</v>
      </c>
      <c r="K4997">
        <v>3.57</v>
      </c>
    </row>
    <row r="4998" spans="1:11" x14ac:dyDescent="0.3">
      <c r="A4998" s="1">
        <v>42547</v>
      </c>
      <c r="B4998" s="3">
        <f t="shared" si="156"/>
        <v>6</v>
      </c>
      <c r="C4998" s="3">
        <f t="shared" si="157"/>
        <v>2016</v>
      </c>
      <c r="D4998" t="s">
        <v>1338</v>
      </c>
      <c r="E4998" t="s">
        <v>26</v>
      </c>
      <c r="F4998" t="s">
        <v>33</v>
      </c>
      <c r="G4998" t="s">
        <v>46</v>
      </c>
      <c r="H4998" t="s">
        <v>1531</v>
      </c>
      <c r="I4998">
        <v>22.14</v>
      </c>
      <c r="J4998">
        <v>3</v>
      </c>
      <c r="K4998">
        <v>6.42</v>
      </c>
    </row>
    <row r="4999" spans="1:11" x14ac:dyDescent="0.3">
      <c r="A4999" s="1">
        <v>42547</v>
      </c>
      <c r="B4999" s="3">
        <f t="shared" si="156"/>
        <v>6</v>
      </c>
      <c r="C4999" s="3">
        <f t="shared" si="157"/>
        <v>2016</v>
      </c>
      <c r="D4999" t="s">
        <v>2555</v>
      </c>
      <c r="E4999" t="s">
        <v>14</v>
      </c>
      <c r="F4999" t="s">
        <v>10</v>
      </c>
      <c r="G4999" t="s">
        <v>23</v>
      </c>
      <c r="H4999" t="s">
        <v>2083</v>
      </c>
      <c r="I4999">
        <v>5.3</v>
      </c>
      <c r="J4999">
        <v>3</v>
      </c>
      <c r="K4999">
        <v>0.46</v>
      </c>
    </row>
    <row r="5000" spans="1:11" x14ac:dyDescent="0.3">
      <c r="A5000" s="1">
        <v>42547</v>
      </c>
      <c r="B5000" s="3">
        <f t="shared" si="156"/>
        <v>6</v>
      </c>
      <c r="C5000" s="3">
        <f t="shared" si="157"/>
        <v>2016</v>
      </c>
      <c r="D5000" t="s">
        <v>2116</v>
      </c>
      <c r="E5000" t="s">
        <v>109</v>
      </c>
      <c r="F5000" t="s">
        <v>10</v>
      </c>
      <c r="G5000" t="s">
        <v>11</v>
      </c>
      <c r="H5000" t="s">
        <v>1988</v>
      </c>
      <c r="I5000">
        <v>368.91</v>
      </c>
      <c r="J5000">
        <v>9</v>
      </c>
      <c r="K5000">
        <v>180.77</v>
      </c>
    </row>
    <row r="5001" spans="1:11" x14ac:dyDescent="0.3">
      <c r="A5001" s="1">
        <v>42547</v>
      </c>
      <c r="B5001" s="3">
        <f t="shared" si="156"/>
        <v>6</v>
      </c>
      <c r="C5001" s="3">
        <f t="shared" si="157"/>
        <v>2016</v>
      </c>
      <c r="D5001" t="s">
        <v>2116</v>
      </c>
      <c r="E5001" t="s">
        <v>109</v>
      </c>
      <c r="F5001" t="s">
        <v>10</v>
      </c>
      <c r="G5001" t="s">
        <v>19</v>
      </c>
      <c r="H5001" t="s">
        <v>309</v>
      </c>
      <c r="I5001">
        <v>8.02</v>
      </c>
      <c r="J5001">
        <v>1</v>
      </c>
      <c r="K5001">
        <v>3.77</v>
      </c>
    </row>
    <row r="5002" spans="1:11" x14ac:dyDescent="0.3">
      <c r="A5002" s="1">
        <v>42547</v>
      </c>
      <c r="B5002" s="3">
        <f t="shared" si="156"/>
        <v>6</v>
      </c>
      <c r="C5002" s="3">
        <f t="shared" si="157"/>
        <v>2016</v>
      </c>
      <c r="D5002" t="s">
        <v>2116</v>
      </c>
      <c r="E5002" t="s">
        <v>109</v>
      </c>
      <c r="F5002" t="s">
        <v>10</v>
      </c>
      <c r="G5002" t="s">
        <v>17</v>
      </c>
      <c r="H5002" t="s">
        <v>724</v>
      </c>
      <c r="I5002">
        <v>171.04</v>
      </c>
      <c r="J5002">
        <v>4</v>
      </c>
      <c r="K5002">
        <v>44.47</v>
      </c>
    </row>
    <row r="5003" spans="1:11" x14ac:dyDescent="0.3">
      <c r="A5003" s="1">
        <v>42547</v>
      </c>
      <c r="B5003" s="3">
        <f t="shared" si="156"/>
        <v>6</v>
      </c>
      <c r="C5003" s="3">
        <f t="shared" si="157"/>
        <v>2016</v>
      </c>
      <c r="D5003" t="s">
        <v>1630</v>
      </c>
      <c r="E5003" t="s">
        <v>26</v>
      </c>
      <c r="F5003" t="s">
        <v>10</v>
      </c>
      <c r="G5003" t="s">
        <v>199</v>
      </c>
      <c r="H5003" t="s">
        <v>2496</v>
      </c>
      <c r="I5003">
        <v>231.72</v>
      </c>
      <c r="J5003">
        <v>2</v>
      </c>
      <c r="K5003">
        <v>11.59</v>
      </c>
    </row>
    <row r="5004" spans="1:11" x14ac:dyDescent="0.3">
      <c r="A5004" s="1">
        <v>42547</v>
      </c>
      <c r="B5004" s="3">
        <f t="shared" si="156"/>
        <v>6</v>
      </c>
      <c r="C5004" s="3">
        <f t="shared" si="157"/>
        <v>2016</v>
      </c>
      <c r="D5004" t="s">
        <v>1630</v>
      </c>
      <c r="E5004" t="s">
        <v>26</v>
      </c>
      <c r="F5004" t="s">
        <v>10</v>
      </c>
      <c r="G5004" t="s">
        <v>42</v>
      </c>
      <c r="H5004" t="s">
        <v>826</v>
      </c>
      <c r="I5004">
        <v>17.899999999999999</v>
      </c>
      <c r="J5004">
        <v>5</v>
      </c>
      <c r="K5004">
        <v>8.9499999999999993</v>
      </c>
    </row>
    <row r="5005" spans="1:11" x14ac:dyDescent="0.3">
      <c r="A5005" s="1">
        <v>42547</v>
      </c>
      <c r="B5005" s="3">
        <f t="shared" si="156"/>
        <v>6</v>
      </c>
      <c r="C5005" s="3">
        <f t="shared" si="157"/>
        <v>2016</v>
      </c>
      <c r="D5005" t="s">
        <v>1630</v>
      </c>
      <c r="E5005" t="s">
        <v>26</v>
      </c>
      <c r="F5005" t="s">
        <v>10</v>
      </c>
      <c r="G5005" t="s">
        <v>11</v>
      </c>
      <c r="H5005" t="s">
        <v>2135</v>
      </c>
      <c r="I5005">
        <v>12.48</v>
      </c>
      <c r="J5005">
        <v>2</v>
      </c>
      <c r="K5005">
        <v>5.62</v>
      </c>
    </row>
    <row r="5006" spans="1:11" x14ac:dyDescent="0.3">
      <c r="A5006" s="1">
        <v>42547</v>
      </c>
      <c r="B5006" s="3">
        <f t="shared" si="156"/>
        <v>6</v>
      </c>
      <c r="C5006" s="3">
        <f t="shared" si="157"/>
        <v>2016</v>
      </c>
      <c r="D5006" t="s">
        <v>1213</v>
      </c>
      <c r="E5006" t="s">
        <v>148</v>
      </c>
      <c r="F5006" t="s">
        <v>38</v>
      </c>
      <c r="G5006" t="s">
        <v>51</v>
      </c>
      <c r="H5006" t="s">
        <v>2329</v>
      </c>
      <c r="I5006">
        <v>20.97</v>
      </c>
      <c r="J5006">
        <v>3</v>
      </c>
      <c r="K5006">
        <v>9.02</v>
      </c>
    </row>
    <row r="5007" spans="1:11" x14ac:dyDescent="0.3">
      <c r="A5007" s="1">
        <v>42547</v>
      </c>
      <c r="B5007" s="3">
        <f t="shared" si="156"/>
        <v>6</v>
      </c>
      <c r="C5007" s="3">
        <f t="shared" si="157"/>
        <v>2016</v>
      </c>
      <c r="D5007" t="s">
        <v>1213</v>
      </c>
      <c r="E5007" t="s">
        <v>148</v>
      </c>
      <c r="F5007" t="s">
        <v>38</v>
      </c>
      <c r="G5007" t="s">
        <v>51</v>
      </c>
      <c r="H5007" t="s">
        <v>2362</v>
      </c>
      <c r="I5007">
        <v>139.96</v>
      </c>
      <c r="J5007">
        <v>4</v>
      </c>
      <c r="K5007">
        <v>9.8000000000000007</v>
      </c>
    </row>
    <row r="5008" spans="1:11" x14ac:dyDescent="0.3">
      <c r="A5008" s="1">
        <v>42547</v>
      </c>
      <c r="B5008" s="3">
        <f t="shared" si="156"/>
        <v>6</v>
      </c>
      <c r="C5008" s="3">
        <f t="shared" si="157"/>
        <v>2016</v>
      </c>
      <c r="D5008" t="s">
        <v>1213</v>
      </c>
      <c r="E5008" t="s">
        <v>148</v>
      </c>
      <c r="F5008" t="s">
        <v>33</v>
      </c>
      <c r="G5008" t="s">
        <v>46</v>
      </c>
      <c r="H5008" t="s">
        <v>2556</v>
      </c>
      <c r="I5008">
        <v>37.74</v>
      </c>
      <c r="J5008">
        <v>3</v>
      </c>
      <c r="K5008">
        <v>12.83</v>
      </c>
    </row>
    <row r="5009" spans="1:11" x14ac:dyDescent="0.3">
      <c r="A5009" s="1">
        <v>42547</v>
      </c>
      <c r="B5009" s="3">
        <f t="shared" si="156"/>
        <v>6</v>
      </c>
      <c r="C5009" s="3">
        <f t="shared" si="157"/>
        <v>2016</v>
      </c>
      <c r="D5009" t="s">
        <v>2557</v>
      </c>
      <c r="E5009" t="s">
        <v>29</v>
      </c>
      <c r="F5009" t="s">
        <v>38</v>
      </c>
      <c r="G5009" t="s">
        <v>39</v>
      </c>
      <c r="H5009" t="s">
        <v>1538</v>
      </c>
      <c r="I5009">
        <v>135.94999999999999</v>
      </c>
      <c r="J5009">
        <v>1</v>
      </c>
      <c r="K5009">
        <v>39.43</v>
      </c>
    </row>
    <row r="5010" spans="1:11" x14ac:dyDescent="0.3">
      <c r="A5010" s="1">
        <v>42548</v>
      </c>
      <c r="B5010" s="3">
        <f t="shared" si="156"/>
        <v>6</v>
      </c>
      <c r="C5010" s="3">
        <f t="shared" si="157"/>
        <v>2016</v>
      </c>
      <c r="D5010" t="s">
        <v>432</v>
      </c>
      <c r="E5010" t="s">
        <v>14</v>
      </c>
      <c r="F5010" t="s">
        <v>10</v>
      </c>
      <c r="G5010" t="s">
        <v>11</v>
      </c>
      <c r="H5010" t="s">
        <v>1700</v>
      </c>
      <c r="I5010">
        <v>37.46</v>
      </c>
      <c r="J5010">
        <v>7</v>
      </c>
      <c r="K5010">
        <v>12.18</v>
      </c>
    </row>
    <row r="5011" spans="1:11" x14ac:dyDescent="0.3">
      <c r="A5011" s="1">
        <v>42548</v>
      </c>
      <c r="B5011" s="3">
        <f t="shared" si="156"/>
        <v>6</v>
      </c>
      <c r="C5011" s="3">
        <f t="shared" si="157"/>
        <v>2016</v>
      </c>
      <c r="D5011" t="s">
        <v>432</v>
      </c>
      <c r="E5011" t="s">
        <v>14</v>
      </c>
      <c r="F5011" t="s">
        <v>33</v>
      </c>
      <c r="G5011" t="s">
        <v>34</v>
      </c>
      <c r="H5011" t="s">
        <v>725</v>
      </c>
      <c r="I5011">
        <v>539.66</v>
      </c>
      <c r="J5011">
        <v>3</v>
      </c>
      <c r="K5011">
        <v>-7.71</v>
      </c>
    </row>
    <row r="5012" spans="1:11" x14ac:dyDescent="0.3">
      <c r="A5012" s="1">
        <v>42548</v>
      </c>
      <c r="B5012" s="3">
        <f t="shared" si="156"/>
        <v>6</v>
      </c>
      <c r="C5012" s="3">
        <f t="shared" si="157"/>
        <v>2016</v>
      </c>
      <c r="D5012" t="s">
        <v>1473</v>
      </c>
      <c r="E5012" t="s">
        <v>26</v>
      </c>
      <c r="F5012" t="s">
        <v>38</v>
      </c>
      <c r="G5012" t="s">
        <v>39</v>
      </c>
      <c r="H5012" t="s">
        <v>374</v>
      </c>
      <c r="I5012">
        <v>201.58</v>
      </c>
      <c r="J5012">
        <v>2</v>
      </c>
      <c r="K5012">
        <v>12.6</v>
      </c>
    </row>
    <row r="5013" spans="1:11" x14ac:dyDescent="0.3">
      <c r="A5013" s="1">
        <v>42549</v>
      </c>
      <c r="B5013" s="3">
        <f t="shared" si="156"/>
        <v>6</v>
      </c>
      <c r="C5013" s="3">
        <f t="shared" si="157"/>
        <v>2016</v>
      </c>
      <c r="D5013" t="s">
        <v>1075</v>
      </c>
      <c r="E5013" t="s">
        <v>14</v>
      </c>
      <c r="F5013" t="s">
        <v>38</v>
      </c>
      <c r="G5013" t="s">
        <v>39</v>
      </c>
      <c r="H5013" t="s">
        <v>1351</v>
      </c>
      <c r="I5013">
        <v>359.98</v>
      </c>
      <c r="J5013">
        <v>3</v>
      </c>
      <c r="K5013">
        <v>36</v>
      </c>
    </row>
    <row r="5014" spans="1:11" x14ac:dyDescent="0.3">
      <c r="A5014" s="1">
        <v>42549</v>
      </c>
      <c r="B5014" s="3">
        <f t="shared" si="156"/>
        <v>6</v>
      </c>
      <c r="C5014" s="3">
        <f t="shared" si="157"/>
        <v>2016</v>
      </c>
      <c r="D5014" t="s">
        <v>60</v>
      </c>
      <c r="E5014" t="s">
        <v>26</v>
      </c>
      <c r="F5014" t="s">
        <v>10</v>
      </c>
      <c r="G5014" t="s">
        <v>19</v>
      </c>
      <c r="H5014" t="s">
        <v>521</v>
      </c>
      <c r="I5014">
        <v>7.75</v>
      </c>
      <c r="J5014">
        <v>3</v>
      </c>
      <c r="K5014">
        <v>2.81</v>
      </c>
    </row>
    <row r="5015" spans="1:11" x14ac:dyDescent="0.3">
      <c r="A5015" s="1">
        <v>42549</v>
      </c>
      <c r="B5015" s="3">
        <f t="shared" si="156"/>
        <v>6</v>
      </c>
      <c r="C5015" s="3">
        <f t="shared" si="157"/>
        <v>2016</v>
      </c>
      <c r="D5015" t="s">
        <v>60</v>
      </c>
      <c r="E5015" t="s">
        <v>26</v>
      </c>
      <c r="F5015" t="s">
        <v>10</v>
      </c>
      <c r="G5015" t="s">
        <v>19</v>
      </c>
      <c r="H5015" t="s">
        <v>1028</v>
      </c>
      <c r="I5015">
        <v>33.57</v>
      </c>
      <c r="J5015">
        <v>2</v>
      </c>
      <c r="K5015">
        <v>11.75</v>
      </c>
    </row>
    <row r="5016" spans="1:11" x14ac:dyDescent="0.3">
      <c r="A5016" s="1">
        <v>42549</v>
      </c>
      <c r="B5016" s="3">
        <f t="shared" si="156"/>
        <v>6</v>
      </c>
      <c r="C5016" s="3">
        <f t="shared" si="157"/>
        <v>2016</v>
      </c>
      <c r="D5016" t="s">
        <v>2100</v>
      </c>
      <c r="E5016" t="s">
        <v>176</v>
      </c>
      <c r="F5016" t="s">
        <v>33</v>
      </c>
      <c r="G5016" t="s">
        <v>34</v>
      </c>
      <c r="H5016" t="s">
        <v>2040</v>
      </c>
      <c r="I5016">
        <v>121.96</v>
      </c>
      <c r="J5016">
        <v>2</v>
      </c>
      <c r="K5016">
        <v>20.73</v>
      </c>
    </row>
    <row r="5017" spans="1:11" x14ac:dyDescent="0.3">
      <c r="A5017" s="1">
        <v>42549</v>
      </c>
      <c r="B5017" s="3">
        <f t="shared" si="156"/>
        <v>6</v>
      </c>
      <c r="C5017" s="3">
        <f t="shared" si="157"/>
        <v>2016</v>
      </c>
      <c r="D5017" t="s">
        <v>2100</v>
      </c>
      <c r="E5017" t="s">
        <v>176</v>
      </c>
      <c r="F5017" t="s">
        <v>10</v>
      </c>
      <c r="G5017" t="s">
        <v>91</v>
      </c>
      <c r="H5017" t="s">
        <v>1978</v>
      </c>
      <c r="I5017">
        <v>8.74</v>
      </c>
      <c r="J5017">
        <v>2</v>
      </c>
      <c r="K5017">
        <v>2.27</v>
      </c>
    </row>
    <row r="5018" spans="1:11" x14ac:dyDescent="0.3">
      <c r="A5018" s="1">
        <v>42549</v>
      </c>
      <c r="B5018" s="3">
        <f t="shared" si="156"/>
        <v>6</v>
      </c>
      <c r="C5018" s="3">
        <f t="shared" si="157"/>
        <v>2016</v>
      </c>
      <c r="D5018" t="s">
        <v>2100</v>
      </c>
      <c r="E5018" t="s">
        <v>176</v>
      </c>
      <c r="F5018" t="s">
        <v>10</v>
      </c>
      <c r="G5018" t="s">
        <v>11</v>
      </c>
      <c r="H5018" t="s">
        <v>1323</v>
      </c>
      <c r="I5018">
        <v>61.96</v>
      </c>
      <c r="J5018">
        <v>2</v>
      </c>
      <c r="K5018">
        <v>27.88</v>
      </c>
    </row>
    <row r="5019" spans="1:11" x14ac:dyDescent="0.3">
      <c r="A5019" s="1">
        <v>42549</v>
      </c>
      <c r="B5019" s="3">
        <f t="shared" si="156"/>
        <v>6</v>
      </c>
      <c r="C5019" s="3">
        <f t="shared" si="157"/>
        <v>2016</v>
      </c>
      <c r="D5019" t="s">
        <v>2100</v>
      </c>
      <c r="E5019" t="s">
        <v>176</v>
      </c>
      <c r="F5019" t="s">
        <v>10</v>
      </c>
      <c r="G5019" t="s">
        <v>19</v>
      </c>
      <c r="H5019" t="s">
        <v>2172</v>
      </c>
      <c r="I5019">
        <v>7.96</v>
      </c>
      <c r="J5019">
        <v>2</v>
      </c>
      <c r="K5019">
        <v>3.74</v>
      </c>
    </row>
    <row r="5020" spans="1:11" x14ac:dyDescent="0.3">
      <c r="A5020" s="1">
        <v>42549</v>
      </c>
      <c r="B5020" s="3">
        <f t="shared" si="156"/>
        <v>6</v>
      </c>
      <c r="C5020" s="3">
        <f t="shared" si="157"/>
        <v>2016</v>
      </c>
      <c r="D5020" t="s">
        <v>2100</v>
      </c>
      <c r="E5020" t="s">
        <v>176</v>
      </c>
      <c r="F5020" t="s">
        <v>10</v>
      </c>
      <c r="G5020" t="s">
        <v>91</v>
      </c>
      <c r="H5020" t="s">
        <v>113</v>
      </c>
      <c r="I5020">
        <v>275.24</v>
      </c>
      <c r="J5020">
        <v>4</v>
      </c>
      <c r="K5020">
        <v>121.11</v>
      </c>
    </row>
    <row r="5021" spans="1:11" x14ac:dyDescent="0.3">
      <c r="A5021" s="1">
        <v>42550</v>
      </c>
      <c r="B5021" s="3">
        <f t="shared" si="156"/>
        <v>6</v>
      </c>
      <c r="C5021" s="3">
        <f t="shared" si="157"/>
        <v>2016</v>
      </c>
      <c r="D5021" t="s">
        <v>838</v>
      </c>
      <c r="E5021" t="s">
        <v>69</v>
      </c>
      <c r="F5021" t="s">
        <v>10</v>
      </c>
      <c r="G5021" t="s">
        <v>17</v>
      </c>
      <c r="H5021" t="s">
        <v>908</v>
      </c>
      <c r="I5021">
        <v>191.88</v>
      </c>
      <c r="J5021">
        <v>6</v>
      </c>
      <c r="K5021">
        <v>19.190000000000001</v>
      </c>
    </row>
    <row r="5022" spans="1:11" x14ac:dyDescent="0.3">
      <c r="A5022" s="1">
        <v>42551</v>
      </c>
      <c r="B5022" s="3">
        <f t="shared" si="156"/>
        <v>6</v>
      </c>
      <c r="C5022" s="3">
        <f t="shared" si="157"/>
        <v>2016</v>
      </c>
      <c r="D5022" t="s">
        <v>1333</v>
      </c>
      <c r="E5022" t="s">
        <v>29</v>
      </c>
      <c r="F5022" t="s">
        <v>10</v>
      </c>
      <c r="G5022" t="s">
        <v>23</v>
      </c>
      <c r="H5022" t="s">
        <v>1116</v>
      </c>
      <c r="I5022">
        <v>35.97</v>
      </c>
      <c r="J5022">
        <v>3</v>
      </c>
      <c r="K5022">
        <v>9.7100000000000009</v>
      </c>
    </row>
    <row r="5023" spans="1:11" x14ac:dyDescent="0.3">
      <c r="A5023" s="1">
        <v>42551</v>
      </c>
      <c r="B5023" s="3">
        <f t="shared" si="156"/>
        <v>6</v>
      </c>
      <c r="C5023" s="3">
        <f t="shared" si="157"/>
        <v>2016</v>
      </c>
      <c r="D5023" t="s">
        <v>1333</v>
      </c>
      <c r="E5023" t="s">
        <v>29</v>
      </c>
      <c r="F5023" t="s">
        <v>33</v>
      </c>
      <c r="G5023" t="s">
        <v>73</v>
      </c>
      <c r="H5023" t="s">
        <v>1879</v>
      </c>
      <c r="I5023">
        <v>1266.8599999999999</v>
      </c>
      <c r="J5023">
        <v>7</v>
      </c>
      <c r="K5023">
        <v>291.38</v>
      </c>
    </row>
    <row r="5024" spans="1:11" x14ac:dyDescent="0.3">
      <c r="A5024" s="1">
        <v>42551</v>
      </c>
      <c r="B5024" s="3">
        <f t="shared" si="156"/>
        <v>6</v>
      </c>
      <c r="C5024" s="3">
        <f t="shared" si="157"/>
        <v>2016</v>
      </c>
      <c r="D5024" t="s">
        <v>962</v>
      </c>
      <c r="E5024" t="s">
        <v>14</v>
      </c>
      <c r="F5024" t="s">
        <v>38</v>
      </c>
      <c r="G5024" t="s">
        <v>51</v>
      </c>
      <c r="H5024" t="s">
        <v>1421</v>
      </c>
      <c r="I5024">
        <v>50.12</v>
      </c>
      <c r="J5024">
        <v>7</v>
      </c>
      <c r="K5024">
        <v>-0.63</v>
      </c>
    </row>
    <row r="5025" spans="1:11" x14ac:dyDescent="0.3">
      <c r="A5025" s="1">
        <v>42552</v>
      </c>
      <c r="B5025" s="3">
        <f t="shared" si="156"/>
        <v>7</v>
      </c>
      <c r="C5025" s="3">
        <f t="shared" si="157"/>
        <v>2016</v>
      </c>
      <c r="D5025" t="s">
        <v>2293</v>
      </c>
      <c r="E5025" t="s">
        <v>69</v>
      </c>
      <c r="F5025" t="s">
        <v>10</v>
      </c>
      <c r="G5025" t="s">
        <v>19</v>
      </c>
      <c r="H5025" t="s">
        <v>1184</v>
      </c>
      <c r="I5025">
        <v>14.2</v>
      </c>
      <c r="J5025">
        <v>2</v>
      </c>
      <c r="K5025">
        <v>6.53</v>
      </c>
    </row>
    <row r="5026" spans="1:11" x14ac:dyDescent="0.3">
      <c r="A5026" s="1">
        <v>42552</v>
      </c>
      <c r="B5026" s="3">
        <f t="shared" si="156"/>
        <v>7</v>
      </c>
      <c r="C5026" s="3">
        <f t="shared" si="157"/>
        <v>2016</v>
      </c>
      <c r="D5026" t="s">
        <v>2293</v>
      </c>
      <c r="E5026" t="s">
        <v>69</v>
      </c>
      <c r="F5026" t="s">
        <v>10</v>
      </c>
      <c r="G5026" t="s">
        <v>11</v>
      </c>
      <c r="H5026" t="s">
        <v>1263</v>
      </c>
      <c r="I5026">
        <v>12.96</v>
      </c>
      <c r="J5026">
        <v>2</v>
      </c>
      <c r="K5026">
        <v>6.22</v>
      </c>
    </row>
    <row r="5027" spans="1:11" x14ac:dyDescent="0.3">
      <c r="A5027" s="1">
        <v>42552</v>
      </c>
      <c r="B5027" s="3">
        <f t="shared" si="156"/>
        <v>7</v>
      </c>
      <c r="C5027" s="3">
        <f t="shared" si="157"/>
        <v>2016</v>
      </c>
      <c r="D5027" t="s">
        <v>2293</v>
      </c>
      <c r="E5027" t="s">
        <v>69</v>
      </c>
      <c r="F5027" t="s">
        <v>10</v>
      </c>
      <c r="G5027" t="s">
        <v>19</v>
      </c>
      <c r="H5027" t="s">
        <v>1895</v>
      </c>
      <c r="I5027">
        <v>58.34</v>
      </c>
      <c r="J5027">
        <v>2</v>
      </c>
      <c r="K5027">
        <v>28</v>
      </c>
    </row>
    <row r="5028" spans="1:11" x14ac:dyDescent="0.3">
      <c r="A5028" s="1">
        <v>42552</v>
      </c>
      <c r="B5028" s="3">
        <f t="shared" si="156"/>
        <v>7</v>
      </c>
      <c r="C5028" s="3">
        <f t="shared" si="157"/>
        <v>2016</v>
      </c>
      <c r="D5028" t="s">
        <v>970</v>
      </c>
      <c r="E5028" t="s">
        <v>295</v>
      </c>
      <c r="F5028" t="s">
        <v>38</v>
      </c>
      <c r="G5028" t="s">
        <v>602</v>
      </c>
      <c r="H5028" t="s">
        <v>2238</v>
      </c>
      <c r="I5028">
        <v>1499.95</v>
      </c>
      <c r="J5028">
        <v>5</v>
      </c>
      <c r="K5028">
        <v>449.99</v>
      </c>
    </row>
    <row r="5029" spans="1:11" x14ac:dyDescent="0.3">
      <c r="A5029" s="1">
        <v>42552</v>
      </c>
      <c r="B5029" s="3">
        <f t="shared" si="156"/>
        <v>7</v>
      </c>
      <c r="C5029" s="3">
        <f t="shared" si="157"/>
        <v>2016</v>
      </c>
      <c r="D5029" t="s">
        <v>2380</v>
      </c>
      <c r="E5029" t="s">
        <v>148</v>
      </c>
      <c r="F5029" t="s">
        <v>10</v>
      </c>
      <c r="G5029" t="s">
        <v>15</v>
      </c>
      <c r="H5029" t="s">
        <v>1859</v>
      </c>
      <c r="I5029">
        <v>30.53</v>
      </c>
      <c r="J5029">
        <v>1</v>
      </c>
      <c r="K5029">
        <v>14.04</v>
      </c>
    </row>
    <row r="5030" spans="1:11" x14ac:dyDescent="0.3">
      <c r="A5030" s="1">
        <v>42552</v>
      </c>
      <c r="B5030" s="3">
        <f t="shared" si="156"/>
        <v>7</v>
      </c>
      <c r="C5030" s="3">
        <f t="shared" si="157"/>
        <v>2016</v>
      </c>
      <c r="D5030" t="s">
        <v>2380</v>
      </c>
      <c r="E5030" t="s">
        <v>148</v>
      </c>
      <c r="F5030" t="s">
        <v>38</v>
      </c>
      <c r="G5030" t="s">
        <v>51</v>
      </c>
      <c r="H5030" t="s">
        <v>1198</v>
      </c>
      <c r="I5030">
        <v>30.84</v>
      </c>
      <c r="J5030">
        <v>3</v>
      </c>
      <c r="K5030">
        <v>6.17</v>
      </c>
    </row>
    <row r="5031" spans="1:11" x14ac:dyDescent="0.3">
      <c r="A5031" s="1">
        <v>42552</v>
      </c>
      <c r="B5031" s="3">
        <f t="shared" si="156"/>
        <v>7</v>
      </c>
      <c r="C5031" s="3">
        <f t="shared" si="157"/>
        <v>2016</v>
      </c>
      <c r="D5031" t="s">
        <v>2380</v>
      </c>
      <c r="E5031" t="s">
        <v>148</v>
      </c>
      <c r="F5031" t="s">
        <v>10</v>
      </c>
      <c r="G5031" t="s">
        <v>11</v>
      </c>
      <c r="H5031" t="s">
        <v>1977</v>
      </c>
      <c r="I5031">
        <v>75.06</v>
      </c>
      <c r="J5031">
        <v>9</v>
      </c>
      <c r="K5031">
        <v>33.78</v>
      </c>
    </row>
    <row r="5032" spans="1:11" x14ac:dyDescent="0.3">
      <c r="A5032" s="1">
        <v>42552</v>
      </c>
      <c r="B5032" s="3">
        <f t="shared" si="156"/>
        <v>7</v>
      </c>
      <c r="C5032" s="3">
        <f t="shared" si="157"/>
        <v>2016</v>
      </c>
      <c r="D5032" t="s">
        <v>1045</v>
      </c>
      <c r="E5032" t="s">
        <v>163</v>
      </c>
      <c r="F5032" t="s">
        <v>10</v>
      </c>
      <c r="G5032" t="s">
        <v>19</v>
      </c>
      <c r="H5032" t="s">
        <v>435</v>
      </c>
      <c r="I5032">
        <v>2.5</v>
      </c>
      <c r="J5032">
        <v>1</v>
      </c>
      <c r="K5032">
        <v>0.9</v>
      </c>
    </row>
    <row r="5033" spans="1:11" x14ac:dyDescent="0.3">
      <c r="A5033" s="1">
        <v>42553</v>
      </c>
      <c r="B5033" s="3">
        <f t="shared" si="156"/>
        <v>7</v>
      </c>
      <c r="C5033" s="3">
        <f t="shared" si="157"/>
        <v>2016</v>
      </c>
      <c r="D5033" t="s">
        <v>582</v>
      </c>
      <c r="E5033" t="s">
        <v>26</v>
      </c>
      <c r="F5033" t="s">
        <v>33</v>
      </c>
      <c r="G5033" t="s">
        <v>34</v>
      </c>
      <c r="H5033" t="s">
        <v>947</v>
      </c>
      <c r="I5033">
        <v>195.18</v>
      </c>
      <c r="J5033">
        <v>1</v>
      </c>
      <c r="K5033">
        <v>19.52</v>
      </c>
    </row>
    <row r="5034" spans="1:11" x14ac:dyDescent="0.3">
      <c r="A5034" s="1">
        <v>42553</v>
      </c>
      <c r="B5034" s="3">
        <f t="shared" si="156"/>
        <v>7</v>
      </c>
      <c r="C5034" s="3">
        <f t="shared" si="157"/>
        <v>2016</v>
      </c>
      <c r="D5034" t="s">
        <v>595</v>
      </c>
      <c r="E5034" t="s">
        <v>54</v>
      </c>
      <c r="F5034" t="s">
        <v>10</v>
      </c>
      <c r="G5034" t="s">
        <v>23</v>
      </c>
      <c r="H5034" t="s">
        <v>2558</v>
      </c>
      <c r="I5034">
        <v>7.7</v>
      </c>
      <c r="J5034">
        <v>2</v>
      </c>
      <c r="K5034">
        <v>3.16</v>
      </c>
    </row>
    <row r="5035" spans="1:11" x14ac:dyDescent="0.3">
      <c r="A5035" s="1">
        <v>42553</v>
      </c>
      <c r="B5035" s="3">
        <f t="shared" si="156"/>
        <v>7</v>
      </c>
      <c r="C5035" s="3">
        <f t="shared" si="157"/>
        <v>2016</v>
      </c>
      <c r="D5035" t="s">
        <v>1286</v>
      </c>
      <c r="E5035" t="s">
        <v>9</v>
      </c>
      <c r="F5035" t="s">
        <v>33</v>
      </c>
      <c r="G5035" t="s">
        <v>34</v>
      </c>
      <c r="H5035" t="s">
        <v>1596</v>
      </c>
      <c r="I5035">
        <v>528.42999999999995</v>
      </c>
      <c r="J5035">
        <v>5</v>
      </c>
      <c r="K5035">
        <v>0</v>
      </c>
    </row>
    <row r="5036" spans="1:11" x14ac:dyDescent="0.3">
      <c r="A5036" s="1">
        <v>42553</v>
      </c>
      <c r="B5036" s="3">
        <f t="shared" si="156"/>
        <v>7</v>
      </c>
      <c r="C5036" s="3">
        <f t="shared" si="157"/>
        <v>2016</v>
      </c>
      <c r="D5036" t="s">
        <v>1286</v>
      </c>
      <c r="E5036" t="s">
        <v>9</v>
      </c>
      <c r="F5036" t="s">
        <v>10</v>
      </c>
      <c r="G5036" t="s">
        <v>11</v>
      </c>
      <c r="H5036" t="s">
        <v>2385</v>
      </c>
      <c r="I5036">
        <v>41.47</v>
      </c>
      <c r="J5036">
        <v>8</v>
      </c>
      <c r="K5036">
        <v>14.52</v>
      </c>
    </row>
    <row r="5037" spans="1:11" x14ac:dyDescent="0.3">
      <c r="A5037" s="1">
        <v>42554</v>
      </c>
      <c r="B5037" s="3">
        <f t="shared" si="156"/>
        <v>7</v>
      </c>
      <c r="C5037" s="3">
        <f t="shared" si="157"/>
        <v>2016</v>
      </c>
      <c r="D5037" t="s">
        <v>1919</v>
      </c>
      <c r="E5037" t="s">
        <v>26</v>
      </c>
      <c r="F5037" t="s">
        <v>10</v>
      </c>
      <c r="G5037" t="s">
        <v>11</v>
      </c>
      <c r="H5037" t="s">
        <v>933</v>
      </c>
      <c r="I5037">
        <v>12.96</v>
      </c>
      <c r="J5037">
        <v>2</v>
      </c>
      <c r="K5037">
        <v>6.22</v>
      </c>
    </row>
    <row r="5038" spans="1:11" x14ac:dyDescent="0.3">
      <c r="A5038" s="1">
        <v>42554</v>
      </c>
      <c r="B5038" s="3">
        <f t="shared" si="156"/>
        <v>7</v>
      </c>
      <c r="C5038" s="3">
        <f t="shared" si="157"/>
        <v>2016</v>
      </c>
      <c r="D5038" t="s">
        <v>1919</v>
      </c>
      <c r="E5038" t="s">
        <v>26</v>
      </c>
      <c r="F5038" t="s">
        <v>10</v>
      </c>
      <c r="G5038" t="s">
        <v>42</v>
      </c>
      <c r="H5038" t="s">
        <v>2306</v>
      </c>
      <c r="I5038">
        <v>3.96</v>
      </c>
      <c r="J5038">
        <v>2</v>
      </c>
      <c r="K5038">
        <v>0.08</v>
      </c>
    </row>
    <row r="5039" spans="1:11" x14ac:dyDescent="0.3">
      <c r="A5039" s="1">
        <v>42554</v>
      </c>
      <c r="B5039" s="3">
        <f t="shared" si="156"/>
        <v>7</v>
      </c>
      <c r="C5039" s="3">
        <f t="shared" si="157"/>
        <v>2016</v>
      </c>
      <c r="D5039" t="s">
        <v>290</v>
      </c>
      <c r="E5039" t="s">
        <v>148</v>
      </c>
      <c r="F5039" t="s">
        <v>10</v>
      </c>
      <c r="G5039" t="s">
        <v>91</v>
      </c>
      <c r="H5039" t="s">
        <v>2559</v>
      </c>
      <c r="I5039">
        <v>706.86</v>
      </c>
      <c r="J5039">
        <v>7</v>
      </c>
      <c r="K5039">
        <v>197.92</v>
      </c>
    </row>
    <row r="5040" spans="1:11" x14ac:dyDescent="0.3">
      <c r="A5040" s="1">
        <v>42554</v>
      </c>
      <c r="B5040" s="3">
        <f t="shared" si="156"/>
        <v>7</v>
      </c>
      <c r="C5040" s="3">
        <f t="shared" si="157"/>
        <v>2016</v>
      </c>
      <c r="D5040" t="s">
        <v>284</v>
      </c>
      <c r="E5040" t="s">
        <v>22</v>
      </c>
      <c r="F5040" t="s">
        <v>10</v>
      </c>
      <c r="G5040" t="s">
        <v>11</v>
      </c>
      <c r="H5040" t="s">
        <v>1125</v>
      </c>
      <c r="I5040">
        <v>123.92</v>
      </c>
      <c r="J5040">
        <v>5</v>
      </c>
      <c r="K5040">
        <v>38.729999999999997</v>
      </c>
    </row>
    <row r="5041" spans="1:11" x14ac:dyDescent="0.3">
      <c r="A5041" s="1">
        <v>42555</v>
      </c>
      <c r="B5041" s="3">
        <f t="shared" si="156"/>
        <v>7</v>
      </c>
      <c r="C5041" s="3">
        <f t="shared" si="157"/>
        <v>2016</v>
      </c>
      <c r="D5041" t="s">
        <v>860</v>
      </c>
      <c r="E5041" t="s">
        <v>26</v>
      </c>
      <c r="F5041" t="s">
        <v>33</v>
      </c>
      <c r="G5041" t="s">
        <v>46</v>
      </c>
      <c r="H5041" t="s">
        <v>213</v>
      </c>
      <c r="I5041">
        <v>25.4</v>
      </c>
      <c r="J5041">
        <v>5</v>
      </c>
      <c r="K5041">
        <v>8.64</v>
      </c>
    </row>
    <row r="5042" spans="1:11" x14ac:dyDescent="0.3">
      <c r="A5042" s="1">
        <v>42555</v>
      </c>
      <c r="B5042" s="3">
        <f t="shared" si="156"/>
        <v>7</v>
      </c>
      <c r="C5042" s="3">
        <f t="shared" si="157"/>
        <v>2016</v>
      </c>
      <c r="D5042" t="s">
        <v>860</v>
      </c>
      <c r="E5042" t="s">
        <v>26</v>
      </c>
      <c r="F5042" t="s">
        <v>10</v>
      </c>
      <c r="G5042" t="s">
        <v>62</v>
      </c>
      <c r="H5042" t="s">
        <v>992</v>
      </c>
      <c r="I5042">
        <v>43.96</v>
      </c>
      <c r="J5042">
        <v>2</v>
      </c>
      <c r="K5042">
        <v>20.66</v>
      </c>
    </row>
    <row r="5043" spans="1:11" x14ac:dyDescent="0.3">
      <c r="A5043" s="1">
        <v>42555</v>
      </c>
      <c r="B5043" s="3">
        <f t="shared" si="156"/>
        <v>7</v>
      </c>
      <c r="C5043" s="3">
        <f t="shared" si="157"/>
        <v>2016</v>
      </c>
      <c r="D5043" t="s">
        <v>860</v>
      </c>
      <c r="E5043" t="s">
        <v>26</v>
      </c>
      <c r="F5043" t="s">
        <v>33</v>
      </c>
      <c r="G5043" t="s">
        <v>73</v>
      </c>
      <c r="H5043" t="s">
        <v>1929</v>
      </c>
      <c r="I5043">
        <v>1279.17</v>
      </c>
      <c r="J5043">
        <v>5</v>
      </c>
      <c r="K5043">
        <v>225.74</v>
      </c>
    </row>
    <row r="5044" spans="1:11" x14ac:dyDescent="0.3">
      <c r="A5044" s="1">
        <v>42555</v>
      </c>
      <c r="B5044" s="3">
        <f t="shared" si="156"/>
        <v>7</v>
      </c>
      <c r="C5044" s="3">
        <f t="shared" si="157"/>
        <v>2016</v>
      </c>
      <c r="D5044" t="s">
        <v>860</v>
      </c>
      <c r="E5044" t="s">
        <v>26</v>
      </c>
      <c r="F5044" t="s">
        <v>10</v>
      </c>
      <c r="G5044" t="s">
        <v>17</v>
      </c>
      <c r="H5044" t="s">
        <v>250</v>
      </c>
      <c r="I5044">
        <v>27.92</v>
      </c>
      <c r="J5044">
        <v>4</v>
      </c>
      <c r="K5044">
        <v>0.56000000000000005</v>
      </c>
    </row>
    <row r="5045" spans="1:11" x14ac:dyDescent="0.3">
      <c r="A5045" s="1">
        <v>42555</v>
      </c>
      <c r="B5045" s="3">
        <f t="shared" si="156"/>
        <v>7</v>
      </c>
      <c r="C5045" s="3">
        <f t="shared" si="157"/>
        <v>2016</v>
      </c>
      <c r="D5045" t="s">
        <v>300</v>
      </c>
      <c r="E5045" t="s">
        <v>163</v>
      </c>
      <c r="F5045" t="s">
        <v>33</v>
      </c>
      <c r="G5045" t="s">
        <v>46</v>
      </c>
      <c r="H5045" t="s">
        <v>213</v>
      </c>
      <c r="I5045">
        <v>25.4</v>
      </c>
      <c r="J5045">
        <v>5</v>
      </c>
      <c r="K5045">
        <v>8.64</v>
      </c>
    </row>
    <row r="5046" spans="1:11" x14ac:dyDescent="0.3">
      <c r="A5046" s="1">
        <v>42555</v>
      </c>
      <c r="B5046" s="3">
        <f t="shared" si="156"/>
        <v>7</v>
      </c>
      <c r="C5046" s="3">
        <f t="shared" si="157"/>
        <v>2016</v>
      </c>
      <c r="D5046" t="s">
        <v>300</v>
      </c>
      <c r="E5046" t="s">
        <v>163</v>
      </c>
      <c r="F5046" t="s">
        <v>38</v>
      </c>
      <c r="G5046" t="s">
        <v>39</v>
      </c>
      <c r="H5046" t="s">
        <v>2370</v>
      </c>
      <c r="I5046">
        <v>177.48</v>
      </c>
      <c r="J5046">
        <v>3</v>
      </c>
      <c r="K5046">
        <v>19.97</v>
      </c>
    </row>
    <row r="5047" spans="1:11" x14ac:dyDescent="0.3">
      <c r="A5047" s="1">
        <v>42555</v>
      </c>
      <c r="B5047" s="3">
        <f t="shared" si="156"/>
        <v>7</v>
      </c>
      <c r="C5047" s="3">
        <f t="shared" si="157"/>
        <v>2016</v>
      </c>
      <c r="D5047" t="s">
        <v>300</v>
      </c>
      <c r="E5047" t="s">
        <v>163</v>
      </c>
      <c r="F5047" t="s">
        <v>38</v>
      </c>
      <c r="G5047" t="s">
        <v>39</v>
      </c>
      <c r="H5047" t="s">
        <v>2289</v>
      </c>
      <c r="I5047">
        <v>71.98</v>
      </c>
      <c r="J5047">
        <v>3</v>
      </c>
      <c r="K5047">
        <v>9</v>
      </c>
    </row>
    <row r="5048" spans="1:11" x14ac:dyDescent="0.3">
      <c r="A5048" s="1">
        <v>42558</v>
      </c>
      <c r="B5048" s="3">
        <f t="shared" si="156"/>
        <v>7</v>
      </c>
      <c r="C5048" s="3">
        <f t="shared" si="157"/>
        <v>2016</v>
      </c>
      <c r="D5048" t="s">
        <v>1796</v>
      </c>
      <c r="E5048" t="s">
        <v>122</v>
      </c>
      <c r="F5048" t="s">
        <v>10</v>
      </c>
      <c r="G5048" t="s">
        <v>199</v>
      </c>
      <c r="H5048" t="s">
        <v>1009</v>
      </c>
      <c r="I5048">
        <v>45.58</v>
      </c>
      <c r="J5048">
        <v>7</v>
      </c>
      <c r="K5048">
        <v>5.13</v>
      </c>
    </row>
    <row r="5049" spans="1:11" x14ac:dyDescent="0.3">
      <c r="A5049" s="1">
        <v>42558</v>
      </c>
      <c r="B5049" s="3">
        <f t="shared" si="156"/>
        <v>7</v>
      </c>
      <c r="C5049" s="3">
        <f t="shared" si="157"/>
        <v>2016</v>
      </c>
      <c r="D5049" t="s">
        <v>654</v>
      </c>
      <c r="E5049" t="s">
        <v>26</v>
      </c>
      <c r="F5049" t="s">
        <v>33</v>
      </c>
      <c r="G5049" t="s">
        <v>46</v>
      </c>
      <c r="H5049" t="s">
        <v>919</v>
      </c>
      <c r="I5049">
        <v>215.65</v>
      </c>
      <c r="J5049">
        <v>5</v>
      </c>
      <c r="K5049">
        <v>73.319999999999993</v>
      </c>
    </row>
    <row r="5050" spans="1:11" x14ac:dyDescent="0.3">
      <c r="A5050" s="1">
        <v>42558</v>
      </c>
      <c r="B5050" s="3">
        <f t="shared" si="156"/>
        <v>7</v>
      </c>
      <c r="C5050" s="3">
        <f t="shared" si="157"/>
        <v>2016</v>
      </c>
      <c r="D5050" t="s">
        <v>201</v>
      </c>
      <c r="E5050" t="s">
        <v>14</v>
      </c>
      <c r="F5050" t="s">
        <v>33</v>
      </c>
      <c r="G5050" t="s">
        <v>46</v>
      </c>
      <c r="H5050" t="s">
        <v>2014</v>
      </c>
      <c r="I5050">
        <v>60.29</v>
      </c>
      <c r="J5050">
        <v>8</v>
      </c>
      <c r="K5050">
        <v>-27.13</v>
      </c>
    </row>
    <row r="5051" spans="1:11" x14ac:dyDescent="0.3">
      <c r="A5051" s="1">
        <v>42558</v>
      </c>
      <c r="B5051" s="3">
        <f t="shared" si="156"/>
        <v>7</v>
      </c>
      <c r="C5051" s="3">
        <f t="shared" si="157"/>
        <v>2016</v>
      </c>
      <c r="D5051" t="s">
        <v>201</v>
      </c>
      <c r="E5051" t="s">
        <v>14</v>
      </c>
      <c r="F5051" t="s">
        <v>10</v>
      </c>
      <c r="G5051" t="s">
        <v>42</v>
      </c>
      <c r="H5051" t="s">
        <v>1232</v>
      </c>
      <c r="I5051">
        <v>2.63</v>
      </c>
      <c r="J5051">
        <v>1</v>
      </c>
      <c r="K5051">
        <v>0.82</v>
      </c>
    </row>
    <row r="5052" spans="1:11" x14ac:dyDescent="0.3">
      <c r="A5052" s="1">
        <v>42558</v>
      </c>
      <c r="B5052" s="3">
        <f t="shared" si="156"/>
        <v>7</v>
      </c>
      <c r="C5052" s="3">
        <f t="shared" si="157"/>
        <v>2016</v>
      </c>
      <c r="D5052" t="s">
        <v>201</v>
      </c>
      <c r="E5052" t="s">
        <v>14</v>
      </c>
      <c r="F5052" t="s">
        <v>10</v>
      </c>
      <c r="G5052" t="s">
        <v>11</v>
      </c>
      <c r="H5052" t="s">
        <v>1672</v>
      </c>
      <c r="I5052">
        <v>23.69</v>
      </c>
      <c r="J5052">
        <v>9</v>
      </c>
      <c r="K5052">
        <v>7.7</v>
      </c>
    </row>
    <row r="5053" spans="1:11" x14ac:dyDescent="0.3">
      <c r="A5053" s="1">
        <v>42558</v>
      </c>
      <c r="B5053" s="3">
        <f t="shared" si="156"/>
        <v>7</v>
      </c>
      <c r="C5053" s="3">
        <f t="shared" si="157"/>
        <v>2016</v>
      </c>
      <c r="D5053" t="s">
        <v>201</v>
      </c>
      <c r="E5053" t="s">
        <v>14</v>
      </c>
      <c r="F5053" t="s">
        <v>33</v>
      </c>
      <c r="G5053" t="s">
        <v>34</v>
      </c>
      <c r="H5053" t="s">
        <v>2181</v>
      </c>
      <c r="I5053">
        <v>253.37</v>
      </c>
      <c r="J5053">
        <v>2</v>
      </c>
      <c r="K5053">
        <v>-14.48</v>
      </c>
    </row>
    <row r="5054" spans="1:11" x14ac:dyDescent="0.3">
      <c r="A5054" s="1">
        <v>42558</v>
      </c>
      <c r="B5054" s="3">
        <f t="shared" si="156"/>
        <v>7</v>
      </c>
      <c r="C5054" s="3">
        <f t="shared" si="157"/>
        <v>2016</v>
      </c>
      <c r="D5054" t="s">
        <v>2527</v>
      </c>
      <c r="E5054" t="s">
        <v>26</v>
      </c>
      <c r="F5054" t="s">
        <v>33</v>
      </c>
      <c r="G5054" t="s">
        <v>34</v>
      </c>
      <c r="H5054" t="s">
        <v>2028</v>
      </c>
      <c r="I5054">
        <v>287.97000000000003</v>
      </c>
      <c r="J5054">
        <v>4</v>
      </c>
      <c r="K5054">
        <v>-3.6</v>
      </c>
    </row>
    <row r="5055" spans="1:11" x14ac:dyDescent="0.3">
      <c r="A5055" s="1">
        <v>42558</v>
      </c>
      <c r="B5055" s="3">
        <f t="shared" si="156"/>
        <v>7</v>
      </c>
      <c r="C5055" s="3">
        <f t="shared" si="157"/>
        <v>2016</v>
      </c>
      <c r="D5055" t="s">
        <v>2527</v>
      </c>
      <c r="E5055" t="s">
        <v>26</v>
      </c>
      <c r="F5055" t="s">
        <v>38</v>
      </c>
      <c r="G5055" t="s">
        <v>602</v>
      </c>
      <c r="H5055" t="s">
        <v>1937</v>
      </c>
      <c r="I5055">
        <v>2799.96</v>
      </c>
      <c r="J5055">
        <v>5</v>
      </c>
      <c r="K5055">
        <v>944.99</v>
      </c>
    </row>
    <row r="5056" spans="1:11" x14ac:dyDescent="0.3">
      <c r="A5056" s="1">
        <v>42558</v>
      </c>
      <c r="B5056" s="3">
        <f t="shared" si="156"/>
        <v>7</v>
      </c>
      <c r="C5056" s="3">
        <f t="shared" si="157"/>
        <v>2016</v>
      </c>
      <c r="D5056" t="s">
        <v>2527</v>
      </c>
      <c r="E5056" t="s">
        <v>26</v>
      </c>
      <c r="F5056" t="s">
        <v>10</v>
      </c>
      <c r="G5056" t="s">
        <v>11</v>
      </c>
      <c r="H5056" t="s">
        <v>1293</v>
      </c>
      <c r="I5056">
        <v>48.94</v>
      </c>
      <c r="J5056">
        <v>1</v>
      </c>
      <c r="K5056">
        <v>24.47</v>
      </c>
    </row>
    <row r="5057" spans="1:11" x14ac:dyDescent="0.3">
      <c r="A5057" s="1">
        <v>42558</v>
      </c>
      <c r="B5057" s="3">
        <f t="shared" si="156"/>
        <v>7</v>
      </c>
      <c r="C5057" s="3">
        <f t="shared" si="157"/>
        <v>2016</v>
      </c>
      <c r="D5057" t="s">
        <v>1792</v>
      </c>
      <c r="E5057" t="s">
        <v>22</v>
      </c>
      <c r="F5057" t="s">
        <v>10</v>
      </c>
      <c r="G5057" t="s">
        <v>15</v>
      </c>
      <c r="H5057" t="s">
        <v>1401</v>
      </c>
      <c r="I5057">
        <v>10.08</v>
      </c>
      <c r="J5057">
        <v>2</v>
      </c>
      <c r="K5057">
        <v>3.28</v>
      </c>
    </row>
    <row r="5058" spans="1:11" x14ac:dyDescent="0.3">
      <c r="A5058" s="1">
        <v>42558</v>
      </c>
      <c r="B5058" s="3">
        <f t="shared" ref="B5058:B5121" si="158">MONTH(A:A)</f>
        <v>7</v>
      </c>
      <c r="C5058" s="3">
        <f t="shared" ref="C5058:C5121" si="159">YEAR(A:A)</f>
        <v>2016</v>
      </c>
      <c r="D5058" t="s">
        <v>1792</v>
      </c>
      <c r="E5058" t="s">
        <v>22</v>
      </c>
      <c r="F5058" t="s">
        <v>38</v>
      </c>
      <c r="G5058" t="s">
        <v>39</v>
      </c>
      <c r="H5058" t="s">
        <v>1058</v>
      </c>
      <c r="I5058">
        <v>59.99</v>
      </c>
      <c r="J5058">
        <v>1</v>
      </c>
      <c r="K5058">
        <v>-13</v>
      </c>
    </row>
    <row r="5059" spans="1:11" x14ac:dyDescent="0.3">
      <c r="A5059" s="1">
        <v>42558</v>
      </c>
      <c r="B5059" s="3">
        <f t="shared" si="158"/>
        <v>7</v>
      </c>
      <c r="C5059" s="3">
        <f t="shared" si="159"/>
        <v>2016</v>
      </c>
      <c r="D5059" t="s">
        <v>1792</v>
      </c>
      <c r="E5059" t="s">
        <v>22</v>
      </c>
      <c r="F5059" t="s">
        <v>10</v>
      </c>
      <c r="G5059" t="s">
        <v>19</v>
      </c>
      <c r="H5059" t="s">
        <v>574</v>
      </c>
      <c r="I5059">
        <v>5.72</v>
      </c>
      <c r="J5059">
        <v>5</v>
      </c>
      <c r="K5059">
        <v>-4.76</v>
      </c>
    </row>
    <row r="5060" spans="1:11" x14ac:dyDescent="0.3">
      <c r="A5060" s="1">
        <v>42558</v>
      </c>
      <c r="B5060" s="3">
        <f t="shared" si="158"/>
        <v>7</v>
      </c>
      <c r="C5060" s="3">
        <f t="shared" si="159"/>
        <v>2016</v>
      </c>
      <c r="D5060" t="s">
        <v>1792</v>
      </c>
      <c r="E5060" t="s">
        <v>22</v>
      </c>
      <c r="F5060" t="s">
        <v>10</v>
      </c>
      <c r="G5060" t="s">
        <v>19</v>
      </c>
      <c r="H5060" t="s">
        <v>1408</v>
      </c>
      <c r="I5060">
        <v>9.42</v>
      </c>
      <c r="J5060">
        <v>5</v>
      </c>
      <c r="K5060">
        <v>-7.85</v>
      </c>
    </row>
    <row r="5061" spans="1:11" x14ac:dyDescent="0.3">
      <c r="A5061" s="1">
        <v>42558</v>
      </c>
      <c r="B5061" s="3">
        <f t="shared" si="158"/>
        <v>7</v>
      </c>
      <c r="C5061" s="3">
        <f t="shared" si="159"/>
        <v>2016</v>
      </c>
      <c r="D5061" t="s">
        <v>2106</v>
      </c>
      <c r="E5061" t="s">
        <v>295</v>
      </c>
      <c r="F5061" t="s">
        <v>10</v>
      </c>
      <c r="G5061" t="s">
        <v>11</v>
      </c>
      <c r="H5061" t="s">
        <v>492</v>
      </c>
      <c r="I5061">
        <v>12.96</v>
      </c>
      <c r="J5061">
        <v>2</v>
      </c>
      <c r="K5061">
        <v>6.22</v>
      </c>
    </row>
    <row r="5062" spans="1:11" x14ac:dyDescent="0.3">
      <c r="A5062" s="1">
        <v>42558</v>
      </c>
      <c r="B5062" s="3">
        <f t="shared" si="158"/>
        <v>7</v>
      </c>
      <c r="C5062" s="3">
        <f t="shared" si="159"/>
        <v>2016</v>
      </c>
      <c r="D5062" t="s">
        <v>2106</v>
      </c>
      <c r="E5062" t="s">
        <v>295</v>
      </c>
      <c r="F5062" t="s">
        <v>10</v>
      </c>
      <c r="G5062" t="s">
        <v>23</v>
      </c>
      <c r="H5062" t="s">
        <v>1068</v>
      </c>
      <c r="I5062">
        <v>45.98</v>
      </c>
      <c r="J5062">
        <v>2</v>
      </c>
      <c r="K5062">
        <v>12.87</v>
      </c>
    </row>
    <row r="5063" spans="1:11" x14ac:dyDescent="0.3">
      <c r="A5063" s="1">
        <v>42559</v>
      </c>
      <c r="B5063" s="3">
        <f t="shared" si="158"/>
        <v>7</v>
      </c>
      <c r="C5063" s="3">
        <f t="shared" si="159"/>
        <v>2016</v>
      </c>
      <c r="D5063" t="s">
        <v>2536</v>
      </c>
      <c r="E5063" t="s">
        <v>9</v>
      </c>
      <c r="F5063" t="s">
        <v>38</v>
      </c>
      <c r="G5063" t="s">
        <v>39</v>
      </c>
      <c r="H5063" t="s">
        <v>2418</v>
      </c>
      <c r="I5063">
        <v>863.64</v>
      </c>
      <c r="J5063">
        <v>9</v>
      </c>
      <c r="K5063">
        <v>107.96</v>
      </c>
    </row>
    <row r="5064" spans="1:11" x14ac:dyDescent="0.3">
      <c r="A5064" s="1">
        <v>42559</v>
      </c>
      <c r="B5064" s="3">
        <f t="shared" si="158"/>
        <v>7</v>
      </c>
      <c r="C5064" s="3">
        <f t="shared" si="159"/>
        <v>2016</v>
      </c>
      <c r="D5064" t="s">
        <v>2536</v>
      </c>
      <c r="E5064" t="s">
        <v>9</v>
      </c>
      <c r="F5064" t="s">
        <v>10</v>
      </c>
      <c r="G5064" t="s">
        <v>23</v>
      </c>
      <c r="H5064" t="s">
        <v>259</v>
      </c>
      <c r="I5064">
        <v>47.62</v>
      </c>
      <c r="J5064">
        <v>3</v>
      </c>
      <c r="K5064">
        <v>3.57</v>
      </c>
    </row>
    <row r="5065" spans="1:11" x14ac:dyDescent="0.3">
      <c r="A5065" s="1">
        <v>42559</v>
      </c>
      <c r="B5065" s="3">
        <f t="shared" si="158"/>
        <v>7</v>
      </c>
      <c r="C5065" s="3">
        <f t="shared" si="159"/>
        <v>2016</v>
      </c>
      <c r="D5065" t="s">
        <v>1172</v>
      </c>
      <c r="E5065" t="s">
        <v>277</v>
      </c>
      <c r="F5065" t="s">
        <v>10</v>
      </c>
      <c r="G5065" t="s">
        <v>19</v>
      </c>
      <c r="H5065" t="s">
        <v>2074</v>
      </c>
      <c r="I5065">
        <v>19.97</v>
      </c>
      <c r="J5065">
        <v>2</v>
      </c>
      <c r="K5065">
        <v>-13.31</v>
      </c>
    </row>
    <row r="5066" spans="1:11" x14ac:dyDescent="0.3">
      <c r="A5066" s="1">
        <v>42559</v>
      </c>
      <c r="B5066" s="3">
        <f t="shared" si="158"/>
        <v>7</v>
      </c>
      <c r="C5066" s="3">
        <f t="shared" si="159"/>
        <v>2016</v>
      </c>
      <c r="D5066" t="s">
        <v>1172</v>
      </c>
      <c r="E5066" t="s">
        <v>277</v>
      </c>
      <c r="F5066" t="s">
        <v>10</v>
      </c>
      <c r="G5066" t="s">
        <v>17</v>
      </c>
      <c r="H5066" t="s">
        <v>926</v>
      </c>
      <c r="I5066">
        <v>33.49</v>
      </c>
      <c r="J5066">
        <v>7</v>
      </c>
      <c r="K5066">
        <v>-1.26</v>
      </c>
    </row>
    <row r="5067" spans="1:11" x14ac:dyDescent="0.3">
      <c r="A5067" s="1">
        <v>42559</v>
      </c>
      <c r="B5067" s="3">
        <f t="shared" si="158"/>
        <v>7</v>
      </c>
      <c r="C5067" s="3">
        <f t="shared" si="159"/>
        <v>2016</v>
      </c>
      <c r="D5067" t="s">
        <v>1172</v>
      </c>
      <c r="E5067" t="s">
        <v>277</v>
      </c>
      <c r="F5067" t="s">
        <v>10</v>
      </c>
      <c r="G5067" t="s">
        <v>19</v>
      </c>
      <c r="H5067" t="s">
        <v>1629</v>
      </c>
      <c r="I5067">
        <v>8.74</v>
      </c>
      <c r="J5067">
        <v>4</v>
      </c>
      <c r="K5067">
        <v>-6.12</v>
      </c>
    </row>
    <row r="5068" spans="1:11" x14ac:dyDescent="0.3">
      <c r="A5068" s="1">
        <v>42559</v>
      </c>
      <c r="B5068" s="3">
        <f t="shared" si="158"/>
        <v>7</v>
      </c>
      <c r="C5068" s="3">
        <f t="shared" si="159"/>
        <v>2016</v>
      </c>
      <c r="D5068" t="s">
        <v>1172</v>
      </c>
      <c r="E5068" t="s">
        <v>277</v>
      </c>
      <c r="F5068" t="s">
        <v>33</v>
      </c>
      <c r="G5068" t="s">
        <v>34</v>
      </c>
      <c r="H5068" t="s">
        <v>1236</v>
      </c>
      <c r="I5068">
        <v>662.88</v>
      </c>
      <c r="J5068">
        <v>3</v>
      </c>
      <c r="K5068">
        <v>74.569999999999993</v>
      </c>
    </row>
    <row r="5069" spans="1:11" x14ac:dyDescent="0.3">
      <c r="A5069" s="1">
        <v>42559</v>
      </c>
      <c r="B5069" s="3">
        <f t="shared" si="158"/>
        <v>7</v>
      </c>
      <c r="C5069" s="3">
        <f t="shared" si="159"/>
        <v>2016</v>
      </c>
      <c r="D5069" t="s">
        <v>1270</v>
      </c>
      <c r="E5069" t="s">
        <v>163</v>
      </c>
      <c r="F5069" t="s">
        <v>38</v>
      </c>
      <c r="G5069" t="s">
        <v>39</v>
      </c>
      <c r="H5069" t="s">
        <v>1706</v>
      </c>
      <c r="I5069">
        <v>107.98</v>
      </c>
      <c r="J5069">
        <v>1</v>
      </c>
      <c r="K5069">
        <v>9.4499999999999993</v>
      </c>
    </row>
    <row r="5070" spans="1:11" x14ac:dyDescent="0.3">
      <c r="A5070" s="1">
        <v>42559</v>
      </c>
      <c r="B5070" s="3">
        <f t="shared" si="158"/>
        <v>7</v>
      </c>
      <c r="C5070" s="3">
        <f t="shared" si="159"/>
        <v>2016</v>
      </c>
      <c r="D5070" t="s">
        <v>1270</v>
      </c>
      <c r="E5070" t="s">
        <v>163</v>
      </c>
      <c r="F5070" t="s">
        <v>10</v>
      </c>
      <c r="G5070" t="s">
        <v>19</v>
      </c>
      <c r="H5070" t="s">
        <v>466</v>
      </c>
      <c r="I5070">
        <v>19.3</v>
      </c>
      <c r="J5070">
        <v>3</v>
      </c>
      <c r="K5070">
        <v>6.03</v>
      </c>
    </row>
    <row r="5071" spans="1:11" x14ac:dyDescent="0.3">
      <c r="A5071" s="1">
        <v>42559</v>
      </c>
      <c r="B5071" s="3">
        <f t="shared" si="158"/>
        <v>7</v>
      </c>
      <c r="C5071" s="3">
        <f t="shared" si="159"/>
        <v>2016</v>
      </c>
      <c r="D5071" t="s">
        <v>1182</v>
      </c>
      <c r="E5071" t="s">
        <v>122</v>
      </c>
      <c r="F5071" t="s">
        <v>38</v>
      </c>
      <c r="G5071" t="s">
        <v>39</v>
      </c>
      <c r="H5071" t="s">
        <v>2560</v>
      </c>
      <c r="I5071">
        <v>823.96</v>
      </c>
      <c r="J5071">
        <v>5</v>
      </c>
      <c r="K5071">
        <v>51.5</v>
      </c>
    </row>
    <row r="5072" spans="1:11" x14ac:dyDescent="0.3">
      <c r="A5072" s="1">
        <v>42559</v>
      </c>
      <c r="B5072" s="3">
        <f t="shared" si="158"/>
        <v>7</v>
      </c>
      <c r="C5072" s="3">
        <f t="shared" si="159"/>
        <v>2016</v>
      </c>
      <c r="D5072" t="s">
        <v>1182</v>
      </c>
      <c r="E5072" t="s">
        <v>122</v>
      </c>
      <c r="F5072" t="s">
        <v>10</v>
      </c>
      <c r="G5072" t="s">
        <v>11</v>
      </c>
      <c r="H5072" t="s">
        <v>1165</v>
      </c>
      <c r="I5072">
        <v>15.98</v>
      </c>
      <c r="J5072">
        <v>2</v>
      </c>
      <c r="K5072">
        <v>5</v>
      </c>
    </row>
    <row r="5073" spans="1:11" x14ac:dyDescent="0.3">
      <c r="A5073" s="1">
        <v>42559</v>
      </c>
      <c r="B5073" s="3">
        <f t="shared" si="158"/>
        <v>7</v>
      </c>
      <c r="C5073" s="3">
        <f t="shared" si="159"/>
        <v>2016</v>
      </c>
      <c r="D5073" t="s">
        <v>1367</v>
      </c>
      <c r="E5073" t="s">
        <v>1528</v>
      </c>
      <c r="F5073" t="s">
        <v>10</v>
      </c>
      <c r="G5073" t="s">
        <v>11</v>
      </c>
      <c r="H5073" t="s">
        <v>523</v>
      </c>
      <c r="I5073">
        <v>12.96</v>
      </c>
      <c r="J5073">
        <v>2</v>
      </c>
      <c r="K5073">
        <v>6.22</v>
      </c>
    </row>
    <row r="5074" spans="1:11" x14ac:dyDescent="0.3">
      <c r="A5074" s="1">
        <v>42560</v>
      </c>
      <c r="B5074" s="3">
        <f t="shared" si="158"/>
        <v>7</v>
      </c>
      <c r="C5074" s="3">
        <f t="shared" si="159"/>
        <v>2016</v>
      </c>
      <c r="D5074" t="s">
        <v>386</v>
      </c>
      <c r="E5074" t="s">
        <v>148</v>
      </c>
      <c r="F5074" t="s">
        <v>33</v>
      </c>
      <c r="G5074" t="s">
        <v>34</v>
      </c>
      <c r="H5074" t="s">
        <v>1071</v>
      </c>
      <c r="I5074">
        <v>408.01</v>
      </c>
      <c r="J5074">
        <v>2</v>
      </c>
      <c r="K5074">
        <v>72.53</v>
      </c>
    </row>
    <row r="5075" spans="1:11" x14ac:dyDescent="0.3">
      <c r="A5075" s="1">
        <v>42560</v>
      </c>
      <c r="B5075" s="3">
        <f t="shared" si="158"/>
        <v>7</v>
      </c>
      <c r="C5075" s="3">
        <f t="shared" si="159"/>
        <v>2016</v>
      </c>
      <c r="D5075" t="s">
        <v>386</v>
      </c>
      <c r="E5075" t="s">
        <v>148</v>
      </c>
      <c r="F5075" t="s">
        <v>33</v>
      </c>
      <c r="G5075" t="s">
        <v>46</v>
      </c>
      <c r="H5075" t="s">
        <v>653</v>
      </c>
      <c r="I5075">
        <v>165.28</v>
      </c>
      <c r="J5075">
        <v>4</v>
      </c>
      <c r="K5075">
        <v>14.88</v>
      </c>
    </row>
    <row r="5076" spans="1:11" x14ac:dyDescent="0.3">
      <c r="A5076" s="1">
        <v>42561</v>
      </c>
      <c r="B5076" s="3">
        <f t="shared" si="158"/>
        <v>7</v>
      </c>
      <c r="C5076" s="3">
        <f t="shared" si="159"/>
        <v>2016</v>
      </c>
      <c r="D5076" t="s">
        <v>553</v>
      </c>
      <c r="E5076" t="s">
        <v>94</v>
      </c>
      <c r="F5076" t="s">
        <v>10</v>
      </c>
      <c r="G5076" t="s">
        <v>17</v>
      </c>
      <c r="H5076" t="s">
        <v>2218</v>
      </c>
      <c r="I5076">
        <v>16.77</v>
      </c>
      <c r="J5076">
        <v>2</v>
      </c>
      <c r="K5076">
        <v>1.47</v>
      </c>
    </row>
    <row r="5077" spans="1:11" x14ac:dyDescent="0.3">
      <c r="A5077" s="1">
        <v>42561</v>
      </c>
      <c r="B5077" s="3">
        <f t="shared" si="158"/>
        <v>7</v>
      </c>
      <c r="C5077" s="3">
        <f t="shared" si="159"/>
        <v>2016</v>
      </c>
      <c r="D5077" t="s">
        <v>1777</v>
      </c>
      <c r="E5077" t="s">
        <v>9</v>
      </c>
      <c r="F5077" t="s">
        <v>10</v>
      </c>
      <c r="G5077" t="s">
        <v>17</v>
      </c>
      <c r="H5077" t="s">
        <v>1853</v>
      </c>
      <c r="I5077">
        <v>338.04</v>
      </c>
      <c r="J5077">
        <v>3</v>
      </c>
      <c r="K5077">
        <v>-33.799999999999997</v>
      </c>
    </row>
    <row r="5078" spans="1:11" x14ac:dyDescent="0.3">
      <c r="A5078" s="1">
        <v>42561</v>
      </c>
      <c r="B5078" s="3">
        <f t="shared" si="158"/>
        <v>7</v>
      </c>
      <c r="C5078" s="3">
        <f t="shared" si="159"/>
        <v>2016</v>
      </c>
      <c r="D5078" t="s">
        <v>1777</v>
      </c>
      <c r="E5078" t="s">
        <v>9</v>
      </c>
      <c r="F5078" t="s">
        <v>10</v>
      </c>
      <c r="G5078" t="s">
        <v>23</v>
      </c>
      <c r="H5078" t="s">
        <v>758</v>
      </c>
      <c r="I5078">
        <v>154.24</v>
      </c>
      <c r="J5078">
        <v>4</v>
      </c>
      <c r="K5078">
        <v>17.350000000000001</v>
      </c>
    </row>
    <row r="5079" spans="1:11" x14ac:dyDescent="0.3">
      <c r="A5079" s="1">
        <v>42561</v>
      </c>
      <c r="B5079" s="3">
        <f t="shared" si="158"/>
        <v>7</v>
      </c>
      <c r="C5079" s="3">
        <f t="shared" si="159"/>
        <v>2016</v>
      </c>
      <c r="D5079" t="s">
        <v>1045</v>
      </c>
      <c r="E5079" t="s">
        <v>94</v>
      </c>
      <c r="F5079" t="s">
        <v>10</v>
      </c>
      <c r="G5079" t="s">
        <v>19</v>
      </c>
      <c r="H5079" t="s">
        <v>764</v>
      </c>
      <c r="I5079">
        <v>44.86</v>
      </c>
      <c r="J5079">
        <v>6</v>
      </c>
      <c r="K5079">
        <v>-35.880000000000003</v>
      </c>
    </row>
    <row r="5080" spans="1:11" x14ac:dyDescent="0.3">
      <c r="A5080" s="1">
        <v>42561</v>
      </c>
      <c r="B5080" s="3">
        <f t="shared" si="158"/>
        <v>7</v>
      </c>
      <c r="C5080" s="3">
        <f t="shared" si="159"/>
        <v>2016</v>
      </c>
      <c r="D5080" t="s">
        <v>1286</v>
      </c>
      <c r="E5080" t="s">
        <v>22</v>
      </c>
      <c r="F5080" t="s">
        <v>38</v>
      </c>
      <c r="G5080" t="s">
        <v>301</v>
      </c>
      <c r="H5080" t="s">
        <v>2561</v>
      </c>
      <c r="I5080">
        <v>341.99</v>
      </c>
      <c r="J5080">
        <v>3</v>
      </c>
      <c r="K5080">
        <v>-319.19</v>
      </c>
    </row>
    <row r="5081" spans="1:11" x14ac:dyDescent="0.3">
      <c r="A5081" s="1">
        <v>42563</v>
      </c>
      <c r="B5081" s="3">
        <f t="shared" si="158"/>
        <v>7</v>
      </c>
      <c r="C5081" s="3">
        <f t="shared" si="159"/>
        <v>2016</v>
      </c>
      <c r="D5081" t="s">
        <v>356</v>
      </c>
      <c r="E5081" t="s">
        <v>26</v>
      </c>
      <c r="F5081" t="s">
        <v>38</v>
      </c>
      <c r="G5081" t="s">
        <v>39</v>
      </c>
      <c r="H5081" t="s">
        <v>1155</v>
      </c>
      <c r="I5081">
        <v>95.76</v>
      </c>
      <c r="J5081">
        <v>6</v>
      </c>
      <c r="K5081">
        <v>7.18</v>
      </c>
    </row>
    <row r="5082" spans="1:11" x14ac:dyDescent="0.3">
      <c r="A5082" s="1">
        <v>42565</v>
      </c>
      <c r="B5082" s="3">
        <f t="shared" si="158"/>
        <v>7</v>
      </c>
      <c r="C5082" s="3">
        <f t="shared" si="159"/>
        <v>2016</v>
      </c>
      <c r="D5082" t="s">
        <v>1416</v>
      </c>
      <c r="E5082" t="s">
        <v>94</v>
      </c>
      <c r="F5082" t="s">
        <v>38</v>
      </c>
      <c r="G5082" t="s">
        <v>39</v>
      </c>
      <c r="H5082" t="s">
        <v>1894</v>
      </c>
      <c r="I5082">
        <v>380.86</v>
      </c>
      <c r="J5082">
        <v>8</v>
      </c>
      <c r="K5082">
        <v>38.090000000000003</v>
      </c>
    </row>
    <row r="5083" spans="1:11" x14ac:dyDescent="0.3">
      <c r="A5083" s="1">
        <v>42565</v>
      </c>
      <c r="B5083" s="3">
        <f t="shared" si="158"/>
        <v>7</v>
      </c>
      <c r="C5083" s="3">
        <f t="shared" si="159"/>
        <v>2016</v>
      </c>
      <c r="D5083" t="s">
        <v>2020</v>
      </c>
      <c r="E5083" t="s">
        <v>22</v>
      </c>
      <c r="F5083" t="s">
        <v>10</v>
      </c>
      <c r="G5083" t="s">
        <v>199</v>
      </c>
      <c r="H5083" t="s">
        <v>1577</v>
      </c>
      <c r="I5083">
        <v>11.63</v>
      </c>
      <c r="J5083">
        <v>2</v>
      </c>
      <c r="K5083">
        <v>1.02</v>
      </c>
    </row>
    <row r="5084" spans="1:11" x14ac:dyDescent="0.3">
      <c r="A5084" s="1">
        <v>42565</v>
      </c>
      <c r="B5084" s="3">
        <f t="shared" si="158"/>
        <v>7</v>
      </c>
      <c r="C5084" s="3">
        <f t="shared" si="159"/>
        <v>2016</v>
      </c>
      <c r="D5084" t="s">
        <v>1549</v>
      </c>
      <c r="E5084" t="s">
        <v>148</v>
      </c>
      <c r="F5084" t="s">
        <v>10</v>
      </c>
      <c r="G5084" t="s">
        <v>17</v>
      </c>
      <c r="H5084" t="s">
        <v>550</v>
      </c>
      <c r="I5084">
        <v>11.21</v>
      </c>
      <c r="J5084">
        <v>1</v>
      </c>
      <c r="K5084">
        <v>3.36</v>
      </c>
    </row>
    <row r="5085" spans="1:11" x14ac:dyDescent="0.3">
      <c r="A5085" s="1">
        <v>42565</v>
      </c>
      <c r="B5085" s="3">
        <f t="shared" si="158"/>
        <v>7</v>
      </c>
      <c r="C5085" s="3">
        <f t="shared" si="159"/>
        <v>2016</v>
      </c>
      <c r="D5085" t="s">
        <v>1549</v>
      </c>
      <c r="E5085" t="s">
        <v>148</v>
      </c>
      <c r="F5085" t="s">
        <v>10</v>
      </c>
      <c r="G5085" t="s">
        <v>19</v>
      </c>
      <c r="H5085" t="s">
        <v>969</v>
      </c>
      <c r="I5085">
        <v>9.14</v>
      </c>
      <c r="J5085">
        <v>3</v>
      </c>
      <c r="K5085">
        <v>3.2</v>
      </c>
    </row>
    <row r="5086" spans="1:11" x14ac:dyDescent="0.3">
      <c r="A5086" s="1">
        <v>42565</v>
      </c>
      <c r="B5086" s="3">
        <f t="shared" si="158"/>
        <v>7</v>
      </c>
      <c r="C5086" s="3">
        <f t="shared" si="159"/>
        <v>2016</v>
      </c>
      <c r="D5086" t="s">
        <v>1549</v>
      </c>
      <c r="E5086" t="s">
        <v>148</v>
      </c>
      <c r="F5086" t="s">
        <v>10</v>
      </c>
      <c r="G5086" t="s">
        <v>42</v>
      </c>
      <c r="H5086" t="s">
        <v>1245</v>
      </c>
      <c r="I5086">
        <v>14.07</v>
      </c>
      <c r="J5086">
        <v>7</v>
      </c>
      <c r="K5086">
        <v>6.89</v>
      </c>
    </row>
    <row r="5087" spans="1:11" x14ac:dyDescent="0.3">
      <c r="A5087" s="1">
        <v>42565</v>
      </c>
      <c r="B5087" s="3">
        <f t="shared" si="158"/>
        <v>7</v>
      </c>
      <c r="C5087" s="3">
        <f t="shared" si="159"/>
        <v>2016</v>
      </c>
      <c r="D5087" t="s">
        <v>1549</v>
      </c>
      <c r="E5087" t="s">
        <v>148</v>
      </c>
      <c r="F5087" t="s">
        <v>10</v>
      </c>
      <c r="G5087" t="s">
        <v>23</v>
      </c>
      <c r="H5087" t="s">
        <v>959</v>
      </c>
      <c r="I5087">
        <v>41.86</v>
      </c>
      <c r="J5087">
        <v>7</v>
      </c>
      <c r="K5087">
        <v>10.47</v>
      </c>
    </row>
    <row r="5088" spans="1:11" x14ac:dyDescent="0.3">
      <c r="A5088" s="1">
        <v>42565</v>
      </c>
      <c r="B5088" s="3">
        <f t="shared" si="158"/>
        <v>7</v>
      </c>
      <c r="C5088" s="3">
        <f t="shared" si="159"/>
        <v>2016</v>
      </c>
      <c r="D5088" t="s">
        <v>1549</v>
      </c>
      <c r="E5088" t="s">
        <v>148</v>
      </c>
      <c r="F5088" t="s">
        <v>10</v>
      </c>
      <c r="G5088" t="s">
        <v>19</v>
      </c>
      <c r="H5088" t="s">
        <v>202</v>
      </c>
      <c r="I5088">
        <v>8.5399999999999991</v>
      </c>
      <c r="J5088">
        <v>2</v>
      </c>
      <c r="K5088">
        <v>2.88</v>
      </c>
    </row>
    <row r="5089" spans="1:11" x14ac:dyDescent="0.3">
      <c r="A5089" s="1">
        <v>42565</v>
      </c>
      <c r="B5089" s="3">
        <f t="shared" si="158"/>
        <v>7</v>
      </c>
      <c r="C5089" s="3">
        <f t="shared" si="159"/>
        <v>2016</v>
      </c>
      <c r="D5089" t="s">
        <v>1549</v>
      </c>
      <c r="E5089" t="s">
        <v>148</v>
      </c>
      <c r="F5089" t="s">
        <v>33</v>
      </c>
      <c r="G5089" t="s">
        <v>73</v>
      </c>
      <c r="H5089" t="s">
        <v>1879</v>
      </c>
      <c r="I5089">
        <v>579.14</v>
      </c>
      <c r="J5089">
        <v>4</v>
      </c>
      <c r="K5089">
        <v>21.72</v>
      </c>
    </row>
    <row r="5090" spans="1:11" x14ac:dyDescent="0.3">
      <c r="A5090" s="1">
        <v>42565</v>
      </c>
      <c r="B5090" s="3">
        <f t="shared" si="158"/>
        <v>7</v>
      </c>
      <c r="C5090" s="3">
        <f t="shared" si="159"/>
        <v>2016</v>
      </c>
      <c r="D5090" t="s">
        <v>777</v>
      </c>
      <c r="E5090" t="s">
        <v>9</v>
      </c>
      <c r="F5090" t="s">
        <v>38</v>
      </c>
      <c r="G5090" t="s">
        <v>39</v>
      </c>
      <c r="H5090" t="s">
        <v>2562</v>
      </c>
      <c r="I5090">
        <v>419.94</v>
      </c>
      <c r="J5090">
        <v>7</v>
      </c>
      <c r="K5090">
        <v>52.49</v>
      </c>
    </row>
    <row r="5091" spans="1:11" x14ac:dyDescent="0.3">
      <c r="A5091" s="1">
        <v>42565</v>
      </c>
      <c r="B5091" s="3">
        <f t="shared" si="158"/>
        <v>7</v>
      </c>
      <c r="C5091" s="3">
        <f t="shared" si="159"/>
        <v>2016</v>
      </c>
      <c r="D5091" t="s">
        <v>2264</v>
      </c>
      <c r="E5091" t="s">
        <v>148</v>
      </c>
      <c r="F5091" t="s">
        <v>10</v>
      </c>
      <c r="G5091" t="s">
        <v>19</v>
      </c>
      <c r="H5091" t="s">
        <v>20</v>
      </c>
      <c r="I5091">
        <v>14.16</v>
      </c>
      <c r="J5091">
        <v>2</v>
      </c>
      <c r="K5091">
        <v>5.13</v>
      </c>
    </row>
    <row r="5092" spans="1:11" x14ac:dyDescent="0.3">
      <c r="A5092" s="1">
        <v>42565</v>
      </c>
      <c r="B5092" s="3">
        <f t="shared" si="158"/>
        <v>7</v>
      </c>
      <c r="C5092" s="3">
        <f t="shared" si="159"/>
        <v>2016</v>
      </c>
      <c r="D5092" t="s">
        <v>2136</v>
      </c>
      <c r="E5092" t="s">
        <v>487</v>
      </c>
      <c r="F5092" t="s">
        <v>38</v>
      </c>
      <c r="G5092" t="s">
        <v>51</v>
      </c>
      <c r="H5092" t="s">
        <v>1659</v>
      </c>
      <c r="I5092">
        <v>29</v>
      </c>
      <c r="J5092">
        <v>2</v>
      </c>
      <c r="K5092">
        <v>7.25</v>
      </c>
    </row>
    <row r="5093" spans="1:11" x14ac:dyDescent="0.3">
      <c r="A5093" s="1">
        <v>42565</v>
      </c>
      <c r="B5093" s="3">
        <f t="shared" si="158"/>
        <v>7</v>
      </c>
      <c r="C5093" s="3">
        <f t="shared" si="159"/>
        <v>2016</v>
      </c>
      <c r="D5093" t="s">
        <v>770</v>
      </c>
      <c r="E5093" t="s">
        <v>148</v>
      </c>
      <c r="F5093" t="s">
        <v>10</v>
      </c>
      <c r="G5093" t="s">
        <v>42</v>
      </c>
      <c r="H5093" t="s">
        <v>1232</v>
      </c>
      <c r="I5093">
        <v>29.61</v>
      </c>
      <c r="J5093">
        <v>9</v>
      </c>
      <c r="K5093">
        <v>13.32</v>
      </c>
    </row>
    <row r="5094" spans="1:11" x14ac:dyDescent="0.3">
      <c r="A5094" s="1">
        <v>42565</v>
      </c>
      <c r="B5094" s="3">
        <f t="shared" si="158"/>
        <v>7</v>
      </c>
      <c r="C5094" s="3">
        <f t="shared" si="159"/>
        <v>2016</v>
      </c>
      <c r="D5094" t="s">
        <v>502</v>
      </c>
      <c r="E5094" t="s">
        <v>9</v>
      </c>
      <c r="F5094" t="s">
        <v>10</v>
      </c>
      <c r="G5094" t="s">
        <v>11</v>
      </c>
      <c r="H5094" t="s">
        <v>2300</v>
      </c>
      <c r="I5094">
        <v>219.84</v>
      </c>
      <c r="J5094">
        <v>5</v>
      </c>
      <c r="K5094">
        <v>79.69</v>
      </c>
    </row>
    <row r="5095" spans="1:11" x14ac:dyDescent="0.3">
      <c r="A5095" s="1">
        <v>42565</v>
      </c>
      <c r="B5095" s="3">
        <f t="shared" si="158"/>
        <v>7</v>
      </c>
      <c r="C5095" s="3">
        <f t="shared" si="159"/>
        <v>2016</v>
      </c>
      <c r="D5095" t="s">
        <v>2563</v>
      </c>
      <c r="E5095" t="s">
        <v>29</v>
      </c>
      <c r="F5095" t="s">
        <v>10</v>
      </c>
      <c r="G5095" t="s">
        <v>19</v>
      </c>
      <c r="H5095" t="s">
        <v>2338</v>
      </c>
      <c r="I5095">
        <v>36.4</v>
      </c>
      <c r="J5095">
        <v>5</v>
      </c>
      <c r="K5095">
        <v>17.11</v>
      </c>
    </row>
    <row r="5096" spans="1:11" x14ac:dyDescent="0.3">
      <c r="A5096" s="1">
        <v>42565</v>
      </c>
      <c r="B5096" s="3">
        <f t="shared" si="158"/>
        <v>7</v>
      </c>
      <c r="C5096" s="3">
        <f t="shared" si="159"/>
        <v>2016</v>
      </c>
      <c r="D5096" t="s">
        <v>2563</v>
      </c>
      <c r="E5096" t="s">
        <v>29</v>
      </c>
      <c r="F5096" t="s">
        <v>33</v>
      </c>
      <c r="G5096" t="s">
        <v>46</v>
      </c>
      <c r="H5096" t="s">
        <v>2152</v>
      </c>
      <c r="I5096">
        <v>51.75</v>
      </c>
      <c r="J5096">
        <v>1</v>
      </c>
      <c r="K5096">
        <v>15.53</v>
      </c>
    </row>
    <row r="5097" spans="1:11" x14ac:dyDescent="0.3">
      <c r="A5097" s="1">
        <v>42565</v>
      </c>
      <c r="B5097" s="3">
        <f t="shared" si="158"/>
        <v>7</v>
      </c>
      <c r="C5097" s="3">
        <f t="shared" si="159"/>
        <v>2016</v>
      </c>
      <c r="D5097" t="s">
        <v>2473</v>
      </c>
      <c r="E5097" t="s">
        <v>26</v>
      </c>
      <c r="F5097" t="s">
        <v>38</v>
      </c>
      <c r="G5097" t="s">
        <v>39</v>
      </c>
      <c r="H5097" t="s">
        <v>862</v>
      </c>
      <c r="I5097">
        <v>110.38</v>
      </c>
      <c r="J5097">
        <v>3</v>
      </c>
      <c r="K5097">
        <v>12.42</v>
      </c>
    </row>
    <row r="5098" spans="1:11" x14ac:dyDescent="0.3">
      <c r="A5098" s="1">
        <v>42565</v>
      </c>
      <c r="B5098" s="3">
        <f t="shared" si="158"/>
        <v>7</v>
      </c>
      <c r="C5098" s="3">
        <f t="shared" si="159"/>
        <v>2016</v>
      </c>
      <c r="D5098" t="s">
        <v>2473</v>
      </c>
      <c r="E5098" t="s">
        <v>26</v>
      </c>
      <c r="F5098" t="s">
        <v>10</v>
      </c>
      <c r="G5098" t="s">
        <v>91</v>
      </c>
      <c r="H5098" t="s">
        <v>1842</v>
      </c>
      <c r="I5098">
        <v>151.62</v>
      </c>
      <c r="J5098">
        <v>7</v>
      </c>
      <c r="K5098">
        <v>50.03</v>
      </c>
    </row>
    <row r="5099" spans="1:11" x14ac:dyDescent="0.3">
      <c r="A5099" s="1">
        <v>42565</v>
      </c>
      <c r="B5099" s="3">
        <f t="shared" si="158"/>
        <v>7</v>
      </c>
      <c r="C5099" s="3">
        <f t="shared" si="159"/>
        <v>2016</v>
      </c>
      <c r="D5099" t="s">
        <v>2473</v>
      </c>
      <c r="E5099" t="s">
        <v>26</v>
      </c>
      <c r="F5099" t="s">
        <v>33</v>
      </c>
      <c r="G5099" t="s">
        <v>46</v>
      </c>
      <c r="H5099" t="s">
        <v>2235</v>
      </c>
      <c r="I5099">
        <v>30.8</v>
      </c>
      <c r="J5099">
        <v>4</v>
      </c>
      <c r="K5099">
        <v>10.16</v>
      </c>
    </row>
    <row r="5100" spans="1:11" x14ac:dyDescent="0.3">
      <c r="A5100" s="1">
        <v>42566</v>
      </c>
      <c r="B5100" s="3">
        <f t="shared" si="158"/>
        <v>7</v>
      </c>
      <c r="C5100" s="3">
        <f t="shared" si="159"/>
        <v>2016</v>
      </c>
      <c r="D5100" t="s">
        <v>1628</v>
      </c>
      <c r="E5100" t="s">
        <v>295</v>
      </c>
      <c r="F5100" t="s">
        <v>10</v>
      </c>
      <c r="G5100" t="s">
        <v>199</v>
      </c>
      <c r="H5100" t="s">
        <v>2564</v>
      </c>
      <c r="I5100">
        <v>44.4</v>
      </c>
      <c r="J5100">
        <v>5</v>
      </c>
      <c r="K5100">
        <v>12.43</v>
      </c>
    </row>
    <row r="5101" spans="1:11" x14ac:dyDescent="0.3">
      <c r="A5101" s="1">
        <v>42566</v>
      </c>
      <c r="B5101" s="3">
        <f t="shared" si="158"/>
        <v>7</v>
      </c>
      <c r="C5101" s="3">
        <f t="shared" si="159"/>
        <v>2016</v>
      </c>
      <c r="D5101" t="s">
        <v>747</v>
      </c>
      <c r="E5101" t="s">
        <v>90</v>
      </c>
      <c r="F5101" t="s">
        <v>33</v>
      </c>
      <c r="G5101" t="s">
        <v>34</v>
      </c>
      <c r="H5101" t="s">
        <v>573</v>
      </c>
      <c r="I5101">
        <v>230.28</v>
      </c>
      <c r="J5101">
        <v>3</v>
      </c>
      <c r="K5101">
        <v>23.03</v>
      </c>
    </row>
    <row r="5102" spans="1:11" x14ac:dyDescent="0.3">
      <c r="A5102" s="1">
        <v>42566</v>
      </c>
      <c r="B5102" s="3">
        <f t="shared" si="158"/>
        <v>7</v>
      </c>
      <c r="C5102" s="3">
        <f t="shared" si="159"/>
        <v>2016</v>
      </c>
      <c r="D5102" t="s">
        <v>747</v>
      </c>
      <c r="E5102" t="s">
        <v>90</v>
      </c>
      <c r="F5102" t="s">
        <v>10</v>
      </c>
      <c r="G5102" t="s">
        <v>11</v>
      </c>
      <c r="H5102" t="s">
        <v>334</v>
      </c>
      <c r="I5102">
        <v>105.52</v>
      </c>
      <c r="J5102">
        <v>5</v>
      </c>
      <c r="K5102">
        <v>34.29</v>
      </c>
    </row>
    <row r="5103" spans="1:11" x14ac:dyDescent="0.3">
      <c r="A5103" s="1">
        <v>42567</v>
      </c>
      <c r="B5103" s="3">
        <f t="shared" si="158"/>
        <v>7</v>
      </c>
      <c r="C5103" s="3">
        <f t="shared" si="159"/>
        <v>2016</v>
      </c>
      <c r="D5103" t="s">
        <v>1437</v>
      </c>
      <c r="E5103" t="s">
        <v>9</v>
      </c>
      <c r="F5103" t="s">
        <v>10</v>
      </c>
      <c r="G5103" t="s">
        <v>17</v>
      </c>
      <c r="H5103" t="s">
        <v>1610</v>
      </c>
      <c r="I5103">
        <v>37.22</v>
      </c>
      <c r="J5103">
        <v>3</v>
      </c>
      <c r="K5103">
        <v>3.72</v>
      </c>
    </row>
    <row r="5104" spans="1:11" x14ac:dyDescent="0.3">
      <c r="A5104" s="1">
        <v>42567</v>
      </c>
      <c r="B5104" s="3">
        <f t="shared" si="158"/>
        <v>7</v>
      </c>
      <c r="C5104" s="3">
        <f t="shared" si="159"/>
        <v>2016</v>
      </c>
      <c r="D5104" t="s">
        <v>1437</v>
      </c>
      <c r="E5104" t="s">
        <v>9</v>
      </c>
      <c r="F5104" t="s">
        <v>10</v>
      </c>
      <c r="G5104" t="s">
        <v>11</v>
      </c>
      <c r="H5104" t="s">
        <v>1977</v>
      </c>
      <c r="I5104">
        <v>20.02</v>
      </c>
      <c r="J5104">
        <v>3</v>
      </c>
      <c r="K5104">
        <v>6.26</v>
      </c>
    </row>
    <row r="5105" spans="1:11" x14ac:dyDescent="0.3">
      <c r="A5105" s="1">
        <v>42567</v>
      </c>
      <c r="B5105" s="3">
        <f t="shared" si="158"/>
        <v>7</v>
      </c>
      <c r="C5105" s="3">
        <f t="shared" si="159"/>
        <v>2016</v>
      </c>
      <c r="D5105" t="s">
        <v>279</v>
      </c>
      <c r="E5105" t="s">
        <v>22</v>
      </c>
      <c r="F5105" t="s">
        <v>38</v>
      </c>
      <c r="G5105" t="s">
        <v>39</v>
      </c>
      <c r="H5105" t="s">
        <v>766</v>
      </c>
      <c r="I5105">
        <v>143.97999999999999</v>
      </c>
      <c r="J5105">
        <v>3</v>
      </c>
      <c r="K5105">
        <v>-28.8</v>
      </c>
    </row>
    <row r="5106" spans="1:11" x14ac:dyDescent="0.3">
      <c r="A5106" s="1">
        <v>42567</v>
      </c>
      <c r="B5106" s="3">
        <f t="shared" si="158"/>
        <v>7</v>
      </c>
      <c r="C5106" s="3">
        <f t="shared" si="159"/>
        <v>2016</v>
      </c>
      <c r="D5106" t="s">
        <v>279</v>
      </c>
      <c r="E5106" t="s">
        <v>22</v>
      </c>
      <c r="F5106" t="s">
        <v>38</v>
      </c>
      <c r="G5106" t="s">
        <v>39</v>
      </c>
      <c r="H5106" t="s">
        <v>854</v>
      </c>
      <c r="I5106">
        <v>494.38</v>
      </c>
      <c r="J5106">
        <v>4</v>
      </c>
      <c r="K5106">
        <v>-115.35</v>
      </c>
    </row>
    <row r="5107" spans="1:11" x14ac:dyDescent="0.3">
      <c r="A5107" s="1">
        <v>42567</v>
      </c>
      <c r="B5107" s="3">
        <f t="shared" si="158"/>
        <v>7</v>
      </c>
      <c r="C5107" s="3">
        <f t="shared" si="159"/>
        <v>2016</v>
      </c>
      <c r="D5107" t="s">
        <v>279</v>
      </c>
      <c r="E5107" t="s">
        <v>22</v>
      </c>
      <c r="F5107" t="s">
        <v>10</v>
      </c>
      <c r="G5107" t="s">
        <v>199</v>
      </c>
      <c r="H5107" t="s">
        <v>1291</v>
      </c>
      <c r="I5107">
        <v>5.84</v>
      </c>
      <c r="J5107">
        <v>2</v>
      </c>
      <c r="K5107">
        <v>0.73</v>
      </c>
    </row>
    <row r="5108" spans="1:11" x14ac:dyDescent="0.3">
      <c r="A5108" s="1">
        <v>42567</v>
      </c>
      <c r="B5108" s="3">
        <f t="shared" si="158"/>
        <v>7</v>
      </c>
      <c r="C5108" s="3">
        <f t="shared" si="159"/>
        <v>2016</v>
      </c>
      <c r="D5108" t="s">
        <v>747</v>
      </c>
      <c r="E5108" t="s">
        <v>9</v>
      </c>
      <c r="F5108" t="s">
        <v>33</v>
      </c>
      <c r="G5108" t="s">
        <v>46</v>
      </c>
      <c r="H5108" t="s">
        <v>1014</v>
      </c>
      <c r="I5108">
        <v>9.5500000000000007</v>
      </c>
      <c r="J5108">
        <v>3</v>
      </c>
      <c r="K5108">
        <v>-3.82</v>
      </c>
    </row>
    <row r="5109" spans="1:11" x14ac:dyDescent="0.3">
      <c r="A5109" s="1">
        <v>42567</v>
      </c>
      <c r="B5109" s="3">
        <f t="shared" si="158"/>
        <v>7</v>
      </c>
      <c r="C5109" s="3">
        <f t="shared" si="159"/>
        <v>2016</v>
      </c>
      <c r="D5109" t="s">
        <v>386</v>
      </c>
      <c r="E5109" t="s">
        <v>69</v>
      </c>
      <c r="F5109" t="s">
        <v>10</v>
      </c>
      <c r="G5109" t="s">
        <v>62</v>
      </c>
      <c r="H5109" t="s">
        <v>395</v>
      </c>
      <c r="I5109">
        <v>10.199999999999999</v>
      </c>
      <c r="J5109">
        <v>5</v>
      </c>
      <c r="K5109">
        <v>4.79</v>
      </c>
    </row>
    <row r="5110" spans="1:11" x14ac:dyDescent="0.3">
      <c r="A5110" s="1">
        <v>42567</v>
      </c>
      <c r="B5110" s="3">
        <f t="shared" si="158"/>
        <v>7</v>
      </c>
      <c r="C5110" s="3">
        <f t="shared" si="159"/>
        <v>2016</v>
      </c>
      <c r="D5110" t="s">
        <v>386</v>
      </c>
      <c r="E5110" t="s">
        <v>69</v>
      </c>
      <c r="F5110" t="s">
        <v>10</v>
      </c>
      <c r="G5110" t="s">
        <v>23</v>
      </c>
      <c r="H5110" t="s">
        <v>383</v>
      </c>
      <c r="I5110">
        <v>22.32</v>
      </c>
      <c r="J5110">
        <v>3</v>
      </c>
      <c r="K5110">
        <v>5.58</v>
      </c>
    </row>
    <row r="5111" spans="1:11" x14ac:dyDescent="0.3">
      <c r="A5111" s="1">
        <v>42567</v>
      </c>
      <c r="B5111" s="3">
        <f t="shared" si="158"/>
        <v>7</v>
      </c>
      <c r="C5111" s="3">
        <f t="shared" si="159"/>
        <v>2016</v>
      </c>
      <c r="D5111" t="s">
        <v>386</v>
      </c>
      <c r="E5111" t="s">
        <v>69</v>
      </c>
      <c r="F5111" t="s">
        <v>10</v>
      </c>
      <c r="G5111" t="s">
        <v>19</v>
      </c>
      <c r="H5111" t="s">
        <v>188</v>
      </c>
      <c r="I5111">
        <v>24.1</v>
      </c>
      <c r="J5111">
        <v>5</v>
      </c>
      <c r="K5111">
        <v>11.09</v>
      </c>
    </row>
    <row r="5112" spans="1:11" x14ac:dyDescent="0.3">
      <c r="A5112" s="1">
        <v>42567</v>
      </c>
      <c r="B5112" s="3">
        <f t="shared" si="158"/>
        <v>7</v>
      </c>
      <c r="C5112" s="3">
        <f t="shared" si="159"/>
        <v>2016</v>
      </c>
      <c r="D5112" t="s">
        <v>386</v>
      </c>
      <c r="E5112" t="s">
        <v>69</v>
      </c>
      <c r="F5112" t="s">
        <v>38</v>
      </c>
      <c r="G5112" t="s">
        <v>51</v>
      </c>
      <c r="H5112" t="s">
        <v>1873</v>
      </c>
      <c r="I5112">
        <v>75.98</v>
      </c>
      <c r="J5112">
        <v>2</v>
      </c>
      <c r="K5112">
        <v>18.239999999999998</v>
      </c>
    </row>
    <row r="5113" spans="1:11" x14ac:dyDescent="0.3">
      <c r="A5113" s="1">
        <v>42567</v>
      </c>
      <c r="B5113" s="3">
        <f t="shared" si="158"/>
        <v>7</v>
      </c>
      <c r="C5113" s="3">
        <f t="shared" si="159"/>
        <v>2016</v>
      </c>
      <c r="D5113" t="s">
        <v>386</v>
      </c>
      <c r="E5113" t="s">
        <v>69</v>
      </c>
      <c r="F5113" t="s">
        <v>10</v>
      </c>
      <c r="G5113" t="s">
        <v>19</v>
      </c>
      <c r="H5113" t="s">
        <v>521</v>
      </c>
      <c r="I5113">
        <v>6.46</v>
      </c>
      <c r="J5113">
        <v>2</v>
      </c>
      <c r="K5113">
        <v>3.17</v>
      </c>
    </row>
    <row r="5114" spans="1:11" x14ac:dyDescent="0.3">
      <c r="A5114" s="1">
        <v>42567</v>
      </c>
      <c r="B5114" s="3">
        <f t="shared" si="158"/>
        <v>7</v>
      </c>
      <c r="C5114" s="3">
        <f t="shared" si="159"/>
        <v>2016</v>
      </c>
      <c r="D5114" t="s">
        <v>386</v>
      </c>
      <c r="E5114" t="s">
        <v>69</v>
      </c>
      <c r="F5114" t="s">
        <v>10</v>
      </c>
      <c r="G5114" t="s">
        <v>11</v>
      </c>
      <c r="H5114" t="s">
        <v>2565</v>
      </c>
      <c r="I5114">
        <v>60.12</v>
      </c>
      <c r="J5114">
        <v>9</v>
      </c>
      <c r="K5114">
        <v>28.86</v>
      </c>
    </row>
    <row r="5115" spans="1:11" x14ac:dyDescent="0.3">
      <c r="A5115" s="1">
        <v>42568</v>
      </c>
      <c r="B5115" s="3">
        <f t="shared" si="158"/>
        <v>7</v>
      </c>
      <c r="C5115" s="3">
        <f t="shared" si="159"/>
        <v>2016</v>
      </c>
      <c r="D5115" t="s">
        <v>497</v>
      </c>
      <c r="E5115" t="s">
        <v>26</v>
      </c>
      <c r="F5115" t="s">
        <v>10</v>
      </c>
      <c r="G5115" t="s">
        <v>17</v>
      </c>
      <c r="H5115" t="s">
        <v>1481</v>
      </c>
      <c r="I5115">
        <v>77.88</v>
      </c>
      <c r="J5115">
        <v>2</v>
      </c>
      <c r="K5115">
        <v>3.89</v>
      </c>
    </row>
    <row r="5116" spans="1:11" x14ac:dyDescent="0.3">
      <c r="A5116" s="1">
        <v>42568</v>
      </c>
      <c r="B5116" s="3">
        <f t="shared" si="158"/>
        <v>7</v>
      </c>
      <c r="C5116" s="3">
        <f t="shared" si="159"/>
        <v>2016</v>
      </c>
      <c r="D5116" t="s">
        <v>688</v>
      </c>
      <c r="E5116" t="s">
        <v>176</v>
      </c>
      <c r="F5116" t="s">
        <v>10</v>
      </c>
      <c r="G5116" t="s">
        <v>91</v>
      </c>
      <c r="H5116" t="s">
        <v>2006</v>
      </c>
      <c r="I5116">
        <v>162.63999999999999</v>
      </c>
      <c r="J5116">
        <v>2</v>
      </c>
      <c r="K5116">
        <v>45.54</v>
      </c>
    </row>
    <row r="5117" spans="1:11" x14ac:dyDescent="0.3">
      <c r="A5117" s="1">
        <v>42568</v>
      </c>
      <c r="B5117" s="3">
        <f t="shared" si="158"/>
        <v>7</v>
      </c>
      <c r="C5117" s="3">
        <f t="shared" si="159"/>
        <v>2016</v>
      </c>
      <c r="D5117" t="s">
        <v>688</v>
      </c>
      <c r="E5117" t="s">
        <v>176</v>
      </c>
      <c r="F5117" t="s">
        <v>38</v>
      </c>
      <c r="G5117" t="s">
        <v>39</v>
      </c>
      <c r="H5117" t="s">
        <v>1418</v>
      </c>
      <c r="I5117">
        <v>597</v>
      </c>
      <c r="J5117">
        <v>3</v>
      </c>
      <c r="K5117">
        <v>280.58999999999997</v>
      </c>
    </row>
    <row r="5118" spans="1:11" x14ac:dyDescent="0.3">
      <c r="A5118" s="1">
        <v>42568</v>
      </c>
      <c r="B5118" s="3">
        <f t="shared" si="158"/>
        <v>7</v>
      </c>
      <c r="C5118" s="3">
        <f t="shared" si="159"/>
        <v>2016</v>
      </c>
      <c r="D5118" t="s">
        <v>688</v>
      </c>
      <c r="E5118" t="s">
        <v>176</v>
      </c>
      <c r="F5118" t="s">
        <v>10</v>
      </c>
      <c r="G5118" t="s">
        <v>11</v>
      </c>
      <c r="H5118" t="s">
        <v>456</v>
      </c>
      <c r="I5118">
        <v>55.48</v>
      </c>
      <c r="J5118">
        <v>1</v>
      </c>
      <c r="K5118">
        <v>26.63</v>
      </c>
    </row>
    <row r="5119" spans="1:11" x14ac:dyDescent="0.3">
      <c r="A5119" s="1">
        <v>42568</v>
      </c>
      <c r="B5119" s="3">
        <f t="shared" si="158"/>
        <v>7</v>
      </c>
      <c r="C5119" s="3">
        <f t="shared" si="159"/>
        <v>2016</v>
      </c>
      <c r="D5119" t="s">
        <v>611</v>
      </c>
      <c r="E5119" t="s">
        <v>185</v>
      </c>
      <c r="F5119" t="s">
        <v>10</v>
      </c>
      <c r="G5119" t="s">
        <v>11</v>
      </c>
      <c r="H5119" t="s">
        <v>717</v>
      </c>
      <c r="I5119">
        <v>21.93</v>
      </c>
      <c r="J5119">
        <v>3</v>
      </c>
      <c r="K5119">
        <v>10.09</v>
      </c>
    </row>
    <row r="5120" spans="1:11" x14ac:dyDescent="0.3">
      <c r="A5120" s="1">
        <v>42568</v>
      </c>
      <c r="B5120" s="3">
        <f t="shared" si="158"/>
        <v>7</v>
      </c>
      <c r="C5120" s="3">
        <f t="shared" si="159"/>
        <v>2016</v>
      </c>
      <c r="D5120" t="s">
        <v>611</v>
      </c>
      <c r="E5120" t="s">
        <v>185</v>
      </c>
      <c r="F5120" t="s">
        <v>10</v>
      </c>
      <c r="G5120" t="s">
        <v>17</v>
      </c>
      <c r="H5120" t="s">
        <v>266</v>
      </c>
      <c r="I5120">
        <v>242.94</v>
      </c>
      <c r="J5120">
        <v>3</v>
      </c>
      <c r="K5120">
        <v>4.8600000000000003</v>
      </c>
    </row>
    <row r="5121" spans="1:11" x14ac:dyDescent="0.3">
      <c r="A5121" s="1">
        <v>42568</v>
      </c>
      <c r="B5121" s="3">
        <f t="shared" si="158"/>
        <v>7</v>
      </c>
      <c r="C5121" s="3">
        <f t="shared" si="159"/>
        <v>2016</v>
      </c>
      <c r="D5121" t="s">
        <v>611</v>
      </c>
      <c r="E5121" t="s">
        <v>185</v>
      </c>
      <c r="F5121" t="s">
        <v>10</v>
      </c>
      <c r="G5121" t="s">
        <v>11</v>
      </c>
      <c r="H5121" t="s">
        <v>2450</v>
      </c>
      <c r="I5121">
        <v>7.64</v>
      </c>
      <c r="J5121">
        <v>1</v>
      </c>
      <c r="K5121">
        <v>3.74</v>
      </c>
    </row>
    <row r="5122" spans="1:11" x14ac:dyDescent="0.3">
      <c r="A5122" s="1">
        <v>42568</v>
      </c>
      <c r="B5122" s="3">
        <f t="shared" ref="B5122:B5185" si="160">MONTH(A:A)</f>
        <v>7</v>
      </c>
      <c r="C5122" s="3">
        <f t="shared" ref="C5122:C5185" si="161">YEAR(A:A)</f>
        <v>2016</v>
      </c>
      <c r="D5122" t="s">
        <v>611</v>
      </c>
      <c r="E5122" t="s">
        <v>185</v>
      </c>
      <c r="F5122" t="s">
        <v>10</v>
      </c>
      <c r="G5122" t="s">
        <v>11</v>
      </c>
      <c r="H5122" t="s">
        <v>1158</v>
      </c>
      <c r="I5122">
        <v>51.84</v>
      </c>
      <c r="J5122">
        <v>8</v>
      </c>
      <c r="K5122">
        <v>25.4</v>
      </c>
    </row>
    <row r="5123" spans="1:11" x14ac:dyDescent="0.3">
      <c r="A5123" s="1">
        <v>42568</v>
      </c>
      <c r="B5123" s="3">
        <f t="shared" si="160"/>
        <v>7</v>
      </c>
      <c r="C5123" s="3">
        <f t="shared" si="161"/>
        <v>2016</v>
      </c>
      <c r="D5123" t="s">
        <v>611</v>
      </c>
      <c r="E5123" t="s">
        <v>185</v>
      </c>
      <c r="F5123" t="s">
        <v>10</v>
      </c>
      <c r="G5123" t="s">
        <v>17</v>
      </c>
      <c r="H5123" t="s">
        <v>72</v>
      </c>
      <c r="I5123">
        <v>265.17</v>
      </c>
      <c r="J5123">
        <v>1</v>
      </c>
      <c r="K5123">
        <v>47.73</v>
      </c>
    </row>
    <row r="5124" spans="1:11" x14ac:dyDescent="0.3">
      <c r="A5124" s="1">
        <v>42568</v>
      </c>
      <c r="B5124" s="3">
        <f t="shared" si="160"/>
        <v>7</v>
      </c>
      <c r="C5124" s="3">
        <f t="shared" si="161"/>
        <v>2016</v>
      </c>
      <c r="D5124" t="s">
        <v>1220</v>
      </c>
      <c r="E5124" t="s">
        <v>163</v>
      </c>
      <c r="F5124" t="s">
        <v>33</v>
      </c>
      <c r="G5124" t="s">
        <v>46</v>
      </c>
      <c r="H5124" t="s">
        <v>136</v>
      </c>
      <c r="I5124">
        <v>12.42</v>
      </c>
      <c r="J5124">
        <v>3</v>
      </c>
      <c r="K5124">
        <v>4.47</v>
      </c>
    </row>
    <row r="5125" spans="1:11" x14ac:dyDescent="0.3">
      <c r="A5125" s="1">
        <v>42568</v>
      </c>
      <c r="B5125" s="3">
        <f t="shared" si="160"/>
        <v>7</v>
      </c>
      <c r="C5125" s="3">
        <f t="shared" si="161"/>
        <v>2016</v>
      </c>
      <c r="D5125" t="s">
        <v>1220</v>
      </c>
      <c r="E5125" t="s">
        <v>163</v>
      </c>
      <c r="F5125" t="s">
        <v>38</v>
      </c>
      <c r="G5125" t="s">
        <v>51</v>
      </c>
      <c r="H5125" t="s">
        <v>2566</v>
      </c>
      <c r="I5125">
        <v>428.4</v>
      </c>
      <c r="J5125">
        <v>3</v>
      </c>
      <c r="K5125">
        <v>89.96</v>
      </c>
    </row>
    <row r="5126" spans="1:11" x14ac:dyDescent="0.3">
      <c r="A5126" s="1">
        <v>42568</v>
      </c>
      <c r="B5126" s="3">
        <f t="shared" si="160"/>
        <v>7</v>
      </c>
      <c r="C5126" s="3">
        <f t="shared" si="161"/>
        <v>2016</v>
      </c>
      <c r="D5126" t="s">
        <v>1220</v>
      </c>
      <c r="E5126" t="s">
        <v>163</v>
      </c>
      <c r="F5126" t="s">
        <v>33</v>
      </c>
      <c r="G5126" t="s">
        <v>46</v>
      </c>
      <c r="H5126" t="s">
        <v>2567</v>
      </c>
      <c r="I5126">
        <v>24.75</v>
      </c>
      <c r="J5126">
        <v>5</v>
      </c>
      <c r="K5126">
        <v>10.89</v>
      </c>
    </row>
    <row r="5127" spans="1:11" x14ac:dyDescent="0.3">
      <c r="A5127" s="1">
        <v>42568</v>
      </c>
      <c r="B5127" s="3">
        <f t="shared" si="160"/>
        <v>7</v>
      </c>
      <c r="C5127" s="3">
        <f t="shared" si="161"/>
        <v>2016</v>
      </c>
      <c r="D5127" t="s">
        <v>1220</v>
      </c>
      <c r="E5127" t="s">
        <v>163</v>
      </c>
      <c r="F5127" t="s">
        <v>10</v>
      </c>
      <c r="G5127" t="s">
        <v>15</v>
      </c>
      <c r="H5127" t="s">
        <v>88</v>
      </c>
      <c r="I5127">
        <v>87.71</v>
      </c>
      <c r="J5127">
        <v>7</v>
      </c>
      <c r="K5127">
        <v>41.22</v>
      </c>
    </row>
    <row r="5128" spans="1:11" x14ac:dyDescent="0.3">
      <c r="A5128" s="1">
        <v>42568</v>
      </c>
      <c r="B5128" s="3">
        <f t="shared" si="160"/>
        <v>7</v>
      </c>
      <c r="C5128" s="3">
        <f t="shared" si="161"/>
        <v>2016</v>
      </c>
      <c r="D5128" t="s">
        <v>1220</v>
      </c>
      <c r="E5128" t="s">
        <v>163</v>
      </c>
      <c r="F5128" t="s">
        <v>10</v>
      </c>
      <c r="G5128" t="s">
        <v>17</v>
      </c>
      <c r="H5128" t="s">
        <v>2337</v>
      </c>
      <c r="I5128">
        <v>69.52</v>
      </c>
      <c r="J5128">
        <v>2</v>
      </c>
      <c r="K5128">
        <v>17.38</v>
      </c>
    </row>
    <row r="5129" spans="1:11" x14ac:dyDescent="0.3">
      <c r="A5129" s="1">
        <v>42568</v>
      </c>
      <c r="B5129" s="3">
        <f t="shared" si="160"/>
        <v>7</v>
      </c>
      <c r="C5129" s="3">
        <f t="shared" si="161"/>
        <v>2016</v>
      </c>
      <c r="D5129" t="s">
        <v>1220</v>
      </c>
      <c r="E5129" t="s">
        <v>163</v>
      </c>
      <c r="F5129" t="s">
        <v>38</v>
      </c>
      <c r="G5129" t="s">
        <v>39</v>
      </c>
      <c r="H5129" t="s">
        <v>2429</v>
      </c>
      <c r="I5129">
        <v>20.78</v>
      </c>
      <c r="J5129">
        <v>2</v>
      </c>
      <c r="K5129">
        <v>-4.68</v>
      </c>
    </row>
    <row r="5130" spans="1:11" x14ac:dyDescent="0.3">
      <c r="A5130" s="1">
        <v>42568</v>
      </c>
      <c r="B5130" s="3">
        <f t="shared" si="160"/>
        <v>7</v>
      </c>
      <c r="C5130" s="3">
        <f t="shared" si="161"/>
        <v>2016</v>
      </c>
      <c r="D5130" t="s">
        <v>1220</v>
      </c>
      <c r="E5130" t="s">
        <v>163</v>
      </c>
      <c r="F5130" t="s">
        <v>10</v>
      </c>
      <c r="G5130" t="s">
        <v>19</v>
      </c>
      <c r="H5130" t="s">
        <v>431</v>
      </c>
      <c r="I5130">
        <v>12.82</v>
      </c>
      <c r="J5130">
        <v>3</v>
      </c>
      <c r="K5130">
        <v>4.17</v>
      </c>
    </row>
    <row r="5131" spans="1:11" x14ac:dyDescent="0.3">
      <c r="A5131" s="1">
        <v>42568</v>
      </c>
      <c r="B5131" s="3">
        <f t="shared" si="160"/>
        <v>7</v>
      </c>
      <c r="C5131" s="3">
        <f t="shared" si="161"/>
        <v>2016</v>
      </c>
      <c r="D5131" t="s">
        <v>1195</v>
      </c>
      <c r="E5131" t="s">
        <v>148</v>
      </c>
      <c r="F5131" t="s">
        <v>10</v>
      </c>
      <c r="G5131" t="s">
        <v>91</v>
      </c>
      <c r="H5131" t="s">
        <v>800</v>
      </c>
      <c r="I5131">
        <v>45.96</v>
      </c>
      <c r="J5131">
        <v>2</v>
      </c>
      <c r="K5131">
        <v>13.79</v>
      </c>
    </row>
    <row r="5132" spans="1:11" x14ac:dyDescent="0.3">
      <c r="A5132" s="1">
        <v>42569</v>
      </c>
      <c r="B5132" s="3">
        <f t="shared" si="160"/>
        <v>7</v>
      </c>
      <c r="C5132" s="3">
        <f t="shared" si="161"/>
        <v>2016</v>
      </c>
      <c r="D5132" t="s">
        <v>2041</v>
      </c>
      <c r="E5132" t="s">
        <v>277</v>
      </c>
      <c r="F5132" t="s">
        <v>33</v>
      </c>
      <c r="G5132" t="s">
        <v>34</v>
      </c>
      <c r="H5132" t="s">
        <v>1071</v>
      </c>
      <c r="I5132">
        <v>544.01</v>
      </c>
      <c r="J5132">
        <v>3</v>
      </c>
      <c r="K5132">
        <v>40.799999999999997</v>
      </c>
    </row>
    <row r="5133" spans="1:11" x14ac:dyDescent="0.3">
      <c r="A5133" s="1">
        <v>42569</v>
      </c>
      <c r="B5133" s="3">
        <f t="shared" si="160"/>
        <v>7</v>
      </c>
      <c r="C5133" s="3">
        <f t="shared" si="161"/>
        <v>2016</v>
      </c>
      <c r="D5133" t="s">
        <v>2041</v>
      </c>
      <c r="E5133" t="s">
        <v>277</v>
      </c>
      <c r="F5133" t="s">
        <v>10</v>
      </c>
      <c r="G5133" t="s">
        <v>19</v>
      </c>
      <c r="H5133" t="s">
        <v>2266</v>
      </c>
      <c r="I5133">
        <v>1.87</v>
      </c>
      <c r="J5133">
        <v>3</v>
      </c>
      <c r="K5133">
        <v>-1.44</v>
      </c>
    </row>
    <row r="5134" spans="1:11" x14ac:dyDescent="0.3">
      <c r="A5134" s="1">
        <v>42569</v>
      </c>
      <c r="B5134" s="3">
        <f t="shared" si="160"/>
        <v>7</v>
      </c>
      <c r="C5134" s="3">
        <f t="shared" si="161"/>
        <v>2016</v>
      </c>
      <c r="D5134" t="s">
        <v>2041</v>
      </c>
      <c r="E5134" t="s">
        <v>277</v>
      </c>
      <c r="F5134" t="s">
        <v>33</v>
      </c>
      <c r="G5134" t="s">
        <v>34</v>
      </c>
      <c r="H5134" t="s">
        <v>105</v>
      </c>
      <c r="I5134">
        <v>854.35</v>
      </c>
      <c r="J5134">
        <v>3</v>
      </c>
      <c r="K5134">
        <v>10.68</v>
      </c>
    </row>
    <row r="5135" spans="1:11" x14ac:dyDescent="0.3">
      <c r="A5135" s="1">
        <v>42569</v>
      </c>
      <c r="B5135" s="3">
        <f t="shared" si="160"/>
        <v>7</v>
      </c>
      <c r="C5135" s="3">
        <f t="shared" si="161"/>
        <v>2016</v>
      </c>
      <c r="D5135" t="s">
        <v>2041</v>
      </c>
      <c r="E5135" t="s">
        <v>277</v>
      </c>
      <c r="F5135" t="s">
        <v>10</v>
      </c>
      <c r="G5135" t="s">
        <v>17</v>
      </c>
      <c r="H5135" t="s">
        <v>2568</v>
      </c>
      <c r="I5135">
        <v>593.57000000000005</v>
      </c>
      <c r="J5135">
        <v>2</v>
      </c>
      <c r="K5135">
        <v>0</v>
      </c>
    </row>
    <row r="5136" spans="1:11" x14ac:dyDescent="0.3">
      <c r="A5136" s="1">
        <v>42569</v>
      </c>
      <c r="B5136" s="3">
        <f t="shared" si="160"/>
        <v>7</v>
      </c>
      <c r="C5136" s="3">
        <f t="shared" si="161"/>
        <v>2016</v>
      </c>
      <c r="D5136" t="s">
        <v>2041</v>
      </c>
      <c r="E5136" t="s">
        <v>277</v>
      </c>
      <c r="F5136" t="s">
        <v>10</v>
      </c>
      <c r="G5136" t="s">
        <v>17</v>
      </c>
      <c r="H5136" t="s">
        <v>1853</v>
      </c>
      <c r="I5136">
        <v>338.04</v>
      </c>
      <c r="J5136">
        <v>3</v>
      </c>
      <c r="K5136">
        <v>-33.799999999999997</v>
      </c>
    </row>
    <row r="5137" spans="1:11" x14ac:dyDescent="0.3">
      <c r="A5137" s="1">
        <v>42569</v>
      </c>
      <c r="B5137" s="3">
        <f t="shared" si="160"/>
        <v>7</v>
      </c>
      <c r="C5137" s="3">
        <f t="shared" si="161"/>
        <v>2016</v>
      </c>
      <c r="D5137" t="s">
        <v>432</v>
      </c>
      <c r="E5137" t="s">
        <v>32</v>
      </c>
      <c r="F5137" t="s">
        <v>33</v>
      </c>
      <c r="G5137" t="s">
        <v>34</v>
      </c>
      <c r="H5137" t="s">
        <v>722</v>
      </c>
      <c r="I5137">
        <v>140.81</v>
      </c>
      <c r="J5137">
        <v>1</v>
      </c>
      <c r="K5137">
        <v>39.43</v>
      </c>
    </row>
    <row r="5138" spans="1:11" x14ac:dyDescent="0.3">
      <c r="A5138" s="1">
        <v>42569</v>
      </c>
      <c r="B5138" s="3">
        <f t="shared" si="160"/>
        <v>7</v>
      </c>
      <c r="C5138" s="3">
        <f t="shared" si="161"/>
        <v>2016</v>
      </c>
      <c r="D5138" t="s">
        <v>1160</v>
      </c>
      <c r="E5138" t="s">
        <v>94</v>
      </c>
      <c r="F5138" t="s">
        <v>10</v>
      </c>
      <c r="G5138" t="s">
        <v>199</v>
      </c>
      <c r="H5138" t="s">
        <v>2250</v>
      </c>
      <c r="I5138">
        <v>33.799999999999997</v>
      </c>
      <c r="J5138">
        <v>5</v>
      </c>
      <c r="K5138">
        <v>4.2300000000000004</v>
      </c>
    </row>
    <row r="5139" spans="1:11" x14ac:dyDescent="0.3">
      <c r="A5139" s="1">
        <v>42569</v>
      </c>
      <c r="B5139" s="3">
        <f t="shared" si="160"/>
        <v>7</v>
      </c>
      <c r="C5139" s="3">
        <f t="shared" si="161"/>
        <v>2016</v>
      </c>
      <c r="D5139" t="s">
        <v>2465</v>
      </c>
      <c r="E5139" t="s">
        <v>9</v>
      </c>
      <c r="F5139" t="s">
        <v>38</v>
      </c>
      <c r="G5139" t="s">
        <v>51</v>
      </c>
      <c r="H5139" t="s">
        <v>1893</v>
      </c>
      <c r="I5139">
        <v>15.58</v>
      </c>
      <c r="J5139">
        <v>3</v>
      </c>
      <c r="K5139">
        <v>3.31</v>
      </c>
    </row>
    <row r="5140" spans="1:11" x14ac:dyDescent="0.3">
      <c r="A5140" s="1">
        <v>42569</v>
      </c>
      <c r="B5140" s="3">
        <f t="shared" si="160"/>
        <v>7</v>
      </c>
      <c r="C5140" s="3">
        <f t="shared" si="161"/>
        <v>2016</v>
      </c>
      <c r="D5140" t="s">
        <v>1925</v>
      </c>
      <c r="E5140" t="s">
        <v>94</v>
      </c>
      <c r="F5140" t="s">
        <v>38</v>
      </c>
      <c r="G5140" t="s">
        <v>39</v>
      </c>
      <c r="H5140" t="s">
        <v>2569</v>
      </c>
      <c r="I5140">
        <v>55.99</v>
      </c>
      <c r="J5140">
        <v>1</v>
      </c>
      <c r="K5140">
        <v>3.5</v>
      </c>
    </row>
    <row r="5141" spans="1:11" x14ac:dyDescent="0.3">
      <c r="A5141" s="1">
        <v>42569</v>
      </c>
      <c r="B5141" s="3">
        <f t="shared" si="160"/>
        <v>7</v>
      </c>
      <c r="C5141" s="3">
        <f t="shared" si="161"/>
        <v>2016</v>
      </c>
      <c r="D5141" t="s">
        <v>2082</v>
      </c>
      <c r="E5141" t="s">
        <v>22</v>
      </c>
      <c r="F5141" t="s">
        <v>10</v>
      </c>
      <c r="G5141" t="s">
        <v>23</v>
      </c>
      <c r="H5141" t="s">
        <v>2389</v>
      </c>
      <c r="I5141">
        <v>11.26</v>
      </c>
      <c r="J5141">
        <v>8</v>
      </c>
      <c r="K5141">
        <v>1.27</v>
      </c>
    </row>
    <row r="5142" spans="1:11" x14ac:dyDescent="0.3">
      <c r="A5142" s="1">
        <v>42569</v>
      </c>
      <c r="B5142" s="3">
        <f t="shared" si="160"/>
        <v>7</v>
      </c>
      <c r="C5142" s="3">
        <f t="shared" si="161"/>
        <v>2016</v>
      </c>
      <c r="D5142" t="s">
        <v>2082</v>
      </c>
      <c r="E5142" t="s">
        <v>22</v>
      </c>
      <c r="F5142" t="s">
        <v>10</v>
      </c>
      <c r="G5142" t="s">
        <v>17</v>
      </c>
      <c r="H5142" t="s">
        <v>2004</v>
      </c>
      <c r="I5142">
        <v>284.08</v>
      </c>
      <c r="J5142">
        <v>10</v>
      </c>
      <c r="K5142">
        <v>24.86</v>
      </c>
    </row>
    <row r="5143" spans="1:11" x14ac:dyDescent="0.3">
      <c r="A5143" s="1">
        <v>42569</v>
      </c>
      <c r="B5143" s="3">
        <f t="shared" si="160"/>
        <v>7</v>
      </c>
      <c r="C5143" s="3">
        <f t="shared" si="161"/>
        <v>2016</v>
      </c>
      <c r="D5143" t="s">
        <v>2082</v>
      </c>
      <c r="E5143" t="s">
        <v>22</v>
      </c>
      <c r="F5143" t="s">
        <v>10</v>
      </c>
      <c r="G5143" t="s">
        <v>11</v>
      </c>
      <c r="H5143" t="s">
        <v>2294</v>
      </c>
      <c r="I5143">
        <v>18.5</v>
      </c>
      <c r="J5143">
        <v>4</v>
      </c>
      <c r="K5143">
        <v>6.7</v>
      </c>
    </row>
    <row r="5144" spans="1:11" x14ac:dyDescent="0.3">
      <c r="A5144" s="1">
        <v>42570</v>
      </c>
      <c r="B5144" s="3">
        <f t="shared" si="160"/>
        <v>7</v>
      </c>
      <c r="C5144" s="3">
        <f t="shared" si="161"/>
        <v>2016</v>
      </c>
      <c r="D5144" t="s">
        <v>224</v>
      </c>
      <c r="E5144" t="s">
        <v>328</v>
      </c>
      <c r="F5144" t="s">
        <v>33</v>
      </c>
      <c r="G5144" t="s">
        <v>46</v>
      </c>
      <c r="H5144" t="s">
        <v>2104</v>
      </c>
      <c r="I5144">
        <v>185.58</v>
      </c>
      <c r="J5144">
        <v>6</v>
      </c>
      <c r="K5144">
        <v>76.09</v>
      </c>
    </row>
    <row r="5145" spans="1:11" x14ac:dyDescent="0.3">
      <c r="A5145" s="1">
        <v>42570</v>
      </c>
      <c r="B5145" s="3">
        <f t="shared" si="160"/>
        <v>7</v>
      </c>
      <c r="C5145" s="3">
        <f t="shared" si="161"/>
        <v>2016</v>
      </c>
      <c r="D5145" t="s">
        <v>224</v>
      </c>
      <c r="E5145" t="s">
        <v>328</v>
      </c>
      <c r="F5145" t="s">
        <v>10</v>
      </c>
      <c r="G5145" t="s">
        <v>19</v>
      </c>
      <c r="H5145" t="s">
        <v>299</v>
      </c>
      <c r="I5145">
        <v>77.56</v>
      </c>
      <c r="J5145">
        <v>2</v>
      </c>
      <c r="K5145">
        <v>35.68</v>
      </c>
    </row>
    <row r="5146" spans="1:11" x14ac:dyDescent="0.3">
      <c r="A5146" s="1">
        <v>42570</v>
      </c>
      <c r="B5146" s="3">
        <f t="shared" si="160"/>
        <v>7</v>
      </c>
      <c r="C5146" s="3">
        <f t="shared" si="161"/>
        <v>2016</v>
      </c>
      <c r="D5146" t="s">
        <v>224</v>
      </c>
      <c r="E5146" t="s">
        <v>328</v>
      </c>
      <c r="F5146" t="s">
        <v>10</v>
      </c>
      <c r="G5146" t="s">
        <v>17</v>
      </c>
      <c r="H5146" t="s">
        <v>1755</v>
      </c>
      <c r="I5146">
        <v>87.92</v>
      </c>
      <c r="J5146">
        <v>4</v>
      </c>
      <c r="K5146">
        <v>0.88</v>
      </c>
    </row>
    <row r="5147" spans="1:11" x14ac:dyDescent="0.3">
      <c r="A5147" s="1">
        <v>42570</v>
      </c>
      <c r="B5147" s="3">
        <f t="shared" si="160"/>
        <v>7</v>
      </c>
      <c r="C5147" s="3">
        <f t="shared" si="161"/>
        <v>2016</v>
      </c>
      <c r="D5147" t="s">
        <v>224</v>
      </c>
      <c r="E5147" t="s">
        <v>328</v>
      </c>
      <c r="F5147" t="s">
        <v>10</v>
      </c>
      <c r="G5147" t="s">
        <v>11</v>
      </c>
      <c r="H5147" t="s">
        <v>1600</v>
      </c>
      <c r="I5147">
        <v>245.94</v>
      </c>
      <c r="J5147">
        <v>6</v>
      </c>
      <c r="K5147">
        <v>120.51</v>
      </c>
    </row>
    <row r="5148" spans="1:11" x14ac:dyDescent="0.3">
      <c r="A5148" s="1">
        <v>42570</v>
      </c>
      <c r="B5148" s="3">
        <f t="shared" si="160"/>
        <v>7</v>
      </c>
      <c r="C5148" s="3">
        <f t="shared" si="161"/>
        <v>2016</v>
      </c>
      <c r="D5148" t="s">
        <v>224</v>
      </c>
      <c r="E5148" t="s">
        <v>328</v>
      </c>
      <c r="F5148" t="s">
        <v>10</v>
      </c>
      <c r="G5148" t="s">
        <v>19</v>
      </c>
      <c r="H5148" t="s">
        <v>2291</v>
      </c>
      <c r="I5148">
        <v>8.6</v>
      </c>
      <c r="J5148">
        <v>1</v>
      </c>
      <c r="K5148">
        <v>4.04</v>
      </c>
    </row>
    <row r="5149" spans="1:11" x14ac:dyDescent="0.3">
      <c r="A5149" s="1">
        <v>42570</v>
      </c>
      <c r="B5149" s="3">
        <f t="shared" si="160"/>
        <v>7</v>
      </c>
      <c r="C5149" s="3">
        <f t="shared" si="161"/>
        <v>2016</v>
      </c>
      <c r="D5149" t="s">
        <v>224</v>
      </c>
      <c r="E5149" t="s">
        <v>328</v>
      </c>
      <c r="F5149" t="s">
        <v>33</v>
      </c>
      <c r="G5149" t="s">
        <v>73</v>
      </c>
      <c r="H5149" t="s">
        <v>1653</v>
      </c>
      <c r="I5149">
        <v>504.9</v>
      </c>
      <c r="J5149">
        <v>5</v>
      </c>
      <c r="K5149">
        <v>126.23</v>
      </c>
    </row>
    <row r="5150" spans="1:11" x14ac:dyDescent="0.3">
      <c r="A5150" s="1">
        <v>42570</v>
      </c>
      <c r="B5150" s="3">
        <f t="shared" si="160"/>
        <v>7</v>
      </c>
      <c r="C5150" s="3">
        <f t="shared" si="161"/>
        <v>2016</v>
      </c>
      <c r="D5150" t="s">
        <v>1556</v>
      </c>
      <c r="E5150" t="s">
        <v>26</v>
      </c>
      <c r="F5150" t="s">
        <v>38</v>
      </c>
      <c r="G5150" t="s">
        <v>39</v>
      </c>
      <c r="H5150" t="s">
        <v>953</v>
      </c>
      <c r="I5150">
        <v>35.979999999999997</v>
      </c>
      <c r="J5150">
        <v>2</v>
      </c>
      <c r="K5150">
        <v>4.5</v>
      </c>
    </row>
    <row r="5151" spans="1:11" x14ac:dyDescent="0.3">
      <c r="A5151" s="1">
        <v>42570</v>
      </c>
      <c r="B5151" s="3">
        <f t="shared" si="160"/>
        <v>7</v>
      </c>
      <c r="C5151" s="3">
        <f t="shared" si="161"/>
        <v>2016</v>
      </c>
      <c r="D5151" t="s">
        <v>1556</v>
      </c>
      <c r="E5151" t="s">
        <v>26</v>
      </c>
      <c r="F5151" t="s">
        <v>38</v>
      </c>
      <c r="G5151" t="s">
        <v>51</v>
      </c>
      <c r="H5151" t="s">
        <v>2080</v>
      </c>
      <c r="I5151">
        <v>389.97</v>
      </c>
      <c r="J5151">
        <v>3</v>
      </c>
      <c r="K5151">
        <v>132.59</v>
      </c>
    </row>
    <row r="5152" spans="1:11" x14ac:dyDescent="0.3">
      <c r="A5152" s="1">
        <v>42571</v>
      </c>
      <c r="B5152" s="3">
        <f t="shared" si="160"/>
        <v>7</v>
      </c>
      <c r="C5152" s="3">
        <f t="shared" si="161"/>
        <v>2016</v>
      </c>
      <c r="D5152" t="s">
        <v>486</v>
      </c>
      <c r="E5152" t="s">
        <v>148</v>
      </c>
      <c r="F5152" t="s">
        <v>38</v>
      </c>
      <c r="G5152" t="s">
        <v>39</v>
      </c>
      <c r="H5152" t="s">
        <v>1214</v>
      </c>
      <c r="I5152">
        <v>89.95</v>
      </c>
      <c r="J5152">
        <v>5</v>
      </c>
      <c r="K5152">
        <v>43.18</v>
      </c>
    </row>
    <row r="5153" spans="1:11" x14ac:dyDescent="0.3">
      <c r="A5153" s="1">
        <v>42572</v>
      </c>
      <c r="B5153" s="3">
        <f t="shared" si="160"/>
        <v>7</v>
      </c>
      <c r="C5153" s="3">
        <f t="shared" si="161"/>
        <v>2016</v>
      </c>
      <c r="D5153" t="s">
        <v>1185</v>
      </c>
      <c r="E5153" t="s">
        <v>22</v>
      </c>
      <c r="F5153" t="s">
        <v>10</v>
      </c>
      <c r="G5153" t="s">
        <v>19</v>
      </c>
      <c r="H5153" t="s">
        <v>1366</v>
      </c>
      <c r="I5153">
        <v>1.94</v>
      </c>
      <c r="J5153">
        <v>1</v>
      </c>
      <c r="K5153">
        <v>-1.29</v>
      </c>
    </row>
    <row r="5154" spans="1:11" x14ac:dyDescent="0.3">
      <c r="A5154" s="1">
        <v>42572</v>
      </c>
      <c r="B5154" s="3">
        <f t="shared" si="160"/>
        <v>7</v>
      </c>
      <c r="C5154" s="3">
        <f t="shared" si="161"/>
        <v>2016</v>
      </c>
      <c r="D5154" t="s">
        <v>2449</v>
      </c>
      <c r="E5154" t="s">
        <v>77</v>
      </c>
      <c r="F5154" t="s">
        <v>10</v>
      </c>
      <c r="G5154" t="s">
        <v>23</v>
      </c>
      <c r="H5154" t="s">
        <v>2570</v>
      </c>
      <c r="I5154">
        <v>18.66</v>
      </c>
      <c r="J5154">
        <v>2</v>
      </c>
      <c r="K5154">
        <v>1.4</v>
      </c>
    </row>
    <row r="5155" spans="1:11" x14ac:dyDescent="0.3">
      <c r="A5155" s="1">
        <v>42572</v>
      </c>
      <c r="B5155" s="3">
        <f t="shared" si="160"/>
        <v>7</v>
      </c>
      <c r="C5155" s="3">
        <f t="shared" si="161"/>
        <v>2016</v>
      </c>
      <c r="D5155" t="s">
        <v>2449</v>
      </c>
      <c r="E5155" t="s">
        <v>77</v>
      </c>
      <c r="F5155" t="s">
        <v>10</v>
      </c>
      <c r="G5155" t="s">
        <v>19</v>
      </c>
      <c r="H5155" t="s">
        <v>845</v>
      </c>
      <c r="I5155">
        <v>11.09</v>
      </c>
      <c r="J5155">
        <v>7</v>
      </c>
      <c r="K5155">
        <v>-8.1300000000000008</v>
      </c>
    </row>
    <row r="5156" spans="1:11" x14ac:dyDescent="0.3">
      <c r="A5156" s="1">
        <v>42572</v>
      </c>
      <c r="B5156" s="3">
        <f t="shared" si="160"/>
        <v>7</v>
      </c>
      <c r="C5156" s="3">
        <f t="shared" si="161"/>
        <v>2016</v>
      </c>
      <c r="D5156" t="s">
        <v>2449</v>
      </c>
      <c r="E5156" t="s">
        <v>77</v>
      </c>
      <c r="F5156" t="s">
        <v>10</v>
      </c>
      <c r="G5156" t="s">
        <v>17</v>
      </c>
      <c r="H5156" t="s">
        <v>752</v>
      </c>
      <c r="I5156">
        <v>66.69</v>
      </c>
      <c r="J5156">
        <v>1</v>
      </c>
      <c r="K5156">
        <v>4.17</v>
      </c>
    </row>
    <row r="5157" spans="1:11" x14ac:dyDescent="0.3">
      <c r="A5157" s="1">
        <v>42572</v>
      </c>
      <c r="B5157" s="3">
        <f t="shared" si="160"/>
        <v>7</v>
      </c>
      <c r="C5157" s="3">
        <f t="shared" si="161"/>
        <v>2016</v>
      </c>
      <c r="D5157" t="s">
        <v>2449</v>
      </c>
      <c r="E5157" t="s">
        <v>77</v>
      </c>
      <c r="F5157" t="s">
        <v>10</v>
      </c>
      <c r="G5157" t="s">
        <v>17</v>
      </c>
      <c r="H5157" t="s">
        <v>1399</v>
      </c>
      <c r="I5157">
        <v>99.49</v>
      </c>
      <c r="J5157">
        <v>2</v>
      </c>
      <c r="K5157">
        <v>8.7100000000000009</v>
      </c>
    </row>
    <row r="5158" spans="1:11" x14ac:dyDescent="0.3">
      <c r="A5158" s="1">
        <v>42572</v>
      </c>
      <c r="B5158" s="3">
        <f t="shared" si="160"/>
        <v>7</v>
      </c>
      <c r="C5158" s="3">
        <f t="shared" si="161"/>
        <v>2016</v>
      </c>
      <c r="D5158" t="s">
        <v>1422</v>
      </c>
      <c r="E5158" t="s">
        <v>244</v>
      </c>
      <c r="F5158" t="s">
        <v>10</v>
      </c>
      <c r="G5158" t="s">
        <v>15</v>
      </c>
      <c r="H5158" t="s">
        <v>1097</v>
      </c>
      <c r="I5158">
        <v>6.26</v>
      </c>
      <c r="J5158">
        <v>3</v>
      </c>
      <c r="K5158">
        <v>2.04</v>
      </c>
    </row>
    <row r="5159" spans="1:11" x14ac:dyDescent="0.3">
      <c r="A5159" s="1">
        <v>42572</v>
      </c>
      <c r="B5159" s="3">
        <f t="shared" si="160"/>
        <v>7</v>
      </c>
      <c r="C5159" s="3">
        <f t="shared" si="161"/>
        <v>2016</v>
      </c>
      <c r="D5159" t="s">
        <v>1422</v>
      </c>
      <c r="E5159" t="s">
        <v>244</v>
      </c>
      <c r="F5159" t="s">
        <v>33</v>
      </c>
      <c r="G5159" t="s">
        <v>34</v>
      </c>
      <c r="H5159" t="s">
        <v>1378</v>
      </c>
      <c r="I5159">
        <v>363.92</v>
      </c>
      <c r="J5159">
        <v>5</v>
      </c>
      <c r="K5159">
        <v>0</v>
      </c>
    </row>
    <row r="5160" spans="1:11" x14ac:dyDescent="0.3">
      <c r="A5160" s="1">
        <v>42572</v>
      </c>
      <c r="B5160" s="3">
        <f t="shared" si="160"/>
        <v>7</v>
      </c>
      <c r="C5160" s="3">
        <f t="shared" si="161"/>
        <v>2016</v>
      </c>
      <c r="D5160" t="s">
        <v>388</v>
      </c>
      <c r="E5160" t="s">
        <v>26</v>
      </c>
      <c r="F5160" t="s">
        <v>10</v>
      </c>
      <c r="G5160" t="s">
        <v>62</v>
      </c>
      <c r="H5160" t="s">
        <v>1625</v>
      </c>
      <c r="I5160">
        <v>419.9</v>
      </c>
      <c r="J5160">
        <v>5</v>
      </c>
      <c r="K5160">
        <v>197.35</v>
      </c>
    </row>
    <row r="5161" spans="1:11" x14ac:dyDescent="0.3">
      <c r="A5161" s="1">
        <v>42572</v>
      </c>
      <c r="B5161" s="3">
        <f t="shared" si="160"/>
        <v>7</v>
      </c>
      <c r="C5161" s="3">
        <f t="shared" si="161"/>
        <v>2016</v>
      </c>
      <c r="D5161" t="s">
        <v>388</v>
      </c>
      <c r="E5161" t="s">
        <v>26</v>
      </c>
      <c r="F5161" t="s">
        <v>10</v>
      </c>
      <c r="G5161" t="s">
        <v>15</v>
      </c>
      <c r="H5161" t="s">
        <v>2076</v>
      </c>
      <c r="I5161">
        <v>3.15</v>
      </c>
      <c r="J5161">
        <v>1</v>
      </c>
      <c r="K5161">
        <v>1.51</v>
      </c>
    </row>
    <row r="5162" spans="1:11" x14ac:dyDescent="0.3">
      <c r="A5162" s="1">
        <v>42573</v>
      </c>
      <c r="B5162" s="3">
        <f t="shared" si="160"/>
        <v>7</v>
      </c>
      <c r="C5162" s="3">
        <f t="shared" si="161"/>
        <v>2016</v>
      </c>
      <c r="D5162" t="s">
        <v>2411</v>
      </c>
      <c r="E5162" t="s">
        <v>26</v>
      </c>
      <c r="F5162" t="s">
        <v>10</v>
      </c>
      <c r="G5162" t="s">
        <v>15</v>
      </c>
      <c r="H5162" t="s">
        <v>2076</v>
      </c>
      <c r="I5162">
        <v>6.3</v>
      </c>
      <c r="J5162">
        <v>2</v>
      </c>
      <c r="K5162">
        <v>3.02</v>
      </c>
    </row>
    <row r="5163" spans="1:11" x14ac:dyDescent="0.3">
      <c r="A5163" s="1">
        <v>42573</v>
      </c>
      <c r="B5163" s="3">
        <f t="shared" si="160"/>
        <v>7</v>
      </c>
      <c r="C5163" s="3">
        <f t="shared" si="161"/>
        <v>2016</v>
      </c>
      <c r="D5163" t="s">
        <v>2454</v>
      </c>
      <c r="E5163" t="s">
        <v>22</v>
      </c>
      <c r="F5163" t="s">
        <v>10</v>
      </c>
      <c r="G5163" t="s">
        <v>23</v>
      </c>
      <c r="H5163" t="s">
        <v>565</v>
      </c>
      <c r="I5163">
        <v>4.16</v>
      </c>
      <c r="J5163">
        <v>2</v>
      </c>
      <c r="K5163">
        <v>0.36</v>
      </c>
    </row>
    <row r="5164" spans="1:11" x14ac:dyDescent="0.3">
      <c r="A5164" s="1">
        <v>42573</v>
      </c>
      <c r="B5164" s="3">
        <f t="shared" si="160"/>
        <v>7</v>
      </c>
      <c r="C5164" s="3">
        <f t="shared" si="161"/>
        <v>2016</v>
      </c>
      <c r="D5164" t="s">
        <v>2454</v>
      </c>
      <c r="E5164" t="s">
        <v>22</v>
      </c>
      <c r="F5164" t="s">
        <v>33</v>
      </c>
      <c r="G5164" t="s">
        <v>46</v>
      </c>
      <c r="H5164" t="s">
        <v>1187</v>
      </c>
      <c r="I5164">
        <v>11.65</v>
      </c>
      <c r="J5164">
        <v>2</v>
      </c>
      <c r="K5164">
        <v>3.35</v>
      </c>
    </row>
    <row r="5165" spans="1:11" x14ac:dyDescent="0.3">
      <c r="A5165" s="1">
        <v>42573</v>
      </c>
      <c r="B5165" s="3">
        <f t="shared" si="160"/>
        <v>7</v>
      </c>
      <c r="C5165" s="3">
        <f t="shared" si="161"/>
        <v>2016</v>
      </c>
      <c r="D5165" t="s">
        <v>1220</v>
      </c>
      <c r="E5165" t="s">
        <v>109</v>
      </c>
      <c r="F5165" t="s">
        <v>38</v>
      </c>
      <c r="G5165" t="s">
        <v>51</v>
      </c>
      <c r="H5165" t="s">
        <v>2284</v>
      </c>
      <c r="I5165">
        <v>109.95</v>
      </c>
      <c r="J5165">
        <v>1</v>
      </c>
      <c r="K5165">
        <v>36.28</v>
      </c>
    </row>
    <row r="5166" spans="1:11" x14ac:dyDescent="0.3">
      <c r="A5166" s="1">
        <v>42573</v>
      </c>
      <c r="B5166" s="3">
        <f t="shared" si="160"/>
        <v>7</v>
      </c>
      <c r="C5166" s="3">
        <f t="shared" si="161"/>
        <v>2016</v>
      </c>
      <c r="D5166" t="s">
        <v>1220</v>
      </c>
      <c r="E5166" t="s">
        <v>109</v>
      </c>
      <c r="F5166" t="s">
        <v>10</v>
      </c>
      <c r="G5166" t="s">
        <v>17</v>
      </c>
      <c r="H5166" t="s">
        <v>1439</v>
      </c>
      <c r="I5166">
        <v>965.85</v>
      </c>
      <c r="J5166">
        <v>5</v>
      </c>
      <c r="K5166">
        <v>135.22</v>
      </c>
    </row>
    <row r="5167" spans="1:11" x14ac:dyDescent="0.3">
      <c r="A5167" s="1">
        <v>42573</v>
      </c>
      <c r="B5167" s="3">
        <f t="shared" si="160"/>
        <v>7</v>
      </c>
      <c r="C5167" s="3">
        <f t="shared" si="161"/>
        <v>2016</v>
      </c>
      <c r="D5167" t="s">
        <v>1220</v>
      </c>
      <c r="E5167" t="s">
        <v>109</v>
      </c>
      <c r="F5167" t="s">
        <v>10</v>
      </c>
      <c r="G5167" t="s">
        <v>23</v>
      </c>
      <c r="H5167" t="s">
        <v>1953</v>
      </c>
      <c r="I5167">
        <v>29.2</v>
      </c>
      <c r="J5167">
        <v>5</v>
      </c>
      <c r="K5167">
        <v>10.51</v>
      </c>
    </row>
    <row r="5168" spans="1:11" x14ac:dyDescent="0.3">
      <c r="A5168" s="1">
        <v>42573</v>
      </c>
      <c r="B5168" s="3">
        <f t="shared" si="160"/>
        <v>7</v>
      </c>
      <c r="C5168" s="3">
        <f t="shared" si="161"/>
        <v>2016</v>
      </c>
      <c r="D5168" t="s">
        <v>1220</v>
      </c>
      <c r="E5168" t="s">
        <v>109</v>
      </c>
      <c r="F5168" t="s">
        <v>10</v>
      </c>
      <c r="G5168" t="s">
        <v>11</v>
      </c>
      <c r="H5168" t="s">
        <v>1621</v>
      </c>
      <c r="I5168">
        <v>32.4</v>
      </c>
      <c r="J5168">
        <v>5</v>
      </c>
      <c r="K5168">
        <v>15.55</v>
      </c>
    </row>
    <row r="5169" spans="1:11" x14ac:dyDescent="0.3">
      <c r="A5169" s="1">
        <v>42573</v>
      </c>
      <c r="B5169" s="3">
        <f t="shared" si="160"/>
        <v>7</v>
      </c>
      <c r="C5169" s="3">
        <f t="shared" si="161"/>
        <v>2016</v>
      </c>
      <c r="D5169" t="s">
        <v>238</v>
      </c>
      <c r="E5169" t="s">
        <v>125</v>
      </c>
      <c r="F5169" t="s">
        <v>10</v>
      </c>
      <c r="G5169" t="s">
        <v>199</v>
      </c>
      <c r="H5169" t="s">
        <v>2053</v>
      </c>
      <c r="I5169">
        <v>86.2</v>
      </c>
      <c r="J5169">
        <v>5</v>
      </c>
      <c r="K5169">
        <v>25</v>
      </c>
    </row>
    <row r="5170" spans="1:11" x14ac:dyDescent="0.3">
      <c r="A5170" s="1">
        <v>42573</v>
      </c>
      <c r="B5170" s="3">
        <f t="shared" si="160"/>
        <v>7</v>
      </c>
      <c r="C5170" s="3">
        <f t="shared" si="161"/>
        <v>2016</v>
      </c>
      <c r="D5170" t="s">
        <v>1866</v>
      </c>
      <c r="E5170" t="s">
        <v>530</v>
      </c>
      <c r="F5170" t="s">
        <v>10</v>
      </c>
      <c r="G5170" t="s">
        <v>91</v>
      </c>
      <c r="H5170" t="s">
        <v>1828</v>
      </c>
      <c r="I5170">
        <v>37.68</v>
      </c>
      <c r="J5170">
        <v>2</v>
      </c>
      <c r="K5170">
        <v>10.55</v>
      </c>
    </row>
    <row r="5171" spans="1:11" x14ac:dyDescent="0.3">
      <c r="A5171" s="1">
        <v>42573</v>
      </c>
      <c r="B5171" s="3">
        <f t="shared" si="160"/>
        <v>7</v>
      </c>
      <c r="C5171" s="3">
        <f t="shared" si="161"/>
        <v>2016</v>
      </c>
      <c r="D5171" t="s">
        <v>1866</v>
      </c>
      <c r="E5171" t="s">
        <v>530</v>
      </c>
      <c r="F5171" t="s">
        <v>10</v>
      </c>
      <c r="G5171" t="s">
        <v>11</v>
      </c>
      <c r="H5171" t="s">
        <v>1202</v>
      </c>
      <c r="I5171">
        <v>51.84</v>
      </c>
      <c r="J5171">
        <v>8</v>
      </c>
      <c r="K5171">
        <v>24.88</v>
      </c>
    </row>
    <row r="5172" spans="1:11" x14ac:dyDescent="0.3">
      <c r="A5172" s="1">
        <v>42573</v>
      </c>
      <c r="B5172" s="3">
        <f t="shared" si="160"/>
        <v>7</v>
      </c>
      <c r="C5172" s="3">
        <f t="shared" si="161"/>
        <v>2016</v>
      </c>
      <c r="D5172" t="s">
        <v>1866</v>
      </c>
      <c r="E5172" t="s">
        <v>530</v>
      </c>
      <c r="F5172" t="s">
        <v>33</v>
      </c>
      <c r="G5172" t="s">
        <v>46</v>
      </c>
      <c r="H5172" t="s">
        <v>2128</v>
      </c>
      <c r="I5172">
        <v>27.42</v>
      </c>
      <c r="J5172">
        <v>3</v>
      </c>
      <c r="K5172">
        <v>9.32</v>
      </c>
    </row>
    <row r="5173" spans="1:11" x14ac:dyDescent="0.3">
      <c r="A5173" s="1">
        <v>42573</v>
      </c>
      <c r="B5173" s="3">
        <f t="shared" si="160"/>
        <v>7</v>
      </c>
      <c r="C5173" s="3">
        <f t="shared" si="161"/>
        <v>2016</v>
      </c>
      <c r="D5173" t="s">
        <v>1866</v>
      </c>
      <c r="E5173" t="s">
        <v>530</v>
      </c>
      <c r="F5173" t="s">
        <v>10</v>
      </c>
      <c r="G5173" t="s">
        <v>19</v>
      </c>
      <c r="H5173" t="s">
        <v>204</v>
      </c>
      <c r="I5173">
        <v>5.4</v>
      </c>
      <c r="J5173">
        <v>3</v>
      </c>
      <c r="K5173">
        <v>2.59</v>
      </c>
    </row>
    <row r="5174" spans="1:11" x14ac:dyDescent="0.3">
      <c r="A5174" s="1">
        <v>42574</v>
      </c>
      <c r="B5174" s="3">
        <f t="shared" si="160"/>
        <v>7</v>
      </c>
      <c r="C5174" s="3">
        <f t="shared" si="161"/>
        <v>2016</v>
      </c>
      <c r="D5174" t="s">
        <v>1294</v>
      </c>
      <c r="E5174" t="s">
        <v>122</v>
      </c>
      <c r="F5174" t="s">
        <v>10</v>
      </c>
      <c r="G5174" t="s">
        <v>23</v>
      </c>
      <c r="H5174" t="s">
        <v>1357</v>
      </c>
      <c r="I5174">
        <v>35.22</v>
      </c>
      <c r="J5174">
        <v>2</v>
      </c>
      <c r="K5174">
        <v>2.64</v>
      </c>
    </row>
    <row r="5175" spans="1:11" x14ac:dyDescent="0.3">
      <c r="A5175" s="1">
        <v>42574</v>
      </c>
      <c r="B5175" s="3">
        <f t="shared" si="160"/>
        <v>7</v>
      </c>
      <c r="C5175" s="3">
        <f t="shared" si="161"/>
        <v>2016</v>
      </c>
      <c r="D5175" t="s">
        <v>1294</v>
      </c>
      <c r="E5175" t="s">
        <v>122</v>
      </c>
      <c r="F5175" t="s">
        <v>10</v>
      </c>
      <c r="G5175" t="s">
        <v>91</v>
      </c>
      <c r="H5175" t="s">
        <v>2058</v>
      </c>
      <c r="I5175">
        <v>23.7</v>
      </c>
      <c r="J5175">
        <v>2</v>
      </c>
      <c r="K5175">
        <v>6.52</v>
      </c>
    </row>
    <row r="5176" spans="1:11" x14ac:dyDescent="0.3">
      <c r="A5176" s="1">
        <v>42574</v>
      </c>
      <c r="B5176" s="3">
        <f t="shared" si="160"/>
        <v>7</v>
      </c>
      <c r="C5176" s="3">
        <f t="shared" si="161"/>
        <v>2016</v>
      </c>
      <c r="D5176" t="s">
        <v>1294</v>
      </c>
      <c r="E5176" t="s">
        <v>122</v>
      </c>
      <c r="F5176" t="s">
        <v>38</v>
      </c>
      <c r="G5176" t="s">
        <v>301</v>
      </c>
      <c r="H5176" t="s">
        <v>2077</v>
      </c>
      <c r="I5176">
        <v>265.48</v>
      </c>
      <c r="J5176">
        <v>1</v>
      </c>
      <c r="K5176">
        <v>-111.5</v>
      </c>
    </row>
    <row r="5177" spans="1:11" x14ac:dyDescent="0.3">
      <c r="A5177" s="1">
        <v>42574</v>
      </c>
      <c r="B5177" s="3">
        <f t="shared" si="160"/>
        <v>7</v>
      </c>
      <c r="C5177" s="3">
        <f t="shared" si="161"/>
        <v>2016</v>
      </c>
      <c r="D5177" t="s">
        <v>304</v>
      </c>
      <c r="E5177" t="s">
        <v>14</v>
      </c>
      <c r="F5177" t="s">
        <v>10</v>
      </c>
      <c r="G5177" t="s">
        <v>19</v>
      </c>
      <c r="H5177" t="s">
        <v>1217</v>
      </c>
      <c r="I5177">
        <v>11.42</v>
      </c>
      <c r="J5177">
        <v>4</v>
      </c>
      <c r="K5177">
        <v>-18.84</v>
      </c>
    </row>
    <row r="5178" spans="1:11" x14ac:dyDescent="0.3">
      <c r="A5178" s="1">
        <v>42574</v>
      </c>
      <c r="B5178" s="3">
        <f t="shared" si="160"/>
        <v>7</v>
      </c>
      <c r="C5178" s="3">
        <f t="shared" si="161"/>
        <v>2016</v>
      </c>
      <c r="D5178" t="s">
        <v>279</v>
      </c>
      <c r="E5178" t="s">
        <v>9</v>
      </c>
      <c r="F5178" t="s">
        <v>10</v>
      </c>
      <c r="G5178" t="s">
        <v>23</v>
      </c>
      <c r="H5178" t="s">
        <v>2571</v>
      </c>
      <c r="I5178">
        <v>4.45</v>
      </c>
      <c r="J5178">
        <v>2</v>
      </c>
      <c r="K5178">
        <v>0.33</v>
      </c>
    </row>
    <row r="5179" spans="1:11" x14ac:dyDescent="0.3">
      <c r="A5179" s="1">
        <v>42574</v>
      </c>
      <c r="B5179" s="3">
        <f t="shared" si="160"/>
        <v>7</v>
      </c>
      <c r="C5179" s="3">
        <f t="shared" si="161"/>
        <v>2016</v>
      </c>
      <c r="D5179" t="s">
        <v>279</v>
      </c>
      <c r="E5179" t="s">
        <v>9</v>
      </c>
      <c r="F5179" t="s">
        <v>10</v>
      </c>
      <c r="G5179" t="s">
        <v>11</v>
      </c>
      <c r="H5179" t="s">
        <v>2121</v>
      </c>
      <c r="I5179">
        <v>5.18</v>
      </c>
      <c r="J5179">
        <v>1</v>
      </c>
      <c r="K5179">
        <v>1.81</v>
      </c>
    </row>
    <row r="5180" spans="1:11" x14ac:dyDescent="0.3">
      <c r="A5180" s="1">
        <v>42574</v>
      </c>
      <c r="B5180" s="3">
        <f t="shared" si="160"/>
        <v>7</v>
      </c>
      <c r="C5180" s="3">
        <f t="shared" si="161"/>
        <v>2016</v>
      </c>
      <c r="D5180" t="s">
        <v>279</v>
      </c>
      <c r="E5180" t="s">
        <v>9</v>
      </c>
      <c r="F5180" t="s">
        <v>10</v>
      </c>
      <c r="G5180" t="s">
        <v>23</v>
      </c>
      <c r="H5180" t="s">
        <v>804</v>
      </c>
      <c r="I5180">
        <v>175.92</v>
      </c>
      <c r="J5180">
        <v>5</v>
      </c>
      <c r="K5180">
        <v>15.39</v>
      </c>
    </row>
    <row r="5181" spans="1:11" x14ac:dyDescent="0.3">
      <c r="A5181" s="1">
        <v>42574</v>
      </c>
      <c r="B5181" s="3">
        <f t="shared" si="160"/>
        <v>7</v>
      </c>
      <c r="C5181" s="3">
        <f t="shared" si="161"/>
        <v>2016</v>
      </c>
      <c r="D5181" t="s">
        <v>279</v>
      </c>
      <c r="E5181" t="s">
        <v>9</v>
      </c>
      <c r="F5181" t="s">
        <v>10</v>
      </c>
      <c r="G5181" t="s">
        <v>19</v>
      </c>
      <c r="H5181" t="s">
        <v>117</v>
      </c>
      <c r="I5181">
        <v>4.75</v>
      </c>
      <c r="J5181">
        <v>4</v>
      </c>
      <c r="K5181">
        <v>-8.32</v>
      </c>
    </row>
    <row r="5182" spans="1:11" x14ac:dyDescent="0.3">
      <c r="A5182" s="1">
        <v>42574</v>
      </c>
      <c r="B5182" s="3">
        <f t="shared" si="160"/>
        <v>7</v>
      </c>
      <c r="C5182" s="3">
        <f t="shared" si="161"/>
        <v>2016</v>
      </c>
      <c r="D5182" t="s">
        <v>279</v>
      </c>
      <c r="E5182" t="s">
        <v>9</v>
      </c>
      <c r="F5182" t="s">
        <v>10</v>
      </c>
      <c r="G5182" t="s">
        <v>199</v>
      </c>
      <c r="H5182" t="s">
        <v>1959</v>
      </c>
      <c r="I5182">
        <v>13.34</v>
      </c>
      <c r="J5182">
        <v>2</v>
      </c>
      <c r="K5182">
        <v>1</v>
      </c>
    </row>
    <row r="5183" spans="1:11" x14ac:dyDescent="0.3">
      <c r="A5183" s="1">
        <v>42574</v>
      </c>
      <c r="B5183" s="3">
        <f t="shared" si="160"/>
        <v>7</v>
      </c>
      <c r="C5183" s="3">
        <f t="shared" si="161"/>
        <v>2016</v>
      </c>
      <c r="D5183" t="s">
        <v>1041</v>
      </c>
      <c r="E5183" t="s">
        <v>9</v>
      </c>
      <c r="F5183" t="s">
        <v>38</v>
      </c>
      <c r="G5183" t="s">
        <v>39</v>
      </c>
      <c r="H5183" t="s">
        <v>390</v>
      </c>
      <c r="I5183">
        <v>115.14</v>
      </c>
      <c r="J5183">
        <v>8</v>
      </c>
      <c r="K5183">
        <v>11.51</v>
      </c>
    </row>
    <row r="5184" spans="1:11" x14ac:dyDescent="0.3">
      <c r="A5184" s="1">
        <v>42575</v>
      </c>
      <c r="B5184" s="3">
        <f t="shared" si="160"/>
        <v>7</v>
      </c>
      <c r="C5184" s="3">
        <f t="shared" si="161"/>
        <v>2016</v>
      </c>
      <c r="D5184" t="s">
        <v>1613</v>
      </c>
      <c r="E5184" t="s">
        <v>148</v>
      </c>
      <c r="F5184" t="s">
        <v>33</v>
      </c>
      <c r="G5184" t="s">
        <v>34</v>
      </c>
      <c r="H5184" t="s">
        <v>1771</v>
      </c>
      <c r="I5184">
        <v>253.76</v>
      </c>
      <c r="J5184">
        <v>2</v>
      </c>
      <c r="K5184">
        <v>31.02</v>
      </c>
    </row>
    <row r="5185" spans="1:11" x14ac:dyDescent="0.3">
      <c r="A5185" s="1">
        <v>42575</v>
      </c>
      <c r="B5185" s="3">
        <f t="shared" si="160"/>
        <v>7</v>
      </c>
      <c r="C5185" s="3">
        <f t="shared" si="161"/>
        <v>2016</v>
      </c>
      <c r="D5185" t="s">
        <v>741</v>
      </c>
      <c r="E5185" t="s">
        <v>61</v>
      </c>
      <c r="F5185" t="s">
        <v>10</v>
      </c>
      <c r="G5185" t="s">
        <v>23</v>
      </c>
      <c r="H5185" t="s">
        <v>115</v>
      </c>
      <c r="I5185">
        <v>73.2</v>
      </c>
      <c r="J5185">
        <v>5</v>
      </c>
      <c r="K5185">
        <v>21.23</v>
      </c>
    </row>
    <row r="5186" spans="1:11" x14ac:dyDescent="0.3">
      <c r="A5186" s="1">
        <v>42576</v>
      </c>
      <c r="B5186" s="3">
        <f t="shared" ref="B5186:B5249" si="162">MONTH(A:A)</f>
        <v>7</v>
      </c>
      <c r="C5186" s="3">
        <f t="shared" ref="C5186:C5249" si="163">YEAR(A:A)</f>
        <v>2016</v>
      </c>
      <c r="D5186" t="s">
        <v>192</v>
      </c>
      <c r="E5186" t="s">
        <v>26</v>
      </c>
      <c r="F5186" t="s">
        <v>10</v>
      </c>
      <c r="G5186" t="s">
        <v>19</v>
      </c>
      <c r="H5186" t="s">
        <v>983</v>
      </c>
      <c r="I5186">
        <v>119.62</v>
      </c>
      <c r="J5186">
        <v>8</v>
      </c>
      <c r="K5186">
        <v>40.369999999999997</v>
      </c>
    </row>
    <row r="5187" spans="1:11" x14ac:dyDescent="0.3">
      <c r="A5187" s="1">
        <v>42576</v>
      </c>
      <c r="B5187" s="3">
        <f t="shared" si="162"/>
        <v>7</v>
      </c>
      <c r="C5187" s="3">
        <f t="shared" si="163"/>
        <v>2016</v>
      </c>
      <c r="D5187" t="s">
        <v>192</v>
      </c>
      <c r="E5187" t="s">
        <v>26</v>
      </c>
      <c r="F5187" t="s">
        <v>33</v>
      </c>
      <c r="G5187" t="s">
        <v>46</v>
      </c>
      <c r="H5187" t="s">
        <v>47</v>
      </c>
      <c r="I5187">
        <v>255.76</v>
      </c>
      <c r="J5187">
        <v>4</v>
      </c>
      <c r="K5187">
        <v>81.84</v>
      </c>
    </row>
    <row r="5188" spans="1:11" x14ac:dyDescent="0.3">
      <c r="A5188" s="1">
        <v>42576</v>
      </c>
      <c r="B5188" s="3">
        <f t="shared" si="162"/>
        <v>7</v>
      </c>
      <c r="C5188" s="3">
        <f t="shared" si="163"/>
        <v>2016</v>
      </c>
      <c r="D5188" t="s">
        <v>192</v>
      </c>
      <c r="E5188" t="s">
        <v>26</v>
      </c>
      <c r="F5188" t="s">
        <v>33</v>
      </c>
      <c r="G5188" t="s">
        <v>34</v>
      </c>
      <c r="H5188" t="s">
        <v>541</v>
      </c>
      <c r="I5188">
        <v>241.57</v>
      </c>
      <c r="J5188">
        <v>2</v>
      </c>
      <c r="K5188">
        <v>18.12</v>
      </c>
    </row>
    <row r="5189" spans="1:11" x14ac:dyDescent="0.3">
      <c r="A5189" s="1">
        <v>42576</v>
      </c>
      <c r="B5189" s="3">
        <f t="shared" si="162"/>
        <v>7</v>
      </c>
      <c r="C5189" s="3">
        <f t="shared" si="163"/>
        <v>2016</v>
      </c>
      <c r="D5189" t="s">
        <v>192</v>
      </c>
      <c r="E5189" t="s">
        <v>26</v>
      </c>
      <c r="F5189" t="s">
        <v>33</v>
      </c>
      <c r="G5189" t="s">
        <v>46</v>
      </c>
      <c r="H5189" t="s">
        <v>2235</v>
      </c>
      <c r="I5189">
        <v>69.3</v>
      </c>
      <c r="J5189">
        <v>9</v>
      </c>
      <c r="K5189">
        <v>22.87</v>
      </c>
    </row>
    <row r="5190" spans="1:11" x14ac:dyDescent="0.3">
      <c r="A5190" s="1">
        <v>42576</v>
      </c>
      <c r="B5190" s="3">
        <f t="shared" si="162"/>
        <v>7</v>
      </c>
      <c r="C5190" s="3">
        <f t="shared" si="163"/>
        <v>2016</v>
      </c>
      <c r="D5190" t="s">
        <v>2317</v>
      </c>
      <c r="E5190" t="s">
        <v>77</v>
      </c>
      <c r="F5190" t="s">
        <v>38</v>
      </c>
      <c r="G5190" t="s">
        <v>602</v>
      </c>
      <c r="H5190" t="s">
        <v>633</v>
      </c>
      <c r="I5190">
        <v>1439.98</v>
      </c>
      <c r="J5190">
        <v>4</v>
      </c>
      <c r="K5190">
        <v>192</v>
      </c>
    </row>
    <row r="5191" spans="1:11" x14ac:dyDescent="0.3">
      <c r="A5191" s="1">
        <v>42576</v>
      </c>
      <c r="B5191" s="3">
        <f t="shared" si="162"/>
        <v>7</v>
      </c>
      <c r="C5191" s="3">
        <f t="shared" si="163"/>
        <v>2016</v>
      </c>
      <c r="D5191" t="s">
        <v>2572</v>
      </c>
      <c r="E5191" t="s">
        <v>26</v>
      </c>
      <c r="F5191" t="s">
        <v>10</v>
      </c>
      <c r="G5191" t="s">
        <v>42</v>
      </c>
      <c r="H5191" t="s">
        <v>826</v>
      </c>
      <c r="I5191">
        <v>21.48</v>
      </c>
      <c r="J5191">
        <v>6</v>
      </c>
      <c r="K5191">
        <v>10.74</v>
      </c>
    </row>
    <row r="5192" spans="1:11" x14ac:dyDescent="0.3">
      <c r="A5192" s="1">
        <v>42576</v>
      </c>
      <c r="B5192" s="3">
        <f t="shared" si="162"/>
        <v>7</v>
      </c>
      <c r="C5192" s="3">
        <f t="shared" si="163"/>
        <v>2016</v>
      </c>
      <c r="D5192" t="s">
        <v>1259</v>
      </c>
      <c r="E5192" t="s">
        <v>77</v>
      </c>
      <c r="F5192" t="s">
        <v>10</v>
      </c>
      <c r="G5192" t="s">
        <v>91</v>
      </c>
      <c r="H5192" t="s">
        <v>2288</v>
      </c>
      <c r="I5192">
        <v>243.88</v>
      </c>
      <c r="J5192">
        <v>5</v>
      </c>
      <c r="K5192">
        <v>27.44</v>
      </c>
    </row>
    <row r="5193" spans="1:11" x14ac:dyDescent="0.3">
      <c r="A5193" s="1">
        <v>42576</v>
      </c>
      <c r="B5193" s="3">
        <f t="shared" si="162"/>
        <v>7</v>
      </c>
      <c r="C5193" s="3">
        <f t="shared" si="163"/>
        <v>2016</v>
      </c>
      <c r="D5193" t="s">
        <v>1537</v>
      </c>
      <c r="E5193" t="s">
        <v>9</v>
      </c>
      <c r="F5193" t="s">
        <v>10</v>
      </c>
      <c r="G5193" t="s">
        <v>15</v>
      </c>
      <c r="H5193" t="s">
        <v>2501</v>
      </c>
      <c r="I5193">
        <v>15.71</v>
      </c>
      <c r="J5193">
        <v>4</v>
      </c>
      <c r="K5193">
        <v>5.7</v>
      </c>
    </row>
    <row r="5194" spans="1:11" x14ac:dyDescent="0.3">
      <c r="A5194" s="1">
        <v>42576</v>
      </c>
      <c r="B5194" s="3">
        <f t="shared" si="162"/>
        <v>7</v>
      </c>
      <c r="C5194" s="3">
        <f t="shared" si="163"/>
        <v>2016</v>
      </c>
      <c r="D5194" t="s">
        <v>2318</v>
      </c>
      <c r="E5194" t="s">
        <v>328</v>
      </c>
      <c r="F5194" t="s">
        <v>10</v>
      </c>
      <c r="G5194" t="s">
        <v>17</v>
      </c>
      <c r="H5194" t="s">
        <v>210</v>
      </c>
      <c r="I5194">
        <v>7.89</v>
      </c>
      <c r="J5194">
        <v>1</v>
      </c>
      <c r="K5194">
        <v>0.32</v>
      </c>
    </row>
    <row r="5195" spans="1:11" x14ac:dyDescent="0.3">
      <c r="A5195" s="1">
        <v>42576</v>
      </c>
      <c r="B5195" s="3">
        <f t="shared" si="162"/>
        <v>7</v>
      </c>
      <c r="C5195" s="3">
        <f t="shared" si="163"/>
        <v>2016</v>
      </c>
      <c r="D5195" t="s">
        <v>2318</v>
      </c>
      <c r="E5195" t="s">
        <v>328</v>
      </c>
      <c r="F5195" t="s">
        <v>10</v>
      </c>
      <c r="G5195" t="s">
        <v>11</v>
      </c>
      <c r="H5195" t="s">
        <v>1261</v>
      </c>
      <c r="I5195">
        <v>65.5</v>
      </c>
      <c r="J5195">
        <v>5</v>
      </c>
      <c r="K5195">
        <v>32.1</v>
      </c>
    </row>
    <row r="5196" spans="1:11" x14ac:dyDescent="0.3">
      <c r="A5196" s="1">
        <v>42576</v>
      </c>
      <c r="B5196" s="3">
        <f t="shared" si="162"/>
        <v>7</v>
      </c>
      <c r="C5196" s="3">
        <f t="shared" si="163"/>
        <v>2016</v>
      </c>
      <c r="D5196" t="s">
        <v>2318</v>
      </c>
      <c r="E5196" t="s">
        <v>328</v>
      </c>
      <c r="F5196" t="s">
        <v>33</v>
      </c>
      <c r="G5196" t="s">
        <v>144</v>
      </c>
      <c r="H5196" t="s">
        <v>2451</v>
      </c>
      <c r="I5196">
        <v>2430.08</v>
      </c>
      <c r="J5196">
        <v>8</v>
      </c>
      <c r="K5196">
        <v>388.81</v>
      </c>
    </row>
    <row r="5197" spans="1:11" x14ac:dyDescent="0.3">
      <c r="A5197" s="1">
        <v>42576</v>
      </c>
      <c r="B5197" s="3">
        <f t="shared" si="162"/>
        <v>7</v>
      </c>
      <c r="C5197" s="3">
        <f t="shared" si="163"/>
        <v>2016</v>
      </c>
      <c r="D5197" t="s">
        <v>972</v>
      </c>
      <c r="E5197" t="s">
        <v>54</v>
      </c>
      <c r="F5197" t="s">
        <v>10</v>
      </c>
      <c r="G5197" t="s">
        <v>19</v>
      </c>
      <c r="H5197" t="s">
        <v>968</v>
      </c>
      <c r="I5197">
        <v>10.44</v>
      </c>
      <c r="J5197">
        <v>1</v>
      </c>
      <c r="K5197">
        <v>4.8</v>
      </c>
    </row>
    <row r="5198" spans="1:11" x14ac:dyDescent="0.3">
      <c r="A5198" s="1">
        <v>42576</v>
      </c>
      <c r="B5198" s="3">
        <f t="shared" si="162"/>
        <v>7</v>
      </c>
      <c r="C5198" s="3">
        <f t="shared" si="163"/>
        <v>2016</v>
      </c>
      <c r="D5198" t="s">
        <v>2431</v>
      </c>
      <c r="E5198" t="s">
        <v>9</v>
      </c>
      <c r="F5198" t="s">
        <v>10</v>
      </c>
      <c r="G5198" t="s">
        <v>62</v>
      </c>
      <c r="H5198" t="s">
        <v>1682</v>
      </c>
      <c r="I5198">
        <v>20.94</v>
      </c>
      <c r="J5198">
        <v>1</v>
      </c>
      <c r="K5198">
        <v>7.07</v>
      </c>
    </row>
    <row r="5199" spans="1:11" x14ac:dyDescent="0.3">
      <c r="A5199" s="1">
        <v>42576</v>
      </c>
      <c r="B5199" s="3">
        <f t="shared" si="162"/>
        <v>7</v>
      </c>
      <c r="C5199" s="3">
        <f t="shared" si="163"/>
        <v>2016</v>
      </c>
      <c r="D5199" t="s">
        <v>916</v>
      </c>
      <c r="E5199" t="s">
        <v>26</v>
      </c>
      <c r="F5199" t="s">
        <v>10</v>
      </c>
      <c r="G5199" t="s">
        <v>23</v>
      </c>
      <c r="H5199" t="s">
        <v>1526</v>
      </c>
      <c r="I5199">
        <v>37.17</v>
      </c>
      <c r="J5199">
        <v>9</v>
      </c>
      <c r="K5199">
        <v>11.15</v>
      </c>
    </row>
    <row r="5200" spans="1:11" x14ac:dyDescent="0.3">
      <c r="A5200" s="1">
        <v>42576</v>
      </c>
      <c r="B5200" s="3">
        <f t="shared" si="162"/>
        <v>7</v>
      </c>
      <c r="C5200" s="3">
        <f t="shared" si="163"/>
        <v>2016</v>
      </c>
      <c r="D5200" t="s">
        <v>1770</v>
      </c>
      <c r="E5200" t="s">
        <v>156</v>
      </c>
      <c r="F5200" t="s">
        <v>10</v>
      </c>
      <c r="G5200" t="s">
        <v>11</v>
      </c>
      <c r="H5200" t="s">
        <v>1889</v>
      </c>
      <c r="I5200">
        <v>20.62</v>
      </c>
      <c r="J5200">
        <v>2</v>
      </c>
      <c r="K5200">
        <v>9.69</v>
      </c>
    </row>
    <row r="5201" spans="1:11" x14ac:dyDescent="0.3">
      <c r="A5201" s="1">
        <v>42576</v>
      </c>
      <c r="B5201" s="3">
        <f t="shared" si="162"/>
        <v>7</v>
      </c>
      <c r="C5201" s="3">
        <f t="shared" si="163"/>
        <v>2016</v>
      </c>
      <c r="D5201" t="s">
        <v>1770</v>
      </c>
      <c r="E5201" t="s">
        <v>156</v>
      </c>
      <c r="F5201" t="s">
        <v>38</v>
      </c>
      <c r="G5201" t="s">
        <v>51</v>
      </c>
      <c r="H5201" t="s">
        <v>1984</v>
      </c>
      <c r="I5201">
        <v>124.25</v>
      </c>
      <c r="J5201">
        <v>7</v>
      </c>
      <c r="K5201">
        <v>48.46</v>
      </c>
    </row>
    <row r="5202" spans="1:11" x14ac:dyDescent="0.3">
      <c r="A5202" s="1">
        <v>42576</v>
      </c>
      <c r="B5202" s="3">
        <f t="shared" si="162"/>
        <v>7</v>
      </c>
      <c r="C5202" s="3">
        <f t="shared" si="163"/>
        <v>2016</v>
      </c>
      <c r="D5202" t="s">
        <v>1770</v>
      </c>
      <c r="E5202" t="s">
        <v>156</v>
      </c>
      <c r="F5202" t="s">
        <v>38</v>
      </c>
      <c r="G5202" t="s">
        <v>39</v>
      </c>
      <c r="H5202" t="s">
        <v>1894</v>
      </c>
      <c r="I5202">
        <v>297.55</v>
      </c>
      <c r="J5202">
        <v>5</v>
      </c>
      <c r="K5202">
        <v>83.31</v>
      </c>
    </row>
    <row r="5203" spans="1:11" x14ac:dyDescent="0.3">
      <c r="A5203" s="1">
        <v>42576</v>
      </c>
      <c r="B5203" s="3">
        <f t="shared" si="162"/>
        <v>7</v>
      </c>
      <c r="C5203" s="3">
        <f t="shared" si="163"/>
        <v>2016</v>
      </c>
      <c r="D5203" t="s">
        <v>1770</v>
      </c>
      <c r="E5203" t="s">
        <v>156</v>
      </c>
      <c r="F5203" t="s">
        <v>33</v>
      </c>
      <c r="G5203" t="s">
        <v>34</v>
      </c>
      <c r="H5203" t="s">
        <v>1483</v>
      </c>
      <c r="I5203">
        <v>403.56</v>
      </c>
      <c r="J5203">
        <v>4</v>
      </c>
      <c r="K5203">
        <v>96.85</v>
      </c>
    </row>
    <row r="5204" spans="1:11" x14ac:dyDescent="0.3">
      <c r="A5204" s="1">
        <v>42576</v>
      </c>
      <c r="B5204" s="3">
        <f t="shared" si="162"/>
        <v>7</v>
      </c>
      <c r="C5204" s="3">
        <f t="shared" si="163"/>
        <v>2016</v>
      </c>
      <c r="D5204" t="s">
        <v>1770</v>
      </c>
      <c r="E5204" t="s">
        <v>156</v>
      </c>
      <c r="F5204" t="s">
        <v>33</v>
      </c>
      <c r="G5204" t="s">
        <v>46</v>
      </c>
      <c r="H5204" t="s">
        <v>308</v>
      </c>
      <c r="I5204">
        <v>95.2</v>
      </c>
      <c r="J5204">
        <v>5</v>
      </c>
      <c r="K5204">
        <v>27.61</v>
      </c>
    </row>
    <row r="5205" spans="1:11" x14ac:dyDescent="0.3">
      <c r="A5205" s="1">
        <v>42579</v>
      </c>
      <c r="B5205" s="3">
        <f t="shared" si="162"/>
        <v>7</v>
      </c>
      <c r="C5205" s="3">
        <f t="shared" si="163"/>
        <v>2016</v>
      </c>
      <c r="D5205" t="s">
        <v>1671</v>
      </c>
      <c r="E5205" t="s">
        <v>109</v>
      </c>
      <c r="F5205" t="s">
        <v>10</v>
      </c>
      <c r="G5205" t="s">
        <v>42</v>
      </c>
      <c r="H5205" t="s">
        <v>159</v>
      </c>
      <c r="I5205">
        <v>20.440000000000001</v>
      </c>
      <c r="J5205">
        <v>7</v>
      </c>
      <c r="K5205">
        <v>9.1999999999999993</v>
      </c>
    </row>
    <row r="5206" spans="1:11" x14ac:dyDescent="0.3">
      <c r="A5206" s="1">
        <v>42579</v>
      </c>
      <c r="B5206" s="3">
        <f t="shared" si="162"/>
        <v>7</v>
      </c>
      <c r="C5206" s="3">
        <f t="shared" si="163"/>
        <v>2016</v>
      </c>
      <c r="D5206" t="s">
        <v>1671</v>
      </c>
      <c r="E5206" t="s">
        <v>109</v>
      </c>
      <c r="F5206" t="s">
        <v>10</v>
      </c>
      <c r="G5206" t="s">
        <v>11</v>
      </c>
      <c r="H5206" t="s">
        <v>311</v>
      </c>
      <c r="I5206">
        <v>109.92</v>
      </c>
      <c r="J5206">
        <v>2</v>
      </c>
      <c r="K5206">
        <v>53.86</v>
      </c>
    </row>
    <row r="5207" spans="1:11" x14ac:dyDescent="0.3">
      <c r="A5207" s="1">
        <v>42579</v>
      </c>
      <c r="B5207" s="3">
        <f t="shared" si="162"/>
        <v>7</v>
      </c>
      <c r="C5207" s="3">
        <f t="shared" si="163"/>
        <v>2016</v>
      </c>
      <c r="D5207" t="s">
        <v>1821</v>
      </c>
      <c r="E5207" t="s">
        <v>26</v>
      </c>
      <c r="F5207" t="s">
        <v>10</v>
      </c>
      <c r="G5207" t="s">
        <v>15</v>
      </c>
      <c r="H5207" t="s">
        <v>249</v>
      </c>
      <c r="I5207">
        <v>18.899999999999999</v>
      </c>
      <c r="J5207">
        <v>3</v>
      </c>
      <c r="K5207">
        <v>8.69</v>
      </c>
    </row>
    <row r="5208" spans="1:11" x14ac:dyDescent="0.3">
      <c r="A5208" s="1">
        <v>42579</v>
      </c>
      <c r="B5208" s="3">
        <f t="shared" si="162"/>
        <v>7</v>
      </c>
      <c r="C5208" s="3">
        <f t="shared" si="163"/>
        <v>2016</v>
      </c>
      <c r="D5208" t="s">
        <v>2036</v>
      </c>
      <c r="E5208" t="s">
        <v>22</v>
      </c>
      <c r="F5208" t="s">
        <v>33</v>
      </c>
      <c r="G5208" t="s">
        <v>73</v>
      </c>
      <c r="H5208" t="s">
        <v>141</v>
      </c>
      <c r="I5208">
        <v>177.45</v>
      </c>
      <c r="J5208">
        <v>5</v>
      </c>
      <c r="K5208">
        <v>-78.08</v>
      </c>
    </row>
    <row r="5209" spans="1:11" x14ac:dyDescent="0.3">
      <c r="A5209" s="1">
        <v>42579</v>
      </c>
      <c r="B5209" s="3">
        <f t="shared" si="162"/>
        <v>7</v>
      </c>
      <c r="C5209" s="3">
        <f t="shared" si="163"/>
        <v>2016</v>
      </c>
      <c r="D5209" t="s">
        <v>2036</v>
      </c>
      <c r="E5209" t="s">
        <v>22</v>
      </c>
      <c r="F5209" t="s">
        <v>10</v>
      </c>
      <c r="G5209" t="s">
        <v>19</v>
      </c>
      <c r="H5209" t="s">
        <v>2126</v>
      </c>
      <c r="I5209">
        <v>1369.76</v>
      </c>
      <c r="J5209">
        <v>6</v>
      </c>
      <c r="K5209">
        <v>-913.18</v>
      </c>
    </row>
    <row r="5210" spans="1:11" x14ac:dyDescent="0.3">
      <c r="A5210" s="1">
        <v>42579</v>
      </c>
      <c r="B5210" s="3">
        <f t="shared" si="162"/>
        <v>7</v>
      </c>
      <c r="C5210" s="3">
        <f t="shared" si="163"/>
        <v>2016</v>
      </c>
      <c r="D5210" t="s">
        <v>2036</v>
      </c>
      <c r="E5210" t="s">
        <v>22</v>
      </c>
      <c r="F5210" t="s">
        <v>10</v>
      </c>
      <c r="G5210" t="s">
        <v>91</v>
      </c>
      <c r="H5210" t="s">
        <v>1467</v>
      </c>
      <c r="I5210">
        <v>9.48</v>
      </c>
      <c r="J5210">
        <v>3</v>
      </c>
      <c r="K5210">
        <v>0.71</v>
      </c>
    </row>
    <row r="5211" spans="1:11" x14ac:dyDescent="0.3">
      <c r="A5211" s="1">
        <v>42579</v>
      </c>
      <c r="B5211" s="3">
        <f t="shared" si="162"/>
        <v>7</v>
      </c>
      <c r="C5211" s="3">
        <f t="shared" si="163"/>
        <v>2016</v>
      </c>
      <c r="D5211" t="s">
        <v>1377</v>
      </c>
      <c r="E5211" t="s">
        <v>9</v>
      </c>
      <c r="F5211" t="s">
        <v>33</v>
      </c>
      <c r="G5211" t="s">
        <v>46</v>
      </c>
      <c r="H5211" t="s">
        <v>1106</v>
      </c>
      <c r="I5211">
        <v>24.7</v>
      </c>
      <c r="J5211">
        <v>5</v>
      </c>
      <c r="K5211">
        <v>-9.8800000000000008</v>
      </c>
    </row>
    <row r="5212" spans="1:11" x14ac:dyDescent="0.3">
      <c r="A5212" s="1">
        <v>42579</v>
      </c>
      <c r="B5212" s="3">
        <f t="shared" si="162"/>
        <v>7</v>
      </c>
      <c r="C5212" s="3">
        <f t="shared" si="163"/>
        <v>2016</v>
      </c>
      <c r="D5212" t="s">
        <v>1377</v>
      </c>
      <c r="E5212" t="s">
        <v>9</v>
      </c>
      <c r="F5212" t="s">
        <v>33</v>
      </c>
      <c r="G5212" t="s">
        <v>46</v>
      </c>
      <c r="H5212" t="s">
        <v>2573</v>
      </c>
      <c r="I5212">
        <v>302.72000000000003</v>
      </c>
      <c r="J5212">
        <v>5</v>
      </c>
      <c r="K5212">
        <v>-378.4</v>
      </c>
    </row>
    <row r="5213" spans="1:11" x14ac:dyDescent="0.3">
      <c r="A5213" s="1">
        <v>42580</v>
      </c>
      <c r="B5213" s="3">
        <f t="shared" si="162"/>
        <v>7</v>
      </c>
      <c r="C5213" s="3">
        <f t="shared" si="163"/>
        <v>2016</v>
      </c>
      <c r="D5213" t="s">
        <v>28</v>
      </c>
      <c r="E5213" t="s">
        <v>22</v>
      </c>
      <c r="F5213" t="s">
        <v>10</v>
      </c>
      <c r="G5213" t="s">
        <v>17</v>
      </c>
      <c r="H5213" t="s">
        <v>1373</v>
      </c>
      <c r="I5213">
        <v>84.78</v>
      </c>
      <c r="J5213">
        <v>2</v>
      </c>
      <c r="K5213">
        <v>-16.96</v>
      </c>
    </row>
    <row r="5214" spans="1:11" x14ac:dyDescent="0.3">
      <c r="A5214" s="1">
        <v>42580</v>
      </c>
      <c r="B5214" s="3">
        <f t="shared" si="162"/>
        <v>7</v>
      </c>
      <c r="C5214" s="3">
        <f t="shared" si="163"/>
        <v>2016</v>
      </c>
      <c r="D5214" t="s">
        <v>1642</v>
      </c>
      <c r="E5214" t="s">
        <v>122</v>
      </c>
      <c r="F5214" t="s">
        <v>10</v>
      </c>
      <c r="G5214" t="s">
        <v>19</v>
      </c>
      <c r="H5214" t="s">
        <v>1576</v>
      </c>
      <c r="I5214">
        <v>2.21</v>
      </c>
      <c r="J5214">
        <v>3</v>
      </c>
      <c r="K5214">
        <v>-1.48</v>
      </c>
    </row>
    <row r="5215" spans="1:11" x14ac:dyDescent="0.3">
      <c r="A5215" s="1">
        <v>42580</v>
      </c>
      <c r="B5215" s="3">
        <f t="shared" si="162"/>
        <v>7</v>
      </c>
      <c r="C5215" s="3">
        <f t="shared" si="163"/>
        <v>2016</v>
      </c>
      <c r="D5215" t="s">
        <v>2377</v>
      </c>
      <c r="E5215" t="s">
        <v>244</v>
      </c>
      <c r="F5215" t="s">
        <v>10</v>
      </c>
      <c r="G5215" t="s">
        <v>17</v>
      </c>
      <c r="H5215" t="s">
        <v>1448</v>
      </c>
      <c r="I5215">
        <v>704.76</v>
      </c>
      <c r="J5215">
        <v>5</v>
      </c>
      <c r="K5215">
        <v>26.43</v>
      </c>
    </row>
    <row r="5216" spans="1:11" x14ac:dyDescent="0.3">
      <c r="A5216" s="1">
        <v>42580</v>
      </c>
      <c r="B5216" s="3">
        <f t="shared" si="162"/>
        <v>7</v>
      </c>
      <c r="C5216" s="3">
        <f t="shared" si="163"/>
        <v>2016</v>
      </c>
      <c r="D5216" t="s">
        <v>2377</v>
      </c>
      <c r="E5216" t="s">
        <v>244</v>
      </c>
      <c r="F5216" t="s">
        <v>10</v>
      </c>
      <c r="G5216" t="s">
        <v>19</v>
      </c>
      <c r="H5216" t="s">
        <v>1280</v>
      </c>
      <c r="I5216">
        <v>27.4</v>
      </c>
      <c r="J5216">
        <v>3</v>
      </c>
      <c r="K5216">
        <v>-20.09</v>
      </c>
    </row>
    <row r="5217" spans="1:11" x14ac:dyDescent="0.3">
      <c r="A5217" s="1">
        <v>42581</v>
      </c>
      <c r="B5217" s="3">
        <f t="shared" si="162"/>
        <v>7</v>
      </c>
      <c r="C5217" s="3">
        <f t="shared" si="163"/>
        <v>2016</v>
      </c>
      <c r="D5217" t="s">
        <v>1496</v>
      </c>
      <c r="E5217" t="s">
        <v>9</v>
      </c>
      <c r="F5217" t="s">
        <v>10</v>
      </c>
      <c r="G5217" t="s">
        <v>19</v>
      </c>
      <c r="H5217" t="s">
        <v>1508</v>
      </c>
      <c r="I5217">
        <v>9.26</v>
      </c>
      <c r="J5217">
        <v>3</v>
      </c>
      <c r="K5217">
        <v>-13.9</v>
      </c>
    </row>
    <row r="5218" spans="1:11" x14ac:dyDescent="0.3">
      <c r="A5218" s="1">
        <v>42581</v>
      </c>
      <c r="B5218" s="3">
        <f t="shared" si="162"/>
        <v>7</v>
      </c>
      <c r="C5218" s="3">
        <f t="shared" si="163"/>
        <v>2016</v>
      </c>
      <c r="D5218" t="s">
        <v>595</v>
      </c>
      <c r="E5218" t="s">
        <v>14</v>
      </c>
      <c r="F5218" t="s">
        <v>10</v>
      </c>
      <c r="G5218" t="s">
        <v>15</v>
      </c>
      <c r="H5218" t="s">
        <v>2574</v>
      </c>
      <c r="I5218">
        <v>9.25</v>
      </c>
      <c r="J5218">
        <v>4</v>
      </c>
      <c r="K5218">
        <v>3.12</v>
      </c>
    </row>
    <row r="5219" spans="1:11" x14ac:dyDescent="0.3">
      <c r="A5219" s="1">
        <v>42581</v>
      </c>
      <c r="B5219" s="3">
        <f t="shared" si="162"/>
        <v>7</v>
      </c>
      <c r="C5219" s="3">
        <f t="shared" si="163"/>
        <v>2016</v>
      </c>
      <c r="D5219" t="s">
        <v>595</v>
      </c>
      <c r="E5219" t="s">
        <v>14</v>
      </c>
      <c r="F5219" t="s">
        <v>10</v>
      </c>
      <c r="G5219" t="s">
        <v>17</v>
      </c>
      <c r="H5219" t="s">
        <v>2109</v>
      </c>
      <c r="I5219">
        <v>1036.6199999999999</v>
      </c>
      <c r="J5219">
        <v>2</v>
      </c>
      <c r="K5219">
        <v>51.83</v>
      </c>
    </row>
    <row r="5220" spans="1:11" x14ac:dyDescent="0.3">
      <c r="A5220" s="1">
        <v>42581</v>
      </c>
      <c r="B5220" s="3">
        <f t="shared" si="162"/>
        <v>7</v>
      </c>
      <c r="C5220" s="3">
        <f t="shared" si="163"/>
        <v>2016</v>
      </c>
      <c r="D5220" t="s">
        <v>882</v>
      </c>
      <c r="E5220" t="s">
        <v>26</v>
      </c>
      <c r="F5220" t="s">
        <v>10</v>
      </c>
      <c r="G5220" t="s">
        <v>91</v>
      </c>
      <c r="H5220" t="s">
        <v>1996</v>
      </c>
      <c r="I5220">
        <v>715.64</v>
      </c>
      <c r="J5220">
        <v>2</v>
      </c>
      <c r="K5220">
        <v>178.91</v>
      </c>
    </row>
    <row r="5221" spans="1:11" x14ac:dyDescent="0.3">
      <c r="A5221" s="1">
        <v>42582</v>
      </c>
      <c r="B5221" s="3">
        <f t="shared" si="162"/>
        <v>7</v>
      </c>
      <c r="C5221" s="3">
        <f t="shared" si="163"/>
        <v>2016</v>
      </c>
      <c r="D5221" t="s">
        <v>1011</v>
      </c>
      <c r="E5221" t="s">
        <v>109</v>
      </c>
      <c r="F5221" t="s">
        <v>10</v>
      </c>
      <c r="G5221" t="s">
        <v>91</v>
      </c>
      <c r="H5221" t="s">
        <v>745</v>
      </c>
      <c r="I5221">
        <v>283.14</v>
      </c>
      <c r="J5221">
        <v>4</v>
      </c>
      <c r="K5221">
        <v>72.36</v>
      </c>
    </row>
    <row r="5222" spans="1:11" x14ac:dyDescent="0.3">
      <c r="A5222" s="1">
        <v>42582</v>
      </c>
      <c r="B5222" s="3">
        <f t="shared" si="162"/>
        <v>7</v>
      </c>
      <c r="C5222" s="3">
        <f t="shared" si="163"/>
        <v>2016</v>
      </c>
      <c r="D5222" t="s">
        <v>1011</v>
      </c>
      <c r="E5222" t="s">
        <v>109</v>
      </c>
      <c r="F5222" t="s">
        <v>38</v>
      </c>
      <c r="G5222" t="s">
        <v>39</v>
      </c>
      <c r="H5222" t="s">
        <v>2296</v>
      </c>
      <c r="I5222">
        <v>635.96</v>
      </c>
      <c r="J5222">
        <v>4</v>
      </c>
      <c r="K5222">
        <v>165.35</v>
      </c>
    </row>
    <row r="5223" spans="1:11" x14ac:dyDescent="0.3">
      <c r="A5223" s="1">
        <v>42582</v>
      </c>
      <c r="B5223" s="3">
        <f t="shared" si="162"/>
        <v>7</v>
      </c>
      <c r="C5223" s="3">
        <f t="shared" si="163"/>
        <v>2016</v>
      </c>
      <c r="D5223" t="s">
        <v>1011</v>
      </c>
      <c r="E5223" t="s">
        <v>109</v>
      </c>
      <c r="F5223" t="s">
        <v>38</v>
      </c>
      <c r="G5223" t="s">
        <v>39</v>
      </c>
      <c r="H5223" t="s">
        <v>1563</v>
      </c>
      <c r="I5223">
        <v>118.99</v>
      </c>
      <c r="J5223">
        <v>1</v>
      </c>
      <c r="K5223">
        <v>33.32</v>
      </c>
    </row>
    <row r="5224" spans="1:11" x14ac:dyDescent="0.3">
      <c r="A5224" s="1">
        <v>42582</v>
      </c>
      <c r="B5224" s="3">
        <f t="shared" si="162"/>
        <v>7</v>
      </c>
      <c r="C5224" s="3">
        <f t="shared" si="163"/>
        <v>2016</v>
      </c>
      <c r="D5224" t="s">
        <v>1011</v>
      </c>
      <c r="E5224" t="s">
        <v>109</v>
      </c>
      <c r="F5224" t="s">
        <v>33</v>
      </c>
      <c r="G5224" t="s">
        <v>46</v>
      </c>
      <c r="H5224" t="s">
        <v>111</v>
      </c>
      <c r="I5224">
        <v>272.94</v>
      </c>
      <c r="J5224">
        <v>3</v>
      </c>
      <c r="K5224">
        <v>30.02</v>
      </c>
    </row>
    <row r="5225" spans="1:11" x14ac:dyDescent="0.3">
      <c r="A5225" s="1">
        <v>42582</v>
      </c>
      <c r="B5225" s="3">
        <f t="shared" si="162"/>
        <v>7</v>
      </c>
      <c r="C5225" s="3">
        <f t="shared" si="163"/>
        <v>2016</v>
      </c>
      <c r="D5225" t="s">
        <v>442</v>
      </c>
      <c r="E5225" t="s">
        <v>26</v>
      </c>
      <c r="F5225" t="s">
        <v>33</v>
      </c>
      <c r="G5225" t="s">
        <v>144</v>
      </c>
      <c r="H5225" t="s">
        <v>2002</v>
      </c>
      <c r="I5225">
        <v>863.13</v>
      </c>
      <c r="J5225">
        <v>7</v>
      </c>
      <c r="K5225">
        <v>-32.369999999999997</v>
      </c>
    </row>
    <row r="5226" spans="1:11" x14ac:dyDescent="0.3">
      <c r="A5226" s="1">
        <v>42583</v>
      </c>
      <c r="B5226" s="3">
        <f t="shared" si="162"/>
        <v>8</v>
      </c>
      <c r="C5226" s="3">
        <f t="shared" si="163"/>
        <v>2016</v>
      </c>
      <c r="D5226" t="s">
        <v>409</v>
      </c>
      <c r="E5226" t="s">
        <v>9</v>
      </c>
      <c r="F5226" t="s">
        <v>10</v>
      </c>
      <c r="G5226" t="s">
        <v>11</v>
      </c>
      <c r="H5226" t="s">
        <v>624</v>
      </c>
      <c r="I5226">
        <v>19.649999999999999</v>
      </c>
      <c r="J5226">
        <v>2</v>
      </c>
      <c r="K5226">
        <v>6.63</v>
      </c>
    </row>
    <row r="5227" spans="1:11" x14ac:dyDescent="0.3">
      <c r="A5227" s="1">
        <v>42583</v>
      </c>
      <c r="B5227" s="3">
        <f t="shared" si="162"/>
        <v>8</v>
      </c>
      <c r="C5227" s="3">
        <f t="shared" si="163"/>
        <v>2016</v>
      </c>
      <c r="D5227" t="s">
        <v>354</v>
      </c>
      <c r="E5227" t="s">
        <v>26</v>
      </c>
      <c r="F5227" t="s">
        <v>38</v>
      </c>
      <c r="G5227" t="s">
        <v>39</v>
      </c>
      <c r="H5227" t="s">
        <v>675</v>
      </c>
      <c r="I5227">
        <v>1039.73</v>
      </c>
      <c r="J5227">
        <v>2</v>
      </c>
      <c r="K5227">
        <v>90.98</v>
      </c>
    </row>
    <row r="5228" spans="1:11" x14ac:dyDescent="0.3">
      <c r="A5228" s="1">
        <v>42583</v>
      </c>
      <c r="B5228" s="3">
        <f t="shared" si="162"/>
        <v>8</v>
      </c>
      <c r="C5228" s="3">
        <f t="shared" si="163"/>
        <v>2016</v>
      </c>
      <c r="D5228" t="s">
        <v>354</v>
      </c>
      <c r="E5228" t="s">
        <v>26</v>
      </c>
      <c r="F5228" t="s">
        <v>10</v>
      </c>
      <c r="G5228" t="s">
        <v>91</v>
      </c>
      <c r="H5228" t="s">
        <v>800</v>
      </c>
      <c r="I5228">
        <v>45.96</v>
      </c>
      <c r="J5228">
        <v>2</v>
      </c>
      <c r="K5228">
        <v>13.79</v>
      </c>
    </row>
    <row r="5229" spans="1:11" x14ac:dyDescent="0.3">
      <c r="A5229" s="1">
        <v>42583</v>
      </c>
      <c r="B5229" s="3">
        <f t="shared" si="162"/>
        <v>8</v>
      </c>
      <c r="C5229" s="3">
        <f t="shared" si="163"/>
        <v>2016</v>
      </c>
      <c r="D5229" t="s">
        <v>1821</v>
      </c>
      <c r="E5229" t="s">
        <v>22</v>
      </c>
      <c r="F5229" t="s">
        <v>33</v>
      </c>
      <c r="G5229" t="s">
        <v>46</v>
      </c>
      <c r="H5229" t="s">
        <v>2575</v>
      </c>
      <c r="I5229">
        <v>19.309999999999999</v>
      </c>
      <c r="J5229">
        <v>2</v>
      </c>
      <c r="K5229">
        <v>3.14</v>
      </c>
    </row>
    <row r="5230" spans="1:11" x14ac:dyDescent="0.3">
      <c r="A5230" s="1">
        <v>42584</v>
      </c>
      <c r="B5230" s="3">
        <f t="shared" si="162"/>
        <v>8</v>
      </c>
      <c r="C5230" s="3">
        <f t="shared" si="163"/>
        <v>2016</v>
      </c>
      <c r="D5230" t="s">
        <v>201</v>
      </c>
      <c r="E5230" t="s">
        <v>26</v>
      </c>
      <c r="F5230" t="s">
        <v>33</v>
      </c>
      <c r="G5230" t="s">
        <v>144</v>
      </c>
      <c r="H5230" t="s">
        <v>2576</v>
      </c>
      <c r="I5230">
        <v>136.46</v>
      </c>
      <c r="J5230">
        <v>2</v>
      </c>
      <c r="K5230">
        <v>15.35</v>
      </c>
    </row>
    <row r="5231" spans="1:11" x14ac:dyDescent="0.3">
      <c r="A5231" s="1">
        <v>42584</v>
      </c>
      <c r="B5231" s="3">
        <f t="shared" si="162"/>
        <v>8</v>
      </c>
      <c r="C5231" s="3">
        <f t="shared" si="163"/>
        <v>2016</v>
      </c>
      <c r="D5231" t="s">
        <v>201</v>
      </c>
      <c r="E5231" t="s">
        <v>26</v>
      </c>
      <c r="F5231" t="s">
        <v>38</v>
      </c>
      <c r="G5231" t="s">
        <v>39</v>
      </c>
      <c r="H5231" t="s">
        <v>2526</v>
      </c>
      <c r="I5231">
        <v>333.58</v>
      </c>
      <c r="J5231">
        <v>3</v>
      </c>
      <c r="K5231">
        <v>33.36</v>
      </c>
    </row>
    <row r="5232" spans="1:11" x14ac:dyDescent="0.3">
      <c r="A5232" s="1">
        <v>42584</v>
      </c>
      <c r="B5232" s="3">
        <f t="shared" si="162"/>
        <v>8</v>
      </c>
      <c r="C5232" s="3">
        <f t="shared" si="163"/>
        <v>2016</v>
      </c>
      <c r="D5232" t="s">
        <v>201</v>
      </c>
      <c r="E5232" t="s">
        <v>26</v>
      </c>
      <c r="F5232" t="s">
        <v>10</v>
      </c>
      <c r="G5232" t="s">
        <v>19</v>
      </c>
      <c r="H5232" t="s">
        <v>1969</v>
      </c>
      <c r="I5232">
        <v>12.54</v>
      </c>
      <c r="J5232">
        <v>2</v>
      </c>
      <c r="K5232">
        <v>4.7</v>
      </c>
    </row>
    <row r="5233" spans="1:11" x14ac:dyDescent="0.3">
      <c r="A5233" s="1">
        <v>42585</v>
      </c>
      <c r="B5233" s="3">
        <f t="shared" si="162"/>
        <v>8</v>
      </c>
      <c r="C5233" s="3">
        <f t="shared" si="163"/>
        <v>2016</v>
      </c>
      <c r="D5233" t="s">
        <v>2577</v>
      </c>
      <c r="E5233" t="s">
        <v>839</v>
      </c>
      <c r="F5233" t="s">
        <v>10</v>
      </c>
      <c r="G5233" t="s">
        <v>62</v>
      </c>
      <c r="H5233" t="s">
        <v>97</v>
      </c>
      <c r="I5233">
        <v>81.540000000000006</v>
      </c>
      <c r="J5233">
        <v>3</v>
      </c>
      <c r="K5233">
        <v>38.32</v>
      </c>
    </row>
    <row r="5234" spans="1:11" x14ac:dyDescent="0.3">
      <c r="A5234" s="1">
        <v>42585</v>
      </c>
      <c r="B5234" s="3">
        <f t="shared" si="162"/>
        <v>8</v>
      </c>
      <c r="C5234" s="3">
        <f t="shared" si="163"/>
        <v>2016</v>
      </c>
      <c r="D5234" t="s">
        <v>2577</v>
      </c>
      <c r="E5234" t="s">
        <v>839</v>
      </c>
      <c r="F5234" t="s">
        <v>38</v>
      </c>
      <c r="G5234" t="s">
        <v>51</v>
      </c>
      <c r="H5234" t="s">
        <v>2578</v>
      </c>
      <c r="I5234">
        <v>167.28</v>
      </c>
      <c r="J5234">
        <v>12</v>
      </c>
      <c r="K5234">
        <v>23.42</v>
      </c>
    </row>
    <row r="5235" spans="1:11" x14ac:dyDescent="0.3">
      <c r="A5235" s="1">
        <v>42586</v>
      </c>
      <c r="B5235" s="3">
        <f t="shared" si="162"/>
        <v>8</v>
      </c>
      <c r="C5235" s="3">
        <f t="shared" si="163"/>
        <v>2016</v>
      </c>
      <c r="D5235" t="s">
        <v>2579</v>
      </c>
      <c r="E5235" t="s">
        <v>54</v>
      </c>
      <c r="F5235" t="s">
        <v>10</v>
      </c>
      <c r="G5235" t="s">
        <v>199</v>
      </c>
      <c r="H5235" t="s">
        <v>2055</v>
      </c>
      <c r="I5235">
        <v>35.06</v>
      </c>
      <c r="J5235">
        <v>2</v>
      </c>
      <c r="K5235">
        <v>10.52</v>
      </c>
    </row>
    <row r="5236" spans="1:11" x14ac:dyDescent="0.3">
      <c r="A5236" s="1">
        <v>42586</v>
      </c>
      <c r="B5236" s="3">
        <f t="shared" si="162"/>
        <v>8</v>
      </c>
      <c r="C5236" s="3">
        <f t="shared" si="163"/>
        <v>2016</v>
      </c>
      <c r="D5236" t="s">
        <v>2579</v>
      </c>
      <c r="E5236" t="s">
        <v>54</v>
      </c>
      <c r="F5236" t="s">
        <v>10</v>
      </c>
      <c r="G5236" t="s">
        <v>15</v>
      </c>
      <c r="H5236" t="s">
        <v>376</v>
      </c>
      <c r="I5236">
        <v>4.13</v>
      </c>
      <c r="J5236">
        <v>1</v>
      </c>
      <c r="K5236">
        <v>1.9</v>
      </c>
    </row>
    <row r="5237" spans="1:11" x14ac:dyDescent="0.3">
      <c r="A5237" s="1">
        <v>42586</v>
      </c>
      <c r="B5237" s="3">
        <f t="shared" si="162"/>
        <v>8</v>
      </c>
      <c r="C5237" s="3">
        <f t="shared" si="163"/>
        <v>2016</v>
      </c>
      <c r="D5237" t="s">
        <v>2579</v>
      </c>
      <c r="E5237" t="s">
        <v>54</v>
      </c>
      <c r="F5237" t="s">
        <v>33</v>
      </c>
      <c r="G5237" t="s">
        <v>46</v>
      </c>
      <c r="H5237" t="s">
        <v>912</v>
      </c>
      <c r="I5237">
        <v>109.8</v>
      </c>
      <c r="J5237">
        <v>9</v>
      </c>
      <c r="K5237">
        <v>46.12</v>
      </c>
    </row>
    <row r="5238" spans="1:11" x14ac:dyDescent="0.3">
      <c r="A5238" s="1">
        <v>42586</v>
      </c>
      <c r="B5238" s="3">
        <f t="shared" si="162"/>
        <v>8</v>
      </c>
      <c r="C5238" s="3">
        <f t="shared" si="163"/>
        <v>2016</v>
      </c>
      <c r="D5238" t="s">
        <v>2579</v>
      </c>
      <c r="E5238" t="s">
        <v>54</v>
      </c>
      <c r="F5238" t="s">
        <v>10</v>
      </c>
      <c r="G5238" t="s">
        <v>15</v>
      </c>
      <c r="H5238" t="s">
        <v>2580</v>
      </c>
      <c r="I5238">
        <v>9.82</v>
      </c>
      <c r="J5238">
        <v>2</v>
      </c>
      <c r="K5238">
        <v>4.8099999999999996</v>
      </c>
    </row>
    <row r="5239" spans="1:11" x14ac:dyDescent="0.3">
      <c r="A5239" s="1">
        <v>42586</v>
      </c>
      <c r="B5239" s="3">
        <f t="shared" si="162"/>
        <v>8</v>
      </c>
      <c r="C5239" s="3">
        <f t="shared" si="163"/>
        <v>2016</v>
      </c>
      <c r="D5239" t="s">
        <v>1780</v>
      </c>
      <c r="E5239" t="s">
        <v>14</v>
      </c>
      <c r="F5239" t="s">
        <v>10</v>
      </c>
      <c r="G5239" t="s">
        <v>19</v>
      </c>
      <c r="H5239" t="s">
        <v>2172</v>
      </c>
      <c r="I5239">
        <v>3.98</v>
      </c>
      <c r="J5239">
        <v>5</v>
      </c>
      <c r="K5239">
        <v>-6.57</v>
      </c>
    </row>
    <row r="5240" spans="1:11" x14ac:dyDescent="0.3">
      <c r="A5240" s="1">
        <v>42586</v>
      </c>
      <c r="B5240" s="3">
        <f t="shared" si="162"/>
        <v>8</v>
      </c>
      <c r="C5240" s="3">
        <f t="shared" si="163"/>
        <v>2016</v>
      </c>
      <c r="D5240" t="s">
        <v>211</v>
      </c>
      <c r="E5240" t="s">
        <v>26</v>
      </c>
      <c r="F5240" t="s">
        <v>38</v>
      </c>
      <c r="G5240" t="s">
        <v>39</v>
      </c>
      <c r="H5240" t="s">
        <v>798</v>
      </c>
      <c r="I5240">
        <v>302.38</v>
      </c>
      <c r="J5240">
        <v>2</v>
      </c>
      <c r="K5240">
        <v>30.24</v>
      </c>
    </row>
    <row r="5241" spans="1:11" x14ac:dyDescent="0.3">
      <c r="A5241" s="1">
        <v>42586</v>
      </c>
      <c r="B5241" s="3">
        <f t="shared" si="162"/>
        <v>8</v>
      </c>
      <c r="C5241" s="3">
        <f t="shared" si="163"/>
        <v>2016</v>
      </c>
      <c r="D5241" t="s">
        <v>211</v>
      </c>
      <c r="E5241" t="s">
        <v>26</v>
      </c>
      <c r="F5241" t="s">
        <v>10</v>
      </c>
      <c r="G5241" t="s">
        <v>19</v>
      </c>
      <c r="H5241" t="s">
        <v>183</v>
      </c>
      <c r="I5241">
        <v>20.95</v>
      </c>
      <c r="J5241">
        <v>3</v>
      </c>
      <c r="K5241">
        <v>7.07</v>
      </c>
    </row>
    <row r="5242" spans="1:11" x14ac:dyDescent="0.3">
      <c r="A5242" s="1">
        <v>42586</v>
      </c>
      <c r="B5242" s="3">
        <f t="shared" si="162"/>
        <v>8</v>
      </c>
      <c r="C5242" s="3">
        <f t="shared" si="163"/>
        <v>2016</v>
      </c>
      <c r="D5242" t="s">
        <v>211</v>
      </c>
      <c r="E5242" t="s">
        <v>26</v>
      </c>
      <c r="F5242" t="s">
        <v>10</v>
      </c>
      <c r="G5242" t="s">
        <v>19</v>
      </c>
      <c r="H5242" t="s">
        <v>149</v>
      </c>
      <c r="I5242">
        <v>11.78</v>
      </c>
      <c r="J5242">
        <v>3</v>
      </c>
      <c r="K5242">
        <v>3.98</v>
      </c>
    </row>
    <row r="5243" spans="1:11" x14ac:dyDescent="0.3">
      <c r="A5243" s="1">
        <v>42587</v>
      </c>
      <c r="B5243" s="3">
        <f t="shared" si="162"/>
        <v>8</v>
      </c>
      <c r="C5243" s="3">
        <f t="shared" si="163"/>
        <v>2016</v>
      </c>
      <c r="D5243" t="s">
        <v>1866</v>
      </c>
      <c r="E5243" t="s">
        <v>487</v>
      </c>
      <c r="F5243" t="s">
        <v>10</v>
      </c>
      <c r="G5243" t="s">
        <v>23</v>
      </c>
      <c r="H5243" t="s">
        <v>2134</v>
      </c>
      <c r="I5243">
        <v>197.05</v>
      </c>
      <c r="J5243">
        <v>7</v>
      </c>
      <c r="K5243">
        <v>59.12</v>
      </c>
    </row>
    <row r="5244" spans="1:11" x14ac:dyDescent="0.3">
      <c r="A5244" s="1">
        <v>42588</v>
      </c>
      <c r="B5244" s="3">
        <f t="shared" si="162"/>
        <v>8</v>
      </c>
      <c r="C5244" s="3">
        <f t="shared" si="163"/>
        <v>2016</v>
      </c>
      <c r="D5244" t="s">
        <v>442</v>
      </c>
      <c r="E5244" t="s">
        <v>148</v>
      </c>
      <c r="F5244" t="s">
        <v>10</v>
      </c>
      <c r="G5244" t="s">
        <v>11</v>
      </c>
      <c r="H5244" t="s">
        <v>624</v>
      </c>
      <c r="I5244">
        <v>70.88</v>
      </c>
      <c r="J5244">
        <v>2</v>
      </c>
      <c r="K5244">
        <v>33.31</v>
      </c>
    </row>
    <row r="5245" spans="1:11" x14ac:dyDescent="0.3">
      <c r="A5245" s="1">
        <v>42588</v>
      </c>
      <c r="B5245" s="3">
        <f t="shared" si="162"/>
        <v>8</v>
      </c>
      <c r="C5245" s="3">
        <f t="shared" si="163"/>
        <v>2016</v>
      </c>
      <c r="D5245" t="s">
        <v>1092</v>
      </c>
      <c r="E5245" t="s">
        <v>26</v>
      </c>
      <c r="F5245" t="s">
        <v>38</v>
      </c>
      <c r="G5245" t="s">
        <v>39</v>
      </c>
      <c r="H5245" t="s">
        <v>2299</v>
      </c>
      <c r="I5245">
        <v>211.17</v>
      </c>
      <c r="J5245">
        <v>4</v>
      </c>
      <c r="K5245">
        <v>18.48</v>
      </c>
    </row>
    <row r="5246" spans="1:11" x14ac:dyDescent="0.3">
      <c r="A5246" s="1">
        <v>42588</v>
      </c>
      <c r="B5246" s="3">
        <f t="shared" si="162"/>
        <v>8</v>
      </c>
      <c r="C5246" s="3">
        <f t="shared" si="163"/>
        <v>2016</v>
      </c>
      <c r="D5246" t="s">
        <v>877</v>
      </c>
      <c r="E5246" t="s">
        <v>148</v>
      </c>
      <c r="F5246" t="s">
        <v>10</v>
      </c>
      <c r="G5246" t="s">
        <v>23</v>
      </c>
      <c r="H5246" t="s">
        <v>30</v>
      </c>
      <c r="I5246">
        <v>38.340000000000003</v>
      </c>
      <c r="J5246">
        <v>9</v>
      </c>
      <c r="K5246">
        <v>15.72</v>
      </c>
    </row>
    <row r="5247" spans="1:11" x14ac:dyDescent="0.3">
      <c r="A5247" s="1">
        <v>42589</v>
      </c>
      <c r="B5247" s="3">
        <f t="shared" si="162"/>
        <v>8</v>
      </c>
      <c r="C5247" s="3">
        <f t="shared" si="163"/>
        <v>2016</v>
      </c>
      <c r="D5247" t="s">
        <v>1162</v>
      </c>
      <c r="E5247" t="s">
        <v>163</v>
      </c>
      <c r="F5247" t="s">
        <v>38</v>
      </c>
      <c r="G5247" t="s">
        <v>51</v>
      </c>
      <c r="H5247" t="s">
        <v>1475</v>
      </c>
      <c r="I5247">
        <v>179.97</v>
      </c>
      <c r="J5247">
        <v>3</v>
      </c>
      <c r="K5247">
        <v>86.39</v>
      </c>
    </row>
    <row r="5248" spans="1:11" x14ac:dyDescent="0.3">
      <c r="A5248" s="1">
        <v>42590</v>
      </c>
      <c r="B5248" s="3">
        <f t="shared" si="162"/>
        <v>8</v>
      </c>
      <c r="C5248" s="3">
        <f t="shared" si="163"/>
        <v>2016</v>
      </c>
      <c r="D5248" t="s">
        <v>1447</v>
      </c>
      <c r="E5248" t="s">
        <v>9</v>
      </c>
      <c r="F5248" t="s">
        <v>10</v>
      </c>
      <c r="G5248" t="s">
        <v>42</v>
      </c>
      <c r="H5248" t="s">
        <v>1560</v>
      </c>
      <c r="I5248">
        <v>11.17</v>
      </c>
      <c r="J5248">
        <v>4</v>
      </c>
      <c r="K5248">
        <v>3.63</v>
      </c>
    </row>
    <row r="5249" spans="1:11" x14ac:dyDescent="0.3">
      <c r="A5249" s="1">
        <v>42590</v>
      </c>
      <c r="B5249" s="3">
        <f t="shared" si="162"/>
        <v>8</v>
      </c>
      <c r="C5249" s="3">
        <f t="shared" si="163"/>
        <v>2016</v>
      </c>
      <c r="D5249" t="s">
        <v>1447</v>
      </c>
      <c r="E5249" t="s">
        <v>9</v>
      </c>
      <c r="F5249" t="s">
        <v>10</v>
      </c>
      <c r="G5249" t="s">
        <v>11</v>
      </c>
      <c r="H5249" t="s">
        <v>2469</v>
      </c>
      <c r="I5249">
        <v>53.95</v>
      </c>
      <c r="J5249">
        <v>3</v>
      </c>
      <c r="K5249">
        <v>17.53</v>
      </c>
    </row>
    <row r="5250" spans="1:11" x14ac:dyDescent="0.3">
      <c r="A5250" s="1">
        <v>42590</v>
      </c>
      <c r="B5250" s="3">
        <f t="shared" ref="B5250:B5313" si="164">MONTH(A:A)</f>
        <v>8</v>
      </c>
      <c r="C5250" s="3">
        <f t="shared" ref="C5250:C5313" si="165">YEAR(A:A)</f>
        <v>2016</v>
      </c>
      <c r="D5250" t="s">
        <v>1961</v>
      </c>
      <c r="E5250" t="s">
        <v>328</v>
      </c>
      <c r="F5250" t="s">
        <v>10</v>
      </c>
      <c r="G5250" t="s">
        <v>42</v>
      </c>
      <c r="H5250" t="s">
        <v>43</v>
      </c>
      <c r="I5250">
        <v>23.34</v>
      </c>
      <c r="J5250">
        <v>3</v>
      </c>
      <c r="K5250">
        <v>0.23</v>
      </c>
    </row>
    <row r="5251" spans="1:11" x14ac:dyDescent="0.3">
      <c r="A5251" s="1">
        <v>42590</v>
      </c>
      <c r="B5251" s="3">
        <f t="shared" si="164"/>
        <v>8</v>
      </c>
      <c r="C5251" s="3">
        <f t="shared" si="165"/>
        <v>2016</v>
      </c>
      <c r="D5251" t="s">
        <v>2221</v>
      </c>
      <c r="E5251" t="s">
        <v>26</v>
      </c>
      <c r="F5251" t="s">
        <v>33</v>
      </c>
      <c r="G5251" t="s">
        <v>144</v>
      </c>
      <c r="H5251" t="s">
        <v>1811</v>
      </c>
      <c r="I5251">
        <v>513.02</v>
      </c>
      <c r="J5251">
        <v>2</v>
      </c>
      <c r="K5251">
        <v>12.83</v>
      </c>
    </row>
    <row r="5252" spans="1:11" x14ac:dyDescent="0.3">
      <c r="A5252" s="1">
        <v>42590</v>
      </c>
      <c r="B5252" s="3">
        <f t="shared" si="164"/>
        <v>8</v>
      </c>
      <c r="C5252" s="3">
        <f t="shared" si="165"/>
        <v>2016</v>
      </c>
      <c r="D5252" t="s">
        <v>2221</v>
      </c>
      <c r="E5252" t="s">
        <v>26</v>
      </c>
      <c r="F5252" t="s">
        <v>10</v>
      </c>
      <c r="G5252" t="s">
        <v>91</v>
      </c>
      <c r="H5252" t="s">
        <v>2006</v>
      </c>
      <c r="I5252">
        <v>487.92</v>
      </c>
      <c r="J5252">
        <v>6</v>
      </c>
      <c r="K5252">
        <v>136.62</v>
      </c>
    </row>
    <row r="5253" spans="1:11" x14ac:dyDescent="0.3">
      <c r="A5253" s="1">
        <v>42590</v>
      </c>
      <c r="B5253" s="3">
        <f t="shared" si="164"/>
        <v>8</v>
      </c>
      <c r="C5253" s="3">
        <f t="shared" si="165"/>
        <v>2016</v>
      </c>
      <c r="D5253" t="s">
        <v>2221</v>
      </c>
      <c r="E5253" t="s">
        <v>26</v>
      </c>
      <c r="F5253" t="s">
        <v>10</v>
      </c>
      <c r="G5253" t="s">
        <v>19</v>
      </c>
      <c r="H5253" t="s">
        <v>969</v>
      </c>
      <c r="I5253">
        <v>15.24</v>
      </c>
      <c r="J5253">
        <v>5</v>
      </c>
      <c r="K5253">
        <v>5.33</v>
      </c>
    </row>
    <row r="5254" spans="1:11" x14ac:dyDescent="0.3">
      <c r="A5254" s="1">
        <v>42590</v>
      </c>
      <c r="B5254" s="3">
        <f t="shared" si="164"/>
        <v>8</v>
      </c>
      <c r="C5254" s="3">
        <f t="shared" si="165"/>
        <v>2016</v>
      </c>
      <c r="D5254" t="s">
        <v>977</v>
      </c>
      <c r="E5254" t="s">
        <v>839</v>
      </c>
      <c r="F5254" t="s">
        <v>10</v>
      </c>
      <c r="G5254" t="s">
        <v>11</v>
      </c>
      <c r="H5254" t="s">
        <v>1375</v>
      </c>
      <c r="I5254">
        <v>10.56</v>
      </c>
      <c r="J5254">
        <v>2</v>
      </c>
      <c r="K5254">
        <v>4.75</v>
      </c>
    </row>
    <row r="5255" spans="1:11" x14ac:dyDescent="0.3">
      <c r="A5255" s="1">
        <v>42591</v>
      </c>
      <c r="B5255" s="3">
        <f t="shared" si="164"/>
        <v>8</v>
      </c>
      <c r="C5255" s="3">
        <f t="shared" si="165"/>
        <v>2016</v>
      </c>
      <c r="D5255" t="s">
        <v>1451</v>
      </c>
      <c r="E5255" t="s">
        <v>244</v>
      </c>
      <c r="F5255" t="s">
        <v>10</v>
      </c>
      <c r="G5255" t="s">
        <v>11</v>
      </c>
      <c r="H5255" t="s">
        <v>1589</v>
      </c>
      <c r="I5255">
        <v>30.82</v>
      </c>
      <c r="J5255">
        <v>9</v>
      </c>
      <c r="K5255">
        <v>9.6300000000000008</v>
      </c>
    </row>
    <row r="5256" spans="1:11" x14ac:dyDescent="0.3">
      <c r="A5256" s="1">
        <v>42591</v>
      </c>
      <c r="B5256" s="3">
        <f t="shared" si="164"/>
        <v>8</v>
      </c>
      <c r="C5256" s="3">
        <f t="shared" si="165"/>
        <v>2016</v>
      </c>
      <c r="D5256" t="s">
        <v>1451</v>
      </c>
      <c r="E5256" t="s">
        <v>244</v>
      </c>
      <c r="F5256" t="s">
        <v>38</v>
      </c>
      <c r="G5256" t="s">
        <v>39</v>
      </c>
      <c r="H5256" t="s">
        <v>2361</v>
      </c>
      <c r="I5256">
        <v>44.78</v>
      </c>
      <c r="J5256">
        <v>2</v>
      </c>
      <c r="K5256">
        <v>4.4800000000000004</v>
      </c>
    </row>
    <row r="5257" spans="1:11" x14ac:dyDescent="0.3">
      <c r="A5257" s="1">
        <v>42591</v>
      </c>
      <c r="B5257" s="3">
        <f t="shared" si="164"/>
        <v>8</v>
      </c>
      <c r="C5257" s="3">
        <f t="shared" si="165"/>
        <v>2016</v>
      </c>
      <c r="D5257" t="s">
        <v>1451</v>
      </c>
      <c r="E5257" t="s">
        <v>244</v>
      </c>
      <c r="F5257" t="s">
        <v>10</v>
      </c>
      <c r="G5257" t="s">
        <v>91</v>
      </c>
      <c r="H5257" t="s">
        <v>1237</v>
      </c>
      <c r="I5257">
        <v>569.54</v>
      </c>
      <c r="J5257">
        <v>4</v>
      </c>
      <c r="K5257">
        <v>64.069999999999993</v>
      </c>
    </row>
    <row r="5258" spans="1:11" x14ac:dyDescent="0.3">
      <c r="A5258" s="1">
        <v>42591</v>
      </c>
      <c r="B5258" s="3">
        <f t="shared" si="164"/>
        <v>8</v>
      </c>
      <c r="C5258" s="3">
        <f t="shared" si="165"/>
        <v>2016</v>
      </c>
      <c r="D5258" t="s">
        <v>924</v>
      </c>
      <c r="E5258" t="s">
        <v>119</v>
      </c>
      <c r="F5258" t="s">
        <v>10</v>
      </c>
      <c r="G5258" t="s">
        <v>19</v>
      </c>
      <c r="H5258" t="s">
        <v>940</v>
      </c>
      <c r="I5258">
        <v>4.34</v>
      </c>
      <c r="J5258">
        <v>3</v>
      </c>
      <c r="K5258">
        <v>-3.04</v>
      </c>
    </row>
    <row r="5259" spans="1:11" x14ac:dyDescent="0.3">
      <c r="A5259" s="1">
        <v>42591</v>
      </c>
      <c r="B5259" s="3">
        <f t="shared" si="164"/>
        <v>8</v>
      </c>
      <c r="C5259" s="3">
        <f t="shared" si="165"/>
        <v>2016</v>
      </c>
      <c r="D5259" t="s">
        <v>924</v>
      </c>
      <c r="E5259" t="s">
        <v>119</v>
      </c>
      <c r="F5259" t="s">
        <v>10</v>
      </c>
      <c r="G5259" t="s">
        <v>19</v>
      </c>
      <c r="H5259" t="s">
        <v>2467</v>
      </c>
      <c r="I5259">
        <v>11.88</v>
      </c>
      <c r="J5259">
        <v>5</v>
      </c>
      <c r="K5259">
        <v>-7.92</v>
      </c>
    </row>
    <row r="5260" spans="1:11" x14ac:dyDescent="0.3">
      <c r="A5260" s="1">
        <v>42593</v>
      </c>
      <c r="B5260" s="3">
        <f t="shared" si="164"/>
        <v>8</v>
      </c>
      <c r="C5260" s="3">
        <f t="shared" si="165"/>
        <v>2016</v>
      </c>
      <c r="D5260" t="s">
        <v>1374</v>
      </c>
      <c r="E5260" t="s">
        <v>839</v>
      </c>
      <c r="F5260" t="s">
        <v>10</v>
      </c>
      <c r="G5260" t="s">
        <v>11</v>
      </c>
      <c r="H5260" t="s">
        <v>2113</v>
      </c>
      <c r="I5260">
        <v>32.4</v>
      </c>
      <c r="J5260">
        <v>5</v>
      </c>
      <c r="K5260">
        <v>15.55</v>
      </c>
    </row>
    <row r="5261" spans="1:11" x14ac:dyDescent="0.3">
      <c r="A5261" s="1">
        <v>42593</v>
      </c>
      <c r="B5261" s="3">
        <f t="shared" si="164"/>
        <v>8</v>
      </c>
      <c r="C5261" s="3">
        <f t="shared" si="165"/>
        <v>2016</v>
      </c>
      <c r="D5261" t="s">
        <v>1374</v>
      </c>
      <c r="E5261" t="s">
        <v>839</v>
      </c>
      <c r="F5261" t="s">
        <v>10</v>
      </c>
      <c r="G5261" t="s">
        <v>19</v>
      </c>
      <c r="H5261" t="s">
        <v>1858</v>
      </c>
      <c r="I5261">
        <v>41.86</v>
      </c>
      <c r="J5261">
        <v>7</v>
      </c>
      <c r="K5261">
        <v>19.260000000000002</v>
      </c>
    </row>
    <row r="5262" spans="1:11" x14ac:dyDescent="0.3">
      <c r="A5262" s="1">
        <v>42593</v>
      </c>
      <c r="B5262" s="3">
        <f t="shared" si="164"/>
        <v>8</v>
      </c>
      <c r="C5262" s="3">
        <f t="shared" si="165"/>
        <v>2016</v>
      </c>
      <c r="D5262" t="s">
        <v>1374</v>
      </c>
      <c r="E5262" t="s">
        <v>839</v>
      </c>
      <c r="F5262" t="s">
        <v>10</v>
      </c>
      <c r="G5262" t="s">
        <v>19</v>
      </c>
      <c r="H5262" t="s">
        <v>299</v>
      </c>
      <c r="I5262">
        <v>77.56</v>
      </c>
      <c r="J5262">
        <v>2</v>
      </c>
      <c r="K5262">
        <v>35.68</v>
      </c>
    </row>
    <row r="5263" spans="1:11" x14ac:dyDescent="0.3">
      <c r="A5263" s="1">
        <v>42594</v>
      </c>
      <c r="B5263" s="3">
        <f t="shared" si="164"/>
        <v>8</v>
      </c>
      <c r="C5263" s="3">
        <f t="shared" si="165"/>
        <v>2016</v>
      </c>
      <c r="D5263" t="s">
        <v>2059</v>
      </c>
      <c r="E5263" t="s">
        <v>394</v>
      </c>
      <c r="F5263" t="s">
        <v>10</v>
      </c>
      <c r="G5263" t="s">
        <v>11</v>
      </c>
      <c r="H5263" t="s">
        <v>506</v>
      </c>
      <c r="I5263">
        <v>6.48</v>
      </c>
      <c r="J5263">
        <v>1</v>
      </c>
      <c r="K5263">
        <v>3.11</v>
      </c>
    </row>
    <row r="5264" spans="1:11" x14ac:dyDescent="0.3">
      <c r="A5264" s="1">
        <v>42594</v>
      </c>
      <c r="B5264" s="3">
        <f t="shared" si="164"/>
        <v>8</v>
      </c>
      <c r="C5264" s="3">
        <f t="shared" si="165"/>
        <v>2016</v>
      </c>
      <c r="D5264" t="s">
        <v>2503</v>
      </c>
      <c r="E5264" t="s">
        <v>9</v>
      </c>
      <c r="F5264" t="s">
        <v>38</v>
      </c>
      <c r="G5264" t="s">
        <v>51</v>
      </c>
      <c r="H5264" t="s">
        <v>2340</v>
      </c>
      <c r="I5264">
        <v>1399.94</v>
      </c>
      <c r="J5264">
        <v>7</v>
      </c>
      <c r="K5264">
        <v>52.5</v>
      </c>
    </row>
    <row r="5265" spans="1:11" x14ac:dyDescent="0.3">
      <c r="A5265" s="1">
        <v>42594</v>
      </c>
      <c r="B5265" s="3">
        <f t="shared" si="164"/>
        <v>8</v>
      </c>
      <c r="C5265" s="3">
        <f t="shared" si="165"/>
        <v>2016</v>
      </c>
      <c r="D5265" t="s">
        <v>916</v>
      </c>
      <c r="E5265" t="s">
        <v>148</v>
      </c>
      <c r="F5265" t="s">
        <v>33</v>
      </c>
      <c r="G5265" t="s">
        <v>34</v>
      </c>
      <c r="H5265" t="s">
        <v>193</v>
      </c>
      <c r="I5265">
        <v>145.76</v>
      </c>
      <c r="J5265">
        <v>2</v>
      </c>
      <c r="K5265">
        <v>-8.1</v>
      </c>
    </row>
    <row r="5266" spans="1:11" x14ac:dyDescent="0.3">
      <c r="A5266" s="1">
        <v>42594</v>
      </c>
      <c r="B5266" s="3">
        <f t="shared" si="164"/>
        <v>8</v>
      </c>
      <c r="C5266" s="3">
        <f t="shared" si="165"/>
        <v>2016</v>
      </c>
      <c r="D5266" t="s">
        <v>1891</v>
      </c>
      <c r="E5266" t="s">
        <v>122</v>
      </c>
      <c r="F5266" t="s">
        <v>33</v>
      </c>
      <c r="G5266" t="s">
        <v>144</v>
      </c>
      <c r="H5266" t="s">
        <v>1652</v>
      </c>
      <c r="I5266">
        <v>562.29</v>
      </c>
      <c r="J5266">
        <v>7</v>
      </c>
      <c r="K5266">
        <v>-255.59</v>
      </c>
    </row>
    <row r="5267" spans="1:11" x14ac:dyDescent="0.3">
      <c r="A5267" s="1">
        <v>42594</v>
      </c>
      <c r="B5267" s="3">
        <f t="shared" si="164"/>
        <v>8</v>
      </c>
      <c r="C5267" s="3">
        <f t="shared" si="165"/>
        <v>2016</v>
      </c>
      <c r="D5267" t="s">
        <v>1210</v>
      </c>
      <c r="E5267" t="s">
        <v>148</v>
      </c>
      <c r="F5267" t="s">
        <v>33</v>
      </c>
      <c r="G5267" t="s">
        <v>144</v>
      </c>
      <c r="H5267" t="s">
        <v>2065</v>
      </c>
      <c r="I5267">
        <v>209.15</v>
      </c>
      <c r="J5267">
        <v>2</v>
      </c>
      <c r="K5267">
        <v>-66.23</v>
      </c>
    </row>
    <row r="5268" spans="1:11" x14ac:dyDescent="0.3">
      <c r="A5268" s="1">
        <v>42594</v>
      </c>
      <c r="B5268" s="3">
        <f t="shared" si="164"/>
        <v>8</v>
      </c>
      <c r="C5268" s="3">
        <f t="shared" si="165"/>
        <v>2016</v>
      </c>
      <c r="D5268" t="s">
        <v>1210</v>
      </c>
      <c r="E5268" t="s">
        <v>148</v>
      </c>
      <c r="F5268" t="s">
        <v>10</v>
      </c>
      <c r="G5268" t="s">
        <v>17</v>
      </c>
      <c r="H5268" t="s">
        <v>72</v>
      </c>
      <c r="I5268">
        <v>1591.02</v>
      </c>
      <c r="J5268">
        <v>6</v>
      </c>
      <c r="K5268">
        <v>286.38</v>
      </c>
    </row>
    <row r="5269" spans="1:11" x14ac:dyDescent="0.3">
      <c r="A5269" s="1">
        <v>42594</v>
      </c>
      <c r="B5269" s="3">
        <f t="shared" si="164"/>
        <v>8</v>
      </c>
      <c r="C5269" s="3">
        <f t="shared" si="165"/>
        <v>2016</v>
      </c>
      <c r="D5269" t="s">
        <v>166</v>
      </c>
      <c r="E5269" t="s">
        <v>22</v>
      </c>
      <c r="F5269" t="s">
        <v>10</v>
      </c>
      <c r="G5269" t="s">
        <v>23</v>
      </c>
      <c r="H5269" t="s">
        <v>2570</v>
      </c>
      <c r="I5269">
        <v>37.31</v>
      </c>
      <c r="J5269">
        <v>4</v>
      </c>
      <c r="K5269">
        <v>2.8</v>
      </c>
    </row>
    <row r="5270" spans="1:11" x14ac:dyDescent="0.3">
      <c r="A5270" s="1">
        <v>42595</v>
      </c>
      <c r="B5270" s="3">
        <f t="shared" si="164"/>
        <v>8</v>
      </c>
      <c r="C5270" s="3">
        <f t="shared" si="165"/>
        <v>2016</v>
      </c>
      <c r="D5270" t="s">
        <v>996</v>
      </c>
      <c r="E5270" t="s">
        <v>244</v>
      </c>
      <c r="F5270" t="s">
        <v>10</v>
      </c>
      <c r="G5270" t="s">
        <v>19</v>
      </c>
      <c r="H5270" t="s">
        <v>1119</v>
      </c>
      <c r="I5270">
        <v>11.23</v>
      </c>
      <c r="J5270">
        <v>8</v>
      </c>
      <c r="K5270">
        <v>-8.24</v>
      </c>
    </row>
    <row r="5271" spans="1:11" x14ac:dyDescent="0.3">
      <c r="A5271" s="1">
        <v>42595</v>
      </c>
      <c r="B5271" s="3">
        <f t="shared" si="164"/>
        <v>8</v>
      </c>
      <c r="C5271" s="3">
        <f t="shared" si="165"/>
        <v>2016</v>
      </c>
      <c r="D5271" t="s">
        <v>996</v>
      </c>
      <c r="E5271" t="s">
        <v>244</v>
      </c>
      <c r="F5271" t="s">
        <v>10</v>
      </c>
      <c r="G5271" t="s">
        <v>11</v>
      </c>
      <c r="H5271" t="s">
        <v>624</v>
      </c>
      <c r="I5271">
        <v>10.27</v>
      </c>
      <c r="J5271">
        <v>3</v>
      </c>
      <c r="K5271">
        <v>3.21</v>
      </c>
    </row>
    <row r="5272" spans="1:11" x14ac:dyDescent="0.3">
      <c r="A5272" s="1">
        <v>42595</v>
      </c>
      <c r="B5272" s="3">
        <f t="shared" si="164"/>
        <v>8</v>
      </c>
      <c r="C5272" s="3">
        <f t="shared" si="165"/>
        <v>2016</v>
      </c>
      <c r="D5272" t="s">
        <v>559</v>
      </c>
      <c r="E5272" t="s">
        <v>156</v>
      </c>
      <c r="F5272" t="s">
        <v>33</v>
      </c>
      <c r="G5272" t="s">
        <v>73</v>
      </c>
      <c r="H5272" t="s">
        <v>411</v>
      </c>
      <c r="I5272">
        <v>241.96</v>
      </c>
      <c r="J5272">
        <v>2</v>
      </c>
      <c r="K5272">
        <v>24.2</v>
      </c>
    </row>
    <row r="5273" spans="1:11" x14ac:dyDescent="0.3">
      <c r="A5273" s="1">
        <v>42595</v>
      </c>
      <c r="B5273" s="3">
        <f t="shared" si="164"/>
        <v>8</v>
      </c>
      <c r="C5273" s="3">
        <f t="shared" si="165"/>
        <v>2016</v>
      </c>
      <c r="D5273" t="s">
        <v>559</v>
      </c>
      <c r="E5273" t="s">
        <v>156</v>
      </c>
      <c r="F5273" t="s">
        <v>10</v>
      </c>
      <c r="G5273" t="s">
        <v>19</v>
      </c>
      <c r="H5273" t="s">
        <v>422</v>
      </c>
      <c r="I5273">
        <v>8.52</v>
      </c>
      <c r="J5273">
        <v>3</v>
      </c>
      <c r="K5273">
        <v>4.17</v>
      </c>
    </row>
    <row r="5274" spans="1:11" x14ac:dyDescent="0.3">
      <c r="A5274" s="1">
        <v>42595</v>
      </c>
      <c r="B5274" s="3">
        <f t="shared" si="164"/>
        <v>8</v>
      </c>
      <c r="C5274" s="3">
        <f t="shared" si="165"/>
        <v>2016</v>
      </c>
      <c r="D5274" t="s">
        <v>1466</v>
      </c>
      <c r="E5274" t="s">
        <v>61</v>
      </c>
      <c r="F5274" t="s">
        <v>10</v>
      </c>
      <c r="G5274" t="s">
        <v>91</v>
      </c>
      <c r="H5274" t="s">
        <v>657</v>
      </c>
      <c r="I5274">
        <v>17.34</v>
      </c>
      <c r="J5274">
        <v>2</v>
      </c>
      <c r="K5274">
        <v>4.68</v>
      </c>
    </row>
    <row r="5275" spans="1:11" x14ac:dyDescent="0.3">
      <c r="A5275" s="1">
        <v>42595</v>
      </c>
      <c r="B5275" s="3">
        <f t="shared" si="164"/>
        <v>8</v>
      </c>
      <c r="C5275" s="3">
        <f t="shared" si="165"/>
        <v>2016</v>
      </c>
      <c r="D5275" t="s">
        <v>1466</v>
      </c>
      <c r="E5275" t="s">
        <v>61</v>
      </c>
      <c r="F5275" t="s">
        <v>38</v>
      </c>
      <c r="G5275" t="s">
        <v>51</v>
      </c>
      <c r="H5275" t="s">
        <v>866</v>
      </c>
      <c r="I5275">
        <v>71.98</v>
      </c>
      <c r="J5275">
        <v>2</v>
      </c>
      <c r="K5275">
        <v>15.12</v>
      </c>
    </row>
    <row r="5276" spans="1:11" x14ac:dyDescent="0.3">
      <c r="A5276" s="1">
        <v>42595</v>
      </c>
      <c r="B5276" s="3">
        <f t="shared" si="164"/>
        <v>8</v>
      </c>
      <c r="C5276" s="3">
        <f t="shared" si="165"/>
        <v>2016</v>
      </c>
      <c r="D5276" t="s">
        <v>1609</v>
      </c>
      <c r="E5276" t="s">
        <v>54</v>
      </c>
      <c r="F5276" t="s">
        <v>10</v>
      </c>
      <c r="G5276" t="s">
        <v>19</v>
      </c>
      <c r="H5276" t="s">
        <v>1126</v>
      </c>
      <c r="I5276">
        <v>22.32</v>
      </c>
      <c r="J5276">
        <v>4</v>
      </c>
      <c r="K5276">
        <v>10.71</v>
      </c>
    </row>
    <row r="5277" spans="1:11" x14ac:dyDescent="0.3">
      <c r="A5277" s="1">
        <v>42595</v>
      </c>
      <c r="B5277" s="3">
        <f t="shared" si="164"/>
        <v>8</v>
      </c>
      <c r="C5277" s="3">
        <f t="shared" si="165"/>
        <v>2016</v>
      </c>
      <c r="D5277" t="s">
        <v>1609</v>
      </c>
      <c r="E5277" t="s">
        <v>54</v>
      </c>
      <c r="F5277" t="s">
        <v>10</v>
      </c>
      <c r="G5277" t="s">
        <v>15</v>
      </c>
      <c r="H5277" t="s">
        <v>1258</v>
      </c>
      <c r="I5277">
        <v>103.6</v>
      </c>
      <c r="J5277">
        <v>7</v>
      </c>
      <c r="K5277">
        <v>51.8</v>
      </c>
    </row>
    <row r="5278" spans="1:11" x14ac:dyDescent="0.3">
      <c r="A5278" s="1">
        <v>42595</v>
      </c>
      <c r="B5278" s="3">
        <f t="shared" si="164"/>
        <v>8</v>
      </c>
      <c r="C5278" s="3">
        <f t="shared" si="165"/>
        <v>2016</v>
      </c>
      <c r="D5278" t="s">
        <v>629</v>
      </c>
      <c r="E5278" t="s">
        <v>9</v>
      </c>
      <c r="F5278" t="s">
        <v>10</v>
      </c>
      <c r="G5278" t="s">
        <v>199</v>
      </c>
      <c r="H5278" t="s">
        <v>2496</v>
      </c>
      <c r="I5278">
        <v>185.38</v>
      </c>
      <c r="J5278">
        <v>2</v>
      </c>
      <c r="K5278">
        <v>-34.76</v>
      </c>
    </row>
    <row r="5279" spans="1:11" x14ac:dyDescent="0.3">
      <c r="A5279" s="1">
        <v>42595</v>
      </c>
      <c r="B5279" s="3">
        <f t="shared" si="164"/>
        <v>8</v>
      </c>
      <c r="C5279" s="3">
        <f t="shared" si="165"/>
        <v>2016</v>
      </c>
      <c r="D5279" t="s">
        <v>629</v>
      </c>
      <c r="E5279" t="s">
        <v>9</v>
      </c>
      <c r="F5279" t="s">
        <v>10</v>
      </c>
      <c r="G5279" t="s">
        <v>91</v>
      </c>
      <c r="H5279" t="s">
        <v>252</v>
      </c>
      <c r="I5279">
        <v>58.92</v>
      </c>
      <c r="J5279">
        <v>1</v>
      </c>
      <c r="K5279">
        <v>-153.19999999999999</v>
      </c>
    </row>
    <row r="5280" spans="1:11" x14ac:dyDescent="0.3">
      <c r="A5280" s="1">
        <v>42596</v>
      </c>
      <c r="B5280" s="3">
        <f t="shared" si="164"/>
        <v>8</v>
      </c>
      <c r="C5280" s="3">
        <f t="shared" si="165"/>
        <v>2016</v>
      </c>
      <c r="D5280" t="s">
        <v>2485</v>
      </c>
      <c r="E5280" t="s">
        <v>26</v>
      </c>
      <c r="F5280" t="s">
        <v>10</v>
      </c>
      <c r="G5280" t="s">
        <v>11</v>
      </c>
      <c r="H5280" t="s">
        <v>2581</v>
      </c>
      <c r="I5280">
        <v>15.54</v>
      </c>
      <c r="J5280">
        <v>3</v>
      </c>
      <c r="K5280">
        <v>7.61</v>
      </c>
    </row>
    <row r="5281" spans="1:11" x14ac:dyDescent="0.3">
      <c r="A5281" s="1">
        <v>42596</v>
      </c>
      <c r="B5281" s="3">
        <f t="shared" si="164"/>
        <v>8</v>
      </c>
      <c r="C5281" s="3">
        <f t="shared" si="165"/>
        <v>2016</v>
      </c>
      <c r="D5281" t="s">
        <v>2485</v>
      </c>
      <c r="E5281" t="s">
        <v>26</v>
      </c>
      <c r="F5281" t="s">
        <v>38</v>
      </c>
      <c r="G5281" t="s">
        <v>301</v>
      </c>
      <c r="H5281" t="s">
        <v>824</v>
      </c>
      <c r="I5281">
        <v>105.55</v>
      </c>
      <c r="J5281">
        <v>6</v>
      </c>
      <c r="K5281">
        <v>35.619999999999997</v>
      </c>
    </row>
    <row r="5282" spans="1:11" x14ac:dyDescent="0.3">
      <c r="A5282" s="1">
        <v>42596</v>
      </c>
      <c r="B5282" s="3">
        <f t="shared" si="164"/>
        <v>8</v>
      </c>
      <c r="C5282" s="3">
        <f t="shared" si="165"/>
        <v>2016</v>
      </c>
      <c r="D5282" t="s">
        <v>1726</v>
      </c>
      <c r="E5282" t="s">
        <v>119</v>
      </c>
      <c r="F5282" t="s">
        <v>10</v>
      </c>
      <c r="G5282" t="s">
        <v>11</v>
      </c>
      <c r="H5282" t="s">
        <v>933</v>
      </c>
      <c r="I5282">
        <v>15.55</v>
      </c>
      <c r="J5282">
        <v>3</v>
      </c>
      <c r="K5282">
        <v>5.44</v>
      </c>
    </row>
    <row r="5283" spans="1:11" x14ac:dyDescent="0.3">
      <c r="A5283" s="1">
        <v>42596</v>
      </c>
      <c r="B5283" s="3">
        <f t="shared" si="164"/>
        <v>8</v>
      </c>
      <c r="C5283" s="3">
        <f t="shared" si="165"/>
        <v>2016</v>
      </c>
      <c r="D5283" t="s">
        <v>535</v>
      </c>
      <c r="E5283" t="s">
        <v>77</v>
      </c>
      <c r="F5283" t="s">
        <v>38</v>
      </c>
      <c r="G5283" t="s">
        <v>39</v>
      </c>
      <c r="H5283" t="s">
        <v>2193</v>
      </c>
      <c r="I5283">
        <v>259.89999999999998</v>
      </c>
      <c r="J5283">
        <v>2</v>
      </c>
      <c r="K5283">
        <v>-56.31</v>
      </c>
    </row>
    <row r="5284" spans="1:11" x14ac:dyDescent="0.3">
      <c r="A5284" s="1">
        <v>42596</v>
      </c>
      <c r="B5284" s="3">
        <f t="shared" si="164"/>
        <v>8</v>
      </c>
      <c r="C5284" s="3">
        <f t="shared" si="165"/>
        <v>2016</v>
      </c>
      <c r="D5284" t="s">
        <v>535</v>
      </c>
      <c r="E5284" t="s">
        <v>77</v>
      </c>
      <c r="F5284" t="s">
        <v>38</v>
      </c>
      <c r="G5284" t="s">
        <v>39</v>
      </c>
      <c r="H5284" t="s">
        <v>693</v>
      </c>
      <c r="I5284">
        <v>247.19</v>
      </c>
      <c r="J5284">
        <v>2</v>
      </c>
      <c r="K5284">
        <v>-49.44</v>
      </c>
    </row>
    <row r="5285" spans="1:11" x14ac:dyDescent="0.3">
      <c r="A5285" s="1">
        <v>42596</v>
      </c>
      <c r="B5285" s="3">
        <f t="shared" si="164"/>
        <v>8</v>
      </c>
      <c r="C5285" s="3">
        <f t="shared" si="165"/>
        <v>2016</v>
      </c>
      <c r="D5285" t="s">
        <v>535</v>
      </c>
      <c r="E5285" t="s">
        <v>77</v>
      </c>
      <c r="F5285" t="s">
        <v>38</v>
      </c>
      <c r="G5285" t="s">
        <v>51</v>
      </c>
      <c r="H5285" t="s">
        <v>2427</v>
      </c>
      <c r="I5285">
        <v>279.95999999999998</v>
      </c>
      <c r="J5285">
        <v>5</v>
      </c>
      <c r="K5285">
        <v>48.99</v>
      </c>
    </row>
    <row r="5286" spans="1:11" x14ac:dyDescent="0.3">
      <c r="A5286" s="1">
        <v>42597</v>
      </c>
      <c r="B5286" s="3">
        <f t="shared" si="164"/>
        <v>8</v>
      </c>
      <c r="C5286" s="3">
        <f t="shared" si="165"/>
        <v>2016</v>
      </c>
      <c r="D5286" t="s">
        <v>944</v>
      </c>
      <c r="E5286" t="s">
        <v>277</v>
      </c>
      <c r="F5286" t="s">
        <v>10</v>
      </c>
      <c r="G5286" t="s">
        <v>19</v>
      </c>
      <c r="H5286" t="s">
        <v>1122</v>
      </c>
      <c r="I5286">
        <v>18.88</v>
      </c>
      <c r="J5286">
        <v>3</v>
      </c>
      <c r="K5286">
        <v>-13.85</v>
      </c>
    </row>
    <row r="5287" spans="1:11" x14ac:dyDescent="0.3">
      <c r="A5287" s="1">
        <v>42597</v>
      </c>
      <c r="B5287" s="3">
        <f t="shared" si="164"/>
        <v>8</v>
      </c>
      <c r="C5287" s="3">
        <f t="shared" si="165"/>
        <v>2016</v>
      </c>
      <c r="D5287" t="s">
        <v>944</v>
      </c>
      <c r="E5287" t="s">
        <v>277</v>
      </c>
      <c r="F5287" t="s">
        <v>10</v>
      </c>
      <c r="G5287" t="s">
        <v>91</v>
      </c>
      <c r="H5287" t="s">
        <v>1124</v>
      </c>
      <c r="I5287">
        <v>122.33</v>
      </c>
      <c r="J5287">
        <v>3</v>
      </c>
      <c r="K5287">
        <v>12.23</v>
      </c>
    </row>
    <row r="5288" spans="1:11" x14ac:dyDescent="0.3">
      <c r="A5288" s="1">
        <v>42597</v>
      </c>
      <c r="B5288" s="3">
        <f t="shared" si="164"/>
        <v>8</v>
      </c>
      <c r="C5288" s="3">
        <f t="shared" si="165"/>
        <v>2016</v>
      </c>
      <c r="D5288" t="s">
        <v>1775</v>
      </c>
      <c r="E5288" t="s">
        <v>26</v>
      </c>
      <c r="F5288" t="s">
        <v>38</v>
      </c>
      <c r="G5288" t="s">
        <v>39</v>
      </c>
      <c r="H5288" t="s">
        <v>1658</v>
      </c>
      <c r="I5288">
        <v>71.98</v>
      </c>
      <c r="J5288">
        <v>3</v>
      </c>
      <c r="K5288">
        <v>7.2</v>
      </c>
    </row>
    <row r="5289" spans="1:11" x14ac:dyDescent="0.3">
      <c r="A5289" s="1">
        <v>42597</v>
      </c>
      <c r="B5289" s="3">
        <f t="shared" si="164"/>
        <v>8</v>
      </c>
      <c r="C5289" s="3">
        <f t="shared" si="165"/>
        <v>2016</v>
      </c>
      <c r="D5289" t="s">
        <v>1775</v>
      </c>
      <c r="E5289" t="s">
        <v>26</v>
      </c>
      <c r="F5289" t="s">
        <v>10</v>
      </c>
      <c r="G5289" t="s">
        <v>15</v>
      </c>
      <c r="H5289" t="s">
        <v>581</v>
      </c>
      <c r="I5289">
        <v>3.15</v>
      </c>
      <c r="J5289">
        <v>1</v>
      </c>
      <c r="K5289">
        <v>1.51</v>
      </c>
    </row>
    <row r="5290" spans="1:11" x14ac:dyDescent="0.3">
      <c r="A5290" s="1">
        <v>42597</v>
      </c>
      <c r="B5290" s="3">
        <f t="shared" si="164"/>
        <v>8</v>
      </c>
      <c r="C5290" s="3">
        <f t="shared" si="165"/>
        <v>2016</v>
      </c>
      <c r="D5290" t="s">
        <v>1300</v>
      </c>
      <c r="E5290" t="s">
        <v>122</v>
      </c>
      <c r="F5290" t="s">
        <v>38</v>
      </c>
      <c r="G5290" t="s">
        <v>39</v>
      </c>
      <c r="H5290" t="s">
        <v>832</v>
      </c>
      <c r="I5290">
        <v>705.54</v>
      </c>
      <c r="J5290">
        <v>7</v>
      </c>
      <c r="K5290">
        <v>70.55</v>
      </c>
    </row>
    <row r="5291" spans="1:11" x14ac:dyDescent="0.3">
      <c r="A5291" s="1">
        <v>42597</v>
      </c>
      <c r="B5291" s="3">
        <f t="shared" si="164"/>
        <v>8</v>
      </c>
      <c r="C5291" s="3">
        <f t="shared" si="165"/>
        <v>2016</v>
      </c>
      <c r="D5291" t="s">
        <v>2527</v>
      </c>
      <c r="E5291" t="s">
        <v>244</v>
      </c>
      <c r="F5291" t="s">
        <v>33</v>
      </c>
      <c r="G5291" t="s">
        <v>34</v>
      </c>
      <c r="H5291" t="s">
        <v>722</v>
      </c>
      <c r="I5291">
        <v>225.3</v>
      </c>
      <c r="J5291">
        <v>2</v>
      </c>
      <c r="K5291">
        <v>22.53</v>
      </c>
    </row>
    <row r="5292" spans="1:11" x14ac:dyDescent="0.3">
      <c r="A5292" s="1">
        <v>42597</v>
      </c>
      <c r="B5292" s="3">
        <f t="shared" si="164"/>
        <v>8</v>
      </c>
      <c r="C5292" s="3">
        <f t="shared" si="165"/>
        <v>2016</v>
      </c>
      <c r="D5292" t="s">
        <v>2093</v>
      </c>
      <c r="E5292" t="s">
        <v>26</v>
      </c>
      <c r="F5292" t="s">
        <v>33</v>
      </c>
      <c r="G5292" t="s">
        <v>46</v>
      </c>
      <c r="H5292" t="s">
        <v>841</v>
      </c>
      <c r="I5292">
        <v>312.02999999999997</v>
      </c>
      <c r="J5292">
        <v>3</v>
      </c>
      <c r="K5292">
        <v>43.68</v>
      </c>
    </row>
    <row r="5293" spans="1:11" x14ac:dyDescent="0.3">
      <c r="A5293" s="1">
        <v>42597</v>
      </c>
      <c r="B5293" s="3">
        <f t="shared" si="164"/>
        <v>8</v>
      </c>
      <c r="C5293" s="3">
        <f t="shared" si="165"/>
        <v>2016</v>
      </c>
      <c r="D5293" t="s">
        <v>2093</v>
      </c>
      <c r="E5293" t="s">
        <v>26</v>
      </c>
      <c r="F5293" t="s">
        <v>10</v>
      </c>
      <c r="G5293" t="s">
        <v>17</v>
      </c>
      <c r="H5293" t="s">
        <v>926</v>
      </c>
      <c r="I5293">
        <v>17.940000000000001</v>
      </c>
      <c r="J5293">
        <v>3</v>
      </c>
      <c r="K5293">
        <v>3.05</v>
      </c>
    </row>
    <row r="5294" spans="1:11" x14ac:dyDescent="0.3">
      <c r="A5294" s="1">
        <v>42597</v>
      </c>
      <c r="B5294" s="3">
        <f t="shared" si="164"/>
        <v>8</v>
      </c>
      <c r="C5294" s="3">
        <f t="shared" si="165"/>
        <v>2016</v>
      </c>
      <c r="D5294" t="s">
        <v>2093</v>
      </c>
      <c r="E5294" t="s">
        <v>26</v>
      </c>
      <c r="F5294" t="s">
        <v>38</v>
      </c>
      <c r="G5294" t="s">
        <v>39</v>
      </c>
      <c r="H5294" t="s">
        <v>86</v>
      </c>
      <c r="I5294">
        <v>165.6</v>
      </c>
      <c r="J5294">
        <v>3</v>
      </c>
      <c r="K5294">
        <v>10.35</v>
      </c>
    </row>
    <row r="5295" spans="1:11" x14ac:dyDescent="0.3">
      <c r="A5295" s="1">
        <v>42597</v>
      </c>
      <c r="B5295" s="3">
        <f t="shared" si="164"/>
        <v>8</v>
      </c>
      <c r="C5295" s="3">
        <f t="shared" si="165"/>
        <v>2016</v>
      </c>
      <c r="D5295" t="s">
        <v>2093</v>
      </c>
      <c r="E5295" t="s">
        <v>26</v>
      </c>
      <c r="F5295" t="s">
        <v>10</v>
      </c>
      <c r="G5295" t="s">
        <v>11</v>
      </c>
      <c r="H5295" t="s">
        <v>2582</v>
      </c>
      <c r="I5295">
        <v>37.520000000000003</v>
      </c>
      <c r="J5295">
        <v>4</v>
      </c>
      <c r="K5295">
        <v>18.010000000000002</v>
      </c>
    </row>
    <row r="5296" spans="1:11" x14ac:dyDescent="0.3">
      <c r="A5296" s="1">
        <v>42598</v>
      </c>
      <c r="B5296" s="3">
        <f t="shared" si="164"/>
        <v>8</v>
      </c>
      <c r="C5296" s="3">
        <f t="shared" si="165"/>
        <v>2016</v>
      </c>
      <c r="D5296" t="s">
        <v>1592</v>
      </c>
      <c r="E5296" t="s">
        <v>26</v>
      </c>
      <c r="F5296" t="s">
        <v>10</v>
      </c>
      <c r="G5296" t="s">
        <v>62</v>
      </c>
      <c r="H5296" t="s">
        <v>1426</v>
      </c>
      <c r="I5296">
        <v>10.86</v>
      </c>
      <c r="J5296">
        <v>3</v>
      </c>
      <c r="K5296">
        <v>5.0999999999999996</v>
      </c>
    </row>
    <row r="5297" spans="1:11" x14ac:dyDescent="0.3">
      <c r="A5297" s="1">
        <v>42598</v>
      </c>
      <c r="B5297" s="3">
        <f t="shared" si="164"/>
        <v>8</v>
      </c>
      <c r="C5297" s="3">
        <f t="shared" si="165"/>
        <v>2016</v>
      </c>
      <c r="D5297" t="s">
        <v>2583</v>
      </c>
      <c r="E5297" t="s">
        <v>26</v>
      </c>
      <c r="F5297" t="s">
        <v>33</v>
      </c>
      <c r="G5297" t="s">
        <v>144</v>
      </c>
      <c r="H5297" t="s">
        <v>967</v>
      </c>
      <c r="I5297">
        <v>161.28</v>
      </c>
      <c r="J5297">
        <v>2</v>
      </c>
      <c r="K5297">
        <v>12.1</v>
      </c>
    </row>
    <row r="5298" spans="1:11" x14ac:dyDescent="0.3">
      <c r="A5298" s="1">
        <v>42598</v>
      </c>
      <c r="B5298" s="3">
        <f t="shared" si="164"/>
        <v>8</v>
      </c>
      <c r="C5298" s="3">
        <f t="shared" si="165"/>
        <v>2016</v>
      </c>
      <c r="D5298" t="s">
        <v>1144</v>
      </c>
      <c r="E5298" t="s">
        <v>26</v>
      </c>
      <c r="F5298" t="s">
        <v>10</v>
      </c>
      <c r="G5298" t="s">
        <v>11</v>
      </c>
      <c r="H5298" t="s">
        <v>1156</v>
      </c>
      <c r="I5298">
        <v>32.4</v>
      </c>
      <c r="J5298">
        <v>5</v>
      </c>
      <c r="K5298">
        <v>15.55</v>
      </c>
    </row>
    <row r="5299" spans="1:11" x14ac:dyDescent="0.3">
      <c r="A5299" s="1">
        <v>42599</v>
      </c>
      <c r="B5299" s="3">
        <f t="shared" si="164"/>
        <v>8</v>
      </c>
      <c r="C5299" s="3">
        <f t="shared" si="165"/>
        <v>2016</v>
      </c>
      <c r="D5299" t="s">
        <v>2229</v>
      </c>
      <c r="E5299" t="s">
        <v>163</v>
      </c>
      <c r="F5299" t="s">
        <v>10</v>
      </c>
      <c r="G5299" t="s">
        <v>19</v>
      </c>
      <c r="H5299" t="s">
        <v>1312</v>
      </c>
      <c r="I5299">
        <v>15.71</v>
      </c>
      <c r="J5299">
        <v>4</v>
      </c>
      <c r="K5299">
        <v>5.7</v>
      </c>
    </row>
    <row r="5300" spans="1:11" x14ac:dyDescent="0.3">
      <c r="A5300" s="1">
        <v>42600</v>
      </c>
      <c r="B5300" s="3">
        <f t="shared" si="164"/>
        <v>8</v>
      </c>
      <c r="C5300" s="3">
        <f t="shared" si="165"/>
        <v>2016</v>
      </c>
      <c r="D5300" t="s">
        <v>2270</v>
      </c>
      <c r="E5300" t="s">
        <v>148</v>
      </c>
      <c r="F5300" t="s">
        <v>10</v>
      </c>
      <c r="G5300" t="s">
        <v>91</v>
      </c>
      <c r="H5300" t="s">
        <v>957</v>
      </c>
      <c r="I5300">
        <v>355.32</v>
      </c>
      <c r="J5300">
        <v>9</v>
      </c>
      <c r="K5300">
        <v>99.49</v>
      </c>
    </row>
    <row r="5301" spans="1:11" x14ac:dyDescent="0.3">
      <c r="A5301" s="1">
        <v>42600</v>
      </c>
      <c r="B5301" s="3">
        <f t="shared" si="164"/>
        <v>8</v>
      </c>
      <c r="C5301" s="3">
        <f t="shared" si="165"/>
        <v>2016</v>
      </c>
      <c r="D5301" t="s">
        <v>1520</v>
      </c>
      <c r="E5301" t="s">
        <v>148</v>
      </c>
      <c r="F5301" t="s">
        <v>38</v>
      </c>
      <c r="G5301" t="s">
        <v>39</v>
      </c>
      <c r="H5301" t="s">
        <v>942</v>
      </c>
      <c r="I5301">
        <v>39.99</v>
      </c>
      <c r="J5301">
        <v>1</v>
      </c>
      <c r="K5301">
        <v>11.6</v>
      </c>
    </row>
    <row r="5302" spans="1:11" x14ac:dyDescent="0.3">
      <c r="A5302" s="1">
        <v>42600</v>
      </c>
      <c r="B5302" s="3">
        <f t="shared" si="164"/>
        <v>8</v>
      </c>
      <c r="C5302" s="3">
        <f t="shared" si="165"/>
        <v>2016</v>
      </c>
      <c r="D5302" t="s">
        <v>181</v>
      </c>
      <c r="E5302" t="s">
        <v>9</v>
      </c>
      <c r="F5302" t="s">
        <v>10</v>
      </c>
      <c r="G5302" t="s">
        <v>19</v>
      </c>
      <c r="H5302" t="s">
        <v>262</v>
      </c>
      <c r="I5302">
        <v>2.0699999999999998</v>
      </c>
      <c r="J5302">
        <v>1</v>
      </c>
      <c r="K5302">
        <v>-3.41</v>
      </c>
    </row>
    <row r="5303" spans="1:11" x14ac:dyDescent="0.3">
      <c r="A5303" s="1">
        <v>42600</v>
      </c>
      <c r="B5303" s="3">
        <f t="shared" si="164"/>
        <v>8</v>
      </c>
      <c r="C5303" s="3">
        <f t="shared" si="165"/>
        <v>2016</v>
      </c>
      <c r="D5303" t="s">
        <v>181</v>
      </c>
      <c r="E5303" t="s">
        <v>9</v>
      </c>
      <c r="F5303" t="s">
        <v>10</v>
      </c>
      <c r="G5303" t="s">
        <v>11</v>
      </c>
      <c r="H5303" t="s">
        <v>1261</v>
      </c>
      <c r="I5303">
        <v>83.84</v>
      </c>
      <c r="J5303">
        <v>8</v>
      </c>
      <c r="K5303">
        <v>30.39</v>
      </c>
    </row>
    <row r="5304" spans="1:11" x14ac:dyDescent="0.3">
      <c r="A5304" s="1">
        <v>42600</v>
      </c>
      <c r="B5304" s="3">
        <f t="shared" si="164"/>
        <v>8</v>
      </c>
      <c r="C5304" s="3">
        <f t="shared" si="165"/>
        <v>2016</v>
      </c>
      <c r="D5304" t="s">
        <v>1087</v>
      </c>
      <c r="E5304" t="s">
        <v>9</v>
      </c>
      <c r="F5304" t="s">
        <v>33</v>
      </c>
      <c r="G5304" t="s">
        <v>46</v>
      </c>
      <c r="H5304" t="s">
        <v>1014</v>
      </c>
      <c r="I5304">
        <v>9.5500000000000007</v>
      </c>
      <c r="J5304">
        <v>3</v>
      </c>
      <c r="K5304">
        <v>-3.82</v>
      </c>
    </row>
    <row r="5305" spans="1:11" x14ac:dyDescent="0.3">
      <c r="A5305" s="1">
        <v>42600</v>
      </c>
      <c r="B5305" s="3">
        <f t="shared" si="164"/>
        <v>8</v>
      </c>
      <c r="C5305" s="3">
        <f t="shared" si="165"/>
        <v>2016</v>
      </c>
      <c r="D5305" t="s">
        <v>1087</v>
      </c>
      <c r="E5305" t="s">
        <v>9</v>
      </c>
      <c r="F5305" t="s">
        <v>33</v>
      </c>
      <c r="G5305" t="s">
        <v>46</v>
      </c>
      <c r="H5305" t="s">
        <v>1569</v>
      </c>
      <c r="I5305">
        <v>5.34</v>
      </c>
      <c r="J5305">
        <v>4</v>
      </c>
      <c r="K5305">
        <v>-2.14</v>
      </c>
    </row>
    <row r="5306" spans="1:11" x14ac:dyDescent="0.3">
      <c r="A5306" s="1">
        <v>42601</v>
      </c>
      <c r="B5306" s="3">
        <f t="shared" si="164"/>
        <v>8</v>
      </c>
      <c r="C5306" s="3">
        <f t="shared" si="165"/>
        <v>2016</v>
      </c>
      <c r="D5306" t="s">
        <v>711</v>
      </c>
      <c r="E5306" t="s">
        <v>148</v>
      </c>
      <c r="F5306" t="s">
        <v>10</v>
      </c>
      <c r="G5306" t="s">
        <v>19</v>
      </c>
      <c r="H5306" t="s">
        <v>161</v>
      </c>
      <c r="I5306">
        <v>146.69</v>
      </c>
      <c r="J5306">
        <v>6</v>
      </c>
      <c r="K5306">
        <v>55.01</v>
      </c>
    </row>
    <row r="5307" spans="1:11" x14ac:dyDescent="0.3">
      <c r="A5307" s="1">
        <v>42601</v>
      </c>
      <c r="B5307" s="3">
        <f t="shared" si="164"/>
        <v>8</v>
      </c>
      <c r="C5307" s="3">
        <f t="shared" si="165"/>
        <v>2016</v>
      </c>
      <c r="D5307" t="s">
        <v>711</v>
      </c>
      <c r="E5307" t="s">
        <v>148</v>
      </c>
      <c r="F5307" t="s">
        <v>10</v>
      </c>
      <c r="G5307" t="s">
        <v>19</v>
      </c>
      <c r="H5307" t="s">
        <v>2460</v>
      </c>
      <c r="I5307">
        <v>276.77999999999997</v>
      </c>
      <c r="J5307">
        <v>2</v>
      </c>
      <c r="K5307">
        <v>89.95</v>
      </c>
    </row>
    <row r="5308" spans="1:11" x14ac:dyDescent="0.3">
      <c r="A5308" s="1">
        <v>42601</v>
      </c>
      <c r="B5308" s="3">
        <f t="shared" si="164"/>
        <v>8</v>
      </c>
      <c r="C5308" s="3">
        <f t="shared" si="165"/>
        <v>2016</v>
      </c>
      <c r="D5308" t="s">
        <v>711</v>
      </c>
      <c r="E5308" t="s">
        <v>148</v>
      </c>
      <c r="F5308" t="s">
        <v>10</v>
      </c>
      <c r="G5308" t="s">
        <v>19</v>
      </c>
      <c r="H5308" t="s">
        <v>247</v>
      </c>
      <c r="I5308">
        <v>25.32</v>
      </c>
      <c r="J5308">
        <v>5</v>
      </c>
      <c r="K5308">
        <v>9.18</v>
      </c>
    </row>
    <row r="5309" spans="1:11" x14ac:dyDescent="0.3">
      <c r="A5309" s="1">
        <v>42602</v>
      </c>
      <c r="B5309" s="3">
        <f t="shared" si="164"/>
        <v>8</v>
      </c>
      <c r="C5309" s="3">
        <f t="shared" si="165"/>
        <v>2016</v>
      </c>
      <c r="D5309" t="s">
        <v>751</v>
      </c>
      <c r="E5309" t="s">
        <v>109</v>
      </c>
      <c r="F5309" t="s">
        <v>38</v>
      </c>
      <c r="G5309" t="s">
        <v>39</v>
      </c>
      <c r="H5309" t="s">
        <v>2295</v>
      </c>
      <c r="I5309">
        <v>14.78</v>
      </c>
      <c r="J5309">
        <v>2</v>
      </c>
      <c r="K5309">
        <v>3.99</v>
      </c>
    </row>
    <row r="5310" spans="1:11" x14ac:dyDescent="0.3">
      <c r="A5310" s="1">
        <v>42603</v>
      </c>
      <c r="B5310" s="3">
        <f t="shared" si="164"/>
        <v>8</v>
      </c>
      <c r="C5310" s="3">
        <f t="shared" si="165"/>
        <v>2016</v>
      </c>
      <c r="D5310" t="s">
        <v>2380</v>
      </c>
      <c r="E5310" t="s">
        <v>244</v>
      </c>
      <c r="F5310" t="s">
        <v>10</v>
      </c>
      <c r="G5310" t="s">
        <v>15</v>
      </c>
      <c r="H5310" t="s">
        <v>925</v>
      </c>
      <c r="I5310">
        <v>9.2200000000000006</v>
      </c>
      <c r="J5310">
        <v>4</v>
      </c>
      <c r="K5310">
        <v>3.34</v>
      </c>
    </row>
    <row r="5311" spans="1:11" x14ac:dyDescent="0.3">
      <c r="A5311" s="1">
        <v>42603</v>
      </c>
      <c r="B5311" s="3">
        <f t="shared" si="164"/>
        <v>8</v>
      </c>
      <c r="C5311" s="3">
        <f t="shared" si="165"/>
        <v>2016</v>
      </c>
      <c r="D5311" t="s">
        <v>2380</v>
      </c>
      <c r="E5311" t="s">
        <v>244</v>
      </c>
      <c r="F5311" t="s">
        <v>10</v>
      </c>
      <c r="G5311" t="s">
        <v>199</v>
      </c>
      <c r="H5311" t="s">
        <v>2055</v>
      </c>
      <c r="I5311">
        <v>28.05</v>
      </c>
      <c r="J5311">
        <v>2</v>
      </c>
      <c r="K5311">
        <v>3.51</v>
      </c>
    </row>
    <row r="5312" spans="1:11" x14ac:dyDescent="0.3">
      <c r="A5312" s="1">
        <v>42603</v>
      </c>
      <c r="B5312" s="3">
        <f t="shared" si="164"/>
        <v>8</v>
      </c>
      <c r="C5312" s="3">
        <f t="shared" si="165"/>
        <v>2016</v>
      </c>
      <c r="D5312" t="s">
        <v>300</v>
      </c>
      <c r="E5312" t="s">
        <v>22</v>
      </c>
      <c r="F5312" t="s">
        <v>33</v>
      </c>
      <c r="G5312" t="s">
        <v>144</v>
      </c>
      <c r="H5312" t="s">
        <v>2017</v>
      </c>
      <c r="I5312">
        <v>815.29</v>
      </c>
      <c r="J5312">
        <v>9</v>
      </c>
      <c r="K5312">
        <v>-339.71</v>
      </c>
    </row>
    <row r="5313" spans="1:11" x14ac:dyDescent="0.3">
      <c r="A5313" s="1">
        <v>42603</v>
      </c>
      <c r="B5313" s="3">
        <f t="shared" si="164"/>
        <v>8</v>
      </c>
      <c r="C5313" s="3">
        <f t="shared" si="165"/>
        <v>2016</v>
      </c>
      <c r="D5313" t="s">
        <v>2536</v>
      </c>
      <c r="E5313" t="s">
        <v>26</v>
      </c>
      <c r="F5313" t="s">
        <v>10</v>
      </c>
      <c r="G5313" t="s">
        <v>19</v>
      </c>
      <c r="H5313" t="s">
        <v>2467</v>
      </c>
      <c r="I5313">
        <v>12.67</v>
      </c>
      <c r="J5313">
        <v>2</v>
      </c>
      <c r="K5313">
        <v>4.75</v>
      </c>
    </row>
    <row r="5314" spans="1:11" x14ac:dyDescent="0.3">
      <c r="A5314" s="1">
        <v>42603</v>
      </c>
      <c r="B5314" s="3">
        <f t="shared" ref="B5314:B5377" si="166">MONTH(A:A)</f>
        <v>8</v>
      </c>
      <c r="C5314" s="3">
        <f t="shared" ref="C5314:C5377" si="167">YEAR(A:A)</f>
        <v>2016</v>
      </c>
      <c r="D5314" t="s">
        <v>2536</v>
      </c>
      <c r="E5314" t="s">
        <v>26</v>
      </c>
      <c r="F5314" t="s">
        <v>38</v>
      </c>
      <c r="G5314" t="s">
        <v>39</v>
      </c>
      <c r="H5314" t="s">
        <v>2274</v>
      </c>
      <c r="I5314">
        <v>91.96</v>
      </c>
      <c r="J5314">
        <v>5</v>
      </c>
      <c r="K5314">
        <v>-20.69</v>
      </c>
    </row>
    <row r="5315" spans="1:11" x14ac:dyDescent="0.3">
      <c r="A5315" s="1">
        <v>42603</v>
      </c>
      <c r="B5315" s="3">
        <f t="shared" si="166"/>
        <v>8</v>
      </c>
      <c r="C5315" s="3">
        <f t="shared" si="167"/>
        <v>2016</v>
      </c>
      <c r="D5315" t="s">
        <v>2536</v>
      </c>
      <c r="E5315" t="s">
        <v>26</v>
      </c>
      <c r="F5315" t="s">
        <v>38</v>
      </c>
      <c r="G5315" t="s">
        <v>51</v>
      </c>
      <c r="H5315" t="s">
        <v>1133</v>
      </c>
      <c r="I5315">
        <v>254.97</v>
      </c>
      <c r="J5315">
        <v>3</v>
      </c>
      <c r="K5315">
        <v>91.79</v>
      </c>
    </row>
    <row r="5316" spans="1:11" x14ac:dyDescent="0.3">
      <c r="A5316" s="1">
        <v>42603</v>
      </c>
      <c r="B5316" s="3">
        <f t="shared" si="166"/>
        <v>8</v>
      </c>
      <c r="C5316" s="3">
        <f t="shared" si="167"/>
        <v>2016</v>
      </c>
      <c r="D5316" t="s">
        <v>2536</v>
      </c>
      <c r="E5316" t="s">
        <v>26</v>
      </c>
      <c r="F5316" t="s">
        <v>38</v>
      </c>
      <c r="G5316" t="s">
        <v>39</v>
      </c>
      <c r="H5316" t="s">
        <v>2244</v>
      </c>
      <c r="I5316">
        <v>31.98</v>
      </c>
      <c r="J5316">
        <v>2</v>
      </c>
      <c r="K5316">
        <v>-8</v>
      </c>
    </row>
    <row r="5317" spans="1:11" x14ac:dyDescent="0.3">
      <c r="A5317" s="1">
        <v>42603</v>
      </c>
      <c r="B5317" s="3">
        <f t="shared" si="166"/>
        <v>8</v>
      </c>
      <c r="C5317" s="3">
        <f t="shared" si="167"/>
        <v>2016</v>
      </c>
      <c r="D5317" t="s">
        <v>2536</v>
      </c>
      <c r="E5317" t="s">
        <v>26</v>
      </c>
      <c r="F5317" t="s">
        <v>33</v>
      </c>
      <c r="G5317" t="s">
        <v>144</v>
      </c>
      <c r="H5317" t="s">
        <v>1188</v>
      </c>
      <c r="I5317">
        <v>2887.06</v>
      </c>
      <c r="J5317">
        <v>9</v>
      </c>
      <c r="K5317">
        <v>180.44</v>
      </c>
    </row>
    <row r="5318" spans="1:11" x14ac:dyDescent="0.3">
      <c r="A5318" s="1">
        <v>42603</v>
      </c>
      <c r="B5318" s="3">
        <f t="shared" si="166"/>
        <v>8</v>
      </c>
      <c r="C5318" s="3">
        <f t="shared" si="167"/>
        <v>2016</v>
      </c>
      <c r="D5318" t="s">
        <v>2536</v>
      </c>
      <c r="E5318" t="s">
        <v>26</v>
      </c>
      <c r="F5318" t="s">
        <v>10</v>
      </c>
      <c r="G5318" t="s">
        <v>11</v>
      </c>
      <c r="H5318" t="s">
        <v>1943</v>
      </c>
      <c r="I5318">
        <v>12.96</v>
      </c>
      <c r="J5318">
        <v>2</v>
      </c>
      <c r="K5318">
        <v>6.22</v>
      </c>
    </row>
    <row r="5319" spans="1:11" x14ac:dyDescent="0.3">
      <c r="A5319" s="1">
        <v>42603</v>
      </c>
      <c r="B5319" s="3">
        <f t="shared" si="166"/>
        <v>8</v>
      </c>
      <c r="C5319" s="3">
        <f t="shared" si="167"/>
        <v>2016</v>
      </c>
      <c r="D5319" t="s">
        <v>2536</v>
      </c>
      <c r="E5319" t="s">
        <v>26</v>
      </c>
      <c r="F5319" t="s">
        <v>10</v>
      </c>
      <c r="G5319" t="s">
        <v>11</v>
      </c>
      <c r="H5319" t="s">
        <v>2097</v>
      </c>
      <c r="I5319">
        <v>47.52</v>
      </c>
      <c r="J5319">
        <v>9</v>
      </c>
      <c r="K5319">
        <v>21.38</v>
      </c>
    </row>
    <row r="5320" spans="1:11" x14ac:dyDescent="0.3">
      <c r="A5320" s="1">
        <v>42603</v>
      </c>
      <c r="B5320" s="3">
        <f t="shared" si="166"/>
        <v>8</v>
      </c>
      <c r="C5320" s="3">
        <f t="shared" si="167"/>
        <v>2016</v>
      </c>
      <c r="D5320" t="s">
        <v>1488</v>
      </c>
      <c r="E5320" t="s">
        <v>163</v>
      </c>
      <c r="F5320" t="s">
        <v>10</v>
      </c>
      <c r="G5320" t="s">
        <v>19</v>
      </c>
      <c r="H5320" t="s">
        <v>1490</v>
      </c>
      <c r="I5320">
        <v>33.44</v>
      </c>
      <c r="J5320">
        <v>10</v>
      </c>
      <c r="K5320">
        <v>11.7</v>
      </c>
    </row>
    <row r="5321" spans="1:11" x14ac:dyDescent="0.3">
      <c r="A5321" s="1">
        <v>42603</v>
      </c>
      <c r="B5321" s="3">
        <f t="shared" si="166"/>
        <v>8</v>
      </c>
      <c r="C5321" s="3">
        <f t="shared" si="167"/>
        <v>2016</v>
      </c>
      <c r="D5321" t="s">
        <v>504</v>
      </c>
      <c r="E5321" t="s">
        <v>148</v>
      </c>
      <c r="F5321" t="s">
        <v>33</v>
      </c>
      <c r="G5321" t="s">
        <v>34</v>
      </c>
      <c r="H5321" t="s">
        <v>1378</v>
      </c>
      <c r="I5321">
        <v>573.16999999999996</v>
      </c>
      <c r="J5321">
        <v>7</v>
      </c>
      <c r="K5321">
        <v>63.69</v>
      </c>
    </row>
    <row r="5322" spans="1:11" x14ac:dyDescent="0.3">
      <c r="A5322" s="1">
        <v>42604</v>
      </c>
      <c r="B5322" s="3">
        <f t="shared" si="166"/>
        <v>8</v>
      </c>
      <c r="C5322" s="3">
        <f t="shared" si="167"/>
        <v>2016</v>
      </c>
      <c r="D5322" t="s">
        <v>1139</v>
      </c>
      <c r="E5322" t="s">
        <v>77</v>
      </c>
      <c r="F5322" t="s">
        <v>10</v>
      </c>
      <c r="G5322" t="s">
        <v>91</v>
      </c>
      <c r="H5322" t="s">
        <v>2066</v>
      </c>
      <c r="I5322">
        <v>113.55</v>
      </c>
      <c r="J5322">
        <v>2</v>
      </c>
      <c r="K5322">
        <v>8.52</v>
      </c>
    </row>
    <row r="5323" spans="1:11" x14ac:dyDescent="0.3">
      <c r="A5323" s="1">
        <v>42604</v>
      </c>
      <c r="B5323" s="3">
        <f t="shared" si="166"/>
        <v>8</v>
      </c>
      <c r="C5323" s="3">
        <f t="shared" si="167"/>
        <v>2016</v>
      </c>
      <c r="D5323" t="s">
        <v>1139</v>
      </c>
      <c r="E5323" t="s">
        <v>77</v>
      </c>
      <c r="F5323" t="s">
        <v>10</v>
      </c>
      <c r="G5323" t="s">
        <v>19</v>
      </c>
      <c r="H5323" t="s">
        <v>165</v>
      </c>
      <c r="I5323">
        <v>3.32</v>
      </c>
      <c r="J5323">
        <v>2</v>
      </c>
      <c r="K5323">
        <v>-2.65</v>
      </c>
    </row>
    <row r="5324" spans="1:11" x14ac:dyDescent="0.3">
      <c r="A5324" s="1">
        <v>42604</v>
      </c>
      <c r="B5324" s="3">
        <f t="shared" si="166"/>
        <v>8</v>
      </c>
      <c r="C5324" s="3">
        <f t="shared" si="167"/>
        <v>2016</v>
      </c>
      <c r="D5324" t="s">
        <v>1139</v>
      </c>
      <c r="E5324" t="s">
        <v>77</v>
      </c>
      <c r="F5324" t="s">
        <v>10</v>
      </c>
      <c r="G5324" t="s">
        <v>62</v>
      </c>
      <c r="H5324" t="s">
        <v>413</v>
      </c>
      <c r="I5324">
        <v>134.29</v>
      </c>
      <c r="J5324">
        <v>2</v>
      </c>
      <c r="K5324">
        <v>45.32</v>
      </c>
    </row>
    <row r="5325" spans="1:11" x14ac:dyDescent="0.3">
      <c r="A5325" s="1">
        <v>42604</v>
      </c>
      <c r="B5325" s="3">
        <f t="shared" si="166"/>
        <v>8</v>
      </c>
      <c r="C5325" s="3">
        <f t="shared" si="167"/>
        <v>2016</v>
      </c>
      <c r="D5325" t="s">
        <v>423</v>
      </c>
      <c r="E5325" t="s">
        <v>9</v>
      </c>
      <c r="F5325" t="s">
        <v>10</v>
      </c>
      <c r="G5325" t="s">
        <v>19</v>
      </c>
      <c r="H5325" t="s">
        <v>95</v>
      </c>
      <c r="I5325">
        <v>4.3099999999999996</v>
      </c>
      <c r="J5325">
        <v>2</v>
      </c>
      <c r="K5325">
        <v>-6.9</v>
      </c>
    </row>
    <row r="5326" spans="1:11" x14ac:dyDescent="0.3">
      <c r="A5326" s="1">
        <v>42604</v>
      </c>
      <c r="B5326" s="3">
        <f t="shared" si="166"/>
        <v>8</v>
      </c>
      <c r="C5326" s="3">
        <f t="shared" si="167"/>
        <v>2016</v>
      </c>
      <c r="D5326" t="s">
        <v>1022</v>
      </c>
      <c r="E5326" t="s">
        <v>90</v>
      </c>
      <c r="F5326" t="s">
        <v>10</v>
      </c>
      <c r="G5326" t="s">
        <v>19</v>
      </c>
      <c r="H5326" t="s">
        <v>1958</v>
      </c>
      <c r="I5326">
        <v>26.35</v>
      </c>
      <c r="J5326">
        <v>8</v>
      </c>
      <c r="K5326">
        <v>-18.45</v>
      </c>
    </row>
    <row r="5327" spans="1:11" x14ac:dyDescent="0.3">
      <c r="A5327" s="1">
        <v>42604</v>
      </c>
      <c r="B5327" s="3">
        <f t="shared" si="166"/>
        <v>8</v>
      </c>
      <c r="C5327" s="3">
        <f t="shared" si="167"/>
        <v>2016</v>
      </c>
      <c r="D5327" t="s">
        <v>1543</v>
      </c>
      <c r="E5327" t="s">
        <v>163</v>
      </c>
      <c r="F5327" t="s">
        <v>10</v>
      </c>
      <c r="G5327" t="s">
        <v>11</v>
      </c>
      <c r="H5327" t="s">
        <v>2113</v>
      </c>
      <c r="I5327">
        <v>19.440000000000001</v>
      </c>
      <c r="J5327">
        <v>3</v>
      </c>
      <c r="K5327">
        <v>9.33</v>
      </c>
    </row>
    <row r="5328" spans="1:11" x14ac:dyDescent="0.3">
      <c r="A5328" s="1">
        <v>42604</v>
      </c>
      <c r="B5328" s="3">
        <f t="shared" si="166"/>
        <v>8</v>
      </c>
      <c r="C5328" s="3">
        <f t="shared" si="167"/>
        <v>2016</v>
      </c>
      <c r="D5328" t="s">
        <v>1675</v>
      </c>
      <c r="E5328" t="s">
        <v>277</v>
      </c>
      <c r="F5328" t="s">
        <v>33</v>
      </c>
      <c r="G5328" t="s">
        <v>46</v>
      </c>
      <c r="H5328" t="s">
        <v>1082</v>
      </c>
      <c r="I5328">
        <v>98.33</v>
      </c>
      <c r="J5328">
        <v>3</v>
      </c>
      <c r="K5328">
        <v>9.83</v>
      </c>
    </row>
    <row r="5329" spans="1:11" x14ac:dyDescent="0.3">
      <c r="A5329" s="1">
        <v>42604</v>
      </c>
      <c r="B5329" s="3">
        <f t="shared" si="166"/>
        <v>8</v>
      </c>
      <c r="C5329" s="3">
        <f t="shared" si="167"/>
        <v>2016</v>
      </c>
      <c r="D5329" t="s">
        <v>670</v>
      </c>
      <c r="E5329" t="s">
        <v>26</v>
      </c>
      <c r="F5329" t="s">
        <v>10</v>
      </c>
      <c r="G5329" t="s">
        <v>23</v>
      </c>
      <c r="H5329" t="s">
        <v>2191</v>
      </c>
      <c r="I5329">
        <v>5.76</v>
      </c>
      <c r="J5329">
        <v>2</v>
      </c>
      <c r="K5329">
        <v>1.67</v>
      </c>
    </row>
    <row r="5330" spans="1:11" x14ac:dyDescent="0.3">
      <c r="A5330" s="1">
        <v>42605</v>
      </c>
      <c r="B5330" s="3">
        <f t="shared" si="166"/>
        <v>8</v>
      </c>
      <c r="C5330" s="3">
        <f t="shared" si="167"/>
        <v>2016</v>
      </c>
      <c r="D5330" t="s">
        <v>2584</v>
      </c>
      <c r="E5330" t="s">
        <v>9</v>
      </c>
      <c r="F5330" t="s">
        <v>10</v>
      </c>
      <c r="G5330" t="s">
        <v>17</v>
      </c>
      <c r="H5330" t="s">
        <v>18</v>
      </c>
      <c r="I5330">
        <v>727.3</v>
      </c>
      <c r="J5330">
        <v>8</v>
      </c>
      <c r="K5330">
        <v>-172.73</v>
      </c>
    </row>
    <row r="5331" spans="1:11" x14ac:dyDescent="0.3">
      <c r="A5331" s="1">
        <v>42605</v>
      </c>
      <c r="B5331" s="3">
        <f t="shared" si="166"/>
        <v>8</v>
      </c>
      <c r="C5331" s="3">
        <f t="shared" si="167"/>
        <v>2016</v>
      </c>
      <c r="D5331" t="s">
        <v>2584</v>
      </c>
      <c r="E5331" t="s">
        <v>9</v>
      </c>
      <c r="F5331" t="s">
        <v>33</v>
      </c>
      <c r="G5331" t="s">
        <v>46</v>
      </c>
      <c r="H5331" t="s">
        <v>2014</v>
      </c>
      <c r="I5331">
        <v>22.61</v>
      </c>
      <c r="J5331">
        <v>3</v>
      </c>
      <c r="K5331">
        <v>-10.17</v>
      </c>
    </row>
    <row r="5332" spans="1:11" x14ac:dyDescent="0.3">
      <c r="A5332" s="1">
        <v>42605</v>
      </c>
      <c r="B5332" s="3">
        <f t="shared" si="166"/>
        <v>8</v>
      </c>
      <c r="C5332" s="3">
        <f t="shared" si="167"/>
        <v>2016</v>
      </c>
      <c r="D5332" t="s">
        <v>2584</v>
      </c>
      <c r="E5332" t="s">
        <v>9</v>
      </c>
      <c r="F5332" t="s">
        <v>38</v>
      </c>
      <c r="G5332" t="s">
        <v>51</v>
      </c>
      <c r="H5332" t="s">
        <v>1031</v>
      </c>
      <c r="I5332">
        <v>666.4</v>
      </c>
      <c r="J5332">
        <v>7</v>
      </c>
      <c r="K5332">
        <v>-33.32</v>
      </c>
    </row>
    <row r="5333" spans="1:11" x14ac:dyDescent="0.3">
      <c r="A5333" s="1">
        <v>42605</v>
      </c>
      <c r="B5333" s="3">
        <f t="shared" si="166"/>
        <v>8</v>
      </c>
      <c r="C5333" s="3">
        <f t="shared" si="167"/>
        <v>2016</v>
      </c>
      <c r="D5333" t="s">
        <v>901</v>
      </c>
      <c r="E5333" t="s">
        <v>163</v>
      </c>
      <c r="F5333" t="s">
        <v>38</v>
      </c>
      <c r="G5333" t="s">
        <v>301</v>
      </c>
      <c r="H5333" t="s">
        <v>836</v>
      </c>
      <c r="I5333">
        <v>837.6</v>
      </c>
      <c r="J5333">
        <v>3</v>
      </c>
      <c r="K5333">
        <v>62.82</v>
      </c>
    </row>
    <row r="5334" spans="1:11" x14ac:dyDescent="0.3">
      <c r="A5334" s="1">
        <v>42605</v>
      </c>
      <c r="B5334" s="3">
        <f t="shared" si="166"/>
        <v>8</v>
      </c>
      <c r="C5334" s="3">
        <f t="shared" si="167"/>
        <v>2016</v>
      </c>
      <c r="D5334" t="s">
        <v>901</v>
      </c>
      <c r="E5334" t="s">
        <v>163</v>
      </c>
      <c r="F5334" t="s">
        <v>10</v>
      </c>
      <c r="G5334" t="s">
        <v>62</v>
      </c>
      <c r="H5334" t="s">
        <v>97</v>
      </c>
      <c r="I5334">
        <v>135.9</v>
      </c>
      <c r="J5334">
        <v>5</v>
      </c>
      <c r="K5334">
        <v>63.87</v>
      </c>
    </row>
    <row r="5335" spans="1:11" x14ac:dyDescent="0.3">
      <c r="A5335" s="1">
        <v>42605</v>
      </c>
      <c r="B5335" s="3">
        <f t="shared" si="166"/>
        <v>8</v>
      </c>
      <c r="C5335" s="3">
        <f t="shared" si="167"/>
        <v>2016</v>
      </c>
      <c r="D5335" t="s">
        <v>901</v>
      </c>
      <c r="E5335" t="s">
        <v>163</v>
      </c>
      <c r="F5335" t="s">
        <v>10</v>
      </c>
      <c r="G5335" t="s">
        <v>11</v>
      </c>
      <c r="H5335" t="s">
        <v>1178</v>
      </c>
      <c r="I5335">
        <v>34.68</v>
      </c>
      <c r="J5335">
        <v>6</v>
      </c>
      <c r="K5335">
        <v>16.989999999999998</v>
      </c>
    </row>
    <row r="5336" spans="1:11" x14ac:dyDescent="0.3">
      <c r="A5336" s="1">
        <v>42605</v>
      </c>
      <c r="B5336" s="3">
        <f t="shared" si="166"/>
        <v>8</v>
      </c>
      <c r="C5336" s="3">
        <f t="shared" si="167"/>
        <v>2016</v>
      </c>
      <c r="D5336" t="s">
        <v>901</v>
      </c>
      <c r="E5336" t="s">
        <v>163</v>
      </c>
      <c r="F5336" t="s">
        <v>33</v>
      </c>
      <c r="G5336" t="s">
        <v>34</v>
      </c>
      <c r="H5336" t="s">
        <v>1684</v>
      </c>
      <c r="I5336">
        <v>532.70000000000005</v>
      </c>
      <c r="J5336">
        <v>6</v>
      </c>
      <c r="K5336">
        <v>-39.950000000000003</v>
      </c>
    </row>
    <row r="5337" spans="1:11" x14ac:dyDescent="0.3">
      <c r="A5337" s="1">
        <v>42605</v>
      </c>
      <c r="B5337" s="3">
        <f t="shared" si="166"/>
        <v>8</v>
      </c>
      <c r="C5337" s="3">
        <f t="shared" si="167"/>
        <v>2016</v>
      </c>
      <c r="D5337" t="s">
        <v>901</v>
      </c>
      <c r="E5337" t="s">
        <v>163</v>
      </c>
      <c r="F5337" t="s">
        <v>10</v>
      </c>
      <c r="G5337" t="s">
        <v>91</v>
      </c>
      <c r="H5337" t="s">
        <v>1386</v>
      </c>
      <c r="I5337">
        <v>43.1</v>
      </c>
      <c r="J5337">
        <v>5</v>
      </c>
      <c r="K5337">
        <v>11.21</v>
      </c>
    </row>
    <row r="5338" spans="1:11" x14ac:dyDescent="0.3">
      <c r="A5338" s="1">
        <v>42605</v>
      </c>
      <c r="B5338" s="3">
        <f t="shared" si="166"/>
        <v>8</v>
      </c>
      <c r="C5338" s="3">
        <f t="shared" si="167"/>
        <v>2016</v>
      </c>
      <c r="D5338" t="s">
        <v>901</v>
      </c>
      <c r="E5338" t="s">
        <v>163</v>
      </c>
      <c r="F5338" t="s">
        <v>10</v>
      </c>
      <c r="G5338" t="s">
        <v>199</v>
      </c>
      <c r="H5338" t="s">
        <v>1840</v>
      </c>
      <c r="I5338">
        <v>15.88</v>
      </c>
      <c r="J5338">
        <v>4</v>
      </c>
      <c r="K5338">
        <v>0.16</v>
      </c>
    </row>
    <row r="5339" spans="1:11" x14ac:dyDescent="0.3">
      <c r="A5339" s="1">
        <v>42605</v>
      </c>
      <c r="B5339" s="3">
        <f t="shared" si="166"/>
        <v>8</v>
      </c>
      <c r="C5339" s="3">
        <f t="shared" si="167"/>
        <v>2016</v>
      </c>
      <c r="D5339" t="s">
        <v>1160</v>
      </c>
      <c r="E5339" t="s">
        <v>148</v>
      </c>
      <c r="F5339" t="s">
        <v>10</v>
      </c>
      <c r="G5339" t="s">
        <v>23</v>
      </c>
      <c r="H5339" t="s">
        <v>30</v>
      </c>
      <c r="I5339">
        <v>21.3</v>
      </c>
      <c r="J5339">
        <v>5</v>
      </c>
      <c r="K5339">
        <v>8.73</v>
      </c>
    </row>
    <row r="5340" spans="1:11" x14ac:dyDescent="0.3">
      <c r="A5340" s="1">
        <v>42605</v>
      </c>
      <c r="B5340" s="3">
        <f t="shared" si="166"/>
        <v>8</v>
      </c>
      <c r="C5340" s="3">
        <f t="shared" si="167"/>
        <v>2016</v>
      </c>
      <c r="D5340" t="s">
        <v>1160</v>
      </c>
      <c r="E5340" t="s">
        <v>148</v>
      </c>
      <c r="F5340" t="s">
        <v>10</v>
      </c>
      <c r="G5340" t="s">
        <v>91</v>
      </c>
      <c r="H5340" t="s">
        <v>710</v>
      </c>
      <c r="I5340">
        <v>1040.8</v>
      </c>
      <c r="J5340">
        <v>5</v>
      </c>
      <c r="K5340">
        <v>281.02</v>
      </c>
    </row>
    <row r="5341" spans="1:11" x14ac:dyDescent="0.3">
      <c r="A5341" s="1">
        <v>42605</v>
      </c>
      <c r="B5341" s="3">
        <f t="shared" si="166"/>
        <v>8</v>
      </c>
      <c r="C5341" s="3">
        <f t="shared" si="167"/>
        <v>2016</v>
      </c>
      <c r="D5341" t="s">
        <v>1160</v>
      </c>
      <c r="E5341" t="s">
        <v>148</v>
      </c>
      <c r="F5341" t="s">
        <v>10</v>
      </c>
      <c r="G5341" t="s">
        <v>23</v>
      </c>
      <c r="H5341" t="s">
        <v>1712</v>
      </c>
      <c r="I5341">
        <v>29.34</v>
      </c>
      <c r="J5341">
        <v>6</v>
      </c>
      <c r="K5341">
        <v>7.92</v>
      </c>
    </row>
    <row r="5342" spans="1:11" x14ac:dyDescent="0.3">
      <c r="A5342" s="1">
        <v>42605</v>
      </c>
      <c r="B5342" s="3">
        <f t="shared" si="166"/>
        <v>8</v>
      </c>
      <c r="C5342" s="3">
        <f t="shared" si="167"/>
        <v>2016</v>
      </c>
      <c r="D5342" t="s">
        <v>1087</v>
      </c>
      <c r="E5342" t="s">
        <v>156</v>
      </c>
      <c r="F5342" t="s">
        <v>10</v>
      </c>
      <c r="G5342" t="s">
        <v>15</v>
      </c>
      <c r="H5342" t="s">
        <v>1401</v>
      </c>
      <c r="I5342">
        <v>25.2</v>
      </c>
      <c r="J5342">
        <v>4</v>
      </c>
      <c r="K5342">
        <v>11.59</v>
      </c>
    </row>
    <row r="5343" spans="1:11" x14ac:dyDescent="0.3">
      <c r="A5343" s="1">
        <v>42605</v>
      </c>
      <c r="B5343" s="3">
        <f t="shared" si="166"/>
        <v>8</v>
      </c>
      <c r="C5343" s="3">
        <f t="shared" si="167"/>
        <v>2016</v>
      </c>
      <c r="D5343" t="s">
        <v>1087</v>
      </c>
      <c r="E5343" t="s">
        <v>156</v>
      </c>
      <c r="F5343" t="s">
        <v>10</v>
      </c>
      <c r="G5343" t="s">
        <v>15</v>
      </c>
      <c r="H5343" t="s">
        <v>2585</v>
      </c>
      <c r="I5343">
        <v>37.590000000000003</v>
      </c>
      <c r="J5343">
        <v>3</v>
      </c>
      <c r="K5343">
        <v>17.670000000000002</v>
      </c>
    </row>
    <row r="5344" spans="1:11" x14ac:dyDescent="0.3">
      <c r="A5344" s="1">
        <v>42605</v>
      </c>
      <c r="B5344" s="3">
        <f t="shared" si="166"/>
        <v>8</v>
      </c>
      <c r="C5344" s="3">
        <f t="shared" si="167"/>
        <v>2016</v>
      </c>
      <c r="D5344" t="s">
        <v>1087</v>
      </c>
      <c r="E5344" t="s">
        <v>156</v>
      </c>
      <c r="F5344" t="s">
        <v>10</v>
      </c>
      <c r="G5344" t="s">
        <v>17</v>
      </c>
      <c r="H5344" t="s">
        <v>1244</v>
      </c>
      <c r="I5344">
        <v>14.97</v>
      </c>
      <c r="J5344">
        <v>1</v>
      </c>
      <c r="K5344">
        <v>4.1900000000000004</v>
      </c>
    </row>
    <row r="5345" spans="1:11" x14ac:dyDescent="0.3">
      <c r="A5345" s="1">
        <v>42605</v>
      </c>
      <c r="B5345" s="3">
        <f t="shared" si="166"/>
        <v>8</v>
      </c>
      <c r="C5345" s="3">
        <f t="shared" si="167"/>
        <v>2016</v>
      </c>
      <c r="D5345" t="s">
        <v>1087</v>
      </c>
      <c r="E5345" t="s">
        <v>156</v>
      </c>
      <c r="F5345" t="s">
        <v>38</v>
      </c>
      <c r="G5345" t="s">
        <v>51</v>
      </c>
      <c r="H5345" t="s">
        <v>1519</v>
      </c>
      <c r="I5345">
        <v>1.98</v>
      </c>
      <c r="J5345">
        <v>2</v>
      </c>
      <c r="K5345">
        <v>0.89</v>
      </c>
    </row>
    <row r="5346" spans="1:11" x14ac:dyDescent="0.3">
      <c r="A5346" s="1">
        <v>42608</v>
      </c>
      <c r="B5346" s="3">
        <f t="shared" si="166"/>
        <v>8</v>
      </c>
      <c r="C5346" s="3">
        <f t="shared" si="167"/>
        <v>2016</v>
      </c>
      <c r="D5346" t="s">
        <v>1075</v>
      </c>
      <c r="E5346" t="s">
        <v>26</v>
      </c>
      <c r="F5346" t="s">
        <v>10</v>
      </c>
      <c r="G5346" t="s">
        <v>42</v>
      </c>
      <c r="H5346" t="s">
        <v>2586</v>
      </c>
      <c r="I5346">
        <v>10.23</v>
      </c>
      <c r="J5346">
        <v>3</v>
      </c>
      <c r="K5346">
        <v>4.91</v>
      </c>
    </row>
    <row r="5347" spans="1:11" x14ac:dyDescent="0.3">
      <c r="A5347" s="1">
        <v>42608</v>
      </c>
      <c r="B5347" s="3">
        <f t="shared" si="166"/>
        <v>8</v>
      </c>
      <c r="C5347" s="3">
        <f t="shared" si="167"/>
        <v>2016</v>
      </c>
      <c r="D5347" t="s">
        <v>1075</v>
      </c>
      <c r="E5347" t="s">
        <v>26</v>
      </c>
      <c r="F5347" t="s">
        <v>10</v>
      </c>
      <c r="G5347" t="s">
        <v>11</v>
      </c>
      <c r="H5347" t="s">
        <v>1604</v>
      </c>
      <c r="I5347">
        <v>154.9</v>
      </c>
      <c r="J5347">
        <v>5</v>
      </c>
      <c r="K5347">
        <v>69.709999999999994</v>
      </c>
    </row>
    <row r="5348" spans="1:11" x14ac:dyDescent="0.3">
      <c r="A5348" s="1">
        <v>42608</v>
      </c>
      <c r="B5348" s="3">
        <f t="shared" si="166"/>
        <v>8</v>
      </c>
      <c r="C5348" s="3">
        <f t="shared" si="167"/>
        <v>2016</v>
      </c>
      <c r="D5348" t="s">
        <v>211</v>
      </c>
      <c r="E5348" t="s">
        <v>9</v>
      </c>
      <c r="F5348" t="s">
        <v>38</v>
      </c>
      <c r="G5348" t="s">
        <v>51</v>
      </c>
      <c r="H5348" t="s">
        <v>1077</v>
      </c>
      <c r="I5348">
        <v>159.97999999999999</v>
      </c>
      <c r="J5348">
        <v>2</v>
      </c>
      <c r="K5348">
        <v>44</v>
      </c>
    </row>
    <row r="5349" spans="1:11" x14ac:dyDescent="0.3">
      <c r="A5349" s="1">
        <v>42608</v>
      </c>
      <c r="B5349" s="3">
        <f t="shared" si="166"/>
        <v>8</v>
      </c>
      <c r="C5349" s="3">
        <f t="shared" si="167"/>
        <v>2016</v>
      </c>
      <c r="D5349" t="s">
        <v>211</v>
      </c>
      <c r="E5349" t="s">
        <v>9</v>
      </c>
      <c r="F5349" t="s">
        <v>33</v>
      </c>
      <c r="G5349" t="s">
        <v>34</v>
      </c>
      <c r="H5349" t="s">
        <v>947</v>
      </c>
      <c r="I5349">
        <v>1024.72</v>
      </c>
      <c r="J5349">
        <v>6</v>
      </c>
      <c r="K5349">
        <v>-29.28</v>
      </c>
    </row>
    <row r="5350" spans="1:11" x14ac:dyDescent="0.3">
      <c r="A5350" s="1">
        <v>42608</v>
      </c>
      <c r="B5350" s="3">
        <f t="shared" si="166"/>
        <v>8</v>
      </c>
      <c r="C5350" s="3">
        <f t="shared" si="167"/>
        <v>2016</v>
      </c>
      <c r="D5350" t="s">
        <v>977</v>
      </c>
      <c r="E5350" t="s">
        <v>163</v>
      </c>
      <c r="F5350" t="s">
        <v>10</v>
      </c>
      <c r="G5350" t="s">
        <v>11</v>
      </c>
      <c r="H5350" t="s">
        <v>1156</v>
      </c>
      <c r="I5350">
        <v>6.48</v>
      </c>
      <c r="J5350">
        <v>1</v>
      </c>
      <c r="K5350">
        <v>3.11</v>
      </c>
    </row>
    <row r="5351" spans="1:11" x14ac:dyDescent="0.3">
      <c r="A5351" s="1">
        <v>42608</v>
      </c>
      <c r="B5351" s="3">
        <f t="shared" si="166"/>
        <v>8</v>
      </c>
      <c r="C5351" s="3">
        <f t="shared" si="167"/>
        <v>2016</v>
      </c>
      <c r="D5351" t="s">
        <v>1130</v>
      </c>
      <c r="E5351" t="s">
        <v>26</v>
      </c>
      <c r="F5351" t="s">
        <v>33</v>
      </c>
      <c r="G5351" t="s">
        <v>34</v>
      </c>
      <c r="H5351" t="s">
        <v>990</v>
      </c>
      <c r="I5351">
        <v>1603.14</v>
      </c>
      <c r="J5351">
        <v>4</v>
      </c>
      <c r="K5351">
        <v>100.2</v>
      </c>
    </row>
    <row r="5352" spans="1:11" x14ac:dyDescent="0.3">
      <c r="A5352" s="1">
        <v>42608</v>
      </c>
      <c r="B5352" s="3">
        <f t="shared" si="166"/>
        <v>8</v>
      </c>
      <c r="C5352" s="3">
        <f t="shared" si="167"/>
        <v>2016</v>
      </c>
      <c r="D5352" t="s">
        <v>1358</v>
      </c>
      <c r="E5352" t="s">
        <v>22</v>
      </c>
      <c r="F5352" t="s">
        <v>10</v>
      </c>
      <c r="G5352" t="s">
        <v>23</v>
      </c>
      <c r="H5352" t="s">
        <v>1070</v>
      </c>
      <c r="I5352">
        <v>5.47</v>
      </c>
      <c r="J5352">
        <v>3</v>
      </c>
      <c r="K5352">
        <v>1.64</v>
      </c>
    </row>
    <row r="5353" spans="1:11" x14ac:dyDescent="0.3">
      <c r="A5353" s="1">
        <v>42608</v>
      </c>
      <c r="B5353" s="3">
        <f t="shared" si="166"/>
        <v>8</v>
      </c>
      <c r="C5353" s="3">
        <f t="shared" si="167"/>
        <v>2016</v>
      </c>
      <c r="D5353" t="s">
        <v>1358</v>
      </c>
      <c r="E5353" t="s">
        <v>22</v>
      </c>
      <c r="F5353" t="s">
        <v>38</v>
      </c>
      <c r="G5353" t="s">
        <v>51</v>
      </c>
      <c r="H5353" t="s">
        <v>1313</v>
      </c>
      <c r="I5353">
        <v>47.98</v>
      </c>
      <c r="J5353">
        <v>2</v>
      </c>
      <c r="K5353">
        <v>13.2</v>
      </c>
    </row>
    <row r="5354" spans="1:11" x14ac:dyDescent="0.3">
      <c r="A5354" s="1">
        <v>42608</v>
      </c>
      <c r="B5354" s="3">
        <f t="shared" si="166"/>
        <v>8</v>
      </c>
      <c r="C5354" s="3">
        <f t="shared" si="167"/>
        <v>2016</v>
      </c>
      <c r="D5354" t="s">
        <v>1037</v>
      </c>
      <c r="E5354" t="s">
        <v>26</v>
      </c>
      <c r="F5354" t="s">
        <v>10</v>
      </c>
      <c r="G5354" t="s">
        <v>23</v>
      </c>
      <c r="H5354" t="s">
        <v>270</v>
      </c>
      <c r="I5354">
        <v>8.26</v>
      </c>
      <c r="J5354">
        <v>2</v>
      </c>
      <c r="K5354">
        <v>3.8</v>
      </c>
    </row>
    <row r="5355" spans="1:11" x14ac:dyDescent="0.3">
      <c r="A5355" s="1">
        <v>42608</v>
      </c>
      <c r="B5355" s="3">
        <f t="shared" si="166"/>
        <v>8</v>
      </c>
      <c r="C5355" s="3">
        <f t="shared" si="167"/>
        <v>2016</v>
      </c>
      <c r="D5355" t="s">
        <v>2264</v>
      </c>
      <c r="E5355" t="s">
        <v>148</v>
      </c>
      <c r="F5355" t="s">
        <v>38</v>
      </c>
      <c r="G5355" t="s">
        <v>39</v>
      </c>
      <c r="H5355" t="s">
        <v>2587</v>
      </c>
      <c r="I5355">
        <v>33</v>
      </c>
      <c r="J5355">
        <v>6</v>
      </c>
      <c r="K5355">
        <v>8.25</v>
      </c>
    </row>
    <row r="5356" spans="1:11" x14ac:dyDescent="0.3">
      <c r="A5356" s="1">
        <v>42608</v>
      </c>
      <c r="B5356" s="3">
        <f t="shared" si="166"/>
        <v>8</v>
      </c>
      <c r="C5356" s="3">
        <f t="shared" si="167"/>
        <v>2016</v>
      </c>
      <c r="D5356" t="s">
        <v>2264</v>
      </c>
      <c r="E5356" t="s">
        <v>148</v>
      </c>
      <c r="F5356" t="s">
        <v>38</v>
      </c>
      <c r="G5356" t="s">
        <v>51</v>
      </c>
      <c r="H5356" t="s">
        <v>667</v>
      </c>
      <c r="I5356">
        <v>249.95</v>
      </c>
      <c r="J5356">
        <v>5</v>
      </c>
      <c r="K5356">
        <v>87.48</v>
      </c>
    </row>
    <row r="5357" spans="1:11" x14ac:dyDescent="0.3">
      <c r="A5357" s="1">
        <v>42608</v>
      </c>
      <c r="B5357" s="3">
        <f t="shared" si="166"/>
        <v>8</v>
      </c>
      <c r="C5357" s="3">
        <f t="shared" si="167"/>
        <v>2016</v>
      </c>
      <c r="D5357" t="s">
        <v>956</v>
      </c>
      <c r="E5357" t="s">
        <v>156</v>
      </c>
      <c r="F5357" t="s">
        <v>38</v>
      </c>
      <c r="G5357" t="s">
        <v>51</v>
      </c>
      <c r="H5357" t="s">
        <v>1021</v>
      </c>
      <c r="I5357">
        <v>47.97</v>
      </c>
      <c r="J5357">
        <v>3</v>
      </c>
      <c r="K5357">
        <v>14.87</v>
      </c>
    </row>
    <row r="5358" spans="1:11" x14ac:dyDescent="0.3">
      <c r="A5358" s="1">
        <v>42608</v>
      </c>
      <c r="B5358" s="3">
        <f t="shared" si="166"/>
        <v>8</v>
      </c>
      <c r="C5358" s="3">
        <f t="shared" si="167"/>
        <v>2016</v>
      </c>
      <c r="D5358" t="s">
        <v>611</v>
      </c>
      <c r="E5358" t="s">
        <v>109</v>
      </c>
      <c r="F5358" t="s">
        <v>10</v>
      </c>
      <c r="G5358" t="s">
        <v>11</v>
      </c>
      <c r="H5358" t="s">
        <v>2416</v>
      </c>
      <c r="I5358">
        <v>11.56</v>
      </c>
      <c r="J5358">
        <v>2</v>
      </c>
      <c r="K5358">
        <v>5.66</v>
      </c>
    </row>
    <row r="5359" spans="1:11" x14ac:dyDescent="0.3">
      <c r="A5359" s="1">
        <v>42608</v>
      </c>
      <c r="B5359" s="3">
        <f t="shared" si="166"/>
        <v>8</v>
      </c>
      <c r="C5359" s="3">
        <f t="shared" si="167"/>
        <v>2016</v>
      </c>
      <c r="D5359" t="s">
        <v>611</v>
      </c>
      <c r="E5359" t="s">
        <v>109</v>
      </c>
      <c r="F5359" t="s">
        <v>38</v>
      </c>
      <c r="G5359" t="s">
        <v>39</v>
      </c>
      <c r="H5359" t="s">
        <v>1707</v>
      </c>
      <c r="I5359">
        <v>209.97</v>
      </c>
      <c r="J5359">
        <v>3</v>
      </c>
      <c r="K5359">
        <v>58.79</v>
      </c>
    </row>
    <row r="5360" spans="1:11" x14ac:dyDescent="0.3">
      <c r="A5360" s="1">
        <v>42608</v>
      </c>
      <c r="B5360" s="3">
        <f t="shared" si="166"/>
        <v>8</v>
      </c>
      <c r="C5360" s="3">
        <f t="shared" si="167"/>
        <v>2016</v>
      </c>
      <c r="D5360" t="s">
        <v>611</v>
      </c>
      <c r="E5360" t="s">
        <v>109</v>
      </c>
      <c r="F5360" t="s">
        <v>33</v>
      </c>
      <c r="G5360" t="s">
        <v>144</v>
      </c>
      <c r="H5360" t="s">
        <v>873</v>
      </c>
      <c r="I5360">
        <v>447.84</v>
      </c>
      <c r="J5360">
        <v>4</v>
      </c>
      <c r="K5360">
        <v>98.52</v>
      </c>
    </row>
    <row r="5361" spans="1:11" x14ac:dyDescent="0.3">
      <c r="A5361" s="1">
        <v>42608</v>
      </c>
      <c r="B5361" s="3">
        <f t="shared" si="166"/>
        <v>8</v>
      </c>
      <c r="C5361" s="3">
        <f t="shared" si="167"/>
        <v>2016</v>
      </c>
      <c r="D5361" t="s">
        <v>611</v>
      </c>
      <c r="E5361" t="s">
        <v>109</v>
      </c>
      <c r="F5361" t="s">
        <v>38</v>
      </c>
      <c r="G5361" t="s">
        <v>51</v>
      </c>
      <c r="H5361" t="s">
        <v>904</v>
      </c>
      <c r="I5361">
        <v>479.97</v>
      </c>
      <c r="J5361">
        <v>3</v>
      </c>
      <c r="K5361">
        <v>163.19</v>
      </c>
    </row>
    <row r="5362" spans="1:11" x14ac:dyDescent="0.3">
      <c r="A5362" s="1">
        <v>42608</v>
      </c>
      <c r="B5362" s="3">
        <f t="shared" si="166"/>
        <v>8</v>
      </c>
      <c r="C5362" s="3">
        <f t="shared" si="167"/>
        <v>2016</v>
      </c>
      <c r="D5362" t="s">
        <v>611</v>
      </c>
      <c r="E5362" t="s">
        <v>109</v>
      </c>
      <c r="F5362" t="s">
        <v>10</v>
      </c>
      <c r="G5362" t="s">
        <v>23</v>
      </c>
      <c r="H5362" t="s">
        <v>631</v>
      </c>
      <c r="I5362">
        <v>8.64</v>
      </c>
      <c r="J5362">
        <v>3</v>
      </c>
      <c r="K5362">
        <v>2.5099999999999998</v>
      </c>
    </row>
    <row r="5363" spans="1:11" x14ac:dyDescent="0.3">
      <c r="A5363" s="1">
        <v>42608</v>
      </c>
      <c r="B5363" s="3">
        <f t="shared" si="166"/>
        <v>8</v>
      </c>
      <c r="C5363" s="3">
        <f t="shared" si="167"/>
        <v>2016</v>
      </c>
      <c r="D5363" t="s">
        <v>108</v>
      </c>
      <c r="E5363" t="s">
        <v>29</v>
      </c>
      <c r="F5363" t="s">
        <v>33</v>
      </c>
      <c r="G5363" t="s">
        <v>46</v>
      </c>
      <c r="H5363" t="s">
        <v>677</v>
      </c>
      <c r="I5363">
        <v>186.54</v>
      </c>
      <c r="J5363">
        <v>3</v>
      </c>
      <c r="K5363">
        <v>41.04</v>
      </c>
    </row>
    <row r="5364" spans="1:11" x14ac:dyDescent="0.3">
      <c r="A5364" s="1">
        <v>42608</v>
      </c>
      <c r="B5364" s="3">
        <f t="shared" si="166"/>
        <v>8</v>
      </c>
      <c r="C5364" s="3">
        <f t="shared" si="167"/>
        <v>2016</v>
      </c>
      <c r="D5364" t="s">
        <v>2241</v>
      </c>
      <c r="E5364" t="s">
        <v>148</v>
      </c>
      <c r="F5364" t="s">
        <v>10</v>
      </c>
      <c r="G5364" t="s">
        <v>19</v>
      </c>
      <c r="H5364" t="s">
        <v>2217</v>
      </c>
      <c r="I5364">
        <v>146.69</v>
      </c>
      <c r="J5364">
        <v>8</v>
      </c>
      <c r="K5364">
        <v>45.84</v>
      </c>
    </row>
    <row r="5365" spans="1:11" x14ac:dyDescent="0.3">
      <c r="A5365" s="1">
        <v>42608</v>
      </c>
      <c r="B5365" s="3">
        <f t="shared" si="166"/>
        <v>8</v>
      </c>
      <c r="C5365" s="3">
        <f t="shared" si="167"/>
        <v>2016</v>
      </c>
      <c r="D5365" t="s">
        <v>2063</v>
      </c>
      <c r="E5365" t="s">
        <v>122</v>
      </c>
      <c r="F5365" t="s">
        <v>10</v>
      </c>
      <c r="G5365" t="s">
        <v>11</v>
      </c>
      <c r="H5365" t="s">
        <v>712</v>
      </c>
      <c r="I5365">
        <v>31.01</v>
      </c>
      <c r="J5365">
        <v>1</v>
      </c>
      <c r="K5365">
        <v>11.24</v>
      </c>
    </row>
    <row r="5366" spans="1:11" x14ac:dyDescent="0.3">
      <c r="A5366" s="1">
        <v>42609</v>
      </c>
      <c r="B5366" s="3">
        <f t="shared" si="166"/>
        <v>8</v>
      </c>
      <c r="C5366" s="3">
        <f t="shared" si="167"/>
        <v>2016</v>
      </c>
      <c r="D5366" t="s">
        <v>1784</v>
      </c>
      <c r="E5366" t="s">
        <v>9</v>
      </c>
      <c r="F5366" t="s">
        <v>10</v>
      </c>
      <c r="G5366" t="s">
        <v>199</v>
      </c>
      <c r="H5366" t="s">
        <v>471</v>
      </c>
      <c r="I5366">
        <v>51.52</v>
      </c>
      <c r="J5366">
        <v>5</v>
      </c>
      <c r="K5366">
        <v>-10.95</v>
      </c>
    </row>
    <row r="5367" spans="1:11" x14ac:dyDescent="0.3">
      <c r="A5367" s="1">
        <v>42609</v>
      </c>
      <c r="B5367" s="3">
        <f t="shared" si="166"/>
        <v>8</v>
      </c>
      <c r="C5367" s="3">
        <f t="shared" si="167"/>
        <v>2016</v>
      </c>
      <c r="D5367" t="s">
        <v>1784</v>
      </c>
      <c r="E5367" t="s">
        <v>9</v>
      </c>
      <c r="F5367" t="s">
        <v>10</v>
      </c>
      <c r="G5367" t="s">
        <v>11</v>
      </c>
      <c r="H5367" t="s">
        <v>1986</v>
      </c>
      <c r="I5367">
        <v>3.53</v>
      </c>
      <c r="J5367">
        <v>1</v>
      </c>
      <c r="K5367">
        <v>1.1499999999999999</v>
      </c>
    </row>
    <row r="5368" spans="1:11" x14ac:dyDescent="0.3">
      <c r="A5368" s="1">
        <v>42609</v>
      </c>
      <c r="B5368" s="3">
        <f t="shared" si="166"/>
        <v>8</v>
      </c>
      <c r="C5368" s="3">
        <f t="shared" si="167"/>
        <v>2016</v>
      </c>
      <c r="D5368" t="s">
        <v>1784</v>
      </c>
      <c r="E5368" t="s">
        <v>9</v>
      </c>
      <c r="F5368" t="s">
        <v>10</v>
      </c>
      <c r="G5368" t="s">
        <v>11</v>
      </c>
      <c r="H5368" t="s">
        <v>2294</v>
      </c>
      <c r="I5368">
        <v>4.62</v>
      </c>
      <c r="J5368">
        <v>1</v>
      </c>
      <c r="K5368">
        <v>1.68</v>
      </c>
    </row>
    <row r="5369" spans="1:11" x14ac:dyDescent="0.3">
      <c r="A5369" s="1">
        <v>42609</v>
      </c>
      <c r="B5369" s="3">
        <f t="shared" si="166"/>
        <v>8</v>
      </c>
      <c r="C5369" s="3">
        <f t="shared" si="167"/>
        <v>2016</v>
      </c>
      <c r="D5369" t="s">
        <v>1784</v>
      </c>
      <c r="E5369" t="s">
        <v>9</v>
      </c>
      <c r="F5369" t="s">
        <v>10</v>
      </c>
      <c r="G5369" t="s">
        <v>199</v>
      </c>
      <c r="H5369" t="s">
        <v>2053</v>
      </c>
      <c r="I5369">
        <v>55.17</v>
      </c>
      <c r="J5369">
        <v>4</v>
      </c>
      <c r="K5369">
        <v>6.21</v>
      </c>
    </row>
    <row r="5370" spans="1:11" x14ac:dyDescent="0.3">
      <c r="A5370" s="1">
        <v>42609</v>
      </c>
      <c r="B5370" s="3">
        <f t="shared" si="166"/>
        <v>8</v>
      </c>
      <c r="C5370" s="3">
        <f t="shared" si="167"/>
        <v>2016</v>
      </c>
      <c r="D5370" t="s">
        <v>2549</v>
      </c>
      <c r="E5370" t="s">
        <v>433</v>
      </c>
      <c r="F5370" t="s">
        <v>10</v>
      </c>
      <c r="G5370" t="s">
        <v>11</v>
      </c>
      <c r="H5370" t="s">
        <v>359</v>
      </c>
      <c r="I5370">
        <v>122.97</v>
      </c>
      <c r="J5370">
        <v>3</v>
      </c>
      <c r="K5370">
        <v>60.26</v>
      </c>
    </row>
    <row r="5371" spans="1:11" x14ac:dyDescent="0.3">
      <c r="A5371" s="1">
        <v>42609</v>
      </c>
      <c r="B5371" s="3">
        <f t="shared" si="166"/>
        <v>8</v>
      </c>
      <c r="C5371" s="3">
        <f t="shared" si="167"/>
        <v>2016</v>
      </c>
      <c r="D5371" t="s">
        <v>2549</v>
      </c>
      <c r="E5371" t="s">
        <v>433</v>
      </c>
      <c r="F5371" t="s">
        <v>33</v>
      </c>
      <c r="G5371" t="s">
        <v>144</v>
      </c>
      <c r="H5371" t="s">
        <v>1074</v>
      </c>
      <c r="I5371">
        <v>244.62</v>
      </c>
      <c r="J5371">
        <v>1</v>
      </c>
      <c r="K5371">
        <v>20.97</v>
      </c>
    </row>
    <row r="5372" spans="1:11" x14ac:dyDescent="0.3">
      <c r="A5372" s="1">
        <v>42609</v>
      </c>
      <c r="B5372" s="3">
        <f t="shared" si="166"/>
        <v>8</v>
      </c>
      <c r="C5372" s="3">
        <f t="shared" si="167"/>
        <v>2016</v>
      </c>
      <c r="D5372" t="s">
        <v>2549</v>
      </c>
      <c r="E5372" t="s">
        <v>433</v>
      </c>
      <c r="F5372" t="s">
        <v>38</v>
      </c>
      <c r="G5372" t="s">
        <v>39</v>
      </c>
      <c r="H5372" t="s">
        <v>1987</v>
      </c>
      <c r="I5372">
        <v>59.97</v>
      </c>
      <c r="J5372">
        <v>3</v>
      </c>
      <c r="K5372">
        <v>28.79</v>
      </c>
    </row>
    <row r="5373" spans="1:11" x14ac:dyDescent="0.3">
      <c r="A5373" s="1">
        <v>42609</v>
      </c>
      <c r="B5373" s="3">
        <f t="shared" si="166"/>
        <v>8</v>
      </c>
      <c r="C5373" s="3">
        <f t="shared" si="167"/>
        <v>2016</v>
      </c>
      <c r="D5373" t="s">
        <v>2549</v>
      </c>
      <c r="E5373" t="s">
        <v>433</v>
      </c>
      <c r="F5373" t="s">
        <v>10</v>
      </c>
      <c r="G5373" t="s">
        <v>11</v>
      </c>
      <c r="H5373" t="s">
        <v>2498</v>
      </c>
      <c r="I5373">
        <v>81.540000000000006</v>
      </c>
      <c r="J5373">
        <v>9</v>
      </c>
      <c r="K5373">
        <v>36.69</v>
      </c>
    </row>
    <row r="5374" spans="1:11" x14ac:dyDescent="0.3">
      <c r="A5374" s="1">
        <v>42609</v>
      </c>
      <c r="B5374" s="3">
        <f t="shared" si="166"/>
        <v>8</v>
      </c>
      <c r="C5374" s="3">
        <f t="shared" si="167"/>
        <v>2016</v>
      </c>
      <c r="D5374" t="s">
        <v>2549</v>
      </c>
      <c r="E5374" t="s">
        <v>433</v>
      </c>
      <c r="F5374" t="s">
        <v>10</v>
      </c>
      <c r="G5374" t="s">
        <v>42</v>
      </c>
      <c r="H5374" t="s">
        <v>159</v>
      </c>
      <c r="I5374">
        <v>11.68</v>
      </c>
      <c r="J5374">
        <v>4</v>
      </c>
      <c r="K5374">
        <v>5.26</v>
      </c>
    </row>
    <row r="5375" spans="1:11" x14ac:dyDescent="0.3">
      <c r="A5375" s="1">
        <v>42609</v>
      </c>
      <c r="B5375" s="3">
        <f t="shared" si="166"/>
        <v>8</v>
      </c>
      <c r="C5375" s="3">
        <f t="shared" si="167"/>
        <v>2016</v>
      </c>
      <c r="D5375" t="s">
        <v>2549</v>
      </c>
      <c r="E5375" t="s">
        <v>433</v>
      </c>
      <c r="F5375" t="s">
        <v>10</v>
      </c>
      <c r="G5375" t="s">
        <v>19</v>
      </c>
      <c r="H5375" t="s">
        <v>885</v>
      </c>
      <c r="I5375">
        <v>29</v>
      </c>
      <c r="J5375">
        <v>5</v>
      </c>
      <c r="K5375">
        <v>13.92</v>
      </c>
    </row>
    <row r="5376" spans="1:11" x14ac:dyDescent="0.3">
      <c r="A5376" s="1">
        <v>42609</v>
      </c>
      <c r="B5376" s="3">
        <f t="shared" si="166"/>
        <v>8</v>
      </c>
      <c r="C5376" s="3">
        <f t="shared" si="167"/>
        <v>2016</v>
      </c>
      <c r="D5376" t="s">
        <v>2434</v>
      </c>
      <c r="E5376" t="s">
        <v>9</v>
      </c>
      <c r="F5376" t="s">
        <v>10</v>
      </c>
      <c r="G5376" t="s">
        <v>17</v>
      </c>
      <c r="H5376" t="s">
        <v>2334</v>
      </c>
      <c r="I5376">
        <v>14.16</v>
      </c>
      <c r="J5376">
        <v>1</v>
      </c>
      <c r="K5376">
        <v>1.06</v>
      </c>
    </row>
    <row r="5377" spans="1:11" x14ac:dyDescent="0.3">
      <c r="A5377" s="1">
        <v>42609</v>
      </c>
      <c r="B5377" s="3">
        <f t="shared" si="166"/>
        <v>8</v>
      </c>
      <c r="C5377" s="3">
        <f t="shared" si="167"/>
        <v>2016</v>
      </c>
      <c r="D5377" t="s">
        <v>2434</v>
      </c>
      <c r="E5377" t="s">
        <v>9</v>
      </c>
      <c r="F5377" t="s">
        <v>10</v>
      </c>
      <c r="G5377" t="s">
        <v>11</v>
      </c>
      <c r="H5377" t="s">
        <v>646</v>
      </c>
      <c r="I5377">
        <v>79.92</v>
      </c>
      <c r="J5377">
        <v>5</v>
      </c>
      <c r="K5377">
        <v>27.97</v>
      </c>
    </row>
    <row r="5378" spans="1:11" x14ac:dyDescent="0.3">
      <c r="A5378" s="1">
        <v>42609</v>
      </c>
      <c r="B5378" s="3">
        <f t="shared" ref="B5378:B5441" si="168">MONTH(A:A)</f>
        <v>8</v>
      </c>
      <c r="C5378" s="3">
        <f t="shared" ref="C5378:C5441" si="169">YEAR(A:A)</f>
        <v>2016</v>
      </c>
      <c r="D5378" t="s">
        <v>1740</v>
      </c>
      <c r="E5378" t="s">
        <v>122</v>
      </c>
      <c r="F5378" t="s">
        <v>10</v>
      </c>
      <c r="G5378" t="s">
        <v>15</v>
      </c>
      <c r="H5378" t="s">
        <v>2588</v>
      </c>
      <c r="I5378">
        <v>9.2200000000000006</v>
      </c>
      <c r="J5378">
        <v>4</v>
      </c>
      <c r="K5378">
        <v>3.34</v>
      </c>
    </row>
    <row r="5379" spans="1:11" x14ac:dyDescent="0.3">
      <c r="A5379" s="1">
        <v>42610</v>
      </c>
      <c r="B5379" s="3">
        <f t="shared" si="168"/>
        <v>8</v>
      </c>
      <c r="C5379" s="3">
        <f t="shared" si="169"/>
        <v>2016</v>
      </c>
      <c r="D5379" t="s">
        <v>1063</v>
      </c>
      <c r="E5379" t="s">
        <v>277</v>
      </c>
      <c r="F5379" t="s">
        <v>10</v>
      </c>
      <c r="G5379" t="s">
        <v>11</v>
      </c>
      <c r="H5379" t="s">
        <v>1352</v>
      </c>
      <c r="I5379">
        <v>15.48</v>
      </c>
      <c r="J5379">
        <v>3</v>
      </c>
      <c r="K5379">
        <v>5.61</v>
      </c>
    </row>
    <row r="5380" spans="1:11" x14ac:dyDescent="0.3">
      <c r="A5380" s="1">
        <v>42610</v>
      </c>
      <c r="B5380" s="3">
        <f t="shared" si="168"/>
        <v>8</v>
      </c>
      <c r="C5380" s="3">
        <f t="shared" si="169"/>
        <v>2016</v>
      </c>
      <c r="D5380" t="s">
        <v>1063</v>
      </c>
      <c r="E5380" t="s">
        <v>277</v>
      </c>
      <c r="F5380" t="s">
        <v>38</v>
      </c>
      <c r="G5380" t="s">
        <v>39</v>
      </c>
      <c r="H5380" t="s">
        <v>162</v>
      </c>
      <c r="I5380">
        <v>108.58</v>
      </c>
      <c r="J5380">
        <v>3</v>
      </c>
      <c r="K5380">
        <v>8.14</v>
      </c>
    </row>
    <row r="5381" spans="1:11" x14ac:dyDescent="0.3">
      <c r="A5381" s="1">
        <v>42610</v>
      </c>
      <c r="B5381" s="3">
        <f t="shared" si="168"/>
        <v>8</v>
      </c>
      <c r="C5381" s="3">
        <f t="shared" si="169"/>
        <v>2016</v>
      </c>
      <c r="D5381" t="s">
        <v>2364</v>
      </c>
      <c r="E5381" t="s">
        <v>9</v>
      </c>
      <c r="F5381" t="s">
        <v>10</v>
      </c>
      <c r="G5381" t="s">
        <v>19</v>
      </c>
      <c r="H5381" t="s">
        <v>1224</v>
      </c>
      <c r="I5381">
        <v>13.14</v>
      </c>
      <c r="J5381">
        <v>9</v>
      </c>
      <c r="K5381">
        <v>-21.68</v>
      </c>
    </row>
    <row r="5382" spans="1:11" x14ac:dyDescent="0.3">
      <c r="A5382" s="1">
        <v>42610</v>
      </c>
      <c r="B5382" s="3">
        <f t="shared" si="168"/>
        <v>8</v>
      </c>
      <c r="C5382" s="3">
        <f t="shared" si="169"/>
        <v>2016</v>
      </c>
      <c r="D5382" t="s">
        <v>2364</v>
      </c>
      <c r="E5382" t="s">
        <v>9</v>
      </c>
      <c r="F5382" t="s">
        <v>10</v>
      </c>
      <c r="G5382" t="s">
        <v>19</v>
      </c>
      <c r="H5382" t="s">
        <v>2486</v>
      </c>
      <c r="I5382">
        <v>10.02</v>
      </c>
      <c r="J5382">
        <v>4</v>
      </c>
      <c r="K5382">
        <v>-16.54</v>
      </c>
    </row>
    <row r="5383" spans="1:11" x14ac:dyDescent="0.3">
      <c r="A5383" s="1">
        <v>42610</v>
      </c>
      <c r="B5383" s="3">
        <f t="shared" si="168"/>
        <v>8</v>
      </c>
      <c r="C5383" s="3">
        <f t="shared" si="169"/>
        <v>2016</v>
      </c>
      <c r="D5383" t="s">
        <v>2364</v>
      </c>
      <c r="E5383" t="s">
        <v>9</v>
      </c>
      <c r="F5383" t="s">
        <v>33</v>
      </c>
      <c r="G5383" t="s">
        <v>73</v>
      </c>
      <c r="H5383" t="s">
        <v>1705</v>
      </c>
      <c r="I5383">
        <v>156.37</v>
      </c>
      <c r="J5383">
        <v>2</v>
      </c>
      <c r="K5383">
        <v>-52.89</v>
      </c>
    </row>
    <row r="5384" spans="1:11" x14ac:dyDescent="0.3">
      <c r="A5384" s="1">
        <v>42610</v>
      </c>
      <c r="B5384" s="3">
        <f t="shared" si="168"/>
        <v>8</v>
      </c>
      <c r="C5384" s="3">
        <f t="shared" si="169"/>
        <v>2016</v>
      </c>
      <c r="D5384" t="s">
        <v>1945</v>
      </c>
      <c r="E5384" t="s">
        <v>77</v>
      </c>
      <c r="F5384" t="s">
        <v>10</v>
      </c>
      <c r="G5384" t="s">
        <v>19</v>
      </c>
      <c r="H5384" t="s">
        <v>1209</v>
      </c>
      <c r="I5384">
        <v>18.43</v>
      </c>
      <c r="J5384">
        <v>8</v>
      </c>
      <c r="K5384">
        <v>-12.29</v>
      </c>
    </row>
    <row r="5385" spans="1:11" x14ac:dyDescent="0.3">
      <c r="A5385" s="1">
        <v>42611</v>
      </c>
      <c r="B5385" s="3">
        <f t="shared" si="168"/>
        <v>8</v>
      </c>
      <c r="C5385" s="3">
        <f t="shared" si="169"/>
        <v>2016</v>
      </c>
      <c r="D5385" t="s">
        <v>300</v>
      </c>
      <c r="E5385" t="s">
        <v>14</v>
      </c>
      <c r="F5385" t="s">
        <v>10</v>
      </c>
      <c r="G5385" t="s">
        <v>11</v>
      </c>
      <c r="H5385" t="s">
        <v>2391</v>
      </c>
      <c r="I5385">
        <v>64.62</v>
      </c>
      <c r="J5385">
        <v>7</v>
      </c>
      <c r="K5385">
        <v>22.62</v>
      </c>
    </row>
    <row r="5386" spans="1:11" x14ac:dyDescent="0.3">
      <c r="A5386" s="1">
        <v>42611</v>
      </c>
      <c r="B5386" s="3">
        <f t="shared" si="168"/>
        <v>8</v>
      </c>
      <c r="C5386" s="3">
        <f t="shared" si="169"/>
        <v>2016</v>
      </c>
      <c r="D5386" t="s">
        <v>300</v>
      </c>
      <c r="E5386" t="s">
        <v>14</v>
      </c>
      <c r="F5386" t="s">
        <v>38</v>
      </c>
      <c r="G5386" t="s">
        <v>51</v>
      </c>
      <c r="H5386" t="s">
        <v>1085</v>
      </c>
      <c r="I5386">
        <v>95.98</v>
      </c>
      <c r="J5386">
        <v>3</v>
      </c>
      <c r="K5386">
        <v>-10.8</v>
      </c>
    </row>
    <row r="5387" spans="1:11" x14ac:dyDescent="0.3">
      <c r="A5387" s="1">
        <v>42611</v>
      </c>
      <c r="B5387" s="3">
        <f t="shared" si="168"/>
        <v>8</v>
      </c>
      <c r="C5387" s="3">
        <f t="shared" si="169"/>
        <v>2016</v>
      </c>
      <c r="D5387" t="s">
        <v>300</v>
      </c>
      <c r="E5387" t="s">
        <v>14</v>
      </c>
      <c r="F5387" t="s">
        <v>10</v>
      </c>
      <c r="G5387" t="s">
        <v>19</v>
      </c>
      <c r="H5387" t="s">
        <v>928</v>
      </c>
      <c r="I5387">
        <v>1.79</v>
      </c>
      <c r="J5387">
        <v>3</v>
      </c>
      <c r="K5387">
        <v>-3.04</v>
      </c>
    </row>
    <row r="5388" spans="1:11" x14ac:dyDescent="0.3">
      <c r="A5388" s="1">
        <v>42611</v>
      </c>
      <c r="B5388" s="3">
        <f t="shared" si="168"/>
        <v>8</v>
      </c>
      <c r="C5388" s="3">
        <f t="shared" si="169"/>
        <v>2016</v>
      </c>
      <c r="D5388" t="s">
        <v>2252</v>
      </c>
      <c r="E5388" t="s">
        <v>684</v>
      </c>
      <c r="F5388" t="s">
        <v>10</v>
      </c>
      <c r="G5388" t="s">
        <v>199</v>
      </c>
      <c r="H5388" t="s">
        <v>261</v>
      </c>
      <c r="I5388">
        <v>27.93</v>
      </c>
      <c r="J5388">
        <v>3</v>
      </c>
      <c r="K5388">
        <v>8.1</v>
      </c>
    </row>
    <row r="5389" spans="1:11" x14ac:dyDescent="0.3">
      <c r="A5389" s="1">
        <v>42611</v>
      </c>
      <c r="B5389" s="3">
        <f t="shared" si="168"/>
        <v>8</v>
      </c>
      <c r="C5389" s="3">
        <f t="shared" si="169"/>
        <v>2016</v>
      </c>
      <c r="D5389" t="s">
        <v>2247</v>
      </c>
      <c r="E5389" t="s">
        <v>148</v>
      </c>
      <c r="F5389" t="s">
        <v>38</v>
      </c>
      <c r="G5389" t="s">
        <v>39</v>
      </c>
      <c r="H5389" t="s">
        <v>2587</v>
      </c>
      <c r="I5389">
        <v>22</v>
      </c>
      <c r="J5389">
        <v>4</v>
      </c>
      <c r="K5389">
        <v>5.5</v>
      </c>
    </row>
    <row r="5390" spans="1:11" x14ac:dyDescent="0.3">
      <c r="A5390" s="1">
        <v>42611</v>
      </c>
      <c r="B5390" s="3">
        <f t="shared" si="168"/>
        <v>8</v>
      </c>
      <c r="C5390" s="3">
        <f t="shared" si="169"/>
        <v>2016</v>
      </c>
      <c r="D5390" t="s">
        <v>582</v>
      </c>
      <c r="E5390" t="s">
        <v>22</v>
      </c>
      <c r="F5390" t="s">
        <v>33</v>
      </c>
      <c r="G5390" t="s">
        <v>144</v>
      </c>
      <c r="H5390" t="s">
        <v>967</v>
      </c>
      <c r="I5390">
        <v>241.92</v>
      </c>
      <c r="J5390">
        <v>4</v>
      </c>
      <c r="K5390">
        <v>-56.45</v>
      </c>
    </row>
    <row r="5391" spans="1:11" x14ac:dyDescent="0.3">
      <c r="A5391" s="1">
        <v>42611</v>
      </c>
      <c r="B5391" s="3">
        <f t="shared" si="168"/>
        <v>8</v>
      </c>
      <c r="C5391" s="3">
        <f t="shared" si="169"/>
        <v>2016</v>
      </c>
      <c r="D5391" t="s">
        <v>582</v>
      </c>
      <c r="E5391" t="s">
        <v>22</v>
      </c>
      <c r="F5391" t="s">
        <v>33</v>
      </c>
      <c r="G5391" t="s">
        <v>73</v>
      </c>
      <c r="H5391" t="s">
        <v>2420</v>
      </c>
      <c r="I5391">
        <v>163.88</v>
      </c>
      <c r="J5391">
        <v>4</v>
      </c>
      <c r="K5391">
        <v>-81.94</v>
      </c>
    </row>
    <row r="5392" spans="1:11" x14ac:dyDescent="0.3">
      <c r="A5392" s="1">
        <v>42611</v>
      </c>
      <c r="B5392" s="3">
        <f t="shared" si="168"/>
        <v>8</v>
      </c>
      <c r="C5392" s="3">
        <f t="shared" si="169"/>
        <v>2016</v>
      </c>
      <c r="D5392" t="s">
        <v>582</v>
      </c>
      <c r="E5392" t="s">
        <v>22</v>
      </c>
      <c r="F5392" t="s">
        <v>10</v>
      </c>
      <c r="G5392" t="s">
        <v>19</v>
      </c>
      <c r="H5392" t="s">
        <v>424</v>
      </c>
      <c r="I5392">
        <v>3.49</v>
      </c>
      <c r="J5392">
        <v>2</v>
      </c>
      <c r="K5392">
        <v>-2.79</v>
      </c>
    </row>
    <row r="5393" spans="1:11" x14ac:dyDescent="0.3">
      <c r="A5393" s="1">
        <v>42611</v>
      </c>
      <c r="B5393" s="3">
        <f t="shared" si="168"/>
        <v>8</v>
      </c>
      <c r="C5393" s="3">
        <f t="shared" si="169"/>
        <v>2016</v>
      </c>
      <c r="D5393" t="s">
        <v>582</v>
      </c>
      <c r="E5393" t="s">
        <v>22</v>
      </c>
      <c r="F5393" t="s">
        <v>10</v>
      </c>
      <c r="G5393" t="s">
        <v>42</v>
      </c>
      <c r="H5393" t="s">
        <v>1306</v>
      </c>
      <c r="I5393">
        <v>10.58</v>
      </c>
      <c r="J5393">
        <v>7</v>
      </c>
      <c r="K5393">
        <v>-2.38</v>
      </c>
    </row>
    <row r="5394" spans="1:11" x14ac:dyDescent="0.3">
      <c r="A5394" s="1">
        <v>42612</v>
      </c>
      <c r="B5394" s="3">
        <f t="shared" si="168"/>
        <v>8</v>
      </c>
      <c r="C5394" s="3">
        <f t="shared" si="169"/>
        <v>2016</v>
      </c>
      <c r="D5394" t="s">
        <v>1545</v>
      </c>
      <c r="E5394" t="s">
        <v>22</v>
      </c>
      <c r="F5394" t="s">
        <v>38</v>
      </c>
      <c r="G5394" t="s">
        <v>39</v>
      </c>
      <c r="H5394" t="s">
        <v>172</v>
      </c>
      <c r="I5394">
        <v>290.89999999999998</v>
      </c>
      <c r="J5394">
        <v>3</v>
      </c>
      <c r="K5394">
        <v>-67.88</v>
      </c>
    </row>
    <row r="5395" spans="1:11" x14ac:dyDescent="0.3">
      <c r="A5395" s="1">
        <v>42612</v>
      </c>
      <c r="B5395" s="3">
        <f t="shared" si="168"/>
        <v>8</v>
      </c>
      <c r="C5395" s="3">
        <f t="shared" si="169"/>
        <v>2016</v>
      </c>
      <c r="D5395" t="s">
        <v>1545</v>
      </c>
      <c r="E5395" t="s">
        <v>22</v>
      </c>
      <c r="F5395" t="s">
        <v>10</v>
      </c>
      <c r="G5395" t="s">
        <v>17</v>
      </c>
      <c r="H5395" t="s">
        <v>1359</v>
      </c>
      <c r="I5395">
        <v>54.22</v>
      </c>
      <c r="J5395">
        <v>2</v>
      </c>
      <c r="K5395">
        <v>3.39</v>
      </c>
    </row>
    <row r="5396" spans="1:11" x14ac:dyDescent="0.3">
      <c r="A5396" s="1">
        <v>42612</v>
      </c>
      <c r="B5396" s="3">
        <f t="shared" si="168"/>
        <v>8</v>
      </c>
      <c r="C5396" s="3">
        <f t="shared" si="169"/>
        <v>2016</v>
      </c>
      <c r="D5396" t="s">
        <v>1545</v>
      </c>
      <c r="E5396" t="s">
        <v>22</v>
      </c>
      <c r="F5396" t="s">
        <v>33</v>
      </c>
      <c r="G5396" t="s">
        <v>34</v>
      </c>
      <c r="H5396" t="s">
        <v>1018</v>
      </c>
      <c r="I5396">
        <v>786.74</v>
      </c>
      <c r="J5396">
        <v>4</v>
      </c>
      <c r="K5396">
        <v>-258.5</v>
      </c>
    </row>
    <row r="5397" spans="1:11" x14ac:dyDescent="0.3">
      <c r="A5397" s="1">
        <v>42612</v>
      </c>
      <c r="B5397" s="3">
        <f t="shared" si="168"/>
        <v>8</v>
      </c>
      <c r="C5397" s="3">
        <f t="shared" si="169"/>
        <v>2016</v>
      </c>
      <c r="D5397" t="s">
        <v>1545</v>
      </c>
      <c r="E5397" t="s">
        <v>22</v>
      </c>
      <c r="F5397" t="s">
        <v>10</v>
      </c>
      <c r="G5397" t="s">
        <v>15</v>
      </c>
      <c r="H5397" t="s">
        <v>88</v>
      </c>
      <c r="I5397">
        <v>100.24</v>
      </c>
      <c r="J5397">
        <v>10</v>
      </c>
      <c r="K5397">
        <v>33.83</v>
      </c>
    </row>
    <row r="5398" spans="1:11" x14ac:dyDescent="0.3">
      <c r="A5398" s="1">
        <v>42612</v>
      </c>
      <c r="B5398" s="3">
        <f t="shared" si="168"/>
        <v>8</v>
      </c>
      <c r="C5398" s="3">
        <f t="shared" si="169"/>
        <v>2016</v>
      </c>
      <c r="D5398" t="s">
        <v>1545</v>
      </c>
      <c r="E5398" t="s">
        <v>22</v>
      </c>
      <c r="F5398" t="s">
        <v>10</v>
      </c>
      <c r="G5398" t="s">
        <v>19</v>
      </c>
      <c r="H5398" t="s">
        <v>1028</v>
      </c>
      <c r="I5398">
        <v>37.76</v>
      </c>
      <c r="J5398">
        <v>6</v>
      </c>
      <c r="K5398">
        <v>-27.69</v>
      </c>
    </row>
    <row r="5399" spans="1:11" x14ac:dyDescent="0.3">
      <c r="A5399" s="1">
        <v>42612</v>
      </c>
      <c r="B5399" s="3">
        <f t="shared" si="168"/>
        <v>8</v>
      </c>
      <c r="C5399" s="3">
        <f t="shared" si="169"/>
        <v>2016</v>
      </c>
      <c r="D5399" t="s">
        <v>375</v>
      </c>
      <c r="E5399" t="s">
        <v>26</v>
      </c>
      <c r="F5399" t="s">
        <v>33</v>
      </c>
      <c r="G5399" t="s">
        <v>46</v>
      </c>
      <c r="H5399" t="s">
        <v>1860</v>
      </c>
      <c r="I5399">
        <v>47.04</v>
      </c>
      <c r="J5399">
        <v>4</v>
      </c>
      <c r="K5399">
        <v>15.99</v>
      </c>
    </row>
    <row r="5400" spans="1:11" x14ac:dyDescent="0.3">
      <c r="A5400" s="1">
        <v>42612</v>
      </c>
      <c r="B5400" s="3">
        <f t="shared" si="168"/>
        <v>8</v>
      </c>
      <c r="C5400" s="3">
        <f t="shared" si="169"/>
        <v>2016</v>
      </c>
      <c r="D5400" t="s">
        <v>375</v>
      </c>
      <c r="E5400" t="s">
        <v>26</v>
      </c>
      <c r="F5400" t="s">
        <v>38</v>
      </c>
      <c r="G5400" t="s">
        <v>39</v>
      </c>
      <c r="H5400" t="s">
        <v>1877</v>
      </c>
      <c r="I5400">
        <v>339.96</v>
      </c>
      <c r="J5400">
        <v>5</v>
      </c>
      <c r="K5400">
        <v>42.5</v>
      </c>
    </row>
    <row r="5401" spans="1:11" x14ac:dyDescent="0.3">
      <c r="A5401" s="1">
        <v>42613</v>
      </c>
      <c r="B5401" s="3">
        <f t="shared" si="168"/>
        <v>8</v>
      </c>
      <c r="C5401" s="3">
        <f t="shared" si="169"/>
        <v>2016</v>
      </c>
      <c r="D5401" t="s">
        <v>2020</v>
      </c>
      <c r="E5401" t="s">
        <v>9</v>
      </c>
      <c r="F5401" t="s">
        <v>10</v>
      </c>
      <c r="G5401" t="s">
        <v>17</v>
      </c>
      <c r="H5401" t="s">
        <v>2504</v>
      </c>
      <c r="I5401">
        <v>23.97</v>
      </c>
      <c r="J5401">
        <v>2</v>
      </c>
      <c r="K5401">
        <v>2.4</v>
      </c>
    </row>
    <row r="5402" spans="1:11" x14ac:dyDescent="0.3">
      <c r="A5402" s="1">
        <v>42614</v>
      </c>
      <c r="B5402" s="3">
        <f t="shared" si="168"/>
        <v>9</v>
      </c>
      <c r="C5402" s="3">
        <f t="shared" si="169"/>
        <v>2016</v>
      </c>
      <c r="D5402" t="s">
        <v>2252</v>
      </c>
      <c r="E5402" t="s">
        <v>148</v>
      </c>
      <c r="F5402" t="s">
        <v>38</v>
      </c>
      <c r="G5402" t="s">
        <v>51</v>
      </c>
      <c r="H5402" t="s">
        <v>1872</v>
      </c>
      <c r="I5402">
        <v>6.79</v>
      </c>
      <c r="J5402">
        <v>1</v>
      </c>
      <c r="K5402">
        <v>2.31</v>
      </c>
    </row>
    <row r="5403" spans="1:11" x14ac:dyDescent="0.3">
      <c r="A5403" s="1">
        <v>42614</v>
      </c>
      <c r="B5403" s="3">
        <f t="shared" si="168"/>
        <v>9</v>
      </c>
      <c r="C5403" s="3">
        <f t="shared" si="169"/>
        <v>2016</v>
      </c>
      <c r="D5403" t="s">
        <v>2252</v>
      </c>
      <c r="E5403" t="s">
        <v>148</v>
      </c>
      <c r="F5403" t="s">
        <v>10</v>
      </c>
      <c r="G5403" t="s">
        <v>11</v>
      </c>
      <c r="H5403" t="s">
        <v>935</v>
      </c>
      <c r="I5403">
        <v>24.56</v>
      </c>
      <c r="J5403">
        <v>2</v>
      </c>
      <c r="K5403">
        <v>11.54</v>
      </c>
    </row>
    <row r="5404" spans="1:11" x14ac:dyDescent="0.3">
      <c r="A5404" s="1">
        <v>42614</v>
      </c>
      <c r="B5404" s="3">
        <f t="shared" si="168"/>
        <v>9</v>
      </c>
      <c r="C5404" s="3">
        <f t="shared" si="169"/>
        <v>2016</v>
      </c>
      <c r="D5404" t="s">
        <v>2252</v>
      </c>
      <c r="E5404" t="s">
        <v>148</v>
      </c>
      <c r="F5404" t="s">
        <v>10</v>
      </c>
      <c r="G5404" t="s">
        <v>19</v>
      </c>
      <c r="H5404" t="s">
        <v>969</v>
      </c>
      <c r="I5404">
        <v>3.05</v>
      </c>
      <c r="J5404">
        <v>1</v>
      </c>
      <c r="K5404">
        <v>1.07</v>
      </c>
    </row>
    <row r="5405" spans="1:11" x14ac:dyDescent="0.3">
      <c r="A5405" s="1">
        <v>42614</v>
      </c>
      <c r="B5405" s="3">
        <f t="shared" si="168"/>
        <v>9</v>
      </c>
      <c r="C5405" s="3">
        <f t="shared" si="169"/>
        <v>2016</v>
      </c>
      <c r="D5405" t="s">
        <v>2252</v>
      </c>
      <c r="E5405" t="s">
        <v>148</v>
      </c>
      <c r="F5405" t="s">
        <v>10</v>
      </c>
      <c r="G5405" t="s">
        <v>11</v>
      </c>
      <c r="H5405" t="s">
        <v>935</v>
      </c>
      <c r="I5405">
        <v>49.12</v>
      </c>
      <c r="J5405">
        <v>4</v>
      </c>
      <c r="K5405">
        <v>23.09</v>
      </c>
    </row>
    <row r="5406" spans="1:11" x14ac:dyDescent="0.3">
      <c r="A5406" s="1">
        <v>42614</v>
      </c>
      <c r="B5406" s="3">
        <f t="shared" si="168"/>
        <v>9</v>
      </c>
      <c r="C5406" s="3">
        <f t="shared" si="169"/>
        <v>2016</v>
      </c>
      <c r="D5406" t="s">
        <v>2252</v>
      </c>
      <c r="E5406" t="s">
        <v>148</v>
      </c>
      <c r="F5406" t="s">
        <v>10</v>
      </c>
      <c r="G5406" t="s">
        <v>19</v>
      </c>
      <c r="H5406" t="s">
        <v>827</v>
      </c>
      <c r="I5406">
        <v>4355.17</v>
      </c>
      <c r="J5406">
        <v>4</v>
      </c>
      <c r="K5406">
        <v>1415.43</v>
      </c>
    </row>
    <row r="5407" spans="1:11" x14ac:dyDescent="0.3">
      <c r="A5407" s="1">
        <v>42614</v>
      </c>
      <c r="B5407" s="3">
        <f t="shared" si="168"/>
        <v>9</v>
      </c>
      <c r="C5407" s="3">
        <f t="shared" si="169"/>
        <v>2016</v>
      </c>
      <c r="D5407" t="s">
        <v>2517</v>
      </c>
      <c r="E5407" t="s">
        <v>26</v>
      </c>
      <c r="F5407" t="s">
        <v>10</v>
      </c>
      <c r="G5407" t="s">
        <v>62</v>
      </c>
      <c r="H5407" t="s">
        <v>1480</v>
      </c>
      <c r="I5407">
        <v>21.88</v>
      </c>
      <c r="J5407">
        <v>2</v>
      </c>
      <c r="K5407">
        <v>10.94</v>
      </c>
    </row>
    <row r="5408" spans="1:11" x14ac:dyDescent="0.3">
      <c r="A5408" s="1">
        <v>42614</v>
      </c>
      <c r="B5408" s="3">
        <f t="shared" si="168"/>
        <v>9</v>
      </c>
      <c r="C5408" s="3">
        <f t="shared" si="169"/>
        <v>2016</v>
      </c>
      <c r="D5408" t="s">
        <v>290</v>
      </c>
      <c r="E5408" t="s">
        <v>22</v>
      </c>
      <c r="F5408" t="s">
        <v>10</v>
      </c>
      <c r="G5408" t="s">
        <v>11</v>
      </c>
      <c r="H5408" t="s">
        <v>2532</v>
      </c>
      <c r="I5408">
        <v>30.48</v>
      </c>
      <c r="J5408">
        <v>6</v>
      </c>
      <c r="K5408">
        <v>9.91</v>
      </c>
    </row>
    <row r="5409" spans="1:11" x14ac:dyDescent="0.3">
      <c r="A5409" s="1">
        <v>42614</v>
      </c>
      <c r="B5409" s="3">
        <f t="shared" si="168"/>
        <v>9</v>
      </c>
      <c r="C5409" s="3">
        <f t="shared" si="169"/>
        <v>2016</v>
      </c>
      <c r="D5409" t="s">
        <v>290</v>
      </c>
      <c r="E5409" t="s">
        <v>22</v>
      </c>
      <c r="F5409" t="s">
        <v>38</v>
      </c>
      <c r="G5409" t="s">
        <v>39</v>
      </c>
      <c r="H5409" t="s">
        <v>2407</v>
      </c>
      <c r="I5409">
        <v>23.99</v>
      </c>
      <c r="J5409">
        <v>2</v>
      </c>
      <c r="K5409">
        <v>-4.8</v>
      </c>
    </row>
    <row r="5410" spans="1:11" x14ac:dyDescent="0.3">
      <c r="A5410" s="1">
        <v>42614</v>
      </c>
      <c r="B5410" s="3">
        <f t="shared" si="168"/>
        <v>9</v>
      </c>
      <c r="C5410" s="3">
        <f t="shared" si="169"/>
        <v>2016</v>
      </c>
      <c r="D5410" t="s">
        <v>290</v>
      </c>
      <c r="E5410" t="s">
        <v>22</v>
      </c>
      <c r="F5410" t="s">
        <v>10</v>
      </c>
      <c r="G5410" t="s">
        <v>42</v>
      </c>
      <c r="H5410" t="s">
        <v>159</v>
      </c>
      <c r="I5410">
        <v>16.690000000000001</v>
      </c>
      <c r="J5410">
        <v>7</v>
      </c>
      <c r="K5410">
        <v>5.42</v>
      </c>
    </row>
    <row r="5411" spans="1:11" x14ac:dyDescent="0.3">
      <c r="A5411" s="1">
        <v>42614</v>
      </c>
      <c r="B5411" s="3">
        <f t="shared" si="168"/>
        <v>9</v>
      </c>
      <c r="C5411" s="3">
        <f t="shared" si="169"/>
        <v>2016</v>
      </c>
      <c r="D5411" t="s">
        <v>634</v>
      </c>
      <c r="E5411" t="s">
        <v>148</v>
      </c>
      <c r="F5411" t="s">
        <v>38</v>
      </c>
      <c r="G5411" t="s">
        <v>51</v>
      </c>
      <c r="H5411" t="s">
        <v>157</v>
      </c>
      <c r="I5411">
        <v>468.9</v>
      </c>
      <c r="J5411">
        <v>6</v>
      </c>
      <c r="K5411">
        <v>206.32</v>
      </c>
    </row>
    <row r="5412" spans="1:11" x14ac:dyDescent="0.3">
      <c r="A5412" s="1">
        <v>42614</v>
      </c>
      <c r="B5412" s="3">
        <f t="shared" si="168"/>
        <v>9</v>
      </c>
      <c r="C5412" s="3">
        <f t="shared" si="169"/>
        <v>2016</v>
      </c>
      <c r="D5412" t="s">
        <v>634</v>
      </c>
      <c r="E5412" t="s">
        <v>148</v>
      </c>
      <c r="F5412" t="s">
        <v>38</v>
      </c>
      <c r="G5412" t="s">
        <v>51</v>
      </c>
      <c r="H5412" t="s">
        <v>517</v>
      </c>
      <c r="I5412">
        <v>72.48</v>
      </c>
      <c r="J5412">
        <v>2</v>
      </c>
      <c r="K5412">
        <v>30.44</v>
      </c>
    </row>
    <row r="5413" spans="1:11" x14ac:dyDescent="0.3">
      <c r="A5413" s="1">
        <v>42614</v>
      </c>
      <c r="B5413" s="3">
        <f t="shared" si="168"/>
        <v>9</v>
      </c>
      <c r="C5413" s="3">
        <f t="shared" si="169"/>
        <v>2016</v>
      </c>
      <c r="D5413" t="s">
        <v>634</v>
      </c>
      <c r="E5413" t="s">
        <v>148</v>
      </c>
      <c r="F5413" t="s">
        <v>10</v>
      </c>
      <c r="G5413" t="s">
        <v>199</v>
      </c>
      <c r="H5413" t="s">
        <v>1291</v>
      </c>
      <c r="I5413">
        <v>10.95</v>
      </c>
      <c r="J5413">
        <v>3</v>
      </c>
      <c r="K5413">
        <v>3.29</v>
      </c>
    </row>
    <row r="5414" spans="1:11" x14ac:dyDescent="0.3">
      <c r="A5414" s="1">
        <v>42614</v>
      </c>
      <c r="B5414" s="3">
        <f t="shared" si="168"/>
        <v>9</v>
      </c>
      <c r="C5414" s="3">
        <f t="shared" si="169"/>
        <v>2016</v>
      </c>
      <c r="D5414" t="s">
        <v>634</v>
      </c>
      <c r="E5414" t="s">
        <v>148</v>
      </c>
      <c r="F5414" t="s">
        <v>33</v>
      </c>
      <c r="G5414" t="s">
        <v>46</v>
      </c>
      <c r="H5414" t="s">
        <v>47</v>
      </c>
      <c r="I5414">
        <v>191.82</v>
      </c>
      <c r="J5414">
        <v>3</v>
      </c>
      <c r="K5414">
        <v>61.38</v>
      </c>
    </row>
    <row r="5415" spans="1:11" x14ac:dyDescent="0.3">
      <c r="A5415" s="1">
        <v>42614</v>
      </c>
      <c r="B5415" s="3">
        <f t="shared" si="168"/>
        <v>9</v>
      </c>
      <c r="C5415" s="3">
        <f t="shared" si="169"/>
        <v>2016</v>
      </c>
      <c r="D5415" t="s">
        <v>1319</v>
      </c>
      <c r="E5415" t="s">
        <v>109</v>
      </c>
      <c r="F5415" t="s">
        <v>10</v>
      </c>
      <c r="G5415" t="s">
        <v>19</v>
      </c>
      <c r="H5415" t="s">
        <v>188</v>
      </c>
      <c r="I5415">
        <v>24.1</v>
      </c>
      <c r="J5415">
        <v>5</v>
      </c>
      <c r="K5415">
        <v>11.09</v>
      </c>
    </row>
    <row r="5416" spans="1:11" x14ac:dyDescent="0.3">
      <c r="A5416" s="1">
        <v>42614</v>
      </c>
      <c r="B5416" s="3">
        <f t="shared" si="168"/>
        <v>9</v>
      </c>
      <c r="C5416" s="3">
        <f t="shared" si="169"/>
        <v>2016</v>
      </c>
      <c r="D5416" t="s">
        <v>1319</v>
      </c>
      <c r="E5416" t="s">
        <v>109</v>
      </c>
      <c r="F5416" t="s">
        <v>38</v>
      </c>
      <c r="G5416" t="s">
        <v>39</v>
      </c>
      <c r="H5416" t="s">
        <v>2453</v>
      </c>
      <c r="I5416">
        <v>8.7799999999999994</v>
      </c>
      <c r="J5416">
        <v>1</v>
      </c>
      <c r="K5416">
        <v>2.2799999999999998</v>
      </c>
    </row>
    <row r="5417" spans="1:11" x14ac:dyDescent="0.3">
      <c r="A5417" s="1">
        <v>42614</v>
      </c>
      <c r="B5417" s="3">
        <f t="shared" si="168"/>
        <v>9</v>
      </c>
      <c r="C5417" s="3">
        <f t="shared" si="169"/>
        <v>2016</v>
      </c>
      <c r="D5417" t="s">
        <v>1319</v>
      </c>
      <c r="E5417" t="s">
        <v>109</v>
      </c>
      <c r="F5417" t="s">
        <v>10</v>
      </c>
      <c r="G5417" t="s">
        <v>91</v>
      </c>
      <c r="H5417" t="s">
        <v>2339</v>
      </c>
      <c r="I5417">
        <v>376.74</v>
      </c>
      <c r="J5417">
        <v>4</v>
      </c>
      <c r="K5417">
        <v>71.16</v>
      </c>
    </row>
    <row r="5418" spans="1:11" x14ac:dyDescent="0.3">
      <c r="A5418" s="1">
        <v>42614</v>
      </c>
      <c r="B5418" s="3">
        <f t="shared" si="168"/>
        <v>9</v>
      </c>
      <c r="C5418" s="3">
        <f t="shared" si="169"/>
        <v>2016</v>
      </c>
      <c r="D5418" t="s">
        <v>1319</v>
      </c>
      <c r="E5418" t="s">
        <v>109</v>
      </c>
      <c r="F5418" t="s">
        <v>10</v>
      </c>
      <c r="G5418" t="s">
        <v>19</v>
      </c>
      <c r="H5418" t="s">
        <v>221</v>
      </c>
      <c r="I5418">
        <v>29.52</v>
      </c>
      <c r="J5418">
        <v>4</v>
      </c>
      <c r="K5418">
        <v>14.46</v>
      </c>
    </row>
    <row r="5419" spans="1:11" x14ac:dyDescent="0.3">
      <c r="A5419" s="1">
        <v>42614</v>
      </c>
      <c r="B5419" s="3">
        <f t="shared" si="168"/>
        <v>9</v>
      </c>
      <c r="C5419" s="3">
        <f t="shared" si="169"/>
        <v>2016</v>
      </c>
      <c r="D5419" t="s">
        <v>1319</v>
      </c>
      <c r="E5419" t="s">
        <v>109</v>
      </c>
      <c r="F5419" t="s">
        <v>10</v>
      </c>
      <c r="G5419" t="s">
        <v>23</v>
      </c>
      <c r="H5419" t="s">
        <v>959</v>
      </c>
      <c r="I5419">
        <v>11.96</v>
      </c>
      <c r="J5419">
        <v>2</v>
      </c>
      <c r="K5419">
        <v>2.99</v>
      </c>
    </row>
    <row r="5420" spans="1:11" x14ac:dyDescent="0.3">
      <c r="A5420" s="1">
        <v>42614</v>
      </c>
      <c r="B5420" s="3">
        <f t="shared" si="168"/>
        <v>9</v>
      </c>
      <c r="C5420" s="3">
        <f t="shared" si="169"/>
        <v>2016</v>
      </c>
      <c r="D5420" t="s">
        <v>1319</v>
      </c>
      <c r="E5420" t="s">
        <v>109</v>
      </c>
      <c r="F5420" t="s">
        <v>10</v>
      </c>
      <c r="G5420" t="s">
        <v>19</v>
      </c>
      <c r="H5420" t="s">
        <v>845</v>
      </c>
      <c r="I5420">
        <v>26.4</v>
      </c>
      <c r="J5420">
        <v>5</v>
      </c>
      <c r="K5420">
        <v>12.67</v>
      </c>
    </row>
    <row r="5421" spans="1:11" x14ac:dyDescent="0.3">
      <c r="A5421" s="1">
        <v>42614</v>
      </c>
      <c r="B5421" s="3">
        <f t="shared" si="168"/>
        <v>9</v>
      </c>
      <c r="C5421" s="3">
        <f t="shared" si="169"/>
        <v>2016</v>
      </c>
      <c r="D5421" t="s">
        <v>561</v>
      </c>
      <c r="E5421" t="s">
        <v>26</v>
      </c>
      <c r="F5421" t="s">
        <v>10</v>
      </c>
      <c r="G5421" t="s">
        <v>62</v>
      </c>
      <c r="H5421" t="s">
        <v>1090</v>
      </c>
      <c r="I5421">
        <v>12.78</v>
      </c>
      <c r="J5421">
        <v>1</v>
      </c>
      <c r="K5421">
        <v>5.75</v>
      </c>
    </row>
    <row r="5422" spans="1:11" x14ac:dyDescent="0.3">
      <c r="A5422" s="1">
        <v>42615</v>
      </c>
      <c r="B5422" s="3">
        <f t="shared" si="168"/>
        <v>9</v>
      </c>
      <c r="C5422" s="3">
        <f t="shared" si="169"/>
        <v>2016</v>
      </c>
      <c r="D5422" t="s">
        <v>1597</v>
      </c>
      <c r="E5422" t="s">
        <v>148</v>
      </c>
      <c r="F5422" t="s">
        <v>10</v>
      </c>
      <c r="G5422" t="s">
        <v>23</v>
      </c>
      <c r="H5422" t="s">
        <v>1578</v>
      </c>
      <c r="I5422">
        <v>75.48</v>
      </c>
      <c r="J5422">
        <v>2</v>
      </c>
      <c r="K5422">
        <v>19.62</v>
      </c>
    </row>
    <row r="5423" spans="1:11" x14ac:dyDescent="0.3">
      <c r="A5423" s="1">
        <v>42615</v>
      </c>
      <c r="B5423" s="3">
        <f t="shared" si="168"/>
        <v>9</v>
      </c>
      <c r="C5423" s="3">
        <f t="shared" si="169"/>
        <v>2016</v>
      </c>
      <c r="D5423" t="s">
        <v>1597</v>
      </c>
      <c r="E5423" t="s">
        <v>148</v>
      </c>
      <c r="F5423" t="s">
        <v>33</v>
      </c>
      <c r="G5423" t="s">
        <v>46</v>
      </c>
      <c r="H5423" t="s">
        <v>1212</v>
      </c>
      <c r="I5423">
        <v>39.979999999999997</v>
      </c>
      <c r="J5423">
        <v>2</v>
      </c>
      <c r="K5423">
        <v>10</v>
      </c>
    </row>
    <row r="5424" spans="1:11" x14ac:dyDescent="0.3">
      <c r="A5424" s="1">
        <v>42615</v>
      </c>
      <c r="B5424" s="3">
        <f t="shared" si="168"/>
        <v>9</v>
      </c>
      <c r="C5424" s="3">
        <f t="shared" si="169"/>
        <v>2016</v>
      </c>
      <c r="D5424" t="s">
        <v>1066</v>
      </c>
      <c r="E5424" t="s">
        <v>156</v>
      </c>
      <c r="F5424" t="s">
        <v>10</v>
      </c>
      <c r="G5424" t="s">
        <v>42</v>
      </c>
      <c r="H5424" t="s">
        <v>1132</v>
      </c>
      <c r="I5424">
        <v>1.81</v>
      </c>
      <c r="J5424">
        <v>1</v>
      </c>
      <c r="K5424">
        <v>0.65</v>
      </c>
    </row>
    <row r="5425" spans="1:11" x14ac:dyDescent="0.3">
      <c r="A5425" s="1">
        <v>42615</v>
      </c>
      <c r="B5425" s="3">
        <f t="shared" si="168"/>
        <v>9</v>
      </c>
      <c r="C5425" s="3">
        <f t="shared" si="169"/>
        <v>2016</v>
      </c>
      <c r="D5425" t="s">
        <v>1066</v>
      </c>
      <c r="E5425" t="s">
        <v>156</v>
      </c>
      <c r="F5425" t="s">
        <v>10</v>
      </c>
      <c r="G5425" t="s">
        <v>19</v>
      </c>
      <c r="H5425" t="s">
        <v>558</v>
      </c>
      <c r="I5425">
        <v>8.26</v>
      </c>
      <c r="J5425">
        <v>2</v>
      </c>
      <c r="K5425">
        <v>3.88</v>
      </c>
    </row>
    <row r="5426" spans="1:11" x14ac:dyDescent="0.3">
      <c r="A5426" s="1">
        <v>42615</v>
      </c>
      <c r="B5426" s="3">
        <f t="shared" si="168"/>
        <v>9</v>
      </c>
      <c r="C5426" s="3">
        <f t="shared" si="169"/>
        <v>2016</v>
      </c>
      <c r="D5426" t="s">
        <v>1222</v>
      </c>
      <c r="E5426" t="s">
        <v>26</v>
      </c>
      <c r="F5426" t="s">
        <v>10</v>
      </c>
      <c r="G5426" t="s">
        <v>17</v>
      </c>
      <c r="H5426" t="s">
        <v>462</v>
      </c>
      <c r="I5426">
        <v>46.53</v>
      </c>
      <c r="J5426">
        <v>3</v>
      </c>
      <c r="K5426">
        <v>12.1</v>
      </c>
    </row>
    <row r="5427" spans="1:11" x14ac:dyDescent="0.3">
      <c r="A5427" s="1">
        <v>42615</v>
      </c>
      <c r="B5427" s="3">
        <f t="shared" si="168"/>
        <v>9</v>
      </c>
      <c r="C5427" s="3">
        <f t="shared" si="169"/>
        <v>2016</v>
      </c>
      <c r="D5427" t="s">
        <v>1750</v>
      </c>
      <c r="E5427" t="s">
        <v>14</v>
      </c>
      <c r="F5427" t="s">
        <v>10</v>
      </c>
      <c r="G5427" t="s">
        <v>15</v>
      </c>
      <c r="H5427" t="s">
        <v>1039</v>
      </c>
      <c r="I5427">
        <v>29.24</v>
      </c>
      <c r="J5427">
        <v>5</v>
      </c>
      <c r="K5427">
        <v>9.8699999999999992</v>
      </c>
    </row>
    <row r="5428" spans="1:11" x14ac:dyDescent="0.3">
      <c r="A5428" s="1">
        <v>42615</v>
      </c>
      <c r="B5428" s="3">
        <f t="shared" si="168"/>
        <v>9</v>
      </c>
      <c r="C5428" s="3">
        <f t="shared" si="169"/>
        <v>2016</v>
      </c>
      <c r="D5428" t="s">
        <v>1750</v>
      </c>
      <c r="E5428" t="s">
        <v>14</v>
      </c>
      <c r="F5428" t="s">
        <v>10</v>
      </c>
      <c r="G5428" t="s">
        <v>17</v>
      </c>
      <c r="H5428" t="s">
        <v>1755</v>
      </c>
      <c r="I5428">
        <v>35.17</v>
      </c>
      <c r="J5428">
        <v>2</v>
      </c>
      <c r="K5428">
        <v>-8.35</v>
      </c>
    </row>
    <row r="5429" spans="1:11" x14ac:dyDescent="0.3">
      <c r="A5429" s="1">
        <v>42615</v>
      </c>
      <c r="B5429" s="3">
        <f t="shared" si="168"/>
        <v>9</v>
      </c>
      <c r="C5429" s="3">
        <f t="shared" si="169"/>
        <v>2016</v>
      </c>
      <c r="D5429" t="s">
        <v>1750</v>
      </c>
      <c r="E5429" t="s">
        <v>14</v>
      </c>
      <c r="F5429" t="s">
        <v>38</v>
      </c>
      <c r="G5429" t="s">
        <v>301</v>
      </c>
      <c r="H5429" t="s">
        <v>2589</v>
      </c>
      <c r="I5429">
        <v>1362.9</v>
      </c>
      <c r="J5429">
        <v>3</v>
      </c>
      <c r="K5429">
        <v>-19.47</v>
      </c>
    </row>
    <row r="5430" spans="1:11" x14ac:dyDescent="0.3">
      <c r="A5430" s="1">
        <v>42615</v>
      </c>
      <c r="B5430" s="3">
        <f t="shared" si="168"/>
        <v>9</v>
      </c>
      <c r="C5430" s="3">
        <f t="shared" si="169"/>
        <v>2016</v>
      </c>
      <c r="D5430" t="s">
        <v>1281</v>
      </c>
      <c r="E5430" t="s">
        <v>14</v>
      </c>
      <c r="F5430" t="s">
        <v>33</v>
      </c>
      <c r="G5430" t="s">
        <v>46</v>
      </c>
      <c r="H5430" t="s">
        <v>1395</v>
      </c>
      <c r="I5430">
        <v>84.27</v>
      </c>
      <c r="J5430">
        <v>2</v>
      </c>
      <c r="K5430">
        <v>-75.84</v>
      </c>
    </row>
    <row r="5431" spans="1:11" x14ac:dyDescent="0.3">
      <c r="A5431" s="1">
        <v>42615</v>
      </c>
      <c r="B5431" s="3">
        <f t="shared" si="168"/>
        <v>9</v>
      </c>
      <c r="C5431" s="3">
        <f t="shared" si="169"/>
        <v>2016</v>
      </c>
      <c r="D5431" t="s">
        <v>1172</v>
      </c>
      <c r="E5431" t="s">
        <v>244</v>
      </c>
      <c r="F5431" t="s">
        <v>10</v>
      </c>
      <c r="G5431" t="s">
        <v>19</v>
      </c>
      <c r="H5431" t="s">
        <v>2240</v>
      </c>
      <c r="I5431">
        <v>22.91</v>
      </c>
      <c r="J5431">
        <v>7</v>
      </c>
      <c r="K5431">
        <v>-17.57</v>
      </c>
    </row>
    <row r="5432" spans="1:11" x14ac:dyDescent="0.3">
      <c r="A5432" s="1">
        <v>42615</v>
      </c>
      <c r="B5432" s="3">
        <f t="shared" si="168"/>
        <v>9</v>
      </c>
      <c r="C5432" s="3">
        <f t="shared" si="169"/>
        <v>2016</v>
      </c>
      <c r="D5432" t="s">
        <v>1172</v>
      </c>
      <c r="E5432" t="s">
        <v>244</v>
      </c>
      <c r="F5432" t="s">
        <v>10</v>
      </c>
      <c r="G5432" t="s">
        <v>91</v>
      </c>
      <c r="H5432" t="s">
        <v>2590</v>
      </c>
      <c r="I5432">
        <v>309.45999999999998</v>
      </c>
      <c r="J5432">
        <v>9</v>
      </c>
      <c r="K5432">
        <v>34.81</v>
      </c>
    </row>
    <row r="5433" spans="1:11" x14ac:dyDescent="0.3">
      <c r="A5433" s="1">
        <v>42615</v>
      </c>
      <c r="B5433" s="3">
        <f t="shared" si="168"/>
        <v>9</v>
      </c>
      <c r="C5433" s="3">
        <f t="shared" si="169"/>
        <v>2016</v>
      </c>
      <c r="D5433" t="s">
        <v>1172</v>
      </c>
      <c r="E5433" t="s">
        <v>244</v>
      </c>
      <c r="F5433" t="s">
        <v>10</v>
      </c>
      <c r="G5433" t="s">
        <v>23</v>
      </c>
      <c r="H5433" t="s">
        <v>225</v>
      </c>
      <c r="I5433">
        <v>19.46</v>
      </c>
      <c r="J5433">
        <v>4</v>
      </c>
      <c r="K5433">
        <v>3.4</v>
      </c>
    </row>
    <row r="5434" spans="1:11" x14ac:dyDescent="0.3">
      <c r="A5434" s="1">
        <v>42615</v>
      </c>
      <c r="B5434" s="3">
        <f t="shared" si="168"/>
        <v>9</v>
      </c>
      <c r="C5434" s="3">
        <f t="shared" si="169"/>
        <v>2016</v>
      </c>
      <c r="D5434" t="s">
        <v>1172</v>
      </c>
      <c r="E5434" t="s">
        <v>244</v>
      </c>
      <c r="F5434" t="s">
        <v>33</v>
      </c>
      <c r="G5434" t="s">
        <v>144</v>
      </c>
      <c r="H5434" t="s">
        <v>1552</v>
      </c>
      <c r="I5434">
        <v>472.52</v>
      </c>
      <c r="J5434">
        <v>3</v>
      </c>
      <c r="K5434">
        <v>-149.63</v>
      </c>
    </row>
    <row r="5435" spans="1:11" x14ac:dyDescent="0.3">
      <c r="A5435" s="1">
        <v>42615</v>
      </c>
      <c r="B5435" s="3">
        <f t="shared" si="168"/>
        <v>9</v>
      </c>
      <c r="C5435" s="3">
        <f t="shared" si="169"/>
        <v>2016</v>
      </c>
      <c r="D5435" t="s">
        <v>1172</v>
      </c>
      <c r="E5435" t="s">
        <v>244</v>
      </c>
      <c r="F5435" t="s">
        <v>38</v>
      </c>
      <c r="G5435" t="s">
        <v>51</v>
      </c>
      <c r="H5435" t="s">
        <v>1874</v>
      </c>
      <c r="I5435">
        <v>1012.68</v>
      </c>
      <c r="J5435">
        <v>3</v>
      </c>
      <c r="K5435">
        <v>303.8</v>
      </c>
    </row>
    <row r="5436" spans="1:11" x14ac:dyDescent="0.3">
      <c r="A5436" s="1">
        <v>42615</v>
      </c>
      <c r="B5436" s="3">
        <f t="shared" si="168"/>
        <v>9</v>
      </c>
      <c r="C5436" s="3">
        <f t="shared" si="169"/>
        <v>2016</v>
      </c>
      <c r="D5436" t="s">
        <v>1172</v>
      </c>
      <c r="E5436" t="s">
        <v>244</v>
      </c>
      <c r="F5436" t="s">
        <v>10</v>
      </c>
      <c r="G5436" t="s">
        <v>19</v>
      </c>
      <c r="H5436" t="s">
        <v>2225</v>
      </c>
      <c r="I5436">
        <v>17.22</v>
      </c>
      <c r="J5436">
        <v>5</v>
      </c>
      <c r="K5436">
        <v>-12.63</v>
      </c>
    </row>
    <row r="5437" spans="1:11" x14ac:dyDescent="0.3">
      <c r="A5437" s="1">
        <v>42615</v>
      </c>
      <c r="B5437" s="3">
        <f t="shared" si="168"/>
        <v>9</v>
      </c>
      <c r="C5437" s="3">
        <f t="shared" si="169"/>
        <v>2016</v>
      </c>
      <c r="D5437" t="s">
        <v>1944</v>
      </c>
      <c r="E5437" t="s">
        <v>163</v>
      </c>
      <c r="F5437" t="s">
        <v>38</v>
      </c>
      <c r="G5437" t="s">
        <v>602</v>
      </c>
      <c r="H5437" t="s">
        <v>1468</v>
      </c>
      <c r="I5437">
        <v>999.98</v>
      </c>
      <c r="J5437">
        <v>2</v>
      </c>
      <c r="K5437">
        <v>449.99</v>
      </c>
    </row>
    <row r="5438" spans="1:11" x14ac:dyDescent="0.3">
      <c r="A5438" s="1">
        <v>42615</v>
      </c>
      <c r="B5438" s="3">
        <f t="shared" si="168"/>
        <v>9</v>
      </c>
      <c r="C5438" s="3">
        <f t="shared" si="169"/>
        <v>2016</v>
      </c>
      <c r="D5438" t="s">
        <v>1512</v>
      </c>
      <c r="E5438" t="s">
        <v>9</v>
      </c>
      <c r="F5438" t="s">
        <v>10</v>
      </c>
      <c r="G5438" t="s">
        <v>19</v>
      </c>
      <c r="H5438" t="s">
        <v>1762</v>
      </c>
      <c r="I5438">
        <v>8.61</v>
      </c>
      <c r="J5438">
        <v>8</v>
      </c>
      <c r="K5438">
        <v>-13.34</v>
      </c>
    </row>
    <row r="5439" spans="1:11" x14ac:dyDescent="0.3">
      <c r="A5439" s="1">
        <v>42615</v>
      </c>
      <c r="B5439" s="3">
        <f t="shared" si="168"/>
        <v>9</v>
      </c>
      <c r="C5439" s="3">
        <f t="shared" si="169"/>
        <v>2016</v>
      </c>
      <c r="D5439" t="s">
        <v>1512</v>
      </c>
      <c r="E5439" t="s">
        <v>9</v>
      </c>
      <c r="F5439" t="s">
        <v>38</v>
      </c>
      <c r="G5439" t="s">
        <v>51</v>
      </c>
      <c r="H5439" t="s">
        <v>2424</v>
      </c>
      <c r="I5439">
        <v>159.56</v>
      </c>
      <c r="J5439">
        <v>5</v>
      </c>
      <c r="K5439">
        <v>33.909999999999997</v>
      </c>
    </row>
    <row r="5440" spans="1:11" x14ac:dyDescent="0.3">
      <c r="A5440" s="1">
        <v>42615</v>
      </c>
      <c r="B5440" s="3">
        <f t="shared" si="168"/>
        <v>9</v>
      </c>
      <c r="C5440" s="3">
        <f t="shared" si="169"/>
        <v>2016</v>
      </c>
      <c r="D5440" t="s">
        <v>1233</v>
      </c>
      <c r="E5440" t="s">
        <v>163</v>
      </c>
      <c r="F5440" t="s">
        <v>33</v>
      </c>
      <c r="G5440" t="s">
        <v>34</v>
      </c>
      <c r="H5440" t="s">
        <v>2028</v>
      </c>
      <c r="I5440">
        <v>215.98</v>
      </c>
      <c r="J5440">
        <v>3</v>
      </c>
      <c r="K5440">
        <v>-2.7</v>
      </c>
    </row>
    <row r="5441" spans="1:11" x14ac:dyDescent="0.3">
      <c r="A5441" s="1">
        <v>42615</v>
      </c>
      <c r="B5441" s="3">
        <f t="shared" si="168"/>
        <v>9</v>
      </c>
      <c r="C5441" s="3">
        <f t="shared" si="169"/>
        <v>2016</v>
      </c>
      <c r="D5441" t="s">
        <v>1233</v>
      </c>
      <c r="E5441" t="s">
        <v>163</v>
      </c>
      <c r="F5441" t="s">
        <v>10</v>
      </c>
      <c r="G5441" t="s">
        <v>62</v>
      </c>
      <c r="H5441" t="s">
        <v>992</v>
      </c>
      <c r="I5441">
        <v>65.94</v>
      </c>
      <c r="J5441">
        <v>3</v>
      </c>
      <c r="K5441">
        <v>30.99</v>
      </c>
    </row>
    <row r="5442" spans="1:11" x14ac:dyDescent="0.3">
      <c r="A5442" s="1">
        <v>42615</v>
      </c>
      <c r="B5442" s="3">
        <f t="shared" ref="B5442:B5505" si="170">MONTH(A:A)</f>
        <v>9</v>
      </c>
      <c r="C5442" s="3">
        <f t="shared" ref="C5442:C5505" si="171">YEAR(A:A)</f>
        <v>2016</v>
      </c>
      <c r="D5442" t="s">
        <v>1078</v>
      </c>
      <c r="E5442" t="s">
        <v>26</v>
      </c>
      <c r="F5442" t="s">
        <v>33</v>
      </c>
      <c r="G5442" t="s">
        <v>46</v>
      </c>
      <c r="H5442" t="s">
        <v>123</v>
      </c>
      <c r="I5442">
        <v>94.68</v>
      </c>
      <c r="J5442">
        <v>9</v>
      </c>
      <c r="K5442">
        <v>31.24</v>
      </c>
    </row>
    <row r="5443" spans="1:11" x14ac:dyDescent="0.3">
      <c r="A5443" s="1">
        <v>42615</v>
      </c>
      <c r="B5443" s="3">
        <f t="shared" si="170"/>
        <v>9</v>
      </c>
      <c r="C5443" s="3">
        <f t="shared" si="171"/>
        <v>2016</v>
      </c>
      <c r="D5443" t="s">
        <v>1078</v>
      </c>
      <c r="E5443" t="s">
        <v>26</v>
      </c>
      <c r="F5443" t="s">
        <v>10</v>
      </c>
      <c r="G5443" t="s">
        <v>17</v>
      </c>
      <c r="H5443" t="s">
        <v>210</v>
      </c>
      <c r="I5443">
        <v>23.67</v>
      </c>
      <c r="J5443">
        <v>3</v>
      </c>
      <c r="K5443">
        <v>0.95</v>
      </c>
    </row>
    <row r="5444" spans="1:11" x14ac:dyDescent="0.3">
      <c r="A5444" s="1">
        <v>42615</v>
      </c>
      <c r="B5444" s="3">
        <f t="shared" si="170"/>
        <v>9</v>
      </c>
      <c r="C5444" s="3">
        <f t="shared" si="171"/>
        <v>2016</v>
      </c>
      <c r="D5444" t="s">
        <v>1078</v>
      </c>
      <c r="E5444" t="s">
        <v>26</v>
      </c>
      <c r="F5444" t="s">
        <v>38</v>
      </c>
      <c r="G5444" t="s">
        <v>39</v>
      </c>
      <c r="H5444" t="s">
        <v>1099</v>
      </c>
      <c r="I5444">
        <v>1091.17</v>
      </c>
      <c r="J5444">
        <v>4</v>
      </c>
      <c r="K5444">
        <v>68.2</v>
      </c>
    </row>
    <row r="5445" spans="1:11" x14ac:dyDescent="0.3">
      <c r="A5445" s="1">
        <v>42615</v>
      </c>
      <c r="B5445" s="3">
        <f t="shared" si="170"/>
        <v>9</v>
      </c>
      <c r="C5445" s="3">
        <f t="shared" si="171"/>
        <v>2016</v>
      </c>
      <c r="D5445" t="s">
        <v>1078</v>
      </c>
      <c r="E5445" t="s">
        <v>26</v>
      </c>
      <c r="F5445" t="s">
        <v>10</v>
      </c>
      <c r="G5445" t="s">
        <v>23</v>
      </c>
      <c r="H5445" t="s">
        <v>580</v>
      </c>
      <c r="I5445">
        <v>18.690000000000001</v>
      </c>
      <c r="J5445">
        <v>7</v>
      </c>
      <c r="K5445">
        <v>5.23</v>
      </c>
    </row>
    <row r="5446" spans="1:11" x14ac:dyDescent="0.3">
      <c r="A5446" s="1">
        <v>42615</v>
      </c>
      <c r="B5446" s="3">
        <f t="shared" si="170"/>
        <v>9</v>
      </c>
      <c r="C5446" s="3">
        <f t="shared" si="171"/>
        <v>2016</v>
      </c>
      <c r="D5446" t="s">
        <v>1078</v>
      </c>
      <c r="E5446" t="s">
        <v>26</v>
      </c>
      <c r="F5446" t="s">
        <v>33</v>
      </c>
      <c r="G5446" t="s">
        <v>144</v>
      </c>
      <c r="H5446" t="s">
        <v>740</v>
      </c>
      <c r="I5446">
        <v>568.73</v>
      </c>
      <c r="J5446">
        <v>3</v>
      </c>
      <c r="K5446">
        <v>28.44</v>
      </c>
    </row>
    <row r="5447" spans="1:11" x14ac:dyDescent="0.3">
      <c r="A5447" s="1">
        <v>42615</v>
      </c>
      <c r="B5447" s="3">
        <f t="shared" si="170"/>
        <v>9</v>
      </c>
      <c r="C5447" s="3">
        <f t="shared" si="171"/>
        <v>2016</v>
      </c>
      <c r="D5447" t="s">
        <v>1078</v>
      </c>
      <c r="E5447" t="s">
        <v>26</v>
      </c>
      <c r="F5447" t="s">
        <v>10</v>
      </c>
      <c r="G5447" t="s">
        <v>19</v>
      </c>
      <c r="H5447" t="s">
        <v>864</v>
      </c>
      <c r="I5447">
        <v>7.31</v>
      </c>
      <c r="J5447">
        <v>1</v>
      </c>
      <c r="K5447">
        <v>2.56</v>
      </c>
    </row>
    <row r="5448" spans="1:11" x14ac:dyDescent="0.3">
      <c r="A5448" s="1">
        <v>42616</v>
      </c>
      <c r="B5448" s="3">
        <f t="shared" si="170"/>
        <v>9</v>
      </c>
      <c r="C5448" s="3">
        <f t="shared" si="171"/>
        <v>2016</v>
      </c>
      <c r="D5448" t="s">
        <v>445</v>
      </c>
      <c r="E5448" t="s">
        <v>22</v>
      </c>
      <c r="F5448" t="s">
        <v>10</v>
      </c>
      <c r="G5448" t="s">
        <v>19</v>
      </c>
      <c r="H5448" t="s">
        <v>2126</v>
      </c>
      <c r="I5448">
        <v>1141.47</v>
      </c>
      <c r="J5448">
        <v>5</v>
      </c>
      <c r="K5448">
        <v>-760.98</v>
      </c>
    </row>
    <row r="5449" spans="1:11" x14ac:dyDescent="0.3">
      <c r="A5449" s="1">
        <v>42616</v>
      </c>
      <c r="B5449" s="3">
        <f t="shared" si="170"/>
        <v>9</v>
      </c>
      <c r="C5449" s="3">
        <f t="shared" si="171"/>
        <v>2016</v>
      </c>
      <c r="D5449" t="s">
        <v>445</v>
      </c>
      <c r="E5449" t="s">
        <v>22</v>
      </c>
      <c r="F5449" t="s">
        <v>38</v>
      </c>
      <c r="G5449" t="s">
        <v>39</v>
      </c>
      <c r="H5449" t="s">
        <v>2108</v>
      </c>
      <c r="I5449">
        <v>280.77999999999997</v>
      </c>
      <c r="J5449">
        <v>3</v>
      </c>
      <c r="K5449">
        <v>-46.8</v>
      </c>
    </row>
    <row r="5450" spans="1:11" x14ac:dyDescent="0.3">
      <c r="A5450" s="1">
        <v>42616</v>
      </c>
      <c r="B5450" s="3">
        <f t="shared" si="170"/>
        <v>9</v>
      </c>
      <c r="C5450" s="3">
        <f t="shared" si="171"/>
        <v>2016</v>
      </c>
      <c r="D5450" t="s">
        <v>1546</v>
      </c>
      <c r="E5450" t="s">
        <v>14</v>
      </c>
      <c r="F5450" t="s">
        <v>33</v>
      </c>
      <c r="G5450" t="s">
        <v>46</v>
      </c>
      <c r="H5450" t="s">
        <v>2039</v>
      </c>
      <c r="I5450">
        <v>83.95</v>
      </c>
      <c r="J5450">
        <v>3</v>
      </c>
      <c r="K5450">
        <v>-90.25</v>
      </c>
    </row>
    <row r="5451" spans="1:11" x14ac:dyDescent="0.3">
      <c r="A5451" s="1">
        <v>42616</v>
      </c>
      <c r="B5451" s="3">
        <f t="shared" si="170"/>
        <v>9</v>
      </c>
      <c r="C5451" s="3">
        <f t="shared" si="171"/>
        <v>2016</v>
      </c>
      <c r="D5451" t="s">
        <v>790</v>
      </c>
      <c r="E5451" t="s">
        <v>14</v>
      </c>
      <c r="F5451" t="s">
        <v>10</v>
      </c>
      <c r="G5451" t="s">
        <v>19</v>
      </c>
      <c r="H5451" t="s">
        <v>1926</v>
      </c>
      <c r="I5451">
        <v>8.81</v>
      </c>
      <c r="J5451">
        <v>3</v>
      </c>
      <c r="K5451">
        <v>-14.97</v>
      </c>
    </row>
    <row r="5452" spans="1:11" x14ac:dyDescent="0.3">
      <c r="A5452" s="1">
        <v>42616</v>
      </c>
      <c r="B5452" s="3">
        <f t="shared" si="170"/>
        <v>9</v>
      </c>
      <c r="C5452" s="3">
        <f t="shared" si="171"/>
        <v>2016</v>
      </c>
      <c r="D5452" t="s">
        <v>284</v>
      </c>
      <c r="E5452" t="s">
        <v>612</v>
      </c>
      <c r="F5452" t="s">
        <v>10</v>
      </c>
      <c r="G5452" t="s">
        <v>11</v>
      </c>
      <c r="H5452" t="s">
        <v>2386</v>
      </c>
      <c r="I5452">
        <v>48.16</v>
      </c>
      <c r="J5452">
        <v>7</v>
      </c>
      <c r="K5452">
        <v>22.15</v>
      </c>
    </row>
    <row r="5453" spans="1:11" x14ac:dyDescent="0.3">
      <c r="A5453" s="1">
        <v>42616</v>
      </c>
      <c r="B5453" s="3">
        <f t="shared" si="170"/>
        <v>9</v>
      </c>
      <c r="C5453" s="3">
        <f t="shared" si="171"/>
        <v>2016</v>
      </c>
      <c r="D5453" t="s">
        <v>1936</v>
      </c>
      <c r="E5453" t="s">
        <v>156</v>
      </c>
      <c r="F5453" t="s">
        <v>10</v>
      </c>
      <c r="G5453" t="s">
        <v>17</v>
      </c>
      <c r="H5453" t="s">
        <v>348</v>
      </c>
      <c r="I5453">
        <v>54.5</v>
      </c>
      <c r="J5453">
        <v>5</v>
      </c>
      <c r="K5453">
        <v>14.17</v>
      </c>
    </row>
    <row r="5454" spans="1:11" x14ac:dyDescent="0.3">
      <c r="A5454" s="1">
        <v>42616</v>
      </c>
      <c r="B5454" s="3">
        <f t="shared" si="170"/>
        <v>9</v>
      </c>
      <c r="C5454" s="3">
        <f t="shared" si="171"/>
        <v>2016</v>
      </c>
      <c r="D5454" t="s">
        <v>1775</v>
      </c>
      <c r="E5454" t="s">
        <v>61</v>
      </c>
      <c r="F5454" t="s">
        <v>10</v>
      </c>
      <c r="G5454" t="s">
        <v>19</v>
      </c>
      <c r="H5454" t="s">
        <v>2240</v>
      </c>
      <c r="I5454">
        <v>87.28</v>
      </c>
      <c r="J5454">
        <v>8</v>
      </c>
      <c r="K5454">
        <v>41.02</v>
      </c>
    </row>
    <row r="5455" spans="1:11" x14ac:dyDescent="0.3">
      <c r="A5455" s="1">
        <v>42616</v>
      </c>
      <c r="B5455" s="3">
        <f t="shared" si="170"/>
        <v>9</v>
      </c>
      <c r="C5455" s="3">
        <f t="shared" si="171"/>
        <v>2016</v>
      </c>
      <c r="D5455" t="s">
        <v>721</v>
      </c>
      <c r="E5455" t="s">
        <v>530</v>
      </c>
      <c r="F5455" t="s">
        <v>33</v>
      </c>
      <c r="G5455" t="s">
        <v>73</v>
      </c>
      <c r="H5455" t="s">
        <v>1705</v>
      </c>
      <c r="I5455">
        <v>344.94</v>
      </c>
      <c r="J5455">
        <v>3</v>
      </c>
      <c r="K5455">
        <v>31.04</v>
      </c>
    </row>
    <row r="5456" spans="1:11" x14ac:dyDescent="0.3">
      <c r="A5456" s="1">
        <v>42616</v>
      </c>
      <c r="B5456" s="3">
        <f t="shared" si="170"/>
        <v>9</v>
      </c>
      <c r="C5456" s="3">
        <f t="shared" si="171"/>
        <v>2016</v>
      </c>
      <c r="D5456" t="s">
        <v>721</v>
      </c>
      <c r="E5456" t="s">
        <v>530</v>
      </c>
      <c r="F5456" t="s">
        <v>33</v>
      </c>
      <c r="G5456" t="s">
        <v>46</v>
      </c>
      <c r="H5456" t="s">
        <v>1531</v>
      </c>
      <c r="I5456">
        <v>14.76</v>
      </c>
      <c r="J5456">
        <v>2</v>
      </c>
      <c r="K5456">
        <v>4.28</v>
      </c>
    </row>
    <row r="5457" spans="1:11" x14ac:dyDescent="0.3">
      <c r="A5457" s="1">
        <v>42616</v>
      </c>
      <c r="B5457" s="3">
        <f t="shared" si="170"/>
        <v>9</v>
      </c>
      <c r="C5457" s="3">
        <f t="shared" si="171"/>
        <v>2016</v>
      </c>
      <c r="D5457" t="s">
        <v>721</v>
      </c>
      <c r="E5457" t="s">
        <v>530</v>
      </c>
      <c r="F5457" t="s">
        <v>10</v>
      </c>
      <c r="G5457" t="s">
        <v>19</v>
      </c>
      <c r="H5457" t="s">
        <v>1699</v>
      </c>
      <c r="I5457">
        <v>12.76</v>
      </c>
      <c r="J5457">
        <v>2</v>
      </c>
      <c r="K5457">
        <v>5.87</v>
      </c>
    </row>
    <row r="5458" spans="1:11" x14ac:dyDescent="0.3">
      <c r="A5458" s="1">
        <v>42616</v>
      </c>
      <c r="B5458" s="3">
        <f t="shared" si="170"/>
        <v>9</v>
      </c>
      <c r="C5458" s="3">
        <f t="shared" si="171"/>
        <v>2016</v>
      </c>
      <c r="D5458" t="s">
        <v>721</v>
      </c>
      <c r="E5458" t="s">
        <v>530</v>
      </c>
      <c r="F5458" t="s">
        <v>10</v>
      </c>
      <c r="G5458" t="s">
        <v>15</v>
      </c>
      <c r="H5458" t="s">
        <v>2029</v>
      </c>
      <c r="I5458">
        <v>58.48</v>
      </c>
      <c r="J5458">
        <v>8</v>
      </c>
      <c r="K5458">
        <v>27.49</v>
      </c>
    </row>
    <row r="5459" spans="1:11" x14ac:dyDescent="0.3">
      <c r="A5459" s="1">
        <v>42616</v>
      </c>
      <c r="B5459" s="3">
        <f t="shared" si="170"/>
        <v>9</v>
      </c>
      <c r="C5459" s="3">
        <f t="shared" si="171"/>
        <v>2016</v>
      </c>
      <c r="D5459" t="s">
        <v>2502</v>
      </c>
      <c r="E5459" t="s">
        <v>14</v>
      </c>
      <c r="F5459" t="s">
        <v>33</v>
      </c>
      <c r="G5459" t="s">
        <v>73</v>
      </c>
      <c r="H5459" t="s">
        <v>2591</v>
      </c>
      <c r="I5459">
        <v>198.74</v>
      </c>
      <c r="J5459">
        <v>4</v>
      </c>
      <c r="K5459">
        <v>0</v>
      </c>
    </row>
    <row r="5460" spans="1:11" x14ac:dyDescent="0.3">
      <c r="A5460" s="1">
        <v>42616</v>
      </c>
      <c r="B5460" s="3">
        <f t="shared" si="170"/>
        <v>9</v>
      </c>
      <c r="C5460" s="3">
        <f t="shared" si="171"/>
        <v>2016</v>
      </c>
      <c r="D5460" t="s">
        <v>2379</v>
      </c>
      <c r="E5460" t="s">
        <v>77</v>
      </c>
      <c r="F5460" t="s">
        <v>10</v>
      </c>
      <c r="G5460" t="s">
        <v>11</v>
      </c>
      <c r="H5460" t="s">
        <v>1352</v>
      </c>
      <c r="I5460">
        <v>30.96</v>
      </c>
      <c r="J5460">
        <v>6</v>
      </c>
      <c r="K5460">
        <v>11.22</v>
      </c>
    </row>
    <row r="5461" spans="1:11" x14ac:dyDescent="0.3">
      <c r="A5461" s="1">
        <v>42617</v>
      </c>
      <c r="B5461" s="3">
        <f t="shared" si="170"/>
        <v>9</v>
      </c>
      <c r="C5461" s="3">
        <f t="shared" si="171"/>
        <v>2016</v>
      </c>
      <c r="D5461" t="s">
        <v>1041</v>
      </c>
      <c r="E5461" t="s">
        <v>9</v>
      </c>
      <c r="F5461" t="s">
        <v>10</v>
      </c>
      <c r="G5461" t="s">
        <v>23</v>
      </c>
      <c r="H5461" t="s">
        <v>1143</v>
      </c>
      <c r="I5461">
        <v>3.91</v>
      </c>
      <c r="J5461">
        <v>1</v>
      </c>
      <c r="K5461">
        <v>1.03</v>
      </c>
    </row>
    <row r="5462" spans="1:11" x14ac:dyDescent="0.3">
      <c r="A5462" s="1">
        <v>42617</v>
      </c>
      <c r="B5462" s="3">
        <f t="shared" si="170"/>
        <v>9</v>
      </c>
      <c r="C5462" s="3">
        <f t="shared" si="171"/>
        <v>2016</v>
      </c>
      <c r="D5462" t="s">
        <v>1041</v>
      </c>
      <c r="E5462" t="s">
        <v>9</v>
      </c>
      <c r="F5462" t="s">
        <v>10</v>
      </c>
      <c r="G5462" t="s">
        <v>23</v>
      </c>
      <c r="H5462" t="s">
        <v>278</v>
      </c>
      <c r="I5462">
        <v>62.38</v>
      </c>
      <c r="J5462">
        <v>3</v>
      </c>
      <c r="K5462">
        <v>7.02</v>
      </c>
    </row>
    <row r="5463" spans="1:11" x14ac:dyDescent="0.3">
      <c r="A5463" s="1">
        <v>42617</v>
      </c>
      <c r="B5463" s="3">
        <f t="shared" si="170"/>
        <v>9</v>
      </c>
      <c r="C5463" s="3">
        <f t="shared" si="171"/>
        <v>2016</v>
      </c>
      <c r="D5463" t="s">
        <v>393</v>
      </c>
      <c r="E5463" t="s">
        <v>148</v>
      </c>
      <c r="F5463" t="s">
        <v>33</v>
      </c>
      <c r="G5463" t="s">
        <v>46</v>
      </c>
      <c r="H5463" t="s">
        <v>2223</v>
      </c>
      <c r="I5463">
        <v>63.94</v>
      </c>
      <c r="J5463">
        <v>1</v>
      </c>
      <c r="K5463">
        <v>24.94</v>
      </c>
    </row>
    <row r="5464" spans="1:11" x14ac:dyDescent="0.3">
      <c r="A5464" s="1">
        <v>42617</v>
      </c>
      <c r="B5464" s="3">
        <f t="shared" si="170"/>
        <v>9</v>
      </c>
      <c r="C5464" s="3">
        <f t="shared" si="171"/>
        <v>2016</v>
      </c>
      <c r="D5464" t="s">
        <v>393</v>
      </c>
      <c r="E5464" t="s">
        <v>148</v>
      </c>
      <c r="F5464" t="s">
        <v>10</v>
      </c>
      <c r="G5464" t="s">
        <v>19</v>
      </c>
      <c r="H5464" t="s">
        <v>1502</v>
      </c>
      <c r="I5464">
        <v>60.6</v>
      </c>
      <c r="J5464">
        <v>5</v>
      </c>
      <c r="K5464">
        <v>20.45</v>
      </c>
    </row>
    <row r="5465" spans="1:11" x14ac:dyDescent="0.3">
      <c r="A5465" s="1">
        <v>42617</v>
      </c>
      <c r="B5465" s="3">
        <f t="shared" si="170"/>
        <v>9</v>
      </c>
      <c r="C5465" s="3">
        <f t="shared" si="171"/>
        <v>2016</v>
      </c>
      <c r="D5465" t="s">
        <v>393</v>
      </c>
      <c r="E5465" t="s">
        <v>148</v>
      </c>
      <c r="F5465" t="s">
        <v>10</v>
      </c>
      <c r="G5465" t="s">
        <v>199</v>
      </c>
      <c r="H5465" t="s">
        <v>2592</v>
      </c>
      <c r="I5465">
        <v>22.72</v>
      </c>
      <c r="J5465">
        <v>4</v>
      </c>
      <c r="K5465">
        <v>6.59</v>
      </c>
    </row>
    <row r="5466" spans="1:11" x14ac:dyDescent="0.3">
      <c r="A5466" s="1">
        <v>42617</v>
      </c>
      <c r="B5466" s="3">
        <f t="shared" si="170"/>
        <v>9</v>
      </c>
      <c r="C5466" s="3">
        <f t="shared" si="171"/>
        <v>2016</v>
      </c>
      <c r="D5466" t="s">
        <v>84</v>
      </c>
      <c r="E5466" t="s">
        <v>119</v>
      </c>
      <c r="F5466" t="s">
        <v>10</v>
      </c>
      <c r="G5466" t="s">
        <v>11</v>
      </c>
      <c r="H5466" t="s">
        <v>1530</v>
      </c>
      <c r="I5466">
        <v>12.19</v>
      </c>
      <c r="J5466">
        <v>3</v>
      </c>
      <c r="K5466">
        <v>4.1100000000000003</v>
      </c>
    </row>
    <row r="5467" spans="1:11" x14ac:dyDescent="0.3">
      <c r="A5467" s="1">
        <v>42617</v>
      </c>
      <c r="B5467" s="3">
        <f t="shared" si="170"/>
        <v>9</v>
      </c>
      <c r="C5467" s="3">
        <f t="shared" si="171"/>
        <v>2016</v>
      </c>
      <c r="D5467" t="s">
        <v>84</v>
      </c>
      <c r="E5467" t="s">
        <v>119</v>
      </c>
      <c r="F5467" t="s">
        <v>10</v>
      </c>
      <c r="G5467" t="s">
        <v>91</v>
      </c>
      <c r="H5467" t="s">
        <v>1887</v>
      </c>
      <c r="I5467">
        <v>87.17</v>
      </c>
      <c r="J5467">
        <v>2</v>
      </c>
      <c r="K5467">
        <v>8.7200000000000006</v>
      </c>
    </row>
    <row r="5468" spans="1:11" x14ac:dyDescent="0.3">
      <c r="A5468" s="1">
        <v>42617</v>
      </c>
      <c r="B5468" s="3">
        <f t="shared" si="170"/>
        <v>9</v>
      </c>
      <c r="C5468" s="3">
        <f t="shared" si="171"/>
        <v>2016</v>
      </c>
      <c r="D5468" t="s">
        <v>84</v>
      </c>
      <c r="E5468" t="s">
        <v>119</v>
      </c>
      <c r="F5468" t="s">
        <v>10</v>
      </c>
      <c r="G5468" t="s">
        <v>23</v>
      </c>
      <c r="H5468" t="s">
        <v>525</v>
      </c>
      <c r="I5468">
        <v>31.74</v>
      </c>
      <c r="J5468">
        <v>2</v>
      </c>
      <c r="K5468">
        <v>8.33</v>
      </c>
    </row>
    <row r="5469" spans="1:11" x14ac:dyDescent="0.3">
      <c r="A5469" s="1">
        <v>42617</v>
      </c>
      <c r="B5469" s="3">
        <f t="shared" si="170"/>
        <v>9</v>
      </c>
      <c r="C5469" s="3">
        <f t="shared" si="171"/>
        <v>2016</v>
      </c>
      <c r="D5469" t="s">
        <v>860</v>
      </c>
      <c r="E5469" t="s">
        <v>32</v>
      </c>
      <c r="F5469" t="s">
        <v>33</v>
      </c>
      <c r="G5469" t="s">
        <v>46</v>
      </c>
      <c r="H5469" t="s">
        <v>1905</v>
      </c>
      <c r="I5469">
        <v>42.6</v>
      </c>
      <c r="J5469">
        <v>3</v>
      </c>
      <c r="K5469">
        <v>16.61</v>
      </c>
    </row>
    <row r="5470" spans="1:11" x14ac:dyDescent="0.3">
      <c r="A5470" s="1">
        <v>42617</v>
      </c>
      <c r="B5470" s="3">
        <f t="shared" si="170"/>
        <v>9</v>
      </c>
      <c r="C5470" s="3">
        <f t="shared" si="171"/>
        <v>2016</v>
      </c>
      <c r="D5470" t="s">
        <v>860</v>
      </c>
      <c r="E5470" t="s">
        <v>32</v>
      </c>
      <c r="F5470" t="s">
        <v>10</v>
      </c>
      <c r="G5470" t="s">
        <v>19</v>
      </c>
      <c r="H5470" t="s">
        <v>1769</v>
      </c>
      <c r="I5470">
        <v>113.94</v>
      </c>
      <c r="J5470">
        <v>6</v>
      </c>
      <c r="K5470">
        <v>54.69</v>
      </c>
    </row>
    <row r="5471" spans="1:11" x14ac:dyDescent="0.3">
      <c r="A5471" s="1">
        <v>42617</v>
      </c>
      <c r="B5471" s="3">
        <f t="shared" si="170"/>
        <v>9</v>
      </c>
      <c r="C5471" s="3">
        <f t="shared" si="171"/>
        <v>2016</v>
      </c>
      <c r="D5471" t="s">
        <v>860</v>
      </c>
      <c r="E5471" t="s">
        <v>32</v>
      </c>
      <c r="F5471" t="s">
        <v>10</v>
      </c>
      <c r="G5471" t="s">
        <v>17</v>
      </c>
      <c r="H5471" t="s">
        <v>191</v>
      </c>
      <c r="I5471">
        <v>129.91999999999999</v>
      </c>
      <c r="J5471">
        <v>4</v>
      </c>
      <c r="K5471">
        <v>5.2</v>
      </c>
    </row>
    <row r="5472" spans="1:11" x14ac:dyDescent="0.3">
      <c r="A5472" s="1">
        <v>42617</v>
      </c>
      <c r="B5472" s="3">
        <f t="shared" si="170"/>
        <v>9</v>
      </c>
      <c r="C5472" s="3">
        <f t="shared" si="171"/>
        <v>2016</v>
      </c>
      <c r="D5472" t="s">
        <v>860</v>
      </c>
      <c r="E5472" t="s">
        <v>32</v>
      </c>
      <c r="F5472" t="s">
        <v>10</v>
      </c>
      <c r="G5472" t="s">
        <v>23</v>
      </c>
      <c r="H5472" t="s">
        <v>840</v>
      </c>
      <c r="I5472">
        <v>5.28</v>
      </c>
      <c r="J5472">
        <v>3</v>
      </c>
      <c r="K5472">
        <v>2.5299999999999998</v>
      </c>
    </row>
    <row r="5473" spans="1:11" x14ac:dyDescent="0.3">
      <c r="A5473" s="1">
        <v>42617</v>
      </c>
      <c r="B5473" s="3">
        <f t="shared" si="170"/>
        <v>9</v>
      </c>
      <c r="C5473" s="3">
        <f t="shared" si="171"/>
        <v>2016</v>
      </c>
      <c r="D5473" t="s">
        <v>467</v>
      </c>
      <c r="E5473" t="s">
        <v>314</v>
      </c>
      <c r="F5473" t="s">
        <v>10</v>
      </c>
      <c r="G5473" t="s">
        <v>17</v>
      </c>
      <c r="H5473" t="s">
        <v>307</v>
      </c>
      <c r="I5473">
        <v>535.41</v>
      </c>
      <c r="J5473">
        <v>3</v>
      </c>
      <c r="K5473">
        <v>160.62</v>
      </c>
    </row>
    <row r="5474" spans="1:11" x14ac:dyDescent="0.3">
      <c r="A5474" s="1">
        <v>42617</v>
      </c>
      <c r="B5474" s="3">
        <f t="shared" si="170"/>
        <v>9</v>
      </c>
      <c r="C5474" s="3">
        <f t="shared" si="171"/>
        <v>2016</v>
      </c>
      <c r="D5474" t="s">
        <v>21</v>
      </c>
      <c r="E5474" t="s">
        <v>185</v>
      </c>
      <c r="F5474" t="s">
        <v>10</v>
      </c>
      <c r="G5474" t="s">
        <v>62</v>
      </c>
      <c r="H5474" t="s">
        <v>63</v>
      </c>
      <c r="I5474">
        <v>16.559999999999999</v>
      </c>
      <c r="J5474">
        <v>2</v>
      </c>
      <c r="K5474">
        <v>7.78</v>
      </c>
    </row>
    <row r="5475" spans="1:11" x14ac:dyDescent="0.3">
      <c r="A5475" s="1">
        <v>42617</v>
      </c>
      <c r="B5475" s="3">
        <f t="shared" si="170"/>
        <v>9</v>
      </c>
      <c r="C5475" s="3">
        <f t="shared" si="171"/>
        <v>2016</v>
      </c>
      <c r="D5475" t="s">
        <v>21</v>
      </c>
      <c r="E5475" t="s">
        <v>185</v>
      </c>
      <c r="F5475" t="s">
        <v>38</v>
      </c>
      <c r="G5475" t="s">
        <v>51</v>
      </c>
      <c r="H5475" t="s">
        <v>635</v>
      </c>
      <c r="I5475">
        <v>279.95</v>
      </c>
      <c r="J5475">
        <v>5</v>
      </c>
      <c r="K5475">
        <v>67.19</v>
      </c>
    </row>
    <row r="5476" spans="1:11" x14ac:dyDescent="0.3">
      <c r="A5476" s="1">
        <v>42617</v>
      </c>
      <c r="B5476" s="3">
        <f t="shared" si="170"/>
        <v>9</v>
      </c>
      <c r="C5476" s="3">
        <f t="shared" si="171"/>
        <v>2016</v>
      </c>
      <c r="D5476" t="s">
        <v>1144</v>
      </c>
      <c r="E5476" t="s">
        <v>100</v>
      </c>
      <c r="F5476" t="s">
        <v>10</v>
      </c>
      <c r="G5476" t="s">
        <v>11</v>
      </c>
      <c r="H5476" t="s">
        <v>2185</v>
      </c>
      <c r="I5476">
        <v>239.5</v>
      </c>
      <c r="J5476">
        <v>5</v>
      </c>
      <c r="K5476">
        <v>114.96</v>
      </c>
    </row>
    <row r="5477" spans="1:11" x14ac:dyDescent="0.3">
      <c r="A5477" s="1">
        <v>42617</v>
      </c>
      <c r="B5477" s="3">
        <f t="shared" si="170"/>
        <v>9</v>
      </c>
      <c r="C5477" s="3">
        <f t="shared" si="171"/>
        <v>2016</v>
      </c>
      <c r="D5477" t="s">
        <v>124</v>
      </c>
      <c r="E5477" t="s">
        <v>26</v>
      </c>
      <c r="F5477" t="s">
        <v>33</v>
      </c>
      <c r="G5477" t="s">
        <v>46</v>
      </c>
      <c r="H5477" t="s">
        <v>2593</v>
      </c>
      <c r="I5477">
        <v>24.27</v>
      </c>
      <c r="J5477">
        <v>3</v>
      </c>
      <c r="K5477">
        <v>8.74</v>
      </c>
    </row>
    <row r="5478" spans="1:11" x14ac:dyDescent="0.3">
      <c r="A5478" s="1">
        <v>42617</v>
      </c>
      <c r="B5478" s="3">
        <f t="shared" si="170"/>
        <v>9</v>
      </c>
      <c r="C5478" s="3">
        <f t="shared" si="171"/>
        <v>2016</v>
      </c>
      <c r="D5478" t="s">
        <v>124</v>
      </c>
      <c r="E5478" t="s">
        <v>26</v>
      </c>
      <c r="F5478" t="s">
        <v>38</v>
      </c>
      <c r="G5478" t="s">
        <v>602</v>
      </c>
      <c r="H5478" t="s">
        <v>1937</v>
      </c>
      <c r="I5478">
        <v>2799.96</v>
      </c>
      <c r="J5478">
        <v>5</v>
      </c>
      <c r="K5478">
        <v>944.99</v>
      </c>
    </row>
    <row r="5479" spans="1:11" x14ac:dyDescent="0.3">
      <c r="A5479" s="1">
        <v>42618</v>
      </c>
      <c r="B5479" s="3">
        <f t="shared" si="170"/>
        <v>9</v>
      </c>
      <c r="C5479" s="3">
        <f t="shared" si="171"/>
        <v>2016</v>
      </c>
      <c r="D5479" t="s">
        <v>386</v>
      </c>
      <c r="E5479" t="s">
        <v>22</v>
      </c>
      <c r="F5479" t="s">
        <v>33</v>
      </c>
      <c r="G5479" t="s">
        <v>46</v>
      </c>
      <c r="H5479" t="s">
        <v>2152</v>
      </c>
      <c r="I5479">
        <v>82.8</v>
      </c>
      <c r="J5479">
        <v>2</v>
      </c>
      <c r="K5479">
        <v>10.35</v>
      </c>
    </row>
    <row r="5480" spans="1:11" x14ac:dyDescent="0.3">
      <c r="A5480" s="1">
        <v>42618</v>
      </c>
      <c r="B5480" s="3">
        <f t="shared" si="170"/>
        <v>9</v>
      </c>
      <c r="C5480" s="3">
        <f t="shared" si="171"/>
        <v>2016</v>
      </c>
      <c r="D5480" t="s">
        <v>1592</v>
      </c>
      <c r="E5480" t="s">
        <v>109</v>
      </c>
      <c r="F5480" t="s">
        <v>33</v>
      </c>
      <c r="G5480" t="s">
        <v>46</v>
      </c>
      <c r="H5480" t="s">
        <v>765</v>
      </c>
      <c r="I5480">
        <v>12.22</v>
      </c>
      <c r="J5480">
        <v>1</v>
      </c>
      <c r="K5480">
        <v>3.67</v>
      </c>
    </row>
    <row r="5481" spans="1:11" x14ac:dyDescent="0.3">
      <c r="A5481" s="1">
        <v>42618</v>
      </c>
      <c r="B5481" s="3">
        <f t="shared" si="170"/>
        <v>9</v>
      </c>
      <c r="C5481" s="3">
        <f t="shared" si="171"/>
        <v>2016</v>
      </c>
      <c r="D5481" t="s">
        <v>1592</v>
      </c>
      <c r="E5481" t="s">
        <v>109</v>
      </c>
      <c r="F5481" t="s">
        <v>10</v>
      </c>
      <c r="G5481" t="s">
        <v>17</v>
      </c>
      <c r="H5481" t="s">
        <v>2358</v>
      </c>
      <c r="I5481">
        <v>194.94</v>
      </c>
      <c r="J5481">
        <v>3</v>
      </c>
      <c r="K5481">
        <v>23.39</v>
      </c>
    </row>
    <row r="5482" spans="1:11" x14ac:dyDescent="0.3">
      <c r="A5482" s="1">
        <v>42618</v>
      </c>
      <c r="B5482" s="3">
        <f t="shared" si="170"/>
        <v>9</v>
      </c>
      <c r="C5482" s="3">
        <f t="shared" si="171"/>
        <v>2016</v>
      </c>
      <c r="D5482" t="s">
        <v>1592</v>
      </c>
      <c r="E5482" t="s">
        <v>109</v>
      </c>
      <c r="F5482" t="s">
        <v>10</v>
      </c>
      <c r="G5482" t="s">
        <v>17</v>
      </c>
      <c r="H5482" t="s">
        <v>1000</v>
      </c>
      <c r="I5482">
        <v>70.95</v>
      </c>
      <c r="J5482">
        <v>3</v>
      </c>
      <c r="K5482">
        <v>20.58</v>
      </c>
    </row>
    <row r="5483" spans="1:11" x14ac:dyDescent="0.3">
      <c r="A5483" s="1">
        <v>42618</v>
      </c>
      <c r="B5483" s="3">
        <f t="shared" si="170"/>
        <v>9</v>
      </c>
      <c r="C5483" s="3">
        <f t="shared" si="171"/>
        <v>2016</v>
      </c>
      <c r="D5483" t="s">
        <v>1592</v>
      </c>
      <c r="E5483" t="s">
        <v>109</v>
      </c>
      <c r="F5483" t="s">
        <v>10</v>
      </c>
      <c r="G5483" t="s">
        <v>11</v>
      </c>
      <c r="H5483" t="s">
        <v>1772</v>
      </c>
      <c r="I5483">
        <v>91.36</v>
      </c>
      <c r="J5483">
        <v>4</v>
      </c>
      <c r="K5483">
        <v>42.03</v>
      </c>
    </row>
    <row r="5484" spans="1:11" x14ac:dyDescent="0.3">
      <c r="A5484" s="1">
        <v>42618</v>
      </c>
      <c r="B5484" s="3">
        <f t="shared" si="170"/>
        <v>9</v>
      </c>
      <c r="C5484" s="3">
        <f t="shared" si="171"/>
        <v>2016</v>
      </c>
      <c r="D5484" t="s">
        <v>1592</v>
      </c>
      <c r="E5484" t="s">
        <v>109</v>
      </c>
      <c r="F5484" t="s">
        <v>33</v>
      </c>
      <c r="G5484" t="s">
        <v>34</v>
      </c>
      <c r="H5484" t="s">
        <v>963</v>
      </c>
      <c r="I5484">
        <v>242.94</v>
      </c>
      <c r="J5484">
        <v>3</v>
      </c>
      <c r="K5484">
        <v>29.15</v>
      </c>
    </row>
    <row r="5485" spans="1:11" x14ac:dyDescent="0.3">
      <c r="A5485" s="1">
        <v>42618</v>
      </c>
      <c r="B5485" s="3">
        <f t="shared" si="170"/>
        <v>9</v>
      </c>
      <c r="C5485" s="3">
        <f t="shared" si="171"/>
        <v>2016</v>
      </c>
      <c r="D5485" t="s">
        <v>1592</v>
      </c>
      <c r="E5485" t="s">
        <v>109</v>
      </c>
      <c r="F5485" t="s">
        <v>10</v>
      </c>
      <c r="G5485" t="s">
        <v>15</v>
      </c>
      <c r="H5485" t="s">
        <v>1701</v>
      </c>
      <c r="I5485">
        <v>22.05</v>
      </c>
      <c r="J5485">
        <v>7</v>
      </c>
      <c r="K5485">
        <v>10.58</v>
      </c>
    </row>
    <row r="5486" spans="1:11" x14ac:dyDescent="0.3">
      <c r="A5486" s="1">
        <v>42618</v>
      </c>
      <c r="B5486" s="3">
        <f t="shared" si="170"/>
        <v>9</v>
      </c>
      <c r="C5486" s="3">
        <f t="shared" si="171"/>
        <v>2016</v>
      </c>
      <c r="D5486" t="s">
        <v>1726</v>
      </c>
      <c r="E5486" t="s">
        <v>394</v>
      </c>
      <c r="F5486" t="s">
        <v>38</v>
      </c>
      <c r="G5486" t="s">
        <v>39</v>
      </c>
      <c r="H5486" t="s">
        <v>744</v>
      </c>
      <c r="I5486">
        <v>278.39999999999998</v>
      </c>
      <c r="J5486">
        <v>3</v>
      </c>
      <c r="K5486">
        <v>80.739999999999995</v>
      </c>
    </row>
    <row r="5487" spans="1:11" x14ac:dyDescent="0.3">
      <c r="A5487" s="1">
        <v>42618</v>
      </c>
      <c r="B5487" s="3">
        <f t="shared" si="170"/>
        <v>9</v>
      </c>
      <c r="C5487" s="3">
        <f t="shared" si="171"/>
        <v>2016</v>
      </c>
      <c r="D5487" t="s">
        <v>2173</v>
      </c>
      <c r="E5487" t="s">
        <v>1282</v>
      </c>
      <c r="F5487" t="s">
        <v>10</v>
      </c>
      <c r="G5487" t="s">
        <v>23</v>
      </c>
      <c r="H5487" t="s">
        <v>2054</v>
      </c>
      <c r="I5487">
        <v>107.94</v>
      </c>
      <c r="J5487">
        <v>3</v>
      </c>
      <c r="K5487">
        <v>26.99</v>
      </c>
    </row>
    <row r="5488" spans="1:11" x14ac:dyDescent="0.3">
      <c r="A5488" s="1">
        <v>42618</v>
      </c>
      <c r="B5488" s="3">
        <f t="shared" si="170"/>
        <v>9</v>
      </c>
      <c r="C5488" s="3">
        <f t="shared" si="171"/>
        <v>2016</v>
      </c>
      <c r="D5488" t="s">
        <v>890</v>
      </c>
      <c r="E5488" t="s">
        <v>9</v>
      </c>
      <c r="F5488" t="s">
        <v>33</v>
      </c>
      <c r="G5488" t="s">
        <v>34</v>
      </c>
      <c r="H5488" t="s">
        <v>792</v>
      </c>
      <c r="I5488">
        <v>347.8</v>
      </c>
      <c r="J5488">
        <v>7</v>
      </c>
      <c r="K5488">
        <v>-24.84</v>
      </c>
    </row>
    <row r="5489" spans="1:11" x14ac:dyDescent="0.3">
      <c r="A5489" s="1">
        <v>42618</v>
      </c>
      <c r="B5489" s="3">
        <f t="shared" si="170"/>
        <v>9</v>
      </c>
      <c r="C5489" s="3">
        <f t="shared" si="171"/>
        <v>2016</v>
      </c>
      <c r="D5489" t="s">
        <v>196</v>
      </c>
      <c r="E5489" t="s">
        <v>26</v>
      </c>
      <c r="F5489" t="s">
        <v>38</v>
      </c>
      <c r="G5489" t="s">
        <v>51</v>
      </c>
      <c r="H5489" t="s">
        <v>1659</v>
      </c>
      <c r="I5489">
        <v>116</v>
      </c>
      <c r="J5489">
        <v>8</v>
      </c>
      <c r="K5489">
        <v>29</v>
      </c>
    </row>
    <row r="5490" spans="1:11" x14ac:dyDescent="0.3">
      <c r="A5490" s="1">
        <v>42618</v>
      </c>
      <c r="B5490" s="3">
        <f t="shared" si="170"/>
        <v>9</v>
      </c>
      <c r="C5490" s="3">
        <f t="shared" si="171"/>
        <v>2016</v>
      </c>
      <c r="D5490" t="s">
        <v>147</v>
      </c>
      <c r="E5490" t="s">
        <v>22</v>
      </c>
      <c r="F5490" t="s">
        <v>10</v>
      </c>
      <c r="G5490" t="s">
        <v>19</v>
      </c>
      <c r="H5490" t="s">
        <v>366</v>
      </c>
      <c r="I5490">
        <v>9.56</v>
      </c>
      <c r="J5490">
        <v>5</v>
      </c>
      <c r="K5490">
        <v>-7.33</v>
      </c>
    </row>
    <row r="5491" spans="1:11" x14ac:dyDescent="0.3">
      <c r="A5491" s="1">
        <v>42618</v>
      </c>
      <c r="B5491" s="3">
        <f t="shared" si="170"/>
        <v>9</v>
      </c>
      <c r="C5491" s="3">
        <f t="shared" si="171"/>
        <v>2016</v>
      </c>
      <c r="D5491" t="s">
        <v>1302</v>
      </c>
      <c r="E5491" t="s">
        <v>119</v>
      </c>
      <c r="F5491" t="s">
        <v>10</v>
      </c>
      <c r="G5491" t="s">
        <v>62</v>
      </c>
      <c r="H5491" t="s">
        <v>63</v>
      </c>
      <c r="I5491">
        <v>23.47</v>
      </c>
      <c r="J5491">
        <v>3</v>
      </c>
      <c r="K5491">
        <v>7.63</v>
      </c>
    </row>
    <row r="5492" spans="1:11" x14ac:dyDescent="0.3">
      <c r="A5492" s="1">
        <v>42618</v>
      </c>
      <c r="B5492" s="3">
        <f t="shared" si="170"/>
        <v>9</v>
      </c>
      <c r="C5492" s="3">
        <f t="shared" si="171"/>
        <v>2016</v>
      </c>
      <c r="D5492" t="s">
        <v>1302</v>
      </c>
      <c r="E5492" t="s">
        <v>119</v>
      </c>
      <c r="F5492" t="s">
        <v>10</v>
      </c>
      <c r="G5492" t="s">
        <v>19</v>
      </c>
      <c r="H5492" t="s">
        <v>361</v>
      </c>
      <c r="I5492">
        <v>86.06</v>
      </c>
      <c r="J5492">
        <v>7</v>
      </c>
      <c r="K5492">
        <v>-63.11</v>
      </c>
    </row>
    <row r="5493" spans="1:11" x14ac:dyDescent="0.3">
      <c r="A5493" s="1">
        <v>42618</v>
      </c>
      <c r="B5493" s="3">
        <f t="shared" si="170"/>
        <v>9</v>
      </c>
      <c r="C5493" s="3">
        <f t="shared" si="171"/>
        <v>2016</v>
      </c>
      <c r="D5493" t="s">
        <v>1302</v>
      </c>
      <c r="E5493" t="s">
        <v>119</v>
      </c>
      <c r="F5493" t="s">
        <v>38</v>
      </c>
      <c r="G5493" t="s">
        <v>39</v>
      </c>
      <c r="H5493" t="s">
        <v>702</v>
      </c>
      <c r="I5493">
        <v>108.78</v>
      </c>
      <c r="J5493">
        <v>2</v>
      </c>
      <c r="K5493">
        <v>6.8</v>
      </c>
    </row>
    <row r="5494" spans="1:11" x14ac:dyDescent="0.3">
      <c r="A5494" s="1">
        <v>42618</v>
      </c>
      <c r="B5494" s="3">
        <f t="shared" si="170"/>
        <v>9</v>
      </c>
      <c r="C5494" s="3">
        <f t="shared" si="171"/>
        <v>2016</v>
      </c>
      <c r="D5494" t="s">
        <v>1302</v>
      </c>
      <c r="E5494" t="s">
        <v>119</v>
      </c>
      <c r="F5494" t="s">
        <v>10</v>
      </c>
      <c r="G5494" t="s">
        <v>11</v>
      </c>
      <c r="H5494" t="s">
        <v>241</v>
      </c>
      <c r="I5494">
        <v>10.27</v>
      </c>
      <c r="J5494">
        <v>3</v>
      </c>
      <c r="K5494">
        <v>3.21</v>
      </c>
    </row>
    <row r="5495" spans="1:11" x14ac:dyDescent="0.3">
      <c r="A5495" s="1">
        <v>42618</v>
      </c>
      <c r="B5495" s="3">
        <f t="shared" si="170"/>
        <v>9</v>
      </c>
      <c r="C5495" s="3">
        <f t="shared" si="171"/>
        <v>2016</v>
      </c>
      <c r="D5495" t="s">
        <v>924</v>
      </c>
      <c r="E5495" t="s">
        <v>9</v>
      </c>
      <c r="F5495" t="s">
        <v>10</v>
      </c>
      <c r="G5495" t="s">
        <v>91</v>
      </c>
      <c r="H5495" t="s">
        <v>2339</v>
      </c>
      <c r="I5495">
        <v>62.79</v>
      </c>
      <c r="J5495">
        <v>3</v>
      </c>
      <c r="K5495">
        <v>-166.39</v>
      </c>
    </row>
    <row r="5496" spans="1:11" x14ac:dyDescent="0.3">
      <c r="A5496" s="1">
        <v>42618</v>
      </c>
      <c r="B5496" s="3">
        <f t="shared" si="170"/>
        <v>9</v>
      </c>
      <c r="C5496" s="3">
        <f t="shared" si="171"/>
        <v>2016</v>
      </c>
      <c r="D5496" t="s">
        <v>924</v>
      </c>
      <c r="E5496" t="s">
        <v>9</v>
      </c>
      <c r="F5496" t="s">
        <v>10</v>
      </c>
      <c r="G5496" t="s">
        <v>42</v>
      </c>
      <c r="H5496" t="s">
        <v>1507</v>
      </c>
      <c r="I5496">
        <v>28.44</v>
      </c>
      <c r="J5496">
        <v>9</v>
      </c>
      <c r="K5496">
        <v>4.2699999999999996</v>
      </c>
    </row>
    <row r="5497" spans="1:11" x14ac:dyDescent="0.3">
      <c r="A5497" s="1">
        <v>42618</v>
      </c>
      <c r="B5497" s="3">
        <f t="shared" si="170"/>
        <v>9</v>
      </c>
      <c r="C5497" s="3">
        <f t="shared" si="171"/>
        <v>2016</v>
      </c>
      <c r="D5497" t="s">
        <v>1101</v>
      </c>
      <c r="E5497" t="s">
        <v>26</v>
      </c>
      <c r="F5497" t="s">
        <v>10</v>
      </c>
      <c r="G5497" t="s">
        <v>11</v>
      </c>
      <c r="H5497" t="s">
        <v>2594</v>
      </c>
      <c r="I5497">
        <v>96.08</v>
      </c>
      <c r="J5497">
        <v>2</v>
      </c>
      <c r="K5497">
        <v>46.12</v>
      </c>
    </row>
    <row r="5498" spans="1:11" x14ac:dyDescent="0.3">
      <c r="A5498" s="1">
        <v>42618</v>
      </c>
      <c r="B5498" s="3">
        <f t="shared" si="170"/>
        <v>9</v>
      </c>
      <c r="C5498" s="3">
        <f t="shared" si="171"/>
        <v>2016</v>
      </c>
      <c r="D5498" t="s">
        <v>1101</v>
      </c>
      <c r="E5498" t="s">
        <v>26</v>
      </c>
      <c r="F5498" t="s">
        <v>10</v>
      </c>
      <c r="G5498" t="s">
        <v>19</v>
      </c>
      <c r="H5498" t="s">
        <v>1224</v>
      </c>
      <c r="I5498">
        <v>11.68</v>
      </c>
      <c r="J5498">
        <v>2</v>
      </c>
      <c r="K5498">
        <v>3.94</v>
      </c>
    </row>
    <row r="5499" spans="1:11" x14ac:dyDescent="0.3">
      <c r="A5499" s="1">
        <v>42618</v>
      </c>
      <c r="B5499" s="3">
        <f t="shared" si="170"/>
        <v>9</v>
      </c>
      <c r="C5499" s="3">
        <f t="shared" si="171"/>
        <v>2016</v>
      </c>
      <c r="D5499" t="s">
        <v>1101</v>
      </c>
      <c r="E5499" t="s">
        <v>26</v>
      </c>
      <c r="F5499" t="s">
        <v>10</v>
      </c>
      <c r="G5499" t="s">
        <v>42</v>
      </c>
      <c r="H5499" t="s">
        <v>961</v>
      </c>
      <c r="I5499">
        <v>4.3600000000000003</v>
      </c>
      <c r="J5499">
        <v>2</v>
      </c>
      <c r="K5499">
        <v>1.79</v>
      </c>
    </row>
    <row r="5500" spans="1:11" x14ac:dyDescent="0.3">
      <c r="A5500" s="1">
        <v>42618</v>
      </c>
      <c r="B5500" s="3">
        <f t="shared" si="170"/>
        <v>9</v>
      </c>
      <c r="C5500" s="3">
        <f t="shared" si="171"/>
        <v>2016</v>
      </c>
      <c r="D5500" t="s">
        <v>911</v>
      </c>
      <c r="E5500" t="s">
        <v>9</v>
      </c>
      <c r="F5500" t="s">
        <v>10</v>
      </c>
      <c r="G5500" t="s">
        <v>11</v>
      </c>
      <c r="H5500" t="s">
        <v>2113</v>
      </c>
      <c r="I5500">
        <v>25.92</v>
      </c>
      <c r="J5500">
        <v>5</v>
      </c>
      <c r="K5500">
        <v>9.07</v>
      </c>
    </row>
    <row r="5501" spans="1:11" x14ac:dyDescent="0.3">
      <c r="A5501" s="1">
        <v>42618</v>
      </c>
      <c r="B5501" s="3">
        <f t="shared" si="170"/>
        <v>9</v>
      </c>
      <c r="C5501" s="3">
        <f t="shared" si="171"/>
        <v>2016</v>
      </c>
      <c r="D5501" t="s">
        <v>911</v>
      </c>
      <c r="E5501" t="s">
        <v>9</v>
      </c>
      <c r="F5501" t="s">
        <v>10</v>
      </c>
      <c r="G5501" t="s">
        <v>42</v>
      </c>
      <c r="H5501" t="s">
        <v>159</v>
      </c>
      <c r="I5501">
        <v>15.81</v>
      </c>
      <c r="J5501">
        <v>8</v>
      </c>
      <c r="K5501">
        <v>5.34</v>
      </c>
    </row>
    <row r="5502" spans="1:11" x14ac:dyDescent="0.3">
      <c r="A5502" s="1">
        <v>42618</v>
      </c>
      <c r="B5502" s="3">
        <f t="shared" si="170"/>
        <v>9</v>
      </c>
      <c r="C5502" s="3">
        <f t="shared" si="171"/>
        <v>2016</v>
      </c>
      <c r="D5502" t="s">
        <v>911</v>
      </c>
      <c r="E5502" t="s">
        <v>9</v>
      </c>
      <c r="F5502" t="s">
        <v>10</v>
      </c>
      <c r="G5502" t="s">
        <v>11</v>
      </c>
      <c r="H5502" t="s">
        <v>2393</v>
      </c>
      <c r="I5502">
        <v>10.37</v>
      </c>
      <c r="J5502">
        <v>2</v>
      </c>
      <c r="K5502">
        <v>3.76</v>
      </c>
    </row>
    <row r="5503" spans="1:11" x14ac:dyDescent="0.3">
      <c r="A5503" s="1">
        <v>42618</v>
      </c>
      <c r="B5503" s="3">
        <f t="shared" si="170"/>
        <v>9</v>
      </c>
      <c r="C5503" s="3">
        <f t="shared" si="171"/>
        <v>2016</v>
      </c>
      <c r="D5503" t="s">
        <v>106</v>
      </c>
      <c r="E5503" t="s">
        <v>148</v>
      </c>
      <c r="F5503" t="s">
        <v>10</v>
      </c>
      <c r="G5503" t="s">
        <v>11</v>
      </c>
      <c r="H5503" t="s">
        <v>1696</v>
      </c>
      <c r="I5503">
        <v>192.16</v>
      </c>
      <c r="J5503">
        <v>4</v>
      </c>
      <c r="K5503">
        <v>92.24</v>
      </c>
    </row>
    <row r="5504" spans="1:11" x14ac:dyDescent="0.3">
      <c r="A5504" s="1">
        <v>42618</v>
      </c>
      <c r="B5504" s="3">
        <f t="shared" si="170"/>
        <v>9</v>
      </c>
      <c r="C5504" s="3">
        <f t="shared" si="171"/>
        <v>2016</v>
      </c>
      <c r="D5504" t="s">
        <v>1278</v>
      </c>
      <c r="E5504" t="s">
        <v>9</v>
      </c>
      <c r="F5504" t="s">
        <v>10</v>
      </c>
      <c r="G5504" t="s">
        <v>17</v>
      </c>
      <c r="H5504" t="s">
        <v>1481</v>
      </c>
      <c r="I5504">
        <v>93.46</v>
      </c>
      <c r="J5504">
        <v>3</v>
      </c>
      <c r="K5504">
        <v>-17.52</v>
      </c>
    </row>
    <row r="5505" spans="1:11" x14ac:dyDescent="0.3">
      <c r="A5505" s="1">
        <v>42618</v>
      </c>
      <c r="B5505" s="3">
        <f t="shared" si="170"/>
        <v>9</v>
      </c>
      <c r="C5505" s="3">
        <f t="shared" si="171"/>
        <v>2016</v>
      </c>
      <c r="D5505" t="s">
        <v>76</v>
      </c>
      <c r="E5505" t="s">
        <v>54</v>
      </c>
      <c r="F5505" t="s">
        <v>10</v>
      </c>
      <c r="G5505" t="s">
        <v>15</v>
      </c>
      <c r="H5505" t="s">
        <v>2180</v>
      </c>
      <c r="I5505">
        <v>25.06</v>
      </c>
      <c r="J5505">
        <v>2</v>
      </c>
      <c r="K5505">
        <v>11.78</v>
      </c>
    </row>
    <row r="5506" spans="1:11" x14ac:dyDescent="0.3">
      <c r="A5506" s="1">
        <v>42618</v>
      </c>
      <c r="B5506" s="3">
        <f t="shared" ref="B5506:B5569" si="172">MONTH(A:A)</f>
        <v>9</v>
      </c>
      <c r="C5506" s="3">
        <f t="shared" ref="C5506:C5569" si="173">YEAR(A:A)</f>
        <v>2016</v>
      </c>
      <c r="D5506" t="s">
        <v>76</v>
      </c>
      <c r="E5506" t="s">
        <v>54</v>
      </c>
      <c r="F5506" t="s">
        <v>33</v>
      </c>
      <c r="G5506" t="s">
        <v>144</v>
      </c>
      <c r="H5506" t="s">
        <v>782</v>
      </c>
      <c r="I5506">
        <v>1652.94</v>
      </c>
      <c r="J5506">
        <v>3</v>
      </c>
      <c r="K5506">
        <v>314.06</v>
      </c>
    </row>
    <row r="5507" spans="1:11" x14ac:dyDescent="0.3">
      <c r="A5507" s="1">
        <v>42618</v>
      </c>
      <c r="B5507" s="3">
        <f t="shared" si="172"/>
        <v>9</v>
      </c>
      <c r="C5507" s="3">
        <f t="shared" si="173"/>
        <v>2016</v>
      </c>
      <c r="D5507" t="s">
        <v>2380</v>
      </c>
      <c r="E5507" t="s">
        <v>14</v>
      </c>
      <c r="F5507" t="s">
        <v>10</v>
      </c>
      <c r="G5507" t="s">
        <v>11</v>
      </c>
      <c r="H5507" t="s">
        <v>2294</v>
      </c>
      <c r="I5507">
        <v>9.25</v>
      </c>
      <c r="J5507">
        <v>2</v>
      </c>
      <c r="K5507">
        <v>3.35</v>
      </c>
    </row>
    <row r="5508" spans="1:11" x14ac:dyDescent="0.3">
      <c r="A5508" s="1">
        <v>42618</v>
      </c>
      <c r="B5508" s="3">
        <f t="shared" si="172"/>
        <v>9</v>
      </c>
      <c r="C5508" s="3">
        <f t="shared" si="173"/>
        <v>2016</v>
      </c>
      <c r="D5508" t="s">
        <v>1570</v>
      </c>
      <c r="E5508" t="s">
        <v>77</v>
      </c>
      <c r="F5508" t="s">
        <v>10</v>
      </c>
      <c r="G5508" t="s">
        <v>19</v>
      </c>
      <c r="H5508" t="s">
        <v>1824</v>
      </c>
      <c r="I5508">
        <v>8.9499999999999993</v>
      </c>
      <c r="J5508">
        <v>2</v>
      </c>
      <c r="K5508">
        <v>-7.46</v>
      </c>
    </row>
    <row r="5509" spans="1:11" x14ac:dyDescent="0.3">
      <c r="A5509" s="1">
        <v>42618</v>
      </c>
      <c r="B5509" s="3">
        <f t="shared" si="172"/>
        <v>9</v>
      </c>
      <c r="C5509" s="3">
        <f t="shared" si="173"/>
        <v>2016</v>
      </c>
      <c r="D5509" t="s">
        <v>1570</v>
      </c>
      <c r="E5509" t="s">
        <v>77</v>
      </c>
      <c r="F5509" t="s">
        <v>10</v>
      </c>
      <c r="G5509" t="s">
        <v>19</v>
      </c>
      <c r="H5509" t="s">
        <v>1649</v>
      </c>
      <c r="I5509">
        <v>8.86</v>
      </c>
      <c r="J5509">
        <v>6</v>
      </c>
      <c r="K5509">
        <v>-6.49</v>
      </c>
    </row>
    <row r="5510" spans="1:11" x14ac:dyDescent="0.3">
      <c r="A5510" s="1">
        <v>42618</v>
      </c>
      <c r="B5510" s="3">
        <f t="shared" si="172"/>
        <v>9</v>
      </c>
      <c r="C5510" s="3">
        <f t="shared" si="173"/>
        <v>2016</v>
      </c>
      <c r="D5510" t="s">
        <v>1570</v>
      </c>
      <c r="E5510" t="s">
        <v>77</v>
      </c>
      <c r="F5510" t="s">
        <v>33</v>
      </c>
      <c r="G5510" t="s">
        <v>34</v>
      </c>
      <c r="H5510" t="s">
        <v>264</v>
      </c>
      <c r="I5510">
        <v>85.25</v>
      </c>
      <c r="J5510">
        <v>2</v>
      </c>
      <c r="K5510">
        <v>-1.22</v>
      </c>
    </row>
    <row r="5511" spans="1:11" x14ac:dyDescent="0.3">
      <c r="A5511" s="1">
        <v>42618</v>
      </c>
      <c r="B5511" s="3">
        <f t="shared" si="172"/>
        <v>9</v>
      </c>
      <c r="C5511" s="3">
        <f t="shared" si="173"/>
        <v>2016</v>
      </c>
      <c r="D5511" t="s">
        <v>1740</v>
      </c>
      <c r="E5511" t="s">
        <v>9</v>
      </c>
      <c r="F5511" t="s">
        <v>33</v>
      </c>
      <c r="G5511" t="s">
        <v>46</v>
      </c>
      <c r="H5511" t="s">
        <v>1317</v>
      </c>
      <c r="I5511">
        <v>21.2</v>
      </c>
      <c r="J5511">
        <v>3</v>
      </c>
      <c r="K5511">
        <v>-11.66</v>
      </c>
    </row>
    <row r="5512" spans="1:11" x14ac:dyDescent="0.3">
      <c r="A5512" s="1">
        <v>42618</v>
      </c>
      <c r="B5512" s="3">
        <f t="shared" si="172"/>
        <v>9</v>
      </c>
      <c r="C5512" s="3">
        <f t="shared" si="173"/>
        <v>2016</v>
      </c>
      <c r="D5512" t="s">
        <v>1967</v>
      </c>
      <c r="E5512" t="s">
        <v>22</v>
      </c>
      <c r="F5512" t="s">
        <v>33</v>
      </c>
      <c r="G5512" t="s">
        <v>46</v>
      </c>
      <c r="H5512" t="s">
        <v>2593</v>
      </c>
      <c r="I5512">
        <v>58.25</v>
      </c>
      <c r="J5512">
        <v>9</v>
      </c>
      <c r="K5512">
        <v>11.65</v>
      </c>
    </row>
    <row r="5513" spans="1:11" x14ac:dyDescent="0.3">
      <c r="A5513" s="1">
        <v>42618</v>
      </c>
      <c r="B5513" s="3">
        <f t="shared" si="172"/>
        <v>9</v>
      </c>
      <c r="C5513" s="3">
        <f t="shared" si="173"/>
        <v>2016</v>
      </c>
      <c r="D5513" t="s">
        <v>1967</v>
      </c>
      <c r="E5513" t="s">
        <v>22</v>
      </c>
      <c r="F5513" t="s">
        <v>33</v>
      </c>
      <c r="G5513" t="s">
        <v>34</v>
      </c>
      <c r="H5513" t="s">
        <v>2595</v>
      </c>
      <c r="I5513">
        <v>71.25</v>
      </c>
      <c r="J5513">
        <v>2</v>
      </c>
      <c r="K5513">
        <v>-19.34</v>
      </c>
    </row>
    <row r="5514" spans="1:11" x14ac:dyDescent="0.3">
      <c r="A5514" s="1">
        <v>42618</v>
      </c>
      <c r="B5514" s="3">
        <f t="shared" si="172"/>
        <v>9</v>
      </c>
      <c r="C5514" s="3">
        <f t="shared" si="173"/>
        <v>2016</v>
      </c>
      <c r="D5514" t="s">
        <v>1967</v>
      </c>
      <c r="E5514" t="s">
        <v>22</v>
      </c>
      <c r="F5514" t="s">
        <v>10</v>
      </c>
      <c r="G5514" t="s">
        <v>23</v>
      </c>
      <c r="H5514" t="s">
        <v>1057</v>
      </c>
      <c r="I5514">
        <v>7.87</v>
      </c>
      <c r="J5514">
        <v>3</v>
      </c>
      <c r="K5514">
        <v>0.59</v>
      </c>
    </row>
    <row r="5515" spans="1:11" x14ac:dyDescent="0.3">
      <c r="A5515" s="1">
        <v>42618</v>
      </c>
      <c r="B5515" s="3">
        <f t="shared" si="172"/>
        <v>9</v>
      </c>
      <c r="C5515" s="3">
        <f t="shared" si="173"/>
        <v>2016</v>
      </c>
      <c r="D5515" t="s">
        <v>1967</v>
      </c>
      <c r="E5515" t="s">
        <v>22</v>
      </c>
      <c r="F5515" t="s">
        <v>33</v>
      </c>
      <c r="G5515" t="s">
        <v>34</v>
      </c>
      <c r="H5515" t="s">
        <v>2044</v>
      </c>
      <c r="I5515">
        <v>887.27</v>
      </c>
      <c r="J5515">
        <v>3</v>
      </c>
      <c r="K5515">
        <v>-63.38</v>
      </c>
    </row>
    <row r="5516" spans="1:11" x14ac:dyDescent="0.3">
      <c r="A5516" s="1">
        <v>42618</v>
      </c>
      <c r="B5516" s="3">
        <f t="shared" si="172"/>
        <v>9</v>
      </c>
      <c r="C5516" s="3">
        <f t="shared" si="173"/>
        <v>2016</v>
      </c>
      <c r="D5516" t="s">
        <v>1970</v>
      </c>
      <c r="E5516" t="s">
        <v>148</v>
      </c>
      <c r="F5516" t="s">
        <v>38</v>
      </c>
      <c r="G5516" t="s">
        <v>39</v>
      </c>
      <c r="H5516" t="s">
        <v>641</v>
      </c>
      <c r="I5516">
        <v>43.6</v>
      </c>
      <c r="J5516">
        <v>4</v>
      </c>
      <c r="K5516">
        <v>12.21</v>
      </c>
    </row>
    <row r="5517" spans="1:11" x14ac:dyDescent="0.3">
      <c r="A5517" s="1">
        <v>42619</v>
      </c>
      <c r="B5517" s="3">
        <f t="shared" si="172"/>
        <v>9</v>
      </c>
      <c r="C5517" s="3">
        <f t="shared" si="173"/>
        <v>2016</v>
      </c>
      <c r="D5517" t="s">
        <v>2406</v>
      </c>
      <c r="E5517" t="s">
        <v>314</v>
      </c>
      <c r="F5517" t="s">
        <v>10</v>
      </c>
      <c r="G5517" t="s">
        <v>91</v>
      </c>
      <c r="H5517" t="s">
        <v>1348</v>
      </c>
      <c r="I5517">
        <v>77.88</v>
      </c>
      <c r="J5517">
        <v>6</v>
      </c>
      <c r="K5517">
        <v>22.59</v>
      </c>
    </row>
    <row r="5518" spans="1:11" x14ac:dyDescent="0.3">
      <c r="A5518" s="1">
        <v>42619</v>
      </c>
      <c r="B5518" s="3">
        <f t="shared" si="172"/>
        <v>9</v>
      </c>
      <c r="C5518" s="3">
        <f t="shared" si="173"/>
        <v>2016</v>
      </c>
      <c r="D5518" t="s">
        <v>1713</v>
      </c>
      <c r="E5518" t="s">
        <v>148</v>
      </c>
      <c r="F5518" t="s">
        <v>38</v>
      </c>
      <c r="G5518" t="s">
        <v>51</v>
      </c>
      <c r="H5518" t="s">
        <v>2392</v>
      </c>
      <c r="I5518">
        <v>31.86</v>
      </c>
      <c r="J5518">
        <v>2</v>
      </c>
      <c r="K5518">
        <v>11.15</v>
      </c>
    </row>
    <row r="5519" spans="1:11" x14ac:dyDescent="0.3">
      <c r="A5519" s="1">
        <v>42619</v>
      </c>
      <c r="B5519" s="3">
        <f t="shared" si="172"/>
        <v>9</v>
      </c>
      <c r="C5519" s="3">
        <f t="shared" si="173"/>
        <v>2016</v>
      </c>
      <c r="D5519" t="s">
        <v>1713</v>
      </c>
      <c r="E5519" t="s">
        <v>148</v>
      </c>
      <c r="F5519" t="s">
        <v>33</v>
      </c>
      <c r="G5519" t="s">
        <v>73</v>
      </c>
      <c r="H5519" t="s">
        <v>1929</v>
      </c>
      <c r="I5519">
        <v>722.35</v>
      </c>
      <c r="J5519">
        <v>3</v>
      </c>
      <c r="K5519">
        <v>90.29</v>
      </c>
    </row>
    <row r="5520" spans="1:11" x14ac:dyDescent="0.3">
      <c r="A5520" s="1">
        <v>42619</v>
      </c>
      <c r="B5520" s="3">
        <f t="shared" si="172"/>
        <v>9</v>
      </c>
      <c r="C5520" s="3">
        <f t="shared" si="173"/>
        <v>2016</v>
      </c>
      <c r="D5520" t="s">
        <v>1177</v>
      </c>
      <c r="E5520" t="s">
        <v>244</v>
      </c>
      <c r="F5520" t="s">
        <v>10</v>
      </c>
      <c r="G5520" t="s">
        <v>62</v>
      </c>
      <c r="H5520" t="s">
        <v>2263</v>
      </c>
      <c r="I5520">
        <v>95.95</v>
      </c>
      <c r="J5520">
        <v>3</v>
      </c>
      <c r="K5520">
        <v>29.99</v>
      </c>
    </row>
    <row r="5521" spans="1:11" x14ac:dyDescent="0.3">
      <c r="A5521" s="1">
        <v>42619</v>
      </c>
      <c r="B5521" s="3">
        <f t="shared" si="172"/>
        <v>9</v>
      </c>
      <c r="C5521" s="3">
        <f t="shared" si="173"/>
        <v>2016</v>
      </c>
      <c r="D5521" t="s">
        <v>1177</v>
      </c>
      <c r="E5521" t="s">
        <v>244</v>
      </c>
      <c r="F5521" t="s">
        <v>10</v>
      </c>
      <c r="G5521" t="s">
        <v>19</v>
      </c>
      <c r="H5521" t="s">
        <v>202</v>
      </c>
      <c r="I5521">
        <v>3.2</v>
      </c>
      <c r="J5521">
        <v>2</v>
      </c>
      <c r="K5521">
        <v>-2.46</v>
      </c>
    </row>
    <row r="5522" spans="1:11" x14ac:dyDescent="0.3">
      <c r="A5522" s="1">
        <v>42619</v>
      </c>
      <c r="B5522" s="3">
        <f t="shared" si="172"/>
        <v>9</v>
      </c>
      <c r="C5522" s="3">
        <f t="shared" si="173"/>
        <v>2016</v>
      </c>
      <c r="D5522" t="s">
        <v>375</v>
      </c>
      <c r="E5522" t="s">
        <v>9</v>
      </c>
      <c r="F5522" t="s">
        <v>10</v>
      </c>
      <c r="G5522" t="s">
        <v>17</v>
      </c>
      <c r="H5522" t="s">
        <v>2091</v>
      </c>
      <c r="I5522">
        <v>10.78</v>
      </c>
      <c r="J5522">
        <v>1</v>
      </c>
      <c r="K5522">
        <v>0.81</v>
      </c>
    </row>
    <row r="5523" spans="1:11" x14ac:dyDescent="0.3">
      <c r="A5523" s="1">
        <v>42619</v>
      </c>
      <c r="B5523" s="3">
        <f t="shared" si="172"/>
        <v>9</v>
      </c>
      <c r="C5523" s="3">
        <f t="shared" si="173"/>
        <v>2016</v>
      </c>
      <c r="D5523" t="s">
        <v>1637</v>
      </c>
      <c r="E5523" t="s">
        <v>9</v>
      </c>
      <c r="F5523" t="s">
        <v>10</v>
      </c>
      <c r="G5523" t="s">
        <v>11</v>
      </c>
      <c r="H5523" t="s">
        <v>1261</v>
      </c>
      <c r="I5523">
        <v>41.92</v>
      </c>
      <c r="J5523">
        <v>4</v>
      </c>
      <c r="K5523">
        <v>15.2</v>
      </c>
    </row>
    <row r="5524" spans="1:11" x14ac:dyDescent="0.3">
      <c r="A5524" s="1">
        <v>42619</v>
      </c>
      <c r="B5524" s="3">
        <f t="shared" si="172"/>
        <v>9</v>
      </c>
      <c r="C5524" s="3">
        <f t="shared" si="173"/>
        <v>2016</v>
      </c>
      <c r="D5524" t="s">
        <v>1637</v>
      </c>
      <c r="E5524" t="s">
        <v>9</v>
      </c>
      <c r="F5524" t="s">
        <v>38</v>
      </c>
      <c r="G5524" t="s">
        <v>39</v>
      </c>
      <c r="H5524" t="s">
        <v>2596</v>
      </c>
      <c r="I5524">
        <v>329.58</v>
      </c>
      <c r="J5524">
        <v>2</v>
      </c>
      <c r="K5524">
        <v>37.08</v>
      </c>
    </row>
    <row r="5525" spans="1:11" x14ac:dyDescent="0.3">
      <c r="A5525" s="1">
        <v>42621</v>
      </c>
      <c r="B5525" s="3">
        <f t="shared" si="172"/>
        <v>9</v>
      </c>
      <c r="C5525" s="3">
        <f t="shared" si="173"/>
        <v>2016</v>
      </c>
      <c r="D5525" t="s">
        <v>2064</v>
      </c>
      <c r="E5525" t="s">
        <v>9</v>
      </c>
      <c r="F5525" t="s">
        <v>10</v>
      </c>
      <c r="G5525" t="s">
        <v>17</v>
      </c>
      <c r="H5525" t="s">
        <v>2504</v>
      </c>
      <c r="I5525">
        <v>35.950000000000003</v>
      </c>
      <c r="J5525">
        <v>3</v>
      </c>
      <c r="K5525">
        <v>3.6</v>
      </c>
    </row>
    <row r="5526" spans="1:11" x14ac:dyDescent="0.3">
      <c r="A5526" s="1">
        <v>42621</v>
      </c>
      <c r="B5526" s="3">
        <f t="shared" si="172"/>
        <v>9</v>
      </c>
      <c r="C5526" s="3">
        <f t="shared" si="173"/>
        <v>2016</v>
      </c>
      <c r="D5526" t="s">
        <v>2064</v>
      </c>
      <c r="E5526" t="s">
        <v>9</v>
      </c>
      <c r="F5526" t="s">
        <v>33</v>
      </c>
      <c r="G5526" t="s">
        <v>73</v>
      </c>
      <c r="H5526" t="s">
        <v>2246</v>
      </c>
      <c r="I5526">
        <v>2396.27</v>
      </c>
      <c r="J5526">
        <v>4</v>
      </c>
      <c r="K5526">
        <v>-317.14999999999998</v>
      </c>
    </row>
    <row r="5527" spans="1:11" x14ac:dyDescent="0.3">
      <c r="A5527" s="1">
        <v>42621</v>
      </c>
      <c r="B5527" s="3">
        <f t="shared" si="172"/>
        <v>9</v>
      </c>
      <c r="C5527" s="3">
        <f t="shared" si="173"/>
        <v>2016</v>
      </c>
      <c r="D5527" t="s">
        <v>2064</v>
      </c>
      <c r="E5527" t="s">
        <v>9</v>
      </c>
      <c r="F5527" t="s">
        <v>10</v>
      </c>
      <c r="G5527" t="s">
        <v>17</v>
      </c>
      <c r="H5527" t="s">
        <v>271</v>
      </c>
      <c r="I5527">
        <v>131.13999999999999</v>
      </c>
      <c r="J5527">
        <v>4</v>
      </c>
      <c r="K5527">
        <v>-32.78</v>
      </c>
    </row>
    <row r="5528" spans="1:11" x14ac:dyDescent="0.3">
      <c r="A5528" s="1">
        <v>42621</v>
      </c>
      <c r="B5528" s="3">
        <f t="shared" si="172"/>
        <v>9</v>
      </c>
      <c r="C5528" s="3">
        <f t="shared" si="173"/>
        <v>2016</v>
      </c>
      <c r="D5528" t="s">
        <v>2064</v>
      </c>
      <c r="E5528" t="s">
        <v>9</v>
      </c>
      <c r="F5528" t="s">
        <v>38</v>
      </c>
      <c r="G5528" t="s">
        <v>51</v>
      </c>
      <c r="H5528" t="s">
        <v>866</v>
      </c>
      <c r="I5528">
        <v>57.58</v>
      </c>
      <c r="J5528">
        <v>2</v>
      </c>
      <c r="K5528">
        <v>0.72</v>
      </c>
    </row>
    <row r="5529" spans="1:11" x14ac:dyDescent="0.3">
      <c r="A5529" s="1">
        <v>42621</v>
      </c>
      <c r="B5529" s="3">
        <f t="shared" si="172"/>
        <v>9</v>
      </c>
      <c r="C5529" s="3">
        <f t="shared" si="173"/>
        <v>2016</v>
      </c>
      <c r="D5529" t="s">
        <v>491</v>
      </c>
      <c r="E5529" t="s">
        <v>26</v>
      </c>
      <c r="F5529" t="s">
        <v>10</v>
      </c>
      <c r="G5529" t="s">
        <v>19</v>
      </c>
      <c r="H5529" t="s">
        <v>1174</v>
      </c>
      <c r="I5529">
        <v>33.020000000000003</v>
      </c>
      <c r="J5529">
        <v>2</v>
      </c>
      <c r="K5529">
        <v>11.56</v>
      </c>
    </row>
    <row r="5530" spans="1:11" x14ac:dyDescent="0.3">
      <c r="A5530" s="1">
        <v>42621</v>
      </c>
      <c r="B5530" s="3">
        <f t="shared" si="172"/>
        <v>9</v>
      </c>
      <c r="C5530" s="3">
        <f t="shared" si="173"/>
        <v>2016</v>
      </c>
      <c r="D5530" t="s">
        <v>491</v>
      </c>
      <c r="E5530" t="s">
        <v>26</v>
      </c>
      <c r="F5530" t="s">
        <v>10</v>
      </c>
      <c r="G5530" t="s">
        <v>19</v>
      </c>
      <c r="H5530" t="s">
        <v>1122</v>
      </c>
      <c r="I5530">
        <v>67.14</v>
      </c>
      <c r="J5530">
        <v>4</v>
      </c>
      <c r="K5530">
        <v>23.5</v>
      </c>
    </row>
    <row r="5531" spans="1:11" x14ac:dyDescent="0.3">
      <c r="A5531" s="1">
        <v>42621</v>
      </c>
      <c r="B5531" s="3">
        <f t="shared" si="172"/>
        <v>9</v>
      </c>
      <c r="C5531" s="3">
        <f t="shared" si="173"/>
        <v>2016</v>
      </c>
      <c r="D5531" t="s">
        <v>245</v>
      </c>
      <c r="E5531" t="s">
        <v>433</v>
      </c>
      <c r="F5531" t="s">
        <v>33</v>
      </c>
      <c r="G5531" t="s">
        <v>73</v>
      </c>
      <c r="H5531" t="s">
        <v>2388</v>
      </c>
      <c r="I5531">
        <v>173.94</v>
      </c>
      <c r="J5531">
        <v>3</v>
      </c>
      <c r="K5531">
        <v>13.92</v>
      </c>
    </row>
    <row r="5532" spans="1:11" x14ac:dyDescent="0.3">
      <c r="A5532" s="1">
        <v>42621</v>
      </c>
      <c r="B5532" s="3">
        <f t="shared" si="172"/>
        <v>9</v>
      </c>
      <c r="C5532" s="3">
        <f t="shared" si="173"/>
        <v>2016</v>
      </c>
      <c r="D5532" t="s">
        <v>245</v>
      </c>
      <c r="E5532" t="s">
        <v>433</v>
      </c>
      <c r="F5532" t="s">
        <v>10</v>
      </c>
      <c r="G5532" t="s">
        <v>15</v>
      </c>
      <c r="H5532" t="s">
        <v>1703</v>
      </c>
      <c r="I5532">
        <v>14.76</v>
      </c>
      <c r="J5532">
        <v>4</v>
      </c>
      <c r="K5532">
        <v>6.94</v>
      </c>
    </row>
    <row r="5533" spans="1:11" x14ac:dyDescent="0.3">
      <c r="A5533" s="1">
        <v>42621</v>
      </c>
      <c r="B5533" s="3">
        <f t="shared" si="172"/>
        <v>9</v>
      </c>
      <c r="C5533" s="3">
        <f t="shared" si="173"/>
        <v>2016</v>
      </c>
      <c r="D5533" t="s">
        <v>508</v>
      </c>
      <c r="E5533" t="s">
        <v>14</v>
      </c>
      <c r="F5533" t="s">
        <v>33</v>
      </c>
      <c r="G5533" t="s">
        <v>46</v>
      </c>
      <c r="H5533" t="s">
        <v>1317</v>
      </c>
      <c r="I5533">
        <v>14.14</v>
      </c>
      <c r="J5533">
        <v>2</v>
      </c>
      <c r="K5533">
        <v>-7.77</v>
      </c>
    </row>
    <row r="5534" spans="1:11" x14ac:dyDescent="0.3">
      <c r="A5534" s="1">
        <v>42621</v>
      </c>
      <c r="B5534" s="3">
        <f t="shared" si="172"/>
        <v>9</v>
      </c>
      <c r="C5534" s="3">
        <f t="shared" si="173"/>
        <v>2016</v>
      </c>
      <c r="D5534" t="s">
        <v>508</v>
      </c>
      <c r="E5534" t="s">
        <v>14</v>
      </c>
      <c r="F5534" t="s">
        <v>33</v>
      </c>
      <c r="G5534" t="s">
        <v>144</v>
      </c>
      <c r="H5534" t="s">
        <v>1188</v>
      </c>
      <c r="I5534">
        <v>601.47</v>
      </c>
      <c r="J5534">
        <v>3</v>
      </c>
      <c r="K5534">
        <v>-300.74</v>
      </c>
    </row>
    <row r="5535" spans="1:11" x14ac:dyDescent="0.3">
      <c r="A5535" s="1">
        <v>42621</v>
      </c>
      <c r="B5535" s="3">
        <f t="shared" si="172"/>
        <v>9</v>
      </c>
      <c r="C5535" s="3">
        <f t="shared" si="173"/>
        <v>2016</v>
      </c>
      <c r="D5535" t="s">
        <v>219</v>
      </c>
      <c r="E5535" t="s">
        <v>148</v>
      </c>
      <c r="F5535" t="s">
        <v>10</v>
      </c>
      <c r="G5535" t="s">
        <v>91</v>
      </c>
      <c r="H5535" t="s">
        <v>2046</v>
      </c>
      <c r="I5535">
        <v>207.48</v>
      </c>
      <c r="J5535">
        <v>1</v>
      </c>
      <c r="K5535">
        <v>62.24</v>
      </c>
    </row>
    <row r="5536" spans="1:11" x14ac:dyDescent="0.3">
      <c r="A5536" s="1">
        <v>42621</v>
      </c>
      <c r="B5536" s="3">
        <f t="shared" si="172"/>
        <v>9</v>
      </c>
      <c r="C5536" s="3">
        <f t="shared" si="173"/>
        <v>2016</v>
      </c>
      <c r="D5536" t="s">
        <v>451</v>
      </c>
      <c r="E5536" t="s">
        <v>9</v>
      </c>
      <c r="F5536" t="s">
        <v>10</v>
      </c>
      <c r="G5536" t="s">
        <v>23</v>
      </c>
      <c r="H5536" t="s">
        <v>804</v>
      </c>
      <c r="I5536">
        <v>70.37</v>
      </c>
      <c r="J5536">
        <v>2</v>
      </c>
      <c r="K5536">
        <v>6.16</v>
      </c>
    </row>
    <row r="5537" spans="1:11" x14ac:dyDescent="0.3">
      <c r="A5537" s="1">
        <v>42621</v>
      </c>
      <c r="B5537" s="3">
        <f t="shared" si="172"/>
        <v>9</v>
      </c>
      <c r="C5537" s="3">
        <f t="shared" si="173"/>
        <v>2016</v>
      </c>
      <c r="D5537" t="s">
        <v>451</v>
      </c>
      <c r="E5537" t="s">
        <v>9</v>
      </c>
      <c r="F5537" t="s">
        <v>38</v>
      </c>
      <c r="G5537" t="s">
        <v>39</v>
      </c>
      <c r="H5537" t="s">
        <v>2212</v>
      </c>
      <c r="I5537">
        <v>59.96</v>
      </c>
      <c r="J5537">
        <v>5</v>
      </c>
      <c r="K5537">
        <v>21.74</v>
      </c>
    </row>
    <row r="5538" spans="1:11" x14ac:dyDescent="0.3">
      <c r="A5538" s="1">
        <v>42621</v>
      </c>
      <c r="B5538" s="3">
        <f t="shared" si="172"/>
        <v>9</v>
      </c>
      <c r="C5538" s="3">
        <f t="shared" si="173"/>
        <v>2016</v>
      </c>
      <c r="D5538" t="s">
        <v>2485</v>
      </c>
      <c r="E5538" t="s">
        <v>244</v>
      </c>
      <c r="F5538" t="s">
        <v>38</v>
      </c>
      <c r="G5538" t="s">
        <v>51</v>
      </c>
      <c r="H5538" t="s">
        <v>1242</v>
      </c>
      <c r="I5538">
        <v>35.17</v>
      </c>
      <c r="J5538">
        <v>4</v>
      </c>
      <c r="K5538">
        <v>8.35</v>
      </c>
    </row>
    <row r="5539" spans="1:11" x14ac:dyDescent="0.3">
      <c r="A5539" s="1">
        <v>42621</v>
      </c>
      <c r="B5539" s="3">
        <f t="shared" si="172"/>
        <v>9</v>
      </c>
      <c r="C5539" s="3">
        <f t="shared" si="173"/>
        <v>2016</v>
      </c>
      <c r="D5539" t="s">
        <v>2485</v>
      </c>
      <c r="E5539" t="s">
        <v>244</v>
      </c>
      <c r="F5539" t="s">
        <v>10</v>
      </c>
      <c r="G5539" t="s">
        <v>11</v>
      </c>
      <c r="H5539" t="s">
        <v>2156</v>
      </c>
      <c r="I5539">
        <v>64.7</v>
      </c>
      <c r="J5539">
        <v>3</v>
      </c>
      <c r="K5539">
        <v>23.46</v>
      </c>
    </row>
    <row r="5540" spans="1:11" x14ac:dyDescent="0.3">
      <c r="A5540" s="1">
        <v>42621</v>
      </c>
      <c r="B5540" s="3">
        <f t="shared" si="172"/>
        <v>9</v>
      </c>
      <c r="C5540" s="3">
        <f t="shared" si="173"/>
        <v>2016</v>
      </c>
      <c r="D5540" t="s">
        <v>486</v>
      </c>
      <c r="E5540" t="s">
        <v>26</v>
      </c>
      <c r="F5540" t="s">
        <v>33</v>
      </c>
      <c r="G5540" t="s">
        <v>144</v>
      </c>
      <c r="H5540" t="s">
        <v>1495</v>
      </c>
      <c r="I5540">
        <v>146.04</v>
      </c>
      <c r="J5540">
        <v>1</v>
      </c>
      <c r="K5540">
        <v>-12.78</v>
      </c>
    </row>
    <row r="5541" spans="1:11" x14ac:dyDescent="0.3">
      <c r="A5541" s="1">
        <v>42621</v>
      </c>
      <c r="B5541" s="3">
        <f t="shared" si="172"/>
        <v>9</v>
      </c>
      <c r="C5541" s="3">
        <f t="shared" si="173"/>
        <v>2016</v>
      </c>
      <c r="D5541" t="s">
        <v>1726</v>
      </c>
      <c r="E5541" t="s">
        <v>163</v>
      </c>
      <c r="F5541" t="s">
        <v>33</v>
      </c>
      <c r="G5541" t="s">
        <v>46</v>
      </c>
      <c r="H5541" t="s">
        <v>919</v>
      </c>
      <c r="I5541">
        <v>43.13</v>
      </c>
      <c r="J5541">
        <v>1</v>
      </c>
      <c r="K5541">
        <v>14.66</v>
      </c>
    </row>
    <row r="5542" spans="1:11" x14ac:dyDescent="0.3">
      <c r="A5542" s="1">
        <v>42621</v>
      </c>
      <c r="B5542" s="3">
        <f t="shared" si="172"/>
        <v>9</v>
      </c>
      <c r="C5542" s="3">
        <f t="shared" si="173"/>
        <v>2016</v>
      </c>
      <c r="D5542" t="s">
        <v>1726</v>
      </c>
      <c r="E5542" t="s">
        <v>163</v>
      </c>
      <c r="F5542" t="s">
        <v>10</v>
      </c>
      <c r="G5542" t="s">
        <v>11</v>
      </c>
      <c r="H5542" t="s">
        <v>1986</v>
      </c>
      <c r="I5542">
        <v>30.87</v>
      </c>
      <c r="J5542">
        <v>7</v>
      </c>
      <c r="K5542">
        <v>14.2</v>
      </c>
    </row>
    <row r="5543" spans="1:11" x14ac:dyDescent="0.3">
      <c r="A5543" s="1">
        <v>42621</v>
      </c>
      <c r="B5543" s="3">
        <f t="shared" si="172"/>
        <v>9</v>
      </c>
      <c r="C5543" s="3">
        <f t="shared" si="173"/>
        <v>2016</v>
      </c>
      <c r="D5543" t="s">
        <v>2539</v>
      </c>
      <c r="E5543" t="s">
        <v>26</v>
      </c>
      <c r="F5543" t="s">
        <v>10</v>
      </c>
      <c r="G5543" t="s">
        <v>23</v>
      </c>
      <c r="H5543" t="s">
        <v>383</v>
      </c>
      <c r="I5543">
        <v>14.88</v>
      </c>
      <c r="J5543">
        <v>2</v>
      </c>
      <c r="K5543">
        <v>3.72</v>
      </c>
    </row>
    <row r="5544" spans="1:11" x14ac:dyDescent="0.3">
      <c r="A5544" s="1">
        <v>42621</v>
      </c>
      <c r="B5544" s="3">
        <f t="shared" si="172"/>
        <v>9</v>
      </c>
      <c r="C5544" s="3">
        <f t="shared" si="173"/>
        <v>2016</v>
      </c>
      <c r="D5544" t="s">
        <v>2539</v>
      </c>
      <c r="E5544" t="s">
        <v>26</v>
      </c>
      <c r="F5544" t="s">
        <v>10</v>
      </c>
      <c r="G5544" t="s">
        <v>11</v>
      </c>
      <c r="H5544" t="s">
        <v>1307</v>
      </c>
      <c r="I5544">
        <v>34.24</v>
      </c>
      <c r="J5544">
        <v>8</v>
      </c>
      <c r="K5544">
        <v>15.41</v>
      </c>
    </row>
    <row r="5545" spans="1:11" x14ac:dyDescent="0.3">
      <c r="A5545" s="1">
        <v>42621</v>
      </c>
      <c r="B5545" s="3">
        <f t="shared" si="172"/>
        <v>9</v>
      </c>
      <c r="C5545" s="3">
        <f t="shared" si="173"/>
        <v>2016</v>
      </c>
      <c r="D5545" t="s">
        <v>2539</v>
      </c>
      <c r="E5545" t="s">
        <v>26</v>
      </c>
      <c r="F5545" t="s">
        <v>10</v>
      </c>
      <c r="G5545" t="s">
        <v>17</v>
      </c>
      <c r="H5545" t="s">
        <v>2367</v>
      </c>
      <c r="I5545">
        <v>261.74</v>
      </c>
      <c r="J5545">
        <v>2</v>
      </c>
      <c r="K5545">
        <v>65.44</v>
      </c>
    </row>
    <row r="5546" spans="1:11" x14ac:dyDescent="0.3">
      <c r="A5546" s="1">
        <v>42622</v>
      </c>
      <c r="B5546" s="3">
        <f t="shared" si="172"/>
        <v>9</v>
      </c>
      <c r="C5546" s="3">
        <f t="shared" si="173"/>
        <v>2016</v>
      </c>
      <c r="D5546" t="s">
        <v>1128</v>
      </c>
      <c r="E5546" t="s">
        <v>148</v>
      </c>
      <c r="F5546" t="s">
        <v>10</v>
      </c>
      <c r="G5546" t="s">
        <v>19</v>
      </c>
      <c r="H5546" t="s">
        <v>1564</v>
      </c>
      <c r="I5546">
        <v>14.62</v>
      </c>
      <c r="J5546">
        <v>2</v>
      </c>
      <c r="K5546">
        <v>5.48</v>
      </c>
    </row>
    <row r="5547" spans="1:11" x14ac:dyDescent="0.3">
      <c r="A5547" s="1">
        <v>42622</v>
      </c>
      <c r="B5547" s="3">
        <f t="shared" si="172"/>
        <v>9</v>
      </c>
      <c r="C5547" s="3">
        <f t="shared" si="173"/>
        <v>2016</v>
      </c>
      <c r="D5547" t="s">
        <v>1195</v>
      </c>
      <c r="E5547" t="s">
        <v>26</v>
      </c>
      <c r="F5547" t="s">
        <v>10</v>
      </c>
      <c r="G5547" t="s">
        <v>19</v>
      </c>
      <c r="H5547" t="s">
        <v>190</v>
      </c>
      <c r="I5547">
        <v>55.36</v>
      </c>
      <c r="J5547">
        <v>4</v>
      </c>
      <c r="K5547">
        <v>18.68</v>
      </c>
    </row>
    <row r="5548" spans="1:11" x14ac:dyDescent="0.3">
      <c r="A5548" s="1">
        <v>42622</v>
      </c>
      <c r="B5548" s="3">
        <f t="shared" si="172"/>
        <v>9</v>
      </c>
      <c r="C5548" s="3">
        <f t="shared" si="173"/>
        <v>2016</v>
      </c>
      <c r="D5548" t="s">
        <v>1506</v>
      </c>
      <c r="E5548" t="s">
        <v>9</v>
      </c>
      <c r="F5548" t="s">
        <v>33</v>
      </c>
      <c r="G5548" t="s">
        <v>46</v>
      </c>
      <c r="H5548" t="s">
        <v>1975</v>
      </c>
      <c r="I5548">
        <v>15.01</v>
      </c>
      <c r="J5548">
        <v>4</v>
      </c>
      <c r="K5548">
        <v>-12.01</v>
      </c>
    </row>
    <row r="5549" spans="1:11" x14ac:dyDescent="0.3">
      <c r="A5549" s="1">
        <v>42623</v>
      </c>
      <c r="B5549" s="3">
        <f t="shared" si="172"/>
        <v>9</v>
      </c>
      <c r="C5549" s="3">
        <f t="shared" si="173"/>
        <v>2016</v>
      </c>
      <c r="D5549" t="s">
        <v>2175</v>
      </c>
      <c r="E5549" t="s">
        <v>148</v>
      </c>
      <c r="F5549" t="s">
        <v>10</v>
      </c>
      <c r="G5549" t="s">
        <v>17</v>
      </c>
      <c r="H5549" t="s">
        <v>2597</v>
      </c>
      <c r="I5549">
        <v>59.48</v>
      </c>
      <c r="J5549">
        <v>2</v>
      </c>
      <c r="K5549">
        <v>8.92</v>
      </c>
    </row>
    <row r="5550" spans="1:11" x14ac:dyDescent="0.3">
      <c r="A5550" s="1">
        <v>42623</v>
      </c>
      <c r="B5550" s="3">
        <f t="shared" si="172"/>
        <v>9</v>
      </c>
      <c r="C5550" s="3">
        <f t="shared" si="173"/>
        <v>2016</v>
      </c>
      <c r="D5550" t="s">
        <v>2175</v>
      </c>
      <c r="E5550" t="s">
        <v>148</v>
      </c>
      <c r="F5550" t="s">
        <v>10</v>
      </c>
      <c r="G5550" t="s">
        <v>11</v>
      </c>
      <c r="H5550" t="s">
        <v>1700</v>
      </c>
      <c r="I5550">
        <v>6.69</v>
      </c>
      <c r="J5550">
        <v>1</v>
      </c>
      <c r="K5550">
        <v>3.08</v>
      </c>
    </row>
    <row r="5551" spans="1:11" x14ac:dyDescent="0.3">
      <c r="A5551" s="1">
        <v>42623</v>
      </c>
      <c r="B5551" s="3">
        <f t="shared" si="172"/>
        <v>9</v>
      </c>
      <c r="C5551" s="3">
        <f t="shared" si="173"/>
        <v>2016</v>
      </c>
      <c r="D5551" t="s">
        <v>2099</v>
      </c>
      <c r="E5551" t="s">
        <v>119</v>
      </c>
      <c r="F5551" t="s">
        <v>10</v>
      </c>
      <c r="G5551" t="s">
        <v>23</v>
      </c>
      <c r="H5551" t="s">
        <v>2134</v>
      </c>
      <c r="I5551">
        <v>67.56</v>
      </c>
      <c r="J5551">
        <v>3</v>
      </c>
      <c r="K5551">
        <v>8.4499999999999993</v>
      </c>
    </row>
    <row r="5552" spans="1:11" x14ac:dyDescent="0.3">
      <c r="A5552" s="1">
        <v>42623</v>
      </c>
      <c r="B5552" s="3">
        <f t="shared" si="172"/>
        <v>9</v>
      </c>
      <c r="C5552" s="3">
        <f t="shared" si="173"/>
        <v>2016</v>
      </c>
      <c r="D5552" t="s">
        <v>276</v>
      </c>
      <c r="E5552" t="s">
        <v>9</v>
      </c>
      <c r="F5552" t="s">
        <v>33</v>
      </c>
      <c r="G5552" t="s">
        <v>144</v>
      </c>
      <c r="H5552" t="s">
        <v>472</v>
      </c>
      <c r="I5552">
        <v>300.93</v>
      </c>
      <c r="J5552">
        <v>5</v>
      </c>
      <c r="K5552">
        <v>-34.39</v>
      </c>
    </row>
    <row r="5553" spans="1:11" x14ac:dyDescent="0.3">
      <c r="A5553" s="1">
        <v>42623</v>
      </c>
      <c r="B5553" s="3">
        <f t="shared" si="172"/>
        <v>9</v>
      </c>
      <c r="C5553" s="3">
        <f t="shared" si="173"/>
        <v>2016</v>
      </c>
      <c r="D5553" t="s">
        <v>276</v>
      </c>
      <c r="E5553" t="s">
        <v>9</v>
      </c>
      <c r="F5553" t="s">
        <v>38</v>
      </c>
      <c r="G5553" t="s">
        <v>39</v>
      </c>
      <c r="H5553" t="s">
        <v>932</v>
      </c>
      <c r="I5553">
        <v>719.96</v>
      </c>
      <c r="J5553">
        <v>5</v>
      </c>
      <c r="K5553">
        <v>54</v>
      </c>
    </row>
    <row r="5554" spans="1:11" x14ac:dyDescent="0.3">
      <c r="A5554" s="1">
        <v>42623</v>
      </c>
      <c r="B5554" s="3">
        <f t="shared" si="172"/>
        <v>9</v>
      </c>
      <c r="C5554" s="3">
        <f t="shared" si="173"/>
        <v>2016</v>
      </c>
      <c r="D5554" t="s">
        <v>1796</v>
      </c>
      <c r="E5554" t="s">
        <v>122</v>
      </c>
      <c r="F5554" t="s">
        <v>38</v>
      </c>
      <c r="G5554" t="s">
        <v>39</v>
      </c>
      <c r="H5554" t="s">
        <v>744</v>
      </c>
      <c r="I5554">
        <v>519.67999999999995</v>
      </c>
      <c r="J5554">
        <v>7</v>
      </c>
      <c r="K5554">
        <v>58.46</v>
      </c>
    </row>
    <row r="5555" spans="1:11" x14ac:dyDescent="0.3">
      <c r="A5555" s="1">
        <v>42623</v>
      </c>
      <c r="B5555" s="3">
        <f t="shared" si="172"/>
        <v>9</v>
      </c>
      <c r="C5555" s="3">
        <f t="shared" si="173"/>
        <v>2016</v>
      </c>
      <c r="D5555" t="s">
        <v>2455</v>
      </c>
      <c r="E5555" t="s">
        <v>163</v>
      </c>
      <c r="F5555" t="s">
        <v>10</v>
      </c>
      <c r="G5555" t="s">
        <v>15</v>
      </c>
      <c r="H5555" t="s">
        <v>1817</v>
      </c>
      <c r="I5555">
        <v>7.38</v>
      </c>
      <c r="J5555">
        <v>2</v>
      </c>
      <c r="K5555">
        <v>3.47</v>
      </c>
    </row>
    <row r="5556" spans="1:11" x14ac:dyDescent="0.3">
      <c r="A5556" s="1">
        <v>42623</v>
      </c>
      <c r="B5556" s="3">
        <f t="shared" si="172"/>
        <v>9</v>
      </c>
      <c r="C5556" s="3">
        <f t="shared" si="173"/>
        <v>2016</v>
      </c>
      <c r="D5556" t="s">
        <v>2455</v>
      </c>
      <c r="E5556" t="s">
        <v>163</v>
      </c>
      <c r="F5556" t="s">
        <v>10</v>
      </c>
      <c r="G5556" t="s">
        <v>19</v>
      </c>
      <c r="H5556" t="s">
        <v>117</v>
      </c>
      <c r="I5556">
        <v>14.26</v>
      </c>
      <c r="J5556">
        <v>3</v>
      </c>
      <c r="K5556">
        <v>4.46</v>
      </c>
    </row>
    <row r="5557" spans="1:11" x14ac:dyDescent="0.3">
      <c r="A5557" s="1">
        <v>42623</v>
      </c>
      <c r="B5557" s="3">
        <f t="shared" si="172"/>
        <v>9</v>
      </c>
      <c r="C5557" s="3">
        <f t="shared" si="173"/>
        <v>2016</v>
      </c>
      <c r="D5557" t="s">
        <v>2455</v>
      </c>
      <c r="E5557" t="s">
        <v>163</v>
      </c>
      <c r="F5557" t="s">
        <v>10</v>
      </c>
      <c r="G5557" t="s">
        <v>11</v>
      </c>
      <c r="H5557" t="s">
        <v>490</v>
      </c>
      <c r="I5557">
        <v>81.98</v>
      </c>
      <c r="J5557">
        <v>2</v>
      </c>
      <c r="K5557">
        <v>40.17</v>
      </c>
    </row>
    <row r="5558" spans="1:11" x14ac:dyDescent="0.3">
      <c r="A5558" s="1">
        <v>42623</v>
      </c>
      <c r="B5558" s="3">
        <f t="shared" si="172"/>
        <v>9</v>
      </c>
      <c r="C5558" s="3">
        <f t="shared" si="173"/>
        <v>2016</v>
      </c>
      <c r="D5558" t="s">
        <v>2455</v>
      </c>
      <c r="E5558" t="s">
        <v>163</v>
      </c>
      <c r="F5558" t="s">
        <v>10</v>
      </c>
      <c r="G5558" t="s">
        <v>19</v>
      </c>
      <c r="H5558" t="s">
        <v>2119</v>
      </c>
      <c r="I5558">
        <v>39.619999999999997</v>
      </c>
      <c r="J5558">
        <v>3</v>
      </c>
      <c r="K5558">
        <v>13.87</v>
      </c>
    </row>
    <row r="5559" spans="1:11" x14ac:dyDescent="0.3">
      <c r="A5559" s="1">
        <v>42623</v>
      </c>
      <c r="B5559" s="3">
        <f t="shared" si="172"/>
        <v>9</v>
      </c>
      <c r="C5559" s="3">
        <f t="shared" si="173"/>
        <v>2016</v>
      </c>
      <c r="D5559" t="s">
        <v>858</v>
      </c>
      <c r="E5559" t="s">
        <v>26</v>
      </c>
      <c r="F5559" t="s">
        <v>10</v>
      </c>
      <c r="G5559" t="s">
        <v>19</v>
      </c>
      <c r="H5559" t="s">
        <v>2460</v>
      </c>
      <c r="I5559">
        <v>276.77999999999997</v>
      </c>
      <c r="J5559">
        <v>2</v>
      </c>
      <c r="K5559">
        <v>89.95</v>
      </c>
    </row>
    <row r="5560" spans="1:11" x14ac:dyDescent="0.3">
      <c r="A5560" s="1">
        <v>42624</v>
      </c>
      <c r="B5560" s="3">
        <f t="shared" si="172"/>
        <v>9</v>
      </c>
      <c r="C5560" s="3">
        <f t="shared" si="173"/>
        <v>2016</v>
      </c>
      <c r="D5560" t="s">
        <v>2307</v>
      </c>
      <c r="E5560" t="s">
        <v>26</v>
      </c>
      <c r="F5560" t="s">
        <v>10</v>
      </c>
      <c r="G5560" t="s">
        <v>11</v>
      </c>
      <c r="H5560" t="s">
        <v>984</v>
      </c>
      <c r="I5560">
        <v>7.61</v>
      </c>
      <c r="J5560">
        <v>1</v>
      </c>
      <c r="K5560">
        <v>3.58</v>
      </c>
    </row>
    <row r="5561" spans="1:11" x14ac:dyDescent="0.3">
      <c r="A5561" s="1">
        <v>42624</v>
      </c>
      <c r="B5561" s="3">
        <f t="shared" si="172"/>
        <v>9</v>
      </c>
      <c r="C5561" s="3">
        <f t="shared" si="173"/>
        <v>2016</v>
      </c>
      <c r="D5561" t="s">
        <v>2307</v>
      </c>
      <c r="E5561" t="s">
        <v>26</v>
      </c>
      <c r="F5561" t="s">
        <v>38</v>
      </c>
      <c r="G5561" t="s">
        <v>51</v>
      </c>
      <c r="H5561" t="s">
        <v>1627</v>
      </c>
      <c r="I5561">
        <v>3347.37</v>
      </c>
      <c r="J5561">
        <v>13</v>
      </c>
      <c r="K5561">
        <v>636</v>
      </c>
    </row>
    <row r="5562" spans="1:11" x14ac:dyDescent="0.3">
      <c r="A5562" s="1">
        <v>42624</v>
      </c>
      <c r="B5562" s="3">
        <f t="shared" si="172"/>
        <v>9</v>
      </c>
      <c r="C5562" s="3">
        <f t="shared" si="173"/>
        <v>2016</v>
      </c>
      <c r="D5562" t="s">
        <v>623</v>
      </c>
      <c r="E5562" t="s">
        <v>22</v>
      </c>
      <c r="F5562" t="s">
        <v>10</v>
      </c>
      <c r="G5562" t="s">
        <v>11</v>
      </c>
      <c r="H5562" t="s">
        <v>151</v>
      </c>
      <c r="I5562">
        <v>8.4499999999999993</v>
      </c>
      <c r="J5562">
        <v>2</v>
      </c>
      <c r="K5562">
        <v>2.64</v>
      </c>
    </row>
    <row r="5563" spans="1:11" x14ac:dyDescent="0.3">
      <c r="A5563" s="1">
        <v>42624</v>
      </c>
      <c r="B5563" s="3">
        <f t="shared" si="172"/>
        <v>9</v>
      </c>
      <c r="C5563" s="3">
        <f t="shared" si="173"/>
        <v>2016</v>
      </c>
      <c r="D5563" t="s">
        <v>623</v>
      </c>
      <c r="E5563" t="s">
        <v>22</v>
      </c>
      <c r="F5563" t="s">
        <v>38</v>
      </c>
      <c r="G5563" t="s">
        <v>39</v>
      </c>
      <c r="H5563" t="s">
        <v>346</v>
      </c>
      <c r="I5563">
        <v>728.95</v>
      </c>
      <c r="J5563">
        <v>9</v>
      </c>
      <c r="K5563">
        <v>-157.94</v>
      </c>
    </row>
    <row r="5564" spans="1:11" x14ac:dyDescent="0.3">
      <c r="A5564" s="1">
        <v>42624</v>
      </c>
      <c r="B5564" s="3">
        <f t="shared" si="172"/>
        <v>9</v>
      </c>
      <c r="C5564" s="3">
        <f t="shared" si="173"/>
        <v>2016</v>
      </c>
      <c r="D5564" t="s">
        <v>1045</v>
      </c>
      <c r="E5564" t="s">
        <v>77</v>
      </c>
      <c r="F5564" t="s">
        <v>10</v>
      </c>
      <c r="G5564" t="s">
        <v>19</v>
      </c>
      <c r="H5564" t="s">
        <v>764</v>
      </c>
      <c r="I5564">
        <v>22.43</v>
      </c>
      <c r="J5564">
        <v>3</v>
      </c>
      <c r="K5564">
        <v>-17.940000000000001</v>
      </c>
    </row>
    <row r="5565" spans="1:11" x14ac:dyDescent="0.3">
      <c r="A5565" s="1">
        <v>42624</v>
      </c>
      <c r="B5565" s="3">
        <f t="shared" si="172"/>
        <v>9</v>
      </c>
      <c r="C5565" s="3">
        <f t="shared" si="173"/>
        <v>2016</v>
      </c>
      <c r="D5565" t="s">
        <v>1045</v>
      </c>
      <c r="E5565" t="s">
        <v>77</v>
      </c>
      <c r="F5565" t="s">
        <v>10</v>
      </c>
      <c r="G5565" t="s">
        <v>17</v>
      </c>
      <c r="H5565" t="s">
        <v>298</v>
      </c>
      <c r="I5565">
        <v>37.520000000000003</v>
      </c>
      <c r="J5565">
        <v>5</v>
      </c>
      <c r="K5565">
        <v>3.75</v>
      </c>
    </row>
    <row r="5566" spans="1:11" x14ac:dyDescent="0.3">
      <c r="A5566" s="1">
        <v>42624</v>
      </c>
      <c r="B5566" s="3">
        <f t="shared" si="172"/>
        <v>9</v>
      </c>
      <c r="C5566" s="3">
        <f t="shared" si="173"/>
        <v>2016</v>
      </c>
      <c r="D5566" t="s">
        <v>1447</v>
      </c>
      <c r="E5566" t="s">
        <v>54</v>
      </c>
      <c r="F5566" t="s">
        <v>38</v>
      </c>
      <c r="G5566" t="s">
        <v>602</v>
      </c>
      <c r="H5566" t="s">
        <v>2009</v>
      </c>
      <c r="I5566">
        <v>1599.92</v>
      </c>
      <c r="J5566">
        <v>8</v>
      </c>
      <c r="K5566">
        <v>751.96</v>
      </c>
    </row>
    <row r="5567" spans="1:11" x14ac:dyDescent="0.3">
      <c r="A5567" s="1">
        <v>42624</v>
      </c>
      <c r="B5567" s="3">
        <f t="shared" si="172"/>
        <v>9</v>
      </c>
      <c r="C5567" s="3">
        <f t="shared" si="173"/>
        <v>2016</v>
      </c>
      <c r="D5567" t="s">
        <v>1447</v>
      </c>
      <c r="E5567" t="s">
        <v>54</v>
      </c>
      <c r="F5567" t="s">
        <v>10</v>
      </c>
      <c r="G5567" t="s">
        <v>62</v>
      </c>
      <c r="H5567" t="s">
        <v>2478</v>
      </c>
      <c r="I5567">
        <v>11.09</v>
      </c>
      <c r="J5567">
        <v>1</v>
      </c>
      <c r="K5567">
        <v>5.43</v>
      </c>
    </row>
    <row r="5568" spans="1:11" x14ac:dyDescent="0.3">
      <c r="A5568" s="1">
        <v>42624</v>
      </c>
      <c r="B5568" s="3">
        <f t="shared" si="172"/>
        <v>9</v>
      </c>
      <c r="C5568" s="3">
        <f t="shared" si="173"/>
        <v>2016</v>
      </c>
      <c r="D5568" t="s">
        <v>2016</v>
      </c>
      <c r="E5568" t="s">
        <v>26</v>
      </c>
      <c r="F5568" t="s">
        <v>10</v>
      </c>
      <c r="G5568" t="s">
        <v>17</v>
      </c>
      <c r="H5568" t="s">
        <v>1593</v>
      </c>
      <c r="I5568">
        <v>332.94</v>
      </c>
      <c r="J5568">
        <v>3</v>
      </c>
      <c r="K5568">
        <v>6.66</v>
      </c>
    </row>
    <row r="5569" spans="1:11" x14ac:dyDescent="0.3">
      <c r="A5569" s="1">
        <v>42624</v>
      </c>
      <c r="B5569" s="3">
        <f t="shared" si="172"/>
        <v>9</v>
      </c>
      <c r="C5569" s="3">
        <f t="shared" si="173"/>
        <v>2016</v>
      </c>
      <c r="D5569" t="s">
        <v>2016</v>
      </c>
      <c r="E5569" t="s">
        <v>26</v>
      </c>
      <c r="F5569" t="s">
        <v>10</v>
      </c>
      <c r="G5569" t="s">
        <v>19</v>
      </c>
      <c r="H5569" t="s">
        <v>764</v>
      </c>
      <c r="I5569">
        <v>39.869999999999997</v>
      </c>
      <c r="J5569">
        <v>2</v>
      </c>
      <c r="K5569">
        <v>12.96</v>
      </c>
    </row>
    <row r="5570" spans="1:11" x14ac:dyDescent="0.3">
      <c r="A5570" s="1">
        <v>42624</v>
      </c>
      <c r="B5570" s="3">
        <f t="shared" ref="B5570:B5633" si="174">MONTH(A:A)</f>
        <v>9</v>
      </c>
      <c r="C5570" s="3">
        <f t="shared" ref="C5570:C5633" si="175">YEAR(A:A)</f>
        <v>2016</v>
      </c>
      <c r="D5570" t="s">
        <v>1076</v>
      </c>
      <c r="E5570" t="s">
        <v>1282</v>
      </c>
      <c r="F5570" t="s">
        <v>38</v>
      </c>
      <c r="G5570" t="s">
        <v>39</v>
      </c>
      <c r="H5570" t="s">
        <v>703</v>
      </c>
      <c r="I5570">
        <v>224.75</v>
      </c>
      <c r="J5570">
        <v>5</v>
      </c>
      <c r="K5570">
        <v>62.93</v>
      </c>
    </row>
    <row r="5571" spans="1:11" x14ac:dyDescent="0.3">
      <c r="A5571" s="1">
        <v>42624</v>
      </c>
      <c r="B5571" s="3">
        <f t="shared" si="174"/>
        <v>9</v>
      </c>
      <c r="C5571" s="3">
        <f t="shared" si="175"/>
        <v>2016</v>
      </c>
      <c r="D5571" t="s">
        <v>1360</v>
      </c>
      <c r="E5571" t="s">
        <v>14</v>
      </c>
      <c r="F5571" t="s">
        <v>10</v>
      </c>
      <c r="G5571" t="s">
        <v>15</v>
      </c>
      <c r="H5571" t="s">
        <v>392</v>
      </c>
      <c r="I5571">
        <v>6</v>
      </c>
      <c r="J5571">
        <v>2</v>
      </c>
      <c r="K5571">
        <v>2.1</v>
      </c>
    </row>
    <row r="5572" spans="1:11" x14ac:dyDescent="0.3">
      <c r="A5572" s="1">
        <v>42624</v>
      </c>
      <c r="B5572" s="3">
        <f t="shared" si="174"/>
        <v>9</v>
      </c>
      <c r="C5572" s="3">
        <f t="shared" si="175"/>
        <v>2016</v>
      </c>
      <c r="D5572" t="s">
        <v>1360</v>
      </c>
      <c r="E5572" t="s">
        <v>14</v>
      </c>
      <c r="F5572" t="s">
        <v>10</v>
      </c>
      <c r="G5572" t="s">
        <v>19</v>
      </c>
      <c r="H5572" t="s">
        <v>1175</v>
      </c>
      <c r="I5572">
        <v>1.91</v>
      </c>
      <c r="J5572">
        <v>3</v>
      </c>
      <c r="K5572">
        <v>-3.24</v>
      </c>
    </row>
    <row r="5573" spans="1:11" x14ac:dyDescent="0.3">
      <c r="A5573" s="1">
        <v>42624</v>
      </c>
      <c r="B5573" s="3">
        <f t="shared" si="174"/>
        <v>9</v>
      </c>
      <c r="C5573" s="3">
        <f t="shared" si="175"/>
        <v>2016</v>
      </c>
      <c r="D5573" t="s">
        <v>211</v>
      </c>
      <c r="E5573" t="s">
        <v>94</v>
      </c>
      <c r="F5573" t="s">
        <v>10</v>
      </c>
      <c r="G5573" t="s">
        <v>23</v>
      </c>
      <c r="H5573" t="s">
        <v>2350</v>
      </c>
      <c r="I5573">
        <v>2.91</v>
      </c>
      <c r="J5573">
        <v>2</v>
      </c>
      <c r="K5573">
        <v>0.91</v>
      </c>
    </row>
    <row r="5574" spans="1:11" x14ac:dyDescent="0.3">
      <c r="A5574" s="1">
        <v>42624</v>
      </c>
      <c r="B5574" s="3">
        <f t="shared" si="174"/>
        <v>9</v>
      </c>
      <c r="C5574" s="3">
        <f t="shared" si="175"/>
        <v>2016</v>
      </c>
      <c r="D5574" t="s">
        <v>211</v>
      </c>
      <c r="E5574" t="s">
        <v>94</v>
      </c>
      <c r="F5574" t="s">
        <v>10</v>
      </c>
      <c r="G5574" t="s">
        <v>11</v>
      </c>
      <c r="H5574" t="s">
        <v>1152</v>
      </c>
      <c r="I5574">
        <v>20.74</v>
      </c>
      <c r="J5574">
        <v>4</v>
      </c>
      <c r="K5574">
        <v>7.26</v>
      </c>
    </row>
    <row r="5575" spans="1:11" x14ac:dyDescent="0.3">
      <c r="A5575" s="1">
        <v>42624</v>
      </c>
      <c r="B5575" s="3">
        <f t="shared" si="174"/>
        <v>9</v>
      </c>
      <c r="C5575" s="3">
        <f t="shared" si="175"/>
        <v>2016</v>
      </c>
      <c r="D5575" t="s">
        <v>211</v>
      </c>
      <c r="E5575" t="s">
        <v>94</v>
      </c>
      <c r="F5575" t="s">
        <v>10</v>
      </c>
      <c r="G5575" t="s">
        <v>11</v>
      </c>
      <c r="H5575" t="s">
        <v>1104</v>
      </c>
      <c r="I5575">
        <v>9.57</v>
      </c>
      <c r="J5575">
        <v>2</v>
      </c>
      <c r="K5575">
        <v>2.99</v>
      </c>
    </row>
    <row r="5576" spans="1:11" x14ac:dyDescent="0.3">
      <c r="A5576" s="1">
        <v>42624</v>
      </c>
      <c r="B5576" s="3">
        <f t="shared" si="174"/>
        <v>9</v>
      </c>
      <c r="C5576" s="3">
        <f t="shared" si="175"/>
        <v>2016</v>
      </c>
      <c r="D5576" t="s">
        <v>1163</v>
      </c>
      <c r="E5576" t="s">
        <v>9</v>
      </c>
      <c r="F5576" t="s">
        <v>10</v>
      </c>
      <c r="G5576" t="s">
        <v>62</v>
      </c>
      <c r="H5576" t="s">
        <v>542</v>
      </c>
      <c r="I5576">
        <v>99.57</v>
      </c>
      <c r="J5576">
        <v>2</v>
      </c>
      <c r="K5576">
        <v>33.6</v>
      </c>
    </row>
    <row r="5577" spans="1:11" x14ac:dyDescent="0.3">
      <c r="A5577" s="1">
        <v>42625</v>
      </c>
      <c r="B5577" s="3">
        <f t="shared" si="174"/>
        <v>9</v>
      </c>
      <c r="C5577" s="3">
        <f t="shared" si="175"/>
        <v>2016</v>
      </c>
      <c r="D5577" t="s">
        <v>1973</v>
      </c>
      <c r="E5577" t="s">
        <v>277</v>
      </c>
      <c r="F5577" t="s">
        <v>33</v>
      </c>
      <c r="G5577" t="s">
        <v>46</v>
      </c>
      <c r="H5577" t="s">
        <v>479</v>
      </c>
      <c r="I5577">
        <v>15.14</v>
      </c>
      <c r="J5577">
        <v>4</v>
      </c>
      <c r="K5577">
        <v>3.59</v>
      </c>
    </row>
    <row r="5578" spans="1:11" x14ac:dyDescent="0.3">
      <c r="A5578" s="1">
        <v>42625</v>
      </c>
      <c r="B5578" s="3">
        <f t="shared" si="174"/>
        <v>9</v>
      </c>
      <c r="C5578" s="3">
        <f t="shared" si="175"/>
        <v>2016</v>
      </c>
      <c r="D5578" t="s">
        <v>1973</v>
      </c>
      <c r="E5578" t="s">
        <v>277</v>
      </c>
      <c r="F5578" t="s">
        <v>33</v>
      </c>
      <c r="G5578" t="s">
        <v>34</v>
      </c>
      <c r="H5578" t="s">
        <v>1981</v>
      </c>
      <c r="I5578">
        <v>466.77</v>
      </c>
      <c r="J5578">
        <v>2</v>
      </c>
      <c r="K5578">
        <v>52.51</v>
      </c>
    </row>
    <row r="5579" spans="1:11" x14ac:dyDescent="0.3">
      <c r="A5579" s="1">
        <v>42625</v>
      </c>
      <c r="B5579" s="3">
        <f t="shared" si="174"/>
        <v>9</v>
      </c>
      <c r="C5579" s="3">
        <f t="shared" si="175"/>
        <v>2016</v>
      </c>
      <c r="D5579" t="s">
        <v>1973</v>
      </c>
      <c r="E5579" t="s">
        <v>277</v>
      </c>
      <c r="F5579" t="s">
        <v>33</v>
      </c>
      <c r="G5579" t="s">
        <v>46</v>
      </c>
      <c r="H5579" t="s">
        <v>308</v>
      </c>
      <c r="I5579">
        <v>15.23</v>
      </c>
      <c r="J5579">
        <v>1</v>
      </c>
      <c r="K5579">
        <v>1.71</v>
      </c>
    </row>
    <row r="5580" spans="1:11" x14ac:dyDescent="0.3">
      <c r="A5580" s="1">
        <v>42625</v>
      </c>
      <c r="B5580" s="3">
        <f t="shared" si="174"/>
        <v>9</v>
      </c>
      <c r="C5580" s="3">
        <f t="shared" si="175"/>
        <v>2016</v>
      </c>
      <c r="D5580" t="s">
        <v>1973</v>
      </c>
      <c r="E5580" t="s">
        <v>277</v>
      </c>
      <c r="F5580" t="s">
        <v>10</v>
      </c>
      <c r="G5580" t="s">
        <v>15</v>
      </c>
      <c r="H5580" t="s">
        <v>1739</v>
      </c>
      <c r="I5580">
        <v>6.26</v>
      </c>
      <c r="J5580">
        <v>3</v>
      </c>
      <c r="K5580">
        <v>2.04</v>
      </c>
    </row>
    <row r="5581" spans="1:11" x14ac:dyDescent="0.3">
      <c r="A5581" s="1">
        <v>42625</v>
      </c>
      <c r="B5581" s="3">
        <f t="shared" si="174"/>
        <v>9</v>
      </c>
      <c r="C5581" s="3">
        <f t="shared" si="175"/>
        <v>2016</v>
      </c>
      <c r="D5581" t="s">
        <v>1827</v>
      </c>
      <c r="E5581" t="s">
        <v>163</v>
      </c>
      <c r="F5581" t="s">
        <v>10</v>
      </c>
      <c r="G5581" t="s">
        <v>42</v>
      </c>
      <c r="H5581" t="s">
        <v>1560</v>
      </c>
      <c r="I5581">
        <v>10.47</v>
      </c>
      <c r="J5581">
        <v>3</v>
      </c>
      <c r="K5581">
        <v>4.82</v>
      </c>
    </row>
    <row r="5582" spans="1:11" x14ac:dyDescent="0.3">
      <c r="A5582" s="1">
        <v>42625</v>
      </c>
      <c r="B5582" s="3">
        <f t="shared" si="174"/>
        <v>9</v>
      </c>
      <c r="C5582" s="3">
        <f t="shared" si="175"/>
        <v>2016</v>
      </c>
      <c r="D5582" t="s">
        <v>1827</v>
      </c>
      <c r="E5582" t="s">
        <v>163</v>
      </c>
      <c r="F5582" t="s">
        <v>10</v>
      </c>
      <c r="G5582" t="s">
        <v>15</v>
      </c>
      <c r="H5582" t="s">
        <v>1817</v>
      </c>
      <c r="I5582">
        <v>11.07</v>
      </c>
      <c r="J5582">
        <v>3</v>
      </c>
      <c r="K5582">
        <v>5.2</v>
      </c>
    </row>
    <row r="5583" spans="1:11" x14ac:dyDescent="0.3">
      <c r="A5583" s="1">
        <v>42625</v>
      </c>
      <c r="B5583" s="3">
        <f t="shared" si="174"/>
        <v>9</v>
      </c>
      <c r="C5583" s="3">
        <f t="shared" si="175"/>
        <v>2016</v>
      </c>
      <c r="D5583" t="s">
        <v>1827</v>
      </c>
      <c r="E5583" t="s">
        <v>163</v>
      </c>
      <c r="F5583" t="s">
        <v>10</v>
      </c>
      <c r="G5583" t="s">
        <v>19</v>
      </c>
      <c r="H5583" t="s">
        <v>1366</v>
      </c>
      <c r="I5583">
        <v>20.7</v>
      </c>
      <c r="J5583">
        <v>4</v>
      </c>
      <c r="K5583">
        <v>7.76</v>
      </c>
    </row>
    <row r="5584" spans="1:11" x14ac:dyDescent="0.3">
      <c r="A5584" s="1">
        <v>42625</v>
      </c>
      <c r="B5584" s="3">
        <f t="shared" si="174"/>
        <v>9</v>
      </c>
      <c r="C5584" s="3">
        <f t="shared" si="175"/>
        <v>2016</v>
      </c>
      <c r="D5584" t="s">
        <v>668</v>
      </c>
      <c r="E5584" t="s">
        <v>54</v>
      </c>
      <c r="F5584" t="s">
        <v>38</v>
      </c>
      <c r="G5584" t="s">
        <v>51</v>
      </c>
      <c r="H5584" t="s">
        <v>297</v>
      </c>
      <c r="I5584">
        <v>20.7</v>
      </c>
      <c r="J5584">
        <v>3</v>
      </c>
      <c r="K5584">
        <v>1.66</v>
      </c>
    </row>
    <row r="5585" spans="1:11" x14ac:dyDescent="0.3">
      <c r="A5585" s="1">
        <v>42625</v>
      </c>
      <c r="B5585" s="3">
        <f t="shared" si="174"/>
        <v>9</v>
      </c>
      <c r="C5585" s="3">
        <f t="shared" si="175"/>
        <v>2016</v>
      </c>
      <c r="D5585" t="s">
        <v>668</v>
      </c>
      <c r="E5585" t="s">
        <v>54</v>
      </c>
      <c r="F5585" t="s">
        <v>10</v>
      </c>
      <c r="G5585" t="s">
        <v>42</v>
      </c>
      <c r="H5585" t="s">
        <v>159</v>
      </c>
      <c r="I5585">
        <v>11.34</v>
      </c>
      <c r="J5585">
        <v>3</v>
      </c>
      <c r="K5585">
        <v>5.22</v>
      </c>
    </row>
    <row r="5586" spans="1:11" x14ac:dyDescent="0.3">
      <c r="A5586" s="1">
        <v>42625</v>
      </c>
      <c r="B5586" s="3">
        <f t="shared" si="174"/>
        <v>9</v>
      </c>
      <c r="C5586" s="3">
        <f t="shared" si="175"/>
        <v>2016</v>
      </c>
      <c r="D5586" t="s">
        <v>668</v>
      </c>
      <c r="E5586" t="s">
        <v>54</v>
      </c>
      <c r="F5586" t="s">
        <v>10</v>
      </c>
      <c r="G5586" t="s">
        <v>17</v>
      </c>
      <c r="H5586" t="s">
        <v>1809</v>
      </c>
      <c r="I5586">
        <v>67.900000000000006</v>
      </c>
      <c r="J5586">
        <v>5</v>
      </c>
      <c r="K5586">
        <v>0.68</v>
      </c>
    </row>
    <row r="5587" spans="1:11" x14ac:dyDescent="0.3">
      <c r="A5587" s="1">
        <v>42625</v>
      </c>
      <c r="B5587" s="3">
        <f t="shared" si="174"/>
        <v>9</v>
      </c>
      <c r="C5587" s="3">
        <f t="shared" si="175"/>
        <v>2016</v>
      </c>
      <c r="D5587" t="s">
        <v>668</v>
      </c>
      <c r="E5587" t="s">
        <v>54</v>
      </c>
      <c r="F5587" t="s">
        <v>33</v>
      </c>
      <c r="G5587" t="s">
        <v>34</v>
      </c>
      <c r="H5587" t="s">
        <v>2310</v>
      </c>
      <c r="I5587">
        <v>1059.1199999999999</v>
      </c>
      <c r="J5587">
        <v>4</v>
      </c>
      <c r="K5587">
        <v>307.14</v>
      </c>
    </row>
    <row r="5588" spans="1:11" x14ac:dyDescent="0.3">
      <c r="A5588" s="1">
        <v>42625</v>
      </c>
      <c r="B5588" s="3">
        <f t="shared" si="174"/>
        <v>9</v>
      </c>
      <c r="C5588" s="3">
        <f t="shared" si="175"/>
        <v>2016</v>
      </c>
      <c r="D5588" t="s">
        <v>1796</v>
      </c>
      <c r="E5588" t="s">
        <v>109</v>
      </c>
      <c r="F5588" t="s">
        <v>10</v>
      </c>
      <c r="G5588" t="s">
        <v>11</v>
      </c>
      <c r="H5588" t="s">
        <v>1900</v>
      </c>
      <c r="I5588">
        <v>68.52</v>
      </c>
      <c r="J5588">
        <v>3</v>
      </c>
      <c r="K5588">
        <v>31.52</v>
      </c>
    </row>
    <row r="5589" spans="1:11" x14ac:dyDescent="0.3">
      <c r="A5589" s="1">
        <v>42625</v>
      </c>
      <c r="B5589" s="3">
        <f t="shared" si="174"/>
        <v>9</v>
      </c>
      <c r="C5589" s="3">
        <f t="shared" si="175"/>
        <v>2016</v>
      </c>
      <c r="D5589" t="s">
        <v>2187</v>
      </c>
      <c r="E5589" t="s">
        <v>277</v>
      </c>
      <c r="F5589" t="s">
        <v>38</v>
      </c>
      <c r="G5589" t="s">
        <v>39</v>
      </c>
      <c r="H5589" t="s">
        <v>1748</v>
      </c>
      <c r="I5589">
        <v>146.94999999999999</v>
      </c>
      <c r="J5589">
        <v>3</v>
      </c>
      <c r="K5589">
        <v>9.18</v>
      </c>
    </row>
    <row r="5590" spans="1:11" x14ac:dyDescent="0.3">
      <c r="A5590" s="1">
        <v>42625</v>
      </c>
      <c r="B5590" s="3">
        <f t="shared" si="174"/>
        <v>9</v>
      </c>
      <c r="C5590" s="3">
        <f t="shared" si="175"/>
        <v>2016</v>
      </c>
      <c r="D5590" t="s">
        <v>2187</v>
      </c>
      <c r="E5590" t="s">
        <v>277</v>
      </c>
      <c r="F5590" t="s">
        <v>33</v>
      </c>
      <c r="G5590" t="s">
        <v>34</v>
      </c>
      <c r="H5590" t="s">
        <v>415</v>
      </c>
      <c r="I5590">
        <v>83.14</v>
      </c>
      <c r="J5590">
        <v>4</v>
      </c>
      <c r="K5590">
        <v>5.2</v>
      </c>
    </row>
    <row r="5591" spans="1:11" x14ac:dyDescent="0.3">
      <c r="A5591" s="1">
        <v>42625</v>
      </c>
      <c r="B5591" s="3">
        <f t="shared" si="174"/>
        <v>9</v>
      </c>
      <c r="C5591" s="3">
        <f t="shared" si="175"/>
        <v>2016</v>
      </c>
      <c r="D5591" t="s">
        <v>688</v>
      </c>
      <c r="E5591" t="s">
        <v>148</v>
      </c>
      <c r="F5591" t="s">
        <v>33</v>
      </c>
      <c r="G5591" t="s">
        <v>46</v>
      </c>
      <c r="H5591" t="s">
        <v>380</v>
      </c>
      <c r="I5591">
        <v>40.479999999999997</v>
      </c>
      <c r="J5591">
        <v>2</v>
      </c>
      <c r="K5591">
        <v>14.57</v>
      </c>
    </row>
    <row r="5592" spans="1:11" x14ac:dyDescent="0.3">
      <c r="A5592" s="1">
        <v>42626</v>
      </c>
      <c r="B5592" s="3">
        <f t="shared" si="174"/>
        <v>9</v>
      </c>
      <c r="C5592" s="3">
        <f t="shared" si="175"/>
        <v>2016</v>
      </c>
      <c r="D5592" t="s">
        <v>663</v>
      </c>
      <c r="E5592" t="s">
        <v>995</v>
      </c>
      <c r="F5592" t="s">
        <v>10</v>
      </c>
      <c r="G5592" t="s">
        <v>17</v>
      </c>
      <c r="H5592" t="s">
        <v>1809</v>
      </c>
      <c r="I5592">
        <v>40.74</v>
      </c>
      <c r="J5592">
        <v>3</v>
      </c>
      <c r="K5592">
        <v>0.41</v>
      </c>
    </row>
    <row r="5593" spans="1:11" x14ac:dyDescent="0.3">
      <c r="A5593" s="1">
        <v>42626</v>
      </c>
      <c r="B5593" s="3">
        <f t="shared" si="174"/>
        <v>9</v>
      </c>
      <c r="C5593" s="3">
        <f t="shared" si="175"/>
        <v>2016</v>
      </c>
      <c r="D5593" t="s">
        <v>663</v>
      </c>
      <c r="E5593" t="s">
        <v>995</v>
      </c>
      <c r="F5593" t="s">
        <v>10</v>
      </c>
      <c r="G5593" t="s">
        <v>15</v>
      </c>
      <c r="H5593" t="s">
        <v>925</v>
      </c>
      <c r="I5593">
        <v>14.4</v>
      </c>
      <c r="J5593">
        <v>5</v>
      </c>
      <c r="K5593">
        <v>7.06</v>
      </c>
    </row>
    <row r="5594" spans="1:11" x14ac:dyDescent="0.3">
      <c r="A5594" s="1">
        <v>42626</v>
      </c>
      <c r="B5594" s="3">
        <f t="shared" si="174"/>
        <v>9</v>
      </c>
      <c r="C5594" s="3">
        <f t="shared" si="175"/>
        <v>2016</v>
      </c>
      <c r="D5594" t="s">
        <v>663</v>
      </c>
      <c r="E5594" t="s">
        <v>995</v>
      </c>
      <c r="F5594" t="s">
        <v>38</v>
      </c>
      <c r="G5594" t="s">
        <v>39</v>
      </c>
      <c r="H5594" t="s">
        <v>1728</v>
      </c>
      <c r="I5594">
        <v>149.94999999999999</v>
      </c>
      <c r="J5594">
        <v>5</v>
      </c>
      <c r="K5594">
        <v>41.99</v>
      </c>
    </row>
    <row r="5595" spans="1:11" x14ac:dyDescent="0.3">
      <c r="A5595" s="1">
        <v>42626</v>
      </c>
      <c r="B5595" s="3">
        <f t="shared" si="174"/>
        <v>9</v>
      </c>
      <c r="C5595" s="3">
        <f t="shared" si="175"/>
        <v>2016</v>
      </c>
      <c r="D5595" t="s">
        <v>663</v>
      </c>
      <c r="E5595" t="s">
        <v>995</v>
      </c>
      <c r="F5595" t="s">
        <v>10</v>
      </c>
      <c r="G5595" t="s">
        <v>199</v>
      </c>
      <c r="H5595" t="s">
        <v>2250</v>
      </c>
      <c r="I5595">
        <v>16.899999999999999</v>
      </c>
      <c r="J5595">
        <v>2</v>
      </c>
      <c r="K5595">
        <v>5.07</v>
      </c>
    </row>
    <row r="5596" spans="1:11" x14ac:dyDescent="0.3">
      <c r="A5596" s="1">
        <v>42626</v>
      </c>
      <c r="B5596" s="3">
        <f t="shared" si="174"/>
        <v>9</v>
      </c>
      <c r="C5596" s="3">
        <f t="shared" si="175"/>
        <v>2016</v>
      </c>
      <c r="D5596" t="s">
        <v>663</v>
      </c>
      <c r="E5596" t="s">
        <v>995</v>
      </c>
      <c r="F5596" t="s">
        <v>10</v>
      </c>
      <c r="G5596" t="s">
        <v>11</v>
      </c>
      <c r="H5596" t="s">
        <v>2075</v>
      </c>
      <c r="I5596">
        <v>17.61</v>
      </c>
      <c r="J5596">
        <v>3</v>
      </c>
      <c r="K5596">
        <v>8.4499999999999993</v>
      </c>
    </row>
    <row r="5597" spans="1:11" x14ac:dyDescent="0.3">
      <c r="A5597" s="1">
        <v>42626</v>
      </c>
      <c r="B5597" s="3">
        <f t="shared" si="174"/>
        <v>9</v>
      </c>
      <c r="C5597" s="3">
        <f t="shared" si="175"/>
        <v>2016</v>
      </c>
      <c r="D5597" t="s">
        <v>663</v>
      </c>
      <c r="E5597" t="s">
        <v>995</v>
      </c>
      <c r="F5597" t="s">
        <v>10</v>
      </c>
      <c r="G5597" t="s">
        <v>91</v>
      </c>
      <c r="H5597" t="s">
        <v>714</v>
      </c>
      <c r="I5597">
        <v>378</v>
      </c>
      <c r="J5597">
        <v>2</v>
      </c>
      <c r="K5597">
        <v>136.08000000000001</v>
      </c>
    </row>
    <row r="5598" spans="1:11" x14ac:dyDescent="0.3">
      <c r="A5598" s="1">
        <v>42626</v>
      </c>
      <c r="B5598" s="3">
        <f t="shared" si="174"/>
        <v>9</v>
      </c>
      <c r="C5598" s="3">
        <f t="shared" si="175"/>
        <v>2016</v>
      </c>
      <c r="D5598" t="s">
        <v>663</v>
      </c>
      <c r="E5598" t="s">
        <v>995</v>
      </c>
      <c r="F5598" t="s">
        <v>10</v>
      </c>
      <c r="G5598" t="s">
        <v>11</v>
      </c>
      <c r="H5598" t="s">
        <v>1417</v>
      </c>
      <c r="I5598">
        <v>17.64</v>
      </c>
      <c r="J5598">
        <v>3</v>
      </c>
      <c r="K5598">
        <v>8.64</v>
      </c>
    </row>
    <row r="5599" spans="1:11" x14ac:dyDescent="0.3">
      <c r="A5599" s="1">
        <v>42626</v>
      </c>
      <c r="B5599" s="3">
        <f t="shared" si="174"/>
        <v>9</v>
      </c>
      <c r="C5599" s="3">
        <f t="shared" si="175"/>
        <v>2016</v>
      </c>
      <c r="D5599" t="s">
        <v>663</v>
      </c>
      <c r="E5599" t="s">
        <v>995</v>
      </c>
      <c r="F5599" t="s">
        <v>10</v>
      </c>
      <c r="G5599" t="s">
        <v>17</v>
      </c>
      <c r="H5599" t="s">
        <v>1399</v>
      </c>
      <c r="I5599">
        <v>373.08</v>
      </c>
      <c r="J5599">
        <v>6</v>
      </c>
      <c r="K5599">
        <v>100.73</v>
      </c>
    </row>
    <row r="5600" spans="1:11" x14ac:dyDescent="0.3">
      <c r="A5600" s="1">
        <v>42626</v>
      </c>
      <c r="B5600" s="3">
        <f t="shared" si="174"/>
        <v>9</v>
      </c>
      <c r="C5600" s="3">
        <f t="shared" si="175"/>
        <v>2016</v>
      </c>
      <c r="D5600" t="s">
        <v>663</v>
      </c>
      <c r="E5600" t="s">
        <v>995</v>
      </c>
      <c r="F5600" t="s">
        <v>33</v>
      </c>
      <c r="G5600" t="s">
        <v>46</v>
      </c>
      <c r="H5600" t="s">
        <v>2598</v>
      </c>
      <c r="I5600">
        <v>1336.44</v>
      </c>
      <c r="J5600">
        <v>14</v>
      </c>
      <c r="K5600">
        <v>387.57</v>
      </c>
    </row>
    <row r="5601" spans="1:11" x14ac:dyDescent="0.3">
      <c r="A5601" s="1">
        <v>42626</v>
      </c>
      <c r="B5601" s="3">
        <f t="shared" si="174"/>
        <v>9</v>
      </c>
      <c r="C5601" s="3">
        <f t="shared" si="175"/>
        <v>2016</v>
      </c>
      <c r="D5601" t="s">
        <v>663</v>
      </c>
      <c r="E5601" t="s">
        <v>995</v>
      </c>
      <c r="F5601" t="s">
        <v>38</v>
      </c>
      <c r="G5601" t="s">
        <v>39</v>
      </c>
      <c r="H5601" t="s">
        <v>1861</v>
      </c>
      <c r="I5601">
        <v>29.97</v>
      </c>
      <c r="J5601">
        <v>3</v>
      </c>
      <c r="K5601">
        <v>0.3</v>
      </c>
    </row>
    <row r="5602" spans="1:11" x14ac:dyDescent="0.3">
      <c r="A5602" s="1">
        <v>42627</v>
      </c>
      <c r="B5602" s="3">
        <f t="shared" si="174"/>
        <v>9</v>
      </c>
      <c r="C5602" s="3">
        <f t="shared" si="175"/>
        <v>2016</v>
      </c>
      <c r="D5602" t="s">
        <v>2175</v>
      </c>
      <c r="E5602" t="s">
        <v>69</v>
      </c>
      <c r="F5602" t="s">
        <v>10</v>
      </c>
      <c r="G5602" t="s">
        <v>11</v>
      </c>
      <c r="H5602" t="s">
        <v>506</v>
      </c>
      <c r="I5602">
        <v>25.92</v>
      </c>
      <c r="J5602">
        <v>4</v>
      </c>
      <c r="K5602">
        <v>12.44</v>
      </c>
    </row>
    <row r="5603" spans="1:11" x14ac:dyDescent="0.3">
      <c r="A5603" s="1">
        <v>42627</v>
      </c>
      <c r="B5603" s="3">
        <f t="shared" si="174"/>
        <v>9</v>
      </c>
      <c r="C5603" s="3">
        <f t="shared" si="175"/>
        <v>2016</v>
      </c>
      <c r="D5603" t="s">
        <v>255</v>
      </c>
      <c r="E5603" t="s">
        <v>148</v>
      </c>
      <c r="F5603" t="s">
        <v>38</v>
      </c>
      <c r="G5603" t="s">
        <v>39</v>
      </c>
      <c r="H5603" t="s">
        <v>1806</v>
      </c>
      <c r="I5603">
        <v>437.85</v>
      </c>
      <c r="J5603">
        <v>3</v>
      </c>
      <c r="K5603">
        <v>131.36000000000001</v>
      </c>
    </row>
    <row r="5604" spans="1:11" x14ac:dyDescent="0.3">
      <c r="A5604" s="1">
        <v>42627</v>
      </c>
      <c r="B5604" s="3">
        <f t="shared" si="174"/>
        <v>9</v>
      </c>
      <c r="C5604" s="3">
        <f t="shared" si="175"/>
        <v>2016</v>
      </c>
      <c r="D5604" t="s">
        <v>255</v>
      </c>
      <c r="E5604" t="s">
        <v>148</v>
      </c>
      <c r="F5604" t="s">
        <v>10</v>
      </c>
      <c r="G5604" t="s">
        <v>19</v>
      </c>
      <c r="H5604" t="s">
        <v>419</v>
      </c>
      <c r="I5604">
        <v>673.57</v>
      </c>
      <c r="J5604">
        <v>2</v>
      </c>
      <c r="K5604">
        <v>252.59</v>
      </c>
    </row>
    <row r="5605" spans="1:11" x14ac:dyDescent="0.3">
      <c r="A5605" s="1">
        <v>42628</v>
      </c>
      <c r="B5605" s="3">
        <f t="shared" si="174"/>
        <v>9</v>
      </c>
      <c r="C5605" s="3">
        <f t="shared" si="175"/>
        <v>2016</v>
      </c>
      <c r="D5605" t="s">
        <v>1967</v>
      </c>
      <c r="E5605" t="s">
        <v>22</v>
      </c>
      <c r="F5605" t="s">
        <v>10</v>
      </c>
      <c r="G5605" t="s">
        <v>11</v>
      </c>
      <c r="H5605" t="s">
        <v>2599</v>
      </c>
      <c r="I5605">
        <v>5.34</v>
      </c>
      <c r="J5605">
        <v>1</v>
      </c>
      <c r="K5605">
        <v>1.87</v>
      </c>
    </row>
    <row r="5606" spans="1:11" x14ac:dyDescent="0.3">
      <c r="A5606" s="1">
        <v>42628</v>
      </c>
      <c r="B5606" s="3">
        <f t="shared" si="174"/>
        <v>9</v>
      </c>
      <c r="C5606" s="3">
        <f t="shared" si="175"/>
        <v>2016</v>
      </c>
      <c r="D5606" t="s">
        <v>1630</v>
      </c>
      <c r="E5606" t="s">
        <v>148</v>
      </c>
      <c r="F5606" t="s">
        <v>10</v>
      </c>
      <c r="G5606" t="s">
        <v>19</v>
      </c>
      <c r="H5606" t="s">
        <v>1776</v>
      </c>
      <c r="I5606">
        <v>841.57</v>
      </c>
      <c r="J5606">
        <v>2</v>
      </c>
      <c r="K5606">
        <v>294.55</v>
      </c>
    </row>
    <row r="5607" spans="1:11" x14ac:dyDescent="0.3">
      <c r="A5607" s="1">
        <v>42628</v>
      </c>
      <c r="B5607" s="3">
        <f t="shared" si="174"/>
        <v>9</v>
      </c>
      <c r="C5607" s="3">
        <f t="shared" si="175"/>
        <v>2016</v>
      </c>
      <c r="D5607" t="s">
        <v>2502</v>
      </c>
      <c r="E5607" t="s">
        <v>163</v>
      </c>
      <c r="F5607" t="s">
        <v>10</v>
      </c>
      <c r="G5607" t="s">
        <v>11</v>
      </c>
      <c r="H5607" t="s">
        <v>2484</v>
      </c>
      <c r="I5607">
        <v>21.4</v>
      </c>
      <c r="J5607">
        <v>5</v>
      </c>
      <c r="K5607">
        <v>10.06</v>
      </c>
    </row>
    <row r="5608" spans="1:11" x14ac:dyDescent="0.3">
      <c r="A5608" s="1">
        <v>42628</v>
      </c>
      <c r="B5608" s="3">
        <f t="shared" si="174"/>
        <v>9</v>
      </c>
      <c r="C5608" s="3">
        <f t="shared" si="175"/>
        <v>2016</v>
      </c>
      <c r="D5608" t="s">
        <v>2502</v>
      </c>
      <c r="E5608" t="s">
        <v>163</v>
      </c>
      <c r="F5608" t="s">
        <v>10</v>
      </c>
      <c r="G5608" t="s">
        <v>19</v>
      </c>
      <c r="H5608" t="s">
        <v>965</v>
      </c>
      <c r="I5608">
        <v>48.66</v>
      </c>
      <c r="J5608">
        <v>7</v>
      </c>
      <c r="K5608">
        <v>15.82</v>
      </c>
    </row>
    <row r="5609" spans="1:11" x14ac:dyDescent="0.3">
      <c r="A5609" s="1">
        <v>42628</v>
      </c>
      <c r="B5609" s="3">
        <f t="shared" si="174"/>
        <v>9</v>
      </c>
      <c r="C5609" s="3">
        <f t="shared" si="175"/>
        <v>2016</v>
      </c>
      <c r="D5609" t="s">
        <v>1634</v>
      </c>
      <c r="E5609" t="s">
        <v>509</v>
      </c>
      <c r="F5609" t="s">
        <v>10</v>
      </c>
      <c r="G5609" t="s">
        <v>19</v>
      </c>
      <c r="H5609" t="s">
        <v>681</v>
      </c>
      <c r="I5609">
        <v>20.420000000000002</v>
      </c>
      <c r="J5609">
        <v>4</v>
      </c>
      <c r="K5609">
        <v>6.64</v>
      </c>
    </row>
    <row r="5610" spans="1:11" x14ac:dyDescent="0.3">
      <c r="A5610" s="1">
        <v>42628</v>
      </c>
      <c r="B5610" s="3">
        <f t="shared" si="174"/>
        <v>9</v>
      </c>
      <c r="C5610" s="3">
        <f t="shared" si="175"/>
        <v>2016</v>
      </c>
      <c r="D5610" t="s">
        <v>1634</v>
      </c>
      <c r="E5610" t="s">
        <v>509</v>
      </c>
      <c r="F5610" t="s">
        <v>33</v>
      </c>
      <c r="G5610" t="s">
        <v>144</v>
      </c>
      <c r="H5610" t="s">
        <v>319</v>
      </c>
      <c r="I5610">
        <v>1128.3900000000001</v>
      </c>
      <c r="J5610">
        <v>3</v>
      </c>
      <c r="K5610">
        <v>259.52999999999997</v>
      </c>
    </row>
    <row r="5611" spans="1:11" x14ac:dyDescent="0.3">
      <c r="A5611" s="1">
        <v>42628</v>
      </c>
      <c r="B5611" s="3">
        <f t="shared" si="174"/>
        <v>9</v>
      </c>
      <c r="C5611" s="3">
        <f t="shared" si="175"/>
        <v>2016</v>
      </c>
      <c r="D5611" t="s">
        <v>1510</v>
      </c>
      <c r="E5611" t="s">
        <v>163</v>
      </c>
      <c r="F5611" t="s">
        <v>10</v>
      </c>
      <c r="G5611" t="s">
        <v>23</v>
      </c>
      <c r="H5611" t="s">
        <v>1205</v>
      </c>
      <c r="I5611">
        <v>35.4</v>
      </c>
      <c r="J5611">
        <v>5</v>
      </c>
      <c r="K5611">
        <v>13.45</v>
      </c>
    </row>
    <row r="5612" spans="1:11" x14ac:dyDescent="0.3">
      <c r="A5612" s="1">
        <v>42629</v>
      </c>
      <c r="B5612" s="3">
        <f t="shared" si="174"/>
        <v>9</v>
      </c>
      <c r="C5612" s="3">
        <f t="shared" si="175"/>
        <v>2016</v>
      </c>
      <c r="D5612" t="s">
        <v>916</v>
      </c>
      <c r="E5612" t="s">
        <v>26</v>
      </c>
      <c r="F5612" t="s">
        <v>10</v>
      </c>
      <c r="G5612" t="s">
        <v>11</v>
      </c>
      <c r="H5612" t="s">
        <v>326</v>
      </c>
      <c r="I5612">
        <v>12.96</v>
      </c>
      <c r="J5612">
        <v>2</v>
      </c>
      <c r="K5612">
        <v>6.35</v>
      </c>
    </row>
    <row r="5613" spans="1:11" x14ac:dyDescent="0.3">
      <c r="A5613" s="1">
        <v>42629</v>
      </c>
      <c r="B5613" s="3">
        <f t="shared" si="174"/>
        <v>9</v>
      </c>
      <c r="C5613" s="3">
        <f t="shared" si="175"/>
        <v>2016</v>
      </c>
      <c r="D5613" t="s">
        <v>1393</v>
      </c>
      <c r="E5613" t="s">
        <v>26</v>
      </c>
      <c r="F5613" t="s">
        <v>33</v>
      </c>
      <c r="G5613" t="s">
        <v>73</v>
      </c>
      <c r="H5613" t="s">
        <v>2133</v>
      </c>
      <c r="I5613">
        <v>273.67</v>
      </c>
      <c r="J5613">
        <v>2</v>
      </c>
      <c r="K5613">
        <v>-12.88</v>
      </c>
    </row>
    <row r="5614" spans="1:11" x14ac:dyDescent="0.3">
      <c r="A5614" s="1">
        <v>42629</v>
      </c>
      <c r="B5614" s="3">
        <f t="shared" si="174"/>
        <v>9</v>
      </c>
      <c r="C5614" s="3">
        <f t="shared" si="175"/>
        <v>2016</v>
      </c>
      <c r="D5614" t="s">
        <v>1393</v>
      </c>
      <c r="E5614" t="s">
        <v>26</v>
      </c>
      <c r="F5614" t="s">
        <v>10</v>
      </c>
      <c r="G5614" t="s">
        <v>91</v>
      </c>
      <c r="H5614" t="s">
        <v>1974</v>
      </c>
      <c r="I5614">
        <v>17.48</v>
      </c>
      <c r="J5614">
        <v>4</v>
      </c>
      <c r="K5614">
        <v>4.54</v>
      </c>
    </row>
    <row r="5615" spans="1:11" x14ac:dyDescent="0.3">
      <c r="A5615" s="1">
        <v>42629</v>
      </c>
      <c r="B5615" s="3">
        <f t="shared" si="174"/>
        <v>9</v>
      </c>
      <c r="C5615" s="3">
        <f t="shared" si="175"/>
        <v>2016</v>
      </c>
      <c r="D5615" t="s">
        <v>756</v>
      </c>
      <c r="E5615" t="s">
        <v>29</v>
      </c>
      <c r="F5615" t="s">
        <v>33</v>
      </c>
      <c r="G5615" t="s">
        <v>34</v>
      </c>
      <c r="H5615" t="s">
        <v>186</v>
      </c>
      <c r="I5615">
        <v>121.78</v>
      </c>
      <c r="J5615">
        <v>2</v>
      </c>
      <c r="K5615">
        <v>30.45</v>
      </c>
    </row>
    <row r="5616" spans="1:11" x14ac:dyDescent="0.3">
      <c r="A5616" s="1">
        <v>42630</v>
      </c>
      <c r="B5616" s="3">
        <f t="shared" si="174"/>
        <v>9</v>
      </c>
      <c r="C5616" s="3">
        <f t="shared" si="175"/>
        <v>2016</v>
      </c>
      <c r="D5616" t="s">
        <v>2547</v>
      </c>
      <c r="E5616" t="s">
        <v>26</v>
      </c>
      <c r="F5616" t="s">
        <v>10</v>
      </c>
      <c r="G5616" t="s">
        <v>23</v>
      </c>
      <c r="H5616" t="s">
        <v>1134</v>
      </c>
      <c r="I5616">
        <v>20.100000000000001</v>
      </c>
      <c r="J5616">
        <v>3</v>
      </c>
      <c r="K5616">
        <v>6.63</v>
      </c>
    </row>
    <row r="5617" spans="1:11" x14ac:dyDescent="0.3">
      <c r="A5617" s="1">
        <v>42630</v>
      </c>
      <c r="B5617" s="3">
        <f t="shared" si="174"/>
        <v>9</v>
      </c>
      <c r="C5617" s="3">
        <f t="shared" si="175"/>
        <v>2016</v>
      </c>
      <c r="D5617" t="s">
        <v>2547</v>
      </c>
      <c r="E5617" t="s">
        <v>26</v>
      </c>
      <c r="F5617" t="s">
        <v>38</v>
      </c>
      <c r="G5617" t="s">
        <v>39</v>
      </c>
      <c r="H5617" t="s">
        <v>862</v>
      </c>
      <c r="I5617">
        <v>73.58</v>
      </c>
      <c r="J5617">
        <v>2</v>
      </c>
      <c r="K5617">
        <v>8.2799999999999994</v>
      </c>
    </row>
    <row r="5618" spans="1:11" x14ac:dyDescent="0.3">
      <c r="A5618" s="1">
        <v>42630</v>
      </c>
      <c r="B5618" s="3">
        <f t="shared" si="174"/>
        <v>9</v>
      </c>
      <c r="C5618" s="3">
        <f t="shared" si="175"/>
        <v>2016</v>
      </c>
      <c r="D5618" t="s">
        <v>2547</v>
      </c>
      <c r="E5618" t="s">
        <v>26</v>
      </c>
      <c r="F5618" t="s">
        <v>10</v>
      </c>
      <c r="G5618" t="s">
        <v>11</v>
      </c>
      <c r="H5618" t="s">
        <v>879</v>
      </c>
      <c r="I5618">
        <v>6.48</v>
      </c>
      <c r="J5618">
        <v>1</v>
      </c>
      <c r="K5618">
        <v>3.11</v>
      </c>
    </row>
    <row r="5619" spans="1:11" x14ac:dyDescent="0.3">
      <c r="A5619" s="1">
        <v>42630</v>
      </c>
      <c r="B5619" s="3">
        <f t="shared" si="174"/>
        <v>9</v>
      </c>
      <c r="C5619" s="3">
        <f t="shared" si="175"/>
        <v>2016</v>
      </c>
      <c r="D5619" t="s">
        <v>391</v>
      </c>
      <c r="E5619" t="s">
        <v>29</v>
      </c>
      <c r="F5619" t="s">
        <v>38</v>
      </c>
      <c r="G5619" t="s">
        <v>301</v>
      </c>
      <c r="H5619" t="s">
        <v>2600</v>
      </c>
      <c r="I5619">
        <v>396</v>
      </c>
      <c r="J5619">
        <v>4</v>
      </c>
      <c r="K5619">
        <v>190.08</v>
      </c>
    </row>
    <row r="5620" spans="1:11" x14ac:dyDescent="0.3">
      <c r="A5620" s="1">
        <v>42630</v>
      </c>
      <c r="B5620" s="3">
        <f t="shared" si="174"/>
        <v>9</v>
      </c>
      <c r="C5620" s="3">
        <f t="shared" si="175"/>
        <v>2016</v>
      </c>
      <c r="D5620" t="s">
        <v>592</v>
      </c>
      <c r="E5620" t="s">
        <v>1060</v>
      </c>
      <c r="F5620" t="s">
        <v>38</v>
      </c>
      <c r="G5620" t="s">
        <v>39</v>
      </c>
      <c r="H5620" t="s">
        <v>1806</v>
      </c>
      <c r="I5620">
        <v>437.85</v>
      </c>
      <c r="J5620">
        <v>3</v>
      </c>
      <c r="K5620">
        <v>131.36000000000001</v>
      </c>
    </row>
    <row r="5621" spans="1:11" x14ac:dyDescent="0.3">
      <c r="A5621" s="1">
        <v>42630</v>
      </c>
      <c r="B5621" s="3">
        <f t="shared" si="174"/>
        <v>9</v>
      </c>
      <c r="C5621" s="3">
        <f t="shared" si="175"/>
        <v>2016</v>
      </c>
      <c r="D5621" t="s">
        <v>592</v>
      </c>
      <c r="E5621" t="s">
        <v>1060</v>
      </c>
      <c r="F5621" t="s">
        <v>33</v>
      </c>
      <c r="G5621" t="s">
        <v>46</v>
      </c>
      <c r="H5621" t="s">
        <v>1339</v>
      </c>
      <c r="I5621">
        <v>109.48</v>
      </c>
      <c r="J5621">
        <v>2</v>
      </c>
      <c r="K5621">
        <v>33.94</v>
      </c>
    </row>
    <row r="5622" spans="1:11" x14ac:dyDescent="0.3">
      <c r="A5622" s="1">
        <v>42630</v>
      </c>
      <c r="B5622" s="3">
        <f t="shared" si="174"/>
        <v>9</v>
      </c>
      <c r="C5622" s="3">
        <f t="shared" si="175"/>
        <v>2016</v>
      </c>
      <c r="D5622" t="s">
        <v>2258</v>
      </c>
      <c r="E5622" t="s">
        <v>163</v>
      </c>
      <c r="F5622" t="s">
        <v>33</v>
      </c>
      <c r="G5622" t="s">
        <v>34</v>
      </c>
      <c r="H5622" t="s">
        <v>1820</v>
      </c>
      <c r="I5622">
        <v>113.89</v>
      </c>
      <c r="J5622">
        <v>2</v>
      </c>
      <c r="K5622">
        <v>9.9700000000000006</v>
      </c>
    </row>
    <row r="5623" spans="1:11" x14ac:dyDescent="0.3">
      <c r="A5623" s="1">
        <v>42630</v>
      </c>
      <c r="B5623" s="3">
        <f t="shared" si="174"/>
        <v>9</v>
      </c>
      <c r="C5623" s="3">
        <f t="shared" si="175"/>
        <v>2016</v>
      </c>
      <c r="D5623" t="s">
        <v>2258</v>
      </c>
      <c r="E5623" t="s">
        <v>163</v>
      </c>
      <c r="F5623" t="s">
        <v>38</v>
      </c>
      <c r="G5623" t="s">
        <v>39</v>
      </c>
      <c r="H5623" t="s">
        <v>1807</v>
      </c>
      <c r="I5623">
        <v>105.58</v>
      </c>
      <c r="J5623">
        <v>2</v>
      </c>
      <c r="K5623">
        <v>7.92</v>
      </c>
    </row>
    <row r="5624" spans="1:11" x14ac:dyDescent="0.3">
      <c r="A5624" s="1">
        <v>42630</v>
      </c>
      <c r="B5624" s="3">
        <f t="shared" si="174"/>
        <v>9</v>
      </c>
      <c r="C5624" s="3">
        <f t="shared" si="175"/>
        <v>2016</v>
      </c>
      <c r="D5624" t="s">
        <v>1285</v>
      </c>
      <c r="E5624" t="s">
        <v>148</v>
      </c>
      <c r="F5624" t="s">
        <v>10</v>
      </c>
      <c r="G5624" t="s">
        <v>19</v>
      </c>
      <c r="H5624" t="s">
        <v>661</v>
      </c>
      <c r="I5624">
        <v>232.4</v>
      </c>
      <c r="J5624">
        <v>5</v>
      </c>
      <c r="K5624">
        <v>78.44</v>
      </c>
    </row>
    <row r="5625" spans="1:11" x14ac:dyDescent="0.3">
      <c r="A5625" s="1">
        <v>42630</v>
      </c>
      <c r="B5625" s="3">
        <f t="shared" si="174"/>
        <v>9</v>
      </c>
      <c r="C5625" s="3">
        <f t="shared" si="175"/>
        <v>2016</v>
      </c>
      <c r="D5625" t="s">
        <v>80</v>
      </c>
      <c r="E5625" t="s">
        <v>128</v>
      </c>
      <c r="F5625" t="s">
        <v>10</v>
      </c>
      <c r="G5625" t="s">
        <v>23</v>
      </c>
      <c r="H5625" t="s">
        <v>778</v>
      </c>
      <c r="I5625">
        <v>33.4</v>
      </c>
      <c r="J5625">
        <v>5</v>
      </c>
      <c r="K5625">
        <v>12.36</v>
      </c>
    </row>
    <row r="5626" spans="1:11" x14ac:dyDescent="0.3">
      <c r="A5626" s="1">
        <v>42630</v>
      </c>
      <c r="B5626" s="3">
        <f t="shared" si="174"/>
        <v>9</v>
      </c>
      <c r="C5626" s="3">
        <f t="shared" si="175"/>
        <v>2016</v>
      </c>
      <c r="D5626" t="s">
        <v>372</v>
      </c>
      <c r="E5626" t="s">
        <v>433</v>
      </c>
      <c r="F5626" t="s">
        <v>33</v>
      </c>
      <c r="G5626" t="s">
        <v>46</v>
      </c>
      <c r="H5626" t="s">
        <v>2479</v>
      </c>
      <c r="I5626">
        <v>14.82</v>
      </c>
      <c r="J5626">
        <v>3</v>
      </c>
      <c r="K5626">
        <v>6.22</v>
      </c>
    </row>
    <row r="5627" spans="1:11" x14ac:dyDescent="0.3">
      <c r="A5627" s="1">
        <v>42630</v>
      </c>
      <c r="B5627" s="3">
        <f t="shared" si="174"/>
        <v>9</v>
      </c>
      <c r="C5627" s="3">
        <f t="shared" si="175"/>
        <v>2016</v>
      </c>
      <c r="D5627" t="s">
        <v>372</v>
      </c>
      <c r="E5627" t="s">
        <v>433</v>
      </c>
      <c r="F5627" t="s">
        <v>33</v>
      </c>
      <c r="G5627" t="s">
        <v>46</v>
      </c>
      <c r="H5627" t="s">
        <v>47</v>
      </c>
      <c r="I5627">
        <v>191.82</v>
      </c>
      <c r="J5627">
        <v>3</v>
      </c>
      <c r="K5627">
        <v>61.38</v>
      </c>
    </row>
    <row r="5628" spans="1:11" x14ac:dyDescent="0.3">
      <c r="A5628" s="1">
        <v>42630</v>
      </c>
      <c r="B5628" s="3">
        <f t="shared" si="174"/>
        <v>9</v>
      </c>
      <c r="C5628" s="3">
        <f t="shared" si="175"/>
        <v>2016</v>
      </c>
      <c r="D5628" t="s">
        <v>1128</v>
      </c>
      <c r="E5628" t="s">
        <v>77</v>
      </c>
      <c r="F5628" t="s">
        <v>10</v>
      </c>
      <c r="G5628" t="s">
        <v>17</v>
      </c>
      <c r="H5628" t="s">
        <v>1850</v>
      </c>
      <c r="I5628">
        <v>295.39999999999998</v>
      </c>
      <c r="J5628">
        <v>5</v>
      </c>
      <c r="K5628">
        <v>-62.77</v>
      </c>
    </row>
    <row r="5629" spans="1:11" x14ac:dyDescent="0.3">
      <c r="A5629" s="1">
        <v>42630</v>
      </c>
      <c r="B5629" s="3">
        <f t="shared" si="174"/>
        <v>9</v>
      </c>
      <c r="C5629" s="3">
        <f t="shared" si="175"/>
        <v>2016</v>
      </c>
      <c r="D5629" t="s">
        <v>2224</v>
      </c>
      <c r="E5629" t="s">
        <v>163</v>
      </c>
      <c r="F5629" t="s">
        <v>10</v>
      </c>
      <c r="G5629" t="s">
        <v>15</v>
      </c>
      <c r="H5629" t="s">
        <v>605</v>
      </c>
      <c r="I5629">
        <v>12.32</v>
      </c>
      <c r="J5629">
        <v>4</v>
      </c>
      <c r="K5629">
        <v>5.91</v>
      </c>
    </row>
    <row r="5630" spans="1:11" x14ac:dyDescent="0.3">
      <c r="A5630" s="1">
        <v>42631</v>
      </c>
      <c r="B5630" s="3">
        <f t="shared" si="174"/>
        <v>9</v>
      </c>
      <c r="C5630" s="3">
        <f t="shared" si="175"/>
        <v>2016</v>
      </c>
      <c r="D5630" t="s">
        <v>2276</v>
      </c>
      <c r="E5630" t="s">
        <v>148</v>
      </c>
      <c r="F5630" t="s">
        <v>10</v>
      </c>
      <c r="G5630" t="s">
        <v>19</v>
      </c>
      <c r="H5630" t="s">
        <v>1369</v>
      </c>
      <c r="I5630">
        <v>4.62</v>
      </c>
      <c r="J5630">
        <v>1</v>
      </c>
      <c r="K5630">
        <v>1.73</v>
      </c>
    </row>
    <row r="5631" spans="1:11" x14ac:dyDescent="0.3">
      <c r="A5631" s="1">
        <v>42631</v>
      </c>
      <c r="B5631" s="3">
        <f t="shared" si="174"/>
        <v>9</v>
      </c>
      <c r="C5631" s="3">
        <f t="shared" si="175"/>
        <v>2016</v>
      </c>
      <c r="D5631" t="s">
        <v>1747</v>
      </c>
      <c r="E5631" t="s">
        <v>122</v>
      </c>
      <c r="F5631" t="s">
        <v>33</v>
      </c>
      <c r="G5631" t="s">
        <v>144</v>
      </c>
      <c r="H5631" t="s">
        <v>2065</v>
      </c>
      <c r="I5631">
        <v>383.44</v>
      </c>
      <c r="J5631">
        <v>4</v>
      </c>
      <c r="K5631">
        <v>-167.32</v>
      </c>
    </row>
    <row r="5632" spans="1:11" x14ac:dyDescent="0.3">
      <c r="A5632" s="1">
        <v>42631</v>
      </c>
      <c r="B5632" s="3">
        <f t="shared" si="174"/>
        <v>9</v>
      </c>
      <c r="C5632" s="3">
        <f t="shared" si="175"/>
        <v>2016</v>
      </c>
      <c r="D5632" t="s">
        <v>1527</v>
      </c>
      <c r="E5632" t="s">
        <v>487</v>
      </c>
      <c r="F5632" t="s">
        <v>33</v>
      </c>
      <c r="G5632" t="s">
        <v>34</v>
      </c>
      <c r="H5632" t="s">
        <v>1725</v>
      </c>
      <c r="I5632">
        <v>350.98</v>
      </c>
      <c r="J5632">
        <v>1</v>
      </c>
      <c r="K5632">
        <v>84.24</v>
      </c>
    </row>
    <row r="5633" spans="1:11" x14ac:dyDescent="0.3">
      <c r="A5633" s="1">
        <v>42631</v>
      </c>
      <c r="B5633" s="3">
        <f t="shared" si="174"/>
        <v>9</v>
      </c>
      <c r="C5633" s="3">
        <f t="shared" si="175"/>
        <v>2016</v>
      </c>
      <c r="D5633" t="s">
        <v>1527</v>
      </c>
      <c r="E5633" t="s">
        <v>487</v>
      </c>
      <c r="F5633" t="s">
        <v>10</v>
      </c>
      <c r="G5633" t="s">
        <v>11</v>
      </c>
      <c r="H5633" t="s">
        <v>1402</v>
      </c>
      <c r="I5633">
        <v>13.08</v>
      </c>
      <c r="J5633">
        <v>2</v>
      </c>
      <c r="K5633">
        <v>6.02</v>
      </c>
    </row>
    <row r="5634" spans="1:11" x14ac:dyDescent="0.3">
      <c r="A5634" s="1">
        <v>42631</v>
      </c>
      <c r="B5634" s="3">
        <f t="shared" ref="B5634:B5697" si="176">MONTH(A:A)</f>
        <v>9</v>
      </c>
      <c r="C5634" s="3">
        <f t="shared" ref="C5634:C5697" si="177">YEAR(A:A)</f>
        <v>2016</v>
      </c>
      <c r="D5634" t="s">
        <v>1527</v>
      </c>
      <c r="E5634" t="s">
        <v>487</v>
      </c>
      <c r="F5634" t="s">
        <v>10</v>
      </c>
      <c r="G5634" t="s">
        <v>17</v>
      </c>
      <c r="H5634" t="s">
        <v>1571</v>
      </c>
      <c r="I5634">
        <v>900.08</v>
      </c>
      <c r="J5634">
        <v>4</v>
      </c>
      <c r="K5634">
        <v>117.01</v>
      </c>
    </row>
    <row r="5635" spans="1:11" x14ac:dyDescent="0.3">
      <c r="A5635" s="1">
        <v>42631</v>
      </c>
      <c r="B5635" s="3">
        <f t="shared" si="176"/>
        <v>9</v>
      </c>
      <c r="C5635" s="3">
        <f t="shared" si="177"/>
        <v>2016</v>
      </c>
      <c r="D5635" t="s">
        <v>57</v>
      </c>
      <c r="E5635" t="s">
        <v>77</v>
      </c>
      <c r="F5635" t="s">
        <v>33</v>
      </c>
      <c r="G5635" t="s">
        <v>46</v>
      </c>
      <c r="H5635" t="s">
        <v>1454</v>
      </c>
      <c r="I5635">
        <v>5.35</v>
      </c>
      <c r="J5635">
        <v>3</v>
      </c>
      <c r="K5635">
        <v>1.61</v>
      </c>
    </row>
    <row r="5636" spans="1:11" x14ac:dyDescent="0.3">
      <c r="A5636" s="1">
        <v>42631</v>
      </c>
      <c r="B5636" s="3">
        <f t="shared" si="176"/>
        <v>9</v>
      </c>
      <c r="C5636" s="3">
        <f t="shared" si="177"/>
        <v>2016</v>
      </c>
      <c r="D5636" t="s">
        <v>57</v>
      </c>
      <c r="E5636" t="s">
        <v>77</v>
      </c>
      <c r="F5636" t="s">
        <v>33</v>
      </c>
      <c r="G5636" t="s">
        <v>34</v>
      </c>
      <c r="H5636" t="s">
        <v>792</v>
      </c>
      <c r="I5636">
        <v>99.37</v>
      </c>
      <c r="J5636">
        <v>2</v>
      </c>
      <c r="K5636">
        <v>-7.1</v>
      </c>
    </row>
    <row r="5637" spans="1:11" x14ac:dyDescent="0.3">
      <c r="A5637" s="1">
        <v>42631</v>
      </c>
      <c r="B5637" s="3">
        <f t="shared" si="176"/>
        <v>9</v>
      </c>
      <c r="C5637" s="3">
        <f t="shared" si="177"/>
        <v>2016</v>
      </c>
      <c r="D5637" t="s">
        <v>57</v>
      </c>
      <c r="E5637" t="s">
        <v>77</v>
      </c>
      <c r="F5637" t="s">
        <v>10</v>
      </c>
      <c r="G5637" t="s">
        <v>23</v>
      </c>
      <c r="H5637" t="s">
        <v>1843</v>
      </c>
      <c r="I5637">
        <v>2.67</v>
      </c>
      <c r="J5637">
        <v>1</v>
      </c>
      <c r="K5637">
        <v>0.37</v>
      </c>
    </row>
    <row r="5638" spans="1:11" x14ac:dyDescent="0.3">
      <c r="A5638" s="1">
        <v>42631</v>
      </c>
      <c r="B5638" s="3">
        <f t="shared" si="176"/>
        <v>9</v>
      </c>
      <c r="C5638" s="3">
        <f t="shared" si="177"/>
        <v>2016</v>
      </c>
      <c r="D5638" t="s">
        <v>735</v>
      </c>
      <c r="E5638" t="s">
        <v>148</v>
      </c>
      <c r="F5638" t="s">
        <v>33</v>
      </c>
      <c r="G5638" t="s">
        <v>34</v>
      </c>
      <c r="H5638" t="s">
        <v>593</v>
      </c>
      <c r="I5638">
        <v>631.78</v>
      </c>
      <c r="J5638">
        <v>2</v>
      </c>
      <c r="K5638">
        <v>140.4</v>
      </c>
    </row>
    <row r="5639" spans="1:11" x14ac:dyDescent="0.3">
      <c r="A5639" s="1">
        <v>42631</v>
      </c>
      <c r="B5639" s="3">
        <f t="shared" si="176"/>
        <v>9</v>
      </c>
      <c r="C5639" s="3">
        <f t="shared" si="177"/>
        <v>2016</v>
      </c>
      <c r="D5639" t="s">
        <v>735</v>
      </c>
      <c r="E5639" t="s">
        <v>148</v>
      </c>
      <c r="F5639" t="s">
        <v>33</v>
      </c>
      <c r="G5639" t="s">
        <v>46</v>
      </c>
      <c r="H5639" t="s">
        <v>2447</v>
      </c>
      <c r="I5639">
        <v>60.72</v>
      </c>
      <c r="J5639">
        <v>3</v>
      </c>
      <c r="K5639">
        <v>26.11</v>
      </c>
    </row>
    <row r="5640" spans="1:11" x14ac:dyDescent="0.3">
      <c r="A5640" s="1">
        <v>42631</v>
      </c>
      <c r="B5640" s="3">
        <f t="shared" si="176"/>
        <v>9</v>
      </c>
      <c r="C5640" s="3">
        <f t="shared" si="177"/>
        <v>2016</v>
      </c>
      <c r="D5640" t="s">
        <v>1545</v>
      </c>
      <c r="E5640" t="s">
        <v>122</v>
      </c>
      <c r="F5640" t="s">
        <v>10</v>
      </c>
      <c r="G5640" t="s">
        <v>15</v>
      </c>
      <c r="H5640" t="s">
        <v>171</v>
      </c>
      <c r="I5640">
        <v>3</v>
      </c>
      <c r="J5640">
        <v>1</v>
      </c>
      <c r="K5640">
        <v>1.05</v>
      </c>
    </row>
    <row r="5641" spans="1:11" x14ac:dyDescent="0.3">
      <c r="A5641" s="1">
        <v>42631</v>
      </c>
      <c r="B5641" s="3">
        <f t="shared" si="176"/>
        <v>9</v>
      </c>
      <c r="C5641" s="3">
        <f t="shared" si="177"/>
        <v>2016</v>
      </c>
      <c r="D5641" t="s">
        <v>2047</v>
      </c>
      <c r="E5641" t="s">
        <v>26</v>
      </c>
      <c r="F5641" t="s">
        <v>33</v>
      </c>
      <c r="G5641" t="s">
        <v>34</v>
      </c>
      <c r="H5641" t="s">
        <v>990</v>
      </c>
      <c r="I5641">
        <v>801.57</v>
      </c>
      <c r="J5641">
        <v>2</v>
      </c>
      <c r="K5641">
        <v>50.1</v>
      </c>
    </row>
    <row r="5642" spans="1:11" x14ac:dyDescent="0.3">
      <c r="A5642" s="1">
        <v>42631</v>
      </c>
      <c r="B5642" s="3">
        <f t="shared" si="176"/>
        <v>9</v>
      </c>
      <c r="C5642" s="3">
        <f t="shared" si="177"/>
        <v>2016</v>
      </c>
      <c r="D5642" t="s">
        <v>2047</v>
      </c>
      <c r="E5642" t="s">
        <v>26</v>
      </c>
      <c r="F5642" t="s">
        <v>10</v>
      </c>
      <c r="G5642" t="s">
        <v>11</v>
      </c>
      <c r="H5642" t="s">
        <v>490</v>
      </c>
      <c r="I5642">
        <v>368.91</v>
      </c>
      <c r="J5642">
        <v>9</v>
      </c>
      <c r="K5642">
        <v>180.77</v>
      </c>
    </row>
    <row r="5643" spans="1:11" x14ac:dyDescent="0.3">
      <c r="A5643" s="1">
        <v>42631</v>
      </c>
      <c r="B5643" s="3">
        <f t="shared" si="176"/>
        <v>9</v>
      </c>
      <c r="C5643" s="3">
        <f t="shared" si="177"/>
        <v>2016</v>
      </c>
      <c r="D5643" t="s">
        <v>2047</v>
      </c>
      <c r="E5643" t="s">
        <v>26</v>
      </c>
      <c r="F5643" t="s">
        <v>33</v>
      </c>
      <c r="G5643" t="s">
        <v>34</v>
      </c>
      <c r="H5643" t="s">
        <v>918</v>
      </c>
      <c r="I5643">
        <v>885.53</v>
      </c>
      <c r="J5643">
        <v>9</v>
      </c>
      <c r="K5643">
        <v>-99.62</v>
      </c>
    </row>
    <row r="5644" spans="1:11" x14ac:dyDescent="0.3">
      <c r="A5644" s="1">
        <v>42631</v>
      </c>
      <c r="B5644" s="3">
        <f t="shared" si="176"/>
        <v>9</v>
      </c>
      <c r="C5644" s="3">
        <f t="shared" si="177"/>
        <v>2016</v>
      </c>
      <c r="D5644" t="s">
        <v>2093</v>
      </c>
      <c r="E5644" t="s">
        <v>26</v>
      </c>
      <c r="F5644" t="s">
        <v>38</v>
      </c>
      <c r="G5644" t="s">
        <v>39</v>
      </c>
      <c r="H5644" t="s">
        <v>1351</v>
      </c>
      <c r="I5644">
        <v>239.98</v>
      </c>
      <c r="J5644">
        <v>2</v>
      </c>
      <c r="K5644">
        <v>24</v>
      </c>
    </row>
    <row r="5645" spans="1:11" x14ac:dyDescent="0.3">
      <c r="A5645" s="1">
        <v>42632</v>
      </c>
      <c r="B5645" s="3">
        <f t="shared" si="176"/>
        <v>9</v>
      </c>
      <c r="C5645" s="3">
        <f t="shared" si="177"/>
        <v>2016</v>
      </c>
      <c r="D5645" t="s">
        <v>1493</v>
      </c>
      <c r="E5645" t="s">
        <v>14</v>
      </c>
      <c r="F5645" t="s">
        <v>33</v>
      </c>
      <c r="G5645" t="s">
        <v>34</v>
      </c>
      <c r="H5645" t="s">
        <v>990</v>
      </c>
      <c r="I5645">
        <v>701.37</v>
      </c>
      <c r="J5645">
        <v>2</v>
      </c>
      <c r="K5645">
        <v>-50.1</v>
      </c>
    </row>
    <row r="5646" spans="1:11" x14ac:dyDescent="0.3">
      <c r="A5646" s="1">
        <v>42632</v>
      </c>
      <c r="B5646" s="3">
        <f t="shared" si="176"/>
        <v>9</v>
      </c>
      <c r="C5646" s="3">
        <f t="shared" si="177"/>
        <v>2016</v>
      </c>
      <c r="D5646" t="s">
        <v>1493</v>
      </c>
      <c r="E5646" t="s">
        <v>14</v>
      </c>
      <c r="F5646" t="s">
        <v>10</v>
      </c>
      <c r="G5646" t="s">
        <v>19</v>
      </c>
      <c r="H5646" t="s">
        <v>1369</v>
      </c>
      <c r="I5646">
        <v>2.31</v>
      </c>
      <c r="J5646">
        <v>2</v>
      </c>
      <c r="K5646">
        <v>-3.46</v>
      </c>
    </row>
    <row r="5647" spans="1:11" x14ac:dyDescent="0.3">
      <c r="A5647" s="1">
        <v>42632</v>
      </c>
      <c r="B5647" s="3">
        <f t="shared" si="176"/>
        <v>9</v>
      </c>
      <c r="C5647" s="3">
        <f t="shared" si="177"/>
        <v>2016</v>
      </c>
      <c r="D5647" t="s">
        <v>1628</v>
      </c>
      <c r="E5647" t="s">
        <v>1528</v>
      </c>
      <c r="F5647" t="s">
        <v>10</v>
      </c>
      <c r="G5647" t="s">
        <v>17</v>
      </c>
      <c r="H5647" t="s">
        <v>307</v>
      </c>
      <c r="I5647">
        <v>1606.23</v>
      </c>
      <c r="J5647">
        <v>9</v>
      </c>
      <c r="K5647">
        <v>481.87</v>
      </c>
    </row>
    <row r="5648" spans="1:11" x14ac:dyDescent="0.3">
      <c r="A5648" s="1">
        <v>42632</v>
      </c>
      <c r="B5648" s="3">
        <f t="shared" si="176"/>
        <v>9</v>
      </c>
      <c r="C5648" s="3">
        <f t="shared" si="177"/>
        <v>2016</v>
      </c>
      <c r="D5648" t="s">
        <v>1628</v>
      </c>
      <c r="E5648" t="s">
        <v>1528</v>
      </c>
      <c r="F5648" t="s">
        <v>10</v>
      </c>
      <c r="G5648" t="s">
        <v>11</v>
      </c>
      <c r="H5648" t="s">
        <v>1923</v>
      </c>
      <c r="I5648">
        <v>17.04</v>
      </c>
      <c r="J5648">
        <v>3</v>
      </c>
      <c r="K5648">
        <v>7.67</v>
      </c>
    </row>
    <row r="5649" spans="1:11" x14ac:dyDescent="0.3">
      <c r="A5649" s="1">
        <v>42632</v>
      </c>
      <c r="B5649" s="3">
        <f t="shared" si="176"/>
        <v>9</v>
      </c>
      <c r="C5649" s="3">
        <f t="shared" si="177"/>
        <v>2016</v>
      </c>
      <c r="D5649" t="s">
        <v>1628</v>
      </c>
      <c r="E5649" t="s">
        <v>1528</v>
      </c>
      <c r="F5649" t="s">
        <v>10</v>
      </c>
      <c r="G5649" t="s">
        <v>19</v>
      </c>
      <c r="H5649" t="s">
        <v>2119</v>
      </c>
      <c r="I5649">
        <v>49.53</v>
      </c>
      <c r="J5649">
        <v>3</v>
      </c>
      <c r="K5649">
        <v>23.77</v>
      </c>
    </row>
    <row r="5650" spans="1:11" x14ac:dyDescent="0.3">
      <c r="A5650" s="1">
        <v>42632</v>
      </c>
      <c r="B5650" s="3">
        <f t="shared" si="176"/>
        <v>9</v>
      </c>
      <c r="C5650" s="3">
        <f t="shared" si="177"/>
        <v>2016</v>
      </c>
      <c r="D5650" t="s">
        <v>1628</v>
      </c>
      <c r="E5650" t="s">
        <v>1528</v>
      </c>
      <c r="F5650" t="s">
        <v>33</v>
      </c>
      <c r="G5650" t="s">
        <v>34</v>
      </c>
      <c r="H5650" t="s">
        <v>632</v>
      </c>
      <c r="I5650">
        <v>872.32</v>
      </c>
      <c r="J5650">
        <v>4</v>
      </c>
      <c r="K5650">
        <v>244.25</v>
      </c>
    </row>
    <row r="5651" spans="1:11" x14ac:dyDescent="0.3">
      <c r="A5651" s="1">
        <v>42632</v>
      </c>
      <c r="B5651" s="3">
        <f t="shared" si="176"/>
        <v>9</v>
      </c>
      <c r="C5651" s="3">
        <f t="shared" si="177"/>
        <v>2016</v>
      </c>
      <c r="D5651" t="s">
        <v>976</v>
      </c>
      <c r="E5651" t="s">
        <v>26</v>
      </c>
      <c r="F5651" t="s">
        <v>10</v>
      </c>
      <c r="G5651" t="s">
        <v>11</v>
      </c>
      <c r="H5651" t="s">
        <v>1772</v>
      </c>
      <c r="I5651">
        <v>159.88</v>
      </c>
      <c r="J5651">
        <v>7</v>
      </c>
      <c r="K5651">
        <v>73.540000000000006</v>
      </c>
    </row>
    <row r="5652" spans="1:11" x14ac:dyDescent="0.3">
      <c r="A5652" s="1">
        <v>42632</v>
      </c>
      <c r="B5652" s="3">
        <f t="shared" si="176"/>
        <v>9</v>
      </c>
      <c r="C5652" s="3">
        <f t="shared" si="177"/>
        <v>2016</v>
      </c>
      <c r="D5652" t="s">
        <v>130</v>
      </c>
      <c r="E5652" t="s">
        <v>176</v>
      </c>
      <c r="F5652" t="s">
        <v>10</v>
      </c>
      <c r="G5652" t="s">
        <v>19</v>
      </c>
      <c r="H5652" t="s">
        <v>833</v>
      </c>
      <c r="I5652">
        <v>25.44</v>
      </c>
      <c r="J5652">
        <v>6</v>
      </c>
      <c r="K5652">
        <v>12.72</v>
      </c>
    </row>
    <row r="5653" spans="1:11" x14ac:dyDescent="0.3">
      <c r="A5653" s="1">
        <v>42632</v>
      </c>
      <c r="B5653" s="3">
        <f t="shared" si="176"/>
        <v>9</v>
      </c>
      <c r="C5653" s="3">
        <f t="shared" si="177"/>
        <v>2016</v>
      </c>
      <c r="D5653" t="s">
        <v>130</v>
      </c>
      <c r="E5653" t="s">
        <v>176</v>
      </c>
      <c r="F5653" t="s">
        <v>10</v>
      </c>
      <c r="G5653" t="s">
        <v>199</v>
      </c>
      <c r="H5653" t="s">
        <v>261</v>
      </c>
      <c r="I5653">
        <v>27.93</v>
      </c>
      <c r="J5653">
        <v>3</v>
      </c>
      <c r="K5653">
        <v>8.1</v>
      </c>
    </row>
    <row r="5654" spans="1:11" x14ac:dyDescent="0.3">
      <c r="A5654" s="1">
        <v>42632</v>
      </c>
      <c r="B5654" s="3">
        <f t="shared" si="176"/>
        <v>9</v>
      </c>
      <c r="C5654" s="3">
        <f t="shared" si="177"/>
        <v>2016</v>
      </c>
      <c r="D5654" t="s">
        <v>2020</v>
      </c>
      <c r="E5654" t="s">
        <v>29</v>
      </c>
      <c r="F5654" t="s">
        <v>10</v>
      </c>
      <c r="G5654" t="s">
        <v>199</v>
      </c>
      <c r="H5654" t="s">
        <v>709</v>
      </c>
      <c r="I5654">
        <v>5.04</v>
      </c>
      <c r="J5654">
        <v>2</v>
      </c>
      <c r="K5654">
        <v>0.15</v>
      </c>
    </row>
    <row r="5655" spans="1:11" x14ac:dyDescent="0.3">
      <c r="A5655" s="1">
        <v>42632</v>
      </c>
      <c r="B5655" s="3">
        <f t="shared" si="176"/>
        <v>9</v>
      </c>
      <c r="C5655" s="3">
        <f t="shared" si="177"/>
        <v>2016</v>
      </c>
      <c r="D5655" t="s">
        <v>2020</v>
      </c>
      <c r="E5655" t="s">
        <v>29</v>
      </c>
      <c r="F5655" t="s">
        <v>38</v>
      </c>
      <c r="G5655" t="s">
        <v>51</v>
      </c>
      <c r="H5655" t="s">
        <v>453</v>
      </c>
      <c r="I5655">
        <v>249.95</v>
      </c>
      <c r="J5655">
        <v>5</v>
      </c>
      <c r="K5655">
        <v>107.48</v>
      </c>
    </row>
    <row r="5656" spans="1:11" x14ac:dyDescent="0.3">
      <c r="A5656" s="1">
        <v>42632</v>
      </c>
      <c r="B5656" s="3">
        <f t="shared" si="176"/>
        <v>9</v>
      </c>
      <c r="C5656" s="3">
        <f t="shared" si="177"/>
        <v>2016</v>
      </c>
      <c r="D5656" t="s">
        <v>245</v>
      </c>
      <c r="E5656" t="s">
        <v>22</v>
      </c>
      <c r="F5656" t="s">
        <v>33</v>
      </c>
      <c r="G5656" t="s">
        <v>46</v>
      </c>
      <c r="H5656" t="s">
        <v>2292</v>
      </c>
      <c r="I5656">
        <v>25.63</v>
      </c>
      <c r="J5656">
        <v>3</v>
      </c>
      <c r="K5656">
        <v>3.84</v>
      </c>
    </row>
    <row r="5657" spans="1:11" x14ac:dyDescent="0.3">
      <c r="A5657" s="1">
        <v>42632</v>
      </c>
      <c r="B5657" s="3">
        <f t="shared" si="176"/>
        <v>9</v>
      </c>
      <c r="C5657" s="3">
        <f t="shared" si="177"/>
        <v>2016</v>
      </c>
      <c r="D5657" t="s">
        <v>2224</v>
      </c>
      <c r="E5657" t="s">
        <v>26</v>
      </c>
      <c r="F5657" t="s">
        <v>10</v>
      </c>
      <c r="G5657" t="s">
        <v>19</v>
      </c>
      <c r="H5657" t="s">
        <v>896</v>
      </c>
      <c r="I5657">
        <v>11.95</v>
      </c>
      <c r="J5657">
        <v>3</v>
      </c>
      <c r="K5657">
        <v>4.18</v>
      </c>
    </row>
    <row r="5658" spans="1:11" x14ac:dyDescent="0.3">
      <c r="A5658" s="1">
        <v>42632</v>
      </c>
      <c r="B5658" s="3">
        <f t="shared" si="176"/>
        <v>9</v>
      </c>
      <c r="C5658" s="3">
        <f t="shared" si="177"/>
        <v>2016</v>
      </c>
      <c r="D5658" t="s">
        <v>2224</v>
      </c>
      <c r="E5658" t="s">
        <v>26</v>
      </c>
      <c r="F5658" t="s">
        <v>10</v>
      </c>
      <c r="G5658" t="s">
        <v>199</v>
      </c>
      <c r="H5658" t="s">
        <v>2601</v>
      </c>
      <c r="I5658">
        <v>6.24</v>
      </c>
      <c r="J5658">
        <v>3</v>
      </c>
      <c r="K5658">
        <v>1.87</v>
      </c>
    </row>
    <row r="5659" spans="1:11" x14ac:dyDescent="0.3">
      <c r="A5659" s="1">
        <v>42632</v>
      </c>
      <c r="B5659" s="3">
        <f t="shared" si="176"/>
        <v>9</v>
      </c>
      <c r="C5659" s="3">
        <f t="shared" si="177"/>
        <v>2016</v>
      </c>
      <c r="D5659" t="s">
        <v>1839</v>
      </c>
      <c r="E5659" t="s">
        <v>1528</v>
      </c>
      <c r="F5659" t="s">
        <v>10</v>
      </c>
      <c r="G5659" t="s">
        <v>17</v>
      </c>
      <c r="H5659" t="s">
        <v>2337</v>
      </c>
      <c r="I5659">
        <v>69.52</v>
      </c>
      <c r="J5659">
        <v>2</v>
      </c>
      <c r="K5659">
        <v>17.38</v>
      </c>
    </row>
    <row r="5660" spans="1:11" x14ac:dyDescent="0.3">
      <c r="A5660" s="1">
        <v>42632</v>
      </c>
      <c r="B5660" s="3">
        <f t="shared" si="176"/>
        <v>9</v>
      </c>
      <c r="C5660" s="3">
        <f t="shared" si="177"/>
        <v>2016</v>
      </c>
      <c r="D5660" t="s">
        <v>482</v>
      </c>
      <c r="E5660" t="s">
        <v>26</v>
      </c>
      <c r="F5660" t="s">
        <v>10</v>
      </c>
      <c r="G5660" t="s">
        <v>19</v>
      </c>
      <c r="H5660" t="s">
        <v>1126</v>
      </c>
      <c r="I5660">
        <v>8.93</v>
      </c>
      <c r="J5660">
        <v>2</v>
      </c>
      <c r="K5660">
        <v>3.12</v>
      </c>
    </row>
    <row r="5661" spans="1:11" x14ac:dyDescent="0.3">
      <c r="A5661" s="1">
        <v>42633</v>
      </c>
      <c r="B5661" s="3">
        <f t="shared" si="176"/>
        <v>9</v>
      </c>
      <c r="C5661" s="3">
        <f t="shared" si="177"/>
        <v>2016</v>
      </c>
      <c r="D5661" t="s">
        <v>457</v>
      </c>
      <c r="E5661" t="s">
        <v>26</v>
      </c>
      <c r="F5661" t="s">
        <v>10</v>
      </c>
      <c r="G5661" t="s">
        <v>11</v>
      </c>
      <c r="H5661" t="s">
        <v>717</v>
      </c>
      <c r="I5661">
        <v>65.790000000000006</v>
      </c>
      <c r="J5661">
        <v>9</v>
      </c>
      <c r="K5661">
        <v>30.26</v>
      </c>
    </row>
    <row r="5662" spans="1:11" x14ac:dyDescent="0.3">
      <c r="A5662" s="1">
        <v>42633</v>
      </c>
      <c r="B5662" s="3">
        <f t="shared" si="176"/>
        <v>9</v>
      </c>
      <c r="C5662" s="3">
        <f t="shared" si="177"/>
        <v>2016</v>
      </c>
      <c r="D5662" t="s">
        <v>457</v>
      </c>
      <c r="E5662" t="s">
        <v>26</v>
      </c>
      <c r="F5662" t="s">
        <v>10</v>
      </c>
      <c r="G5662" t="s">
        <v>19</v>
      </c>
      <c r="H5662" t="s">
        <v>527</v>
      </c>
      <c r="I5662">
        <v>271.98</v>
      </c>
      <c r="J5662">
        <v>2</v>
      </c>
      <c r="K5662">
        <v>88.39</v>
      </c>
    </row>
    <row r="5663" spans="1:11" x14ac:dyDescent="0.3">
      <c r="A5663" s="1">
        <v>42633</v>
      </c>
      <c r="B5663" s="3">
        <f t="shared" si="176"/>
        <v>9</v>
      </c>
      <c r="C5663" s="3">
        <f t="shared" si="177"/>
        <v>2016</v>
      </c>
      <c r="D5663" t="s">
        <v>457</v>
      </c>
      <c r="E5663" t="s">
        <v>26</v>
      </c>
      <c r="F5663" t="s">
        <v>10</v>
      </c>
      <c r="G5663" t="s">
        <v>23</v>
      </c>
      <c r="H5663" t="s">
        <v>1568</v>
      </c>
      <c r="I5663">
        <v>11.76</v>
      </c>
      <c r="J5663">
        <v>4</v>
      </c>
      <c r="K5663">
        <v>3.18</v>
      </c>
    </row>
    <row r="5664" spans="1:11" x14ac:dyDescent="0.3">
      <c r="A5664" s="1">
        <v>42633</v>
      </c>
      <c r="B5664" s="3">
        <f t="shared" si="176"/>
        <v>9</v>
      </c>
      <c r="C5664" s="3">
        <f t="shared" si="177"/>
        <v>2016</v>
      </c>
      <c r="D5664" t="s">
        <v>457</v>
      </c>
      <c r="E5664" t="s">
        <v>26</v>
      </c>
      <c r="F5664" t="s">
        <v>10</v>
      </c>
      <c r="G5664" t="s">
        <v>11</v>
      </c>
      <c r="H5664" t="s">
        <v>712</v>
      </c>
      <c r="I5664">
        <v>77.52</v>
      </c>
      <c r="J5664">
        <v>2</v>
      </c>
      <c r="K5664">
        <v>37.979999999999997</v>
      </c>
    </row>
    <row r="5665" spans="1:11" x14ac:dyDescent="0.3">
      <c r="A5665" s="1">
        <v>42633</v>
      </c>
      <c r="B5665" s="3">
        <f t="shared" si="176"/>
        <v>9</v>
      </c>
      <c r="C5665" s="3">
        <f t="shared" si="177"/>
        <v>2016</v>
      </c>
      <c r="D5665" t="s">
        <v>457</v>
      </c>
      <c r="E5665" t="s">
        <v>26</v>
      </c>
      <c r="F5665" t="s">
        <v>10</v>
      </c>
      <c r="G5665" t="s">
        <v>19</v>
      </c>
      <c r="H5665" t="s">
        <v>700</v>
      </c>
      <c r="I5665">
        <v>48.64</v>
      </c>
      <c r="J5665">
        <v>2</v>
      </c>
      <c r="K5665">
        <v>15.81</v>
      </c>
    </row>
    <row r="5666" spans="1:11" x14ac:dyDescent="0.3">
      <c r="A5666" s="1">
        <v>42633</v>
      </c>
      <c r="B5666" s="3">
        <f t="shared" si="176"/>
        <v>9</v>
      </c>
      <c r="C5666" s="3">
        <f t="shared" si="177"/>
        <v>2016</v>
      </c>
      <c r="D5666" t="s">
        <v>284</v>
      </c>
      <c r="E5666" t="s">
        <v>244</v>
      </c>
      <c r="F5666" t="s">
        <v>33</v>
      </c>
      <c r="G5666" t="s">
        <v>46</v>
      </c>
      <c r="H5666" t="s">
        <v>1354</v>
      </c>
      <c r="I5666">
        <v>17.09</v>
      </c>
      <c r="J5666">
        <v>2</v>
      </c>
      <c r="K5666">
        <v>1.07</v>
      </c>
    </row>
    <row r="5667" spans="1:11" x14ac:dyDescent="0.3">
      <c r="A5667" s="1">
        <v>42633</v>
      </c>
      <c r="B5667" s="3">
        <f t="shared" si="176"/>
        <v>9</v>
      </c>
      <c r="C5667" s="3">
        <f t="shared" si="177"/>
        <v>2016</v>
      </c>
      <c r="D5667" t="s">
        <v>284</v>
      </c>
      <c r="E5667" t="s">
        <v>244</v>
      </c>
      <c r="F5667" t="s">
        <v>33</v>
      </c>
      <c r="G5667" t="s">
        <v>34</v>
      </c>
      <c r="H5667" t="s">
        <v>918</v>
      </c>
      <c r="I5667">
        <v>98.39</v>
      </c>
      <c r="J5667">
        <v>1</v>
      </c>
      <c r="K5667">
        <v>-11.07</v>
      </c>
    </row>
    <row r="5668" spans="1:11" x14ac:dyDescent="0.3">
      <c r="A5668" s="1">
        <v>42633</v>
      </c>
      <c r="B5668" s="3">
        <f t="shared" si="176"/>
        <v>9</v>
      </c>
      <c r="C5668" s="3">
        <f t="shared" si="177"/>
        <v>2016</v>
      </c>
      <c r="D5668" t="s">
        <v>886</v>
      </c>
      <c r="E5668" t="s">
        <v>148</v>
      </c>
      <c r="F5668" t="s">
        <v>10</v>
      </c>
      <c r="G5668" t="s">
        <v>91</v>
      </c>
      <c r="H5668" t="s">
        <v>745</v>
      </c>
      <c r="I5668">
        <v>393.25</v>
      </c>
      <c r="J5668">
        <v>5</v>
      </c>
      <c r="K5668">
        <v>129.77000000000001</v>
      </c>
    </row>
    <row r="5669" spans="1:11" x14ac:dyDescent="0.3">
      <c r="A5669" s="1">
        <v>42633</v>
      </c>
      <c r="B5669" s="3">
        <f t="shared" si="176"/>
        <v>9</v>
      </c>
      <c r="C5669" s="3">
        <f t="shared" si="177"/>
        <v>2016</v>
      </c>
      <c r="D5669" t="s">
        <v>2087</v>
      </c>
      <c r="E5669" t="s">
        <v>109</v>
      </c>
      <c r="F5669" t="s">
        <v>10</v>
      </c>
      <c r="G5669" t="s">
        <v>19</v>
      </c>
      <c r="H5669" t="s">
        <v>607</v>
      </c>
      <c r="I5669">
        <v>83.7</v>
      </c>
      <c r="J5669">
        <v>5</v>
      </c>
      <c r="K5669">
        <v>41.01</v>
      </c>
    </row>
    <row r="5670" spans="1:11" x14ac:dyDescent="0.3">
      <c r="A5670" s="1">
        <v>42633</v>
      </c>
      <c r="B5670" s="3">
        <f t="shared" si="176"/>
        <v>9</v>
      </c>
      <c r="C5670" s="3">
        <f t="shared" si="177"/>
        <v>2016</v>
      </c>
      <c r="D5670" t="s">
        <v>2012</v>
      </c>
      <c r="E5670" t="s">
        <v>163</v>
      </c>
      <c r="F5670" t="s">
        <v>33</v>
      </c>
      <c r="G5670" t="s">
        <v>73</v>
      </c>
      <c r="H5670" t="s">
        <v>2420</v>
      </c>
      <c r="I5670">
        <v>163.88</v>
      </c>
      <c r="J5670">
        <v>2</v>
      </c>
      <c r="K5670">
        <v>40.97</v>
      </c>
    </row>
    <row r="5671" spans="1:11" x14ac:dyDescent="0.3">
      <c r="A5671" s="1">
        <v>42635</v>
      </c>
      <c r="B5671" s="3">
        <f t="shared" si="176"/>
        <v>9</v>
      </c>
      <c r="C5671" s="3">
        <f t="shared" si="177"/>
        <v>2016</v>
      </c>
      <c r="D5671" t="s">
        <v>1770</v>
      </c>
      <c r="E5671" t="s">
        <v>119</v>
      </c>
      <c r="F5671" t="s">
        <v>10</v>
      </c>
      <c r="G5671" t="s">
        <v>23</v>
      </c>
      <c r="H5671" t="s">
        <v>2452</v>
      </c>
      <c r="I5671">
        <v>40.78</v>
      </c>
      <c r="J5671">
        <v>3</v>
      </c>
      <c r="K5671">
        <v>4.59</v>
      </c>
    </row>
    <row r="5672" spans="1:11" x14ac:dyDescent="0.3">
      <c r="A5672" s="1">
        <v>42635</v>
      </c>
      <c r="B5672" s="3">
        <f t="shared" si="176"/>
        <v>9</v>
      </c>
      <c r="C5672" s="3">
        <f t="shared" si="177"/>
        <v>2016</v>
      </c>
      <c r="D5672" t="s">
        <v>1770</v>
      </c>
      <c r="E5672" t="s">
        <v>119</v>
      </c>
      <c r="F5672" t="s">
        <v>38</v>
      </c>
      <c r="G5672" t="s">
        <v>39</v>
      </c>
      <c r="H5672" t="s">
        <v>2602</v>
      </c>
      <c r="I5672">
        <v>63.94</v>
      </c>
      <c r="J5672">
        <v>8</v>
      </c>
      <c r="K5672">
        <v>5.59</v>
      </c>
    </row>
    <row r="5673" spans="1:11" x14ac:dyDescent="0.3">
      <c r="A5673" s="1">
        <v>42635</v>
      </c>
      <c r="B5673" s="3">
        <f t="shared" si="176"/>
        <v>9</v>
      </c>
      <c r="C5673" s="3">
        <f t="shared" si="177"/>
        <v>2016</v>
      </c>
      <c r="D5673" t="s">
        <v>1642</v>
      </c>
      <c r="E5673" t="s">
        <v>22</v>
      </c>
      <c r="F5673" t="s">
        <v>10</v>
      </c>
      <c r="G5673" t="s">
        <v>23</v>
      </c>
      <c r="H5673" t="s">
        <v>987</v>
      </c>
      <c r="I5673">
        <v>7.87</v>
      </c>
      <c r="J5673">
        <v>3</v>
      </c>
      <c r="K5673">
        <v>0.89</v>
      </c>
    </row>
    <row r="5674" spans="1:11" x14ac:dyDescent="0.3">
      <c r="A5674" s="1">
        <v>42635</v>
      </c>
      <c r="B5674" s="3">
        <f t="shared" si="176"/>
        <v>9</v>
      </c>
      <c r="C5674" s="3">
        <f t="shared" si="177"/>
        <v>2016</v>
      </c>
      <c r="D5674" t="s">
        <v>1533</v>
      </c>
      <c r="E5674" t="s">
        <v>122</v>
      </c>
      <c r="F5674" t="s">
        <v>10</v>
      </c>
      <c r="G5674" t="s">
        <v>19</v>
      </c>
      <c r="H5674" t="s">
        <v>1290</v>
      </c>
      <c r="I5674">
        <v>7.51</v>
      </c>
      <c r="J5674">
        <v>9</v>
      </c>
      <c r="K5674">
        <v>-6</v>
      </c>
    </row>
    <row r="5675" spans="1:11" x14ac:dyDescent="0.3">
      <c r="A5675" s="1">
        <v>42635</v>
      </c>
      <c r="B5675" s="3">
        <f t="shared" si="176"/>
        <v>9</v>
      </c>
      <c r="C5675" s="3">
        <f t="shared" si="177"/>
        <v>2016</v>
      </c>
      <c r="D5675" t="s">
        <v>1533</v>
      </c>
      <c r="E5675" t="s">
        <v>122</v>
      </c>
      <c r="F5675" t="s">
        <v>10</v>
      </c>
      <c r="G5675" t="s">
        <v>15</v>
      </c>
      <c r="H5675" t="s">
        <v>1708</v>
      </c>
      <c r="I5675">
        <v>16.559999999999999</v>
      </c>
      <c r="J5675">
        <v>2</v>
      </c>
      <c r="K5675">
        <v>5.8</v>
      </c>
    </row>
    <row r="5676" spans="1:11" x14ac:dyDescent="0.3">
      <c r="A5676" s="1">
        <v>42635</v>
      </c>
      <c r="B5676" s="3">
        <f t="shared" si="176"/>
        <v>9</v>
      </c>
      <c r="C5676" s="3">
        <f t="shared" si="177"/>
        <v>2016</v>
      </c>
      <c r="D5676" t="s">
        <v>1043</v>
      </c>
      <c r="E5676" t="s">
        <v>32</v>
      </c>
      <c r="F5676" t="s">
        <v>33</v>
      </c>
      <c r="G5676" t="s">
        <v>46</v>
      </c>
      <c r="H5676" t="s">
        <v>1161</v>
      </c>
      <c r="I5676">
        <v>13.28</v>
      </c>
      <c r="J5676">
        <v>2</v>
      </c>
      <c r="K5676">
        <v>6.37</v>
      </c>
    </row>
    <row r="5677" spans="1:11" x14ac:dyDescent="0.3">
      <c r="A5677" s="1">
        <v>42635</v>
      </c>
      <c r="B5677" s="3">
        <f t="shared" si="176"/>
        <v>9</v>
      </c>
      <c r="C5677" s="3">
        <f t="shared" si="177"/>
        <v>2016</v>
      </c>
      <c r="D5677" t="s">
        <v>2010</v>
      </c>
      <c r="E5677" t="s">
        <v>22</v>
      </c>
      <c r="F5677" t="s">
        <v>10</v>
      </c>
      <c r="G5677" t="s">
        <v>15</v>
      </c>
      <c r="H5677" t="s">
        <v>376</v>
      </c>
      <c r="I5677">
        <v>16.52</v>
      </c>
      <c r="J5677">
        <v>5</v>
      </c>
      <c r="K5677">
        <v>5.37</v>
      </c>
    </row>
    <row r="5678" spans="1:11" x14ac:dyDescent="0.3">
      <c r="A5678" s="1">
        <v>42635</v>
      </c>
      <c r="B5678" s="3">
        <f t="shared" si="176"/>
        <v>9</v>
      </c>
      <c r="C5678" s="3">
        <f t="shared" si="177"/>
        <v>2016</v>
      </c>
      <c r="D5678" t="s">
        <v>1222</v>
      </c>
      <c r="E5678" t="s">
        <v>148</v>
      </c>
      <c r="F5678" t="s">
        <v>10</v>
      </c>
      <c r="G5678" t="s">
        <v>17</v>
      </c>
      <c r="H5678" t="s">
        <v>1455</v>
      </c>
      <c r="I5678">
        <v>128.34</v>
      </c>
      <c r="J5678">
        <v>6</v>
      </c>
      <c r="K5678">
        <v>37.22</v>
      </c>
    </row>
    <row r="5679" spans="1:11" x14ac:dyDescent="0.3">
      <c r="A5679" s="1">
        <v>42635</v>
      </c>
      <c r="B5679" s="3">
        <f t="shared" si="176"/>
        <v>9</v>
      </c>
      <c r="C5679" s="3">
        <f t="shared" si="177"/>
        <v>2016</v>
      </c>
      <c r="D5679" t="s">
        <v>1473</v>
      </c>
      <c r="E5679" t="s">
        <v>128</v>
      </c>
      <c r="F5679" t="s">
        <v>10</v>
      </c>
      <c r="G5679" t="s">
        <v>11</v>
      </c>
      <c r="H5679" t="s">
        <v>923</v>
      </c>
      <c r="I5679">
        <v>35.880000000000003</v>
      </c>
      <c r="J5679">
        <v>6</v>
      </c>
      <c r="K5679">
        <v>16.149999999999999</v>
      </c>
    </row>
    <row r="5680" spans="1:11" x14ac:dyDescent="0.3">
      <c r="A5680" s="1">
        <v>42635</v>
      </c>
      <c r="B5680" s="3">
        <f t="shared" si="176"/>
        <v>9</v>
      </c>
      <c r="C5680" s="3">
        <f t="shared" si="177"/>
        <v>2016</v>
      </c>
      <c r="D5680" t="s">
        <v>1400</v>
      </c>
      <c r="E5680" t="s">
        <v>277</v>
      </c>
      <c r="F5680" t="s">
        <v>33</v>
      </c>
      <c r="G5680" t="s">
        <v>46</v>
      </c>
      <c r="H5680" t="s">
        <v>765</v>
      </c>
      <c r="I5680">
        <v>68.430000000000007</v>
      </c>
      <c r="J5680">
        <v>7</v>
      </c>
      <c r="K5680">
        <v>8.5500000000000007</v>
      </c>
    </row>
    <row r="5681" spans="1:11" x14ac:dyDescent="0.3">
      <c r="A5681" s="1">
        <v>42635</v>
      </c>
      <c r="B5681" s="3">
        <f t="shared" si="176"/>
        <v>9</v>
      </c>
      <c r="C5681" s="3">
        <f t="shared" si="177"/>
        <v>2016</v>
      </c>
      <c r="D5681" t="s">
        <v>60</v>
      </c>
      <c r="E5681" t="s">
        <v>156</v>
      </c>
      <c r="F5681" t="s">
        <v>33</v>
      </c>
      <c r="G5681" t="s">
        <v>46</v>
      </c>
      <c r="H5681" t="s">
        <v>2048</v>
      </c>
      <c r="I5681">
        <v>18.96</v>
      </c>
      <c r="J5681">
        <v>2</v>
      </c>
      <c r="K5681">
        <v>7.58</v>
      </c>
    </row>
    <row r="5682" spans="1:11" x14ac:dyDescent="0.3">
      <c r="A5682" s="1">
        <v>42635</v>
      </c>
      <c r="B5682" s="3">
        <f t="shared" si="176"/>
        <v>9</v>
      </c>
      <c r="C5682" s="3">
        <f t="shared" si="177"/>
        <v>2016</v>
      </c>
      <c r="D5682" t="s">
        <v>267</v>
      </c>
      <c r="E5682" t="s">
        <v>77</v>
      </c>
      <c r="F5682" t="s">
        <v>10</v>
      </c>
      <c r="G5682" t="s">
        <v>62</v>
      </c>
      <c r="H5682" t="s">
        <v>2263</v>
      </c>
      <c r="I5682">
        <v>63.97</v>
      </c>
      <c r="J5682">
        <v>2</v>
      </c>
      <c r="K5682">
        <v>19.989999999999998</v>
      </c>
    </row>
    <row r="5683" spans="1:11" x14ac:dyDescent="0.3">
      <c r="A5683" s="1">
        <v>42635</v>
      </c>
      <c r="B5683" s="3">
        <f t="shared" si="176"/>
        <v>9</v>
      </c>
      <c r="C5683" s="3">
        <f t="shared" si="177"/>
        <v>2016</v>
      </c>
      <c r="D5683" t="s">
        <v>1163</v>
      </c>
      <c r="E5683" t="s">
        <v>109</v>
      </c>
      <c r="F5683" t="s">
        <v>10</v>
      </c>
      <c r="G5683" t="s">
        <v>11</v>
      </c>
      <c r="H5683" t="s">
        <v>1530</v>
      </c>
      <c r="I5683">
        <v>35.56</v>
      </c>
      <c r="J5683">
        <v>7</v>
      </c>
      <c r="K5683">
        <v>16.71</v>
      </c>
    </row>
    <row r="5684" spans="1:11" x14ac:dyDescent="0.3">
      <c r="A5684" s="1">
        <v>42635</v>
      </c>
      <c r="B5684" s="3">
        <f t="shared" si="176"/>
        <v>9</v>
      </c>
      <c r="C5684" s="3">
        <f t="shared" si="177"/>
        <v>2016</v>
      </c>
      <c r="D5684" t="s">
        <v>1163</v>
      </c>
      <c r="E5684" t="s">
        <v>109</v>
      </c>
      <c r="F5684" t="s">
        <v>38</v>
      </c>
      <c r="G5684" t="s">
        <v>39</v>
      </c>
      <c r="H5684" t="s">
        <v>1492</v>
      </c>
      <c r="I5684">
        <v>97.98</v>
      </c>
      <c r="J5684">
        <v>2</v>
      </c>
      <c r="K5684">
        <v>27.43</v>
      </c>
    </row>
    <row r="5685" spans="1:11" x14ac:dyDescent="0.3">
      <c r="A5685" s="1">
        <v>42636</v>
      </c>
      <c r="B5685" s="3">
        <f t="shared" si="176"/>
        <v>9</v>
      </c>
      <c r="C5685" s="3">
        <f t="shared" si="177"/>
        <v>2016</v>
      </c>
      <c r="D5685" t="s">
        <v>816</v>
      </c>
      <c r="E5685" t="s">
        <v>77</v>
      </c>
      <c r="F5685" t="s">
        <v>33</v>
      </c>
      <c r="G5685" t="s">
        <v>46</v>
      </c>
      <c r="H5685" t="s">
        <v>189</v>
      </c>
      <c r="I5685">
        <v>532.70000000000005</v>
      </c>
      <c r="J5685">
        <v>6</v>
      </c>
      <c r="K5685">
        <v>-26.64</v>
      </c>
    </row>
    <row r="5686" spans="1:11" x14ac:dyDescent="0.3">
      <c r="A5686" s="1">
        <v>42636</v>
      </c>
      <c r="B5686" s="3">
        <f t="shared" si="176"/>
        <v>9</v>
      </c>
      <c r="C5686" s="3">
        <f t="shared" si="177"/>
        <v>2016</v>
      </c>
      <c r="D5686" t="s">
        <v>816</v>
      </c>
      <c r="E5686" t="s">
        <v>77</v>
      </c>
      <c r="F5686" t="s">
        <v>10</v>
      </c>
      <c r="G5686" t="s">
        <v>23</v>
      </c>
      <c r="H5686" t="s">
        <v>2435</v>
      </c>
      <c r="I5686">
        <v>4.91</v>
      </c>
      <c r="J5686">
        <v>2</v>
      </c>
      <c r="K5686">
        <v>0.31</v>
      </c>
    </row>
    <row r="5687" spans="1:11" x14ac:dyDescent="0.3">
      <c r="A5687" s="1">
        <v>42636</v>
      </c>
      <c r="B5687" s="3">
        <f t="shared" si="176"/>
        <v>9</v>
      </c>
      <c r="C5687" s="3">
        <f t="shared" si="177"/>
        <v>2016</v>
      </c>
      <c r="D5687" t="s">
        <v>888</v>
      </c>
      <c r="E5687" t="s">
        <v>29</v>
      </c>
      <c r="F5687" t="s">
        <v>10</v>
      </c>
      <c r="G5687" t="s">
        <v>17</v>
      </c>
      <c r="H5687" t="s">
        <v>1000</v>
      </c>
      <c r="I5687">
        <v>118.25</v>
      </c>
      <c r="J5687">
        <v>5</v>
      </c>
      <c r="K5687">
        <v>34.29</v>
      </c>
    </row>
    <row r="5688" spans="1:11" x14ac:dyDescent="0.3">
      <c r="A5688" s="1">
        <v>42636</v>
      </c>
      <c r="B5688" s="3">
        <f t="shared" si="176"/>
        <v>9</v>
      </c>
      <c r="C5688" s="3">
        <f t="shared" si="177"/>
        <v>2016</v>
      </c>
      <c r="D5688" t="s">
        <v>888</v>
      </c>
      <c r="E5688" t="s">
        <v>29</v>
      </c>
      <c r="F5688" t="s">
        <v>33</v>
      </c>
      <c r="G5688" t="s">
        <v>34</v>
      </c>
      <c r="H5688" t="s">
        <v>1941</v>
      </c>
      <c r="I5688">
        <v>368.97</v>
      </c>
      <c r="J5688">
        <v>3</v>
      </c>
      <c r="K5688">
        <v>81.17</v>
      </c>
    </row>
    <row r="5689" spans="1:11" x14ac:dyDescent="0.3">
      <c r="A5689" s="1">
        <v>42636</v>
      </c>
      <c r="B5689" s="3">
        <f t="shared" si="176"/>
        <v>9</v>
      </c>
      <c r="C5689" s="3">
        <f t="shared" si="177"/>
        <v>2016</v>
      </c>
      <c r="D5689" t="s">
        <v>1617</v>
      </c>
      <c r="E5689" t="s">
        <v>163</v>
      </c>
      <c r="F5689" t="s">
        <v>10</v>
      </c>
      <c r="G5689" t="s">
        <v>199</v>
      </c>
      <c r="H5689" t="s">
        <v>648</v>
      </c>
      <c r="I5689">
        <v>13.68</v>
      </c>
      <c r="J5689">
        <v>2</v>
      </c>
      <c r="K5689">
        <v>3.69</v>
      </c>
    </row>
    <row r="5690" spans="1:11" x14ac:dyDescent="0.3">
      <c r="A5690" s="1">
        <v>42636</v>
      </c>
      <c r="B5690" s="3">
        <f t="shared" si="176"/>
        <v>9</v>
      </c>
      <c r="C5690" s="3">
        <f t="shared" si="177"/>
        <v>2016</v>
      </c>
      <c r="D5690" t="s">
        <v>2543</v>
      </c>
      <c r="E5690" t="s">
        <v>26</v>
      </c>
      <c r="F5690" t="s">
        <v>10</v>
      </c>
      <c r="G5690" t="s">
        <v>62</v>
      </c>
      <c r="H5690" t="s">
        <v>395</v>
      </c>
      <c r="I5690">
        <v>4.08</v>
      </c>
      <c r="J5690">
        <v>2</v>
      </c>
      <c r="K5690">
        <v>1.92</v>
      </c>
    </row>
    <row r="5691" spans="1:11" x14ac:dyDescent="0.3">
      <c r="A5691" s="1">
        <v>42636</v>
      </c>
      <c r="B5691" s="3">
        <f t="shared" si="176"/>
        <v>9</v>
      </c>
      <c r="C5691" s="3">
        <f t="shared" si="177"/>
        <v>2016</v>
      </c>
      <c r="D5691" t="s">
        <v>2543</v>
      </c>
      <c r="E5691" t="s">
        <v>26</v>
      </c>
      <c r="F5691" t="s">
        <v>10</v>
      </c>
      <c r="G5691" t="s">
        <v>15</v>
      </c>
      <c r="H5691" t="s">
        <v>1296</v>
      </c>
      <c r="I5691">
        <v>18.899999999999999</v>
      </c>
      <c r="J5691">
        <v>3</v>
      </c>
      <c r="K5691">
        <v>8.69</v>
      </c>
    </row>
    <row r="5692" spans="1:11" x14ac:dyDescent="0.3">
      <c r="A5692" s="1">
        <v>42636</v>
      </c>
      <c r="B5692" s="3">
        <f t="shared" si="176"/>
        <v>9</v>
      </c>
      <c r="C5692" s="3">
        <f t="shared" si="177"/>
        <v>2016</v>
      </c>
      <c r="D5692" t="s">
        <v>2495</v>
      </c>
      <c r="E5692" t="s">
        <v>148</v>
      </c>
      <c r="F5692" t="s">
        <v>10</v>
      </c>
      <c r="G5692" t="s">
        <v>19</v>
      </c>
      <c r="H5692" t="s">
        <v>66</v>
      </c>
      <c r="I5692">
        <v>10.53</v>
      </c>
      <c r="J5692">
        <v>7</v>
      </c>
      <c r="K5692">
        <v>3.68</v>
      </c>
    </row>
    <row r="5693" spans="1:11" x14ac:dyDescent="0.3">
      <c r="A5693" s="1">
        <v>42636</v>
      </c>
      <c r="B5693" s="3">
        <f t="shared" si="176"/>
        <v>9</v>
      </c>
      <c r="C5693" s="3">
        <f t="shared" si="177"/>
        <v>2016</v>
      </c>
      <c r="D5693" t="s">
        <v>604</v>
      </c>
      <c r="E5693" t="s">
        <v>77</v>
      </c>
      <c r="F5693" t="s">
        <v>10</v>
      </c>
      <c r="G5693" t="s">
        <v>11</v>
      </c>
      <c r="H5693" t="s">
        <v>1709</v>
      </c>
      <c r="I5693">
        <v>11.95</v>
      </c>
      <c r="J5693">
        <v>3</v>
      </c>
      <c r="K5693">
        <v>4.03</v>
      </c>
    </row>
    <row r="5694" spans="1:11" x14ac:dyDescent="0.3">
      <c r="A5694" s="1">
        <v>42636</v>
      </c>
      <c r="B5694" s="3">
        <f t="shared" si="176"/>
        <v>9</v>
      </c>
      <c r="C5694" s="3">
        <f t="shared" si="177"/>
        <v>2016</v>
      </c>
      <c r="D5694" t="s">
        <v>604</v>
      </c>
      <c r="E5694" t="s">
        <v>77</v>
      </c>
      <c r="F5694" t="s">
        <v>33</v>
      </c>
      <c r="G5694" t="s">
        <v>46</v>
      </c>
      <c r="H5694" t="s">
        <v>2603</v>
      </c>
      <c r="I5694">
        <v>28</v>
      </c>
      <c r="J5694">
        <v>4</v>
      </c>
      <c r="K5694">
        <v>7.7</v>
      </c>
    </row>
    <row r="5695" spans="1:11" x14ac:dyDescent="0.3">
      <c r="A5695" s="1">
        <v>42636</v>
      </c>
      <c r="B5695" s="3">
        <f t="shared" si="176"/>
        <v>9</v>
      </c>
      <c r="C5695" s="3">
        <f t="shared" si="177"/>
        <v>2016</v>
      </c>
      <c r="D5695" t="s">
        <v>604</v>
      </c>
      <c r="E5695" t="s">
        <v>77</v>
      </c>
      <c r="F5695" t="s">
        <v>10</v>
      </c>
      <c r="G5695" t="s">
        <v>19</v>
      </c>
      <c r="H5695" t="s">
        <v>424</v>
      </c>
      <c r="I5695">
        <v>12.2</v>
      </c>
      <c r="J5695">
        <v>7</v>
      </c>
      <c r="K5695">
        <v>-9.76</v>
      </c>
    </row>
    <row r="5696" spans="1:11" x14ac:dyDescent="0.3">
      <c r="A5696" s="1">
        <v>42636</v>
      </c>
      <c r="B5696" s="3">
        <f t="shared" si="176"/>
        <v>9</v>
      </c>
      <c r="C5696" s="3">
        <f t="shared" si="177"/>
        <v>2016</v>
      </c>
      <c r="D5696" t="s">
        <v>2204</v>
      </c>
      <c r="E5696" t="s">
        <v>163</v>
      </c>
      <c r="F5696" t="s">
        <v>10</v>
      </c>
      <c r="G5696" t="s">
        <v>19</v>
      </c>
      <c r="H5696" t="s">
        <v>558</v>
      </c>
      <c r="I5696">
        <v>13.22</v>
      </c>
      <c r="J5696">
        <v>4</v>
      </c>
      <c r="K5696">
        <v>4.46</v>
      </c>
    </row>
    <row r="5697" spans="1:11" x14ac:dyDescent="0.3">
      <c r="A5697" s="1">
        <v>42636</v>
      </c>
      <c r="B5697" s="3">
        <f t="shared" si="176"/>
        <v>9</v>
      </c>
      <c r="C5697" s="3">
        <f t="shared" si="177"/>
        <v>2016</v>
      </c>
      <c r="D5697" t="s">
        <v>2204</v>
      </c>
      <c r="E5697" t="s">
        <v>163</v>
      </c>
      <c r="F5697" t="s">
        <v>33</v>
      </c>
      <c r="G5697" t="s">
        <v>34</v>
      </c>
      <c r="H5697" t="s">
        <v>698</v>
      </c>
      <c r="I5697">
        <v>184.75</v>
      </c>
      <c r="J5697">
        <v>3</v>
      </c>
      <c r="K5697">
        <v>-20.78</v>
      </c>
    </row>
    <row r="5698" spans="1:11" x14ac:dyDescent="0.3">
      <c r="A5698" s="1">
        <v>42637</v>
      </c>
      <c r="B5698" s="3">
        <f t="shared" ref="B5698:B5761" si="178">MONTH(A:A)</f>
        <v>9</v>
      </c>
      <c r="C5698" s="3">
        <f t="shared" ref="C5698:C5761" si="179">YEAR(A:A)</f>
        <v>2016</v>
      </c>
      <c r="D5698" t="s">
        <v>1592</v>
      </c>
      <c r="E5698" t="s">
        <v>77</v>
      </c>
      <c r="F5698" t="s">
        <v>33</v>
      </c>
      <c r="G5698" t="s">
        <v>34</v>
      </c>
      <c r="H5698" t="s">
        <v>2131</v>
      </c>
      <c r="I5698">
        <v>155.37</v>
      </c>
      <c r="J5698">
        <v>2</v>
      </c>
      <c r="K5698">
        <v>-13.32</v>
      </c>
    </row>
    <row r="5699" spans="1:11" x14ac:dyDescent="0.3">
      <c r="A5699" s="1">
        <v>42637</v>
      </c>
      <c r="B5699" s="3">
        <f t="shared" si="178"/>
        <v>9</v>
      </c>
      <c r="C5699" s="3">
        <f t="shared" si="179"/>
        <v>2016</v>
      </c>
      <c r="D5699" t="s">
        <v>592</v>
      </c>
      <c r="E5699" t="s">
        <v>26</v>
      </c>
      <c r="F5699" t="s">
        <v>10</v>
      </c>
      <c r="G5699" t="s">
        <v>17</v>
      </c>
      <c r="H5699" t="s">
        <v>1438</v>
      </c>
      <c r="I5699">
        <v>41.96</v>
      </c>
      <c r="J5699">
        <v>2</v>
      </c>
      <c r="K5699">
        <v>2.94</v>
      </c>
    </row>
    <row r="5700" spans="1:11" x14ac:dyDescent="0.3">
      <c r="A5700" s="1">
        <v>42637</v>
      </c>
      <c r="B5700" s="3">
        <f t="shared" si="178"/>
        <v>9</v>
      </c>
      <c r="C5700" s="3">
        <f t="shared" si="179"/>
        <v>2016</v>
      </c>
      <c r="D5700" t="s">
        <v>592</v>
      </c>
      <c r="E5700" t="s">
        <v>26</v>
      </c>
      <c r="F5700" t="s">
        <v>10</v>
      </c>
      <c r="G5700" t="s">
        <v>11</v>
      </c>
      <c r="H5700" t="s">
        <v>134</v>
      </c>
      <c r="I5700">
        <v>41.7</v>
      </c>
      <c r="J5700">
        <v>5</v>
      </c>
      <c r="K5700">
        <v>20.85</v>
      </c>
    </row>
    <row r="5701" spans="1:11" x14ac:dyDescent="0.3">
      <c r="A5701" s="1">
        <v>42637</v>
      </c>
      <c r="B5701" s="3">
        <f t="shared" si="178"/>
        <v>9</v>
      </c>
      <c r="C5701" s="3">
        <f t="shared" si="179"/>
        <v>2016</v>
      </c>
      <c r="D5701" t="s">
        <v>1945</v>
      </c>
      <c r="E5701" t="s">
        <v>26</v>
      </c>
      <c r="F5701" t="s">
        <v>33</v>
      </c>
      <c r="G5701" t="s">
        <v>46</v>
      </c>
      <c r="H5701" t="s">
        <v>1268</v>
      </c>
      <c r="I5701">
        <v>63.2</v>
      </c>
      <c r="J5701">
        <v>5</v>
      </c>
      <c r="K5701">
        <v>23.38</v>
      </c>
    </row>
    <row r="5702" spans="1:11" x14ac:dyDescent="0.3">
      <c r="A5702" s="1">
        <v>42637</v>
      </c>
      <c r="B5702" s="3">
        <f t="shared" si="178"/>
        <v>9</v>
      </c>
      <c r="C5702" s="3">
        <f t="shared" si="179"/>
        <v>2016</v>
      </c>
      <c r="D5702" t="s">
        <v>2500</v>
      </c>
      <c r="E5702" t="s">
        <v>277</v>
      </c>
      <c r="F5702" t="s">
        <v>33</v>
      </c>
      <c r="G5702" t="s">
        <v>46</v>
      </c>
      <c r="H5702" t="s">
        <v>2061</v>
      </c>
      <c r="I5702">
        <v>21.44</v>
      </c>
      <c r="J5702">
        <v>2</v>
      </c>
      <c r="K5702">
        <v>7.5</v>
      </c>
    </row>
    <row r="5703" spans="1:11" x14ac:dyDescent="0.3">
      <c r="A5703" s="1">
        <v>42637</v>
      </c>
      <c r="B5703" s="3">
        <f t="shared" si="178"/>
        <v>9</v>
      </c>
      <c r="C5703" s="3">
        <f t="shared" si="179"/>
        <v>2016</v>
      </c>
      <c r="D5703" t="s">
        <v>2500</v>
      </c>
      <c r="E5703" t="s">
        <v>277</v>
      </c>
      <c r="F5703" t="s">
        <v>10</v>
      </c>
      <c r="G5703" t="s">
        <v>17</v>
      </c>
      <c r="H5703" t="s">
        <v>256</v>
      </c>
      <c r="I5703">
        <v>511.06</v>
      </c>
      <c r="J5703">
        <v>9</v>
      </c>
      <c r="K5703">
        <v>-95.82</v>
      </c>
    </row>
    <row r="5704" spans="1:11" x14ac:dyDescent="0.3">
      <c r="A5704" s="1">
        <v>42637</v>
      </c>
      <c r="B5704" s="3">
        <f t="shared" si="178"/>
        <v>9</v>
      </c>
      <c r="C5704" s="3">
        <f t="shared" si="179"/>
        <v>2016</v>
      </c>
      <c r="D5704" t="s">
        <v>551</v>
      </c>
      <c r="E5704" t="s">
        <v>839</v>
      </c>
      <c r="F5704" t="s">
        <v>10</v>
      </c>
      <c r="G5704" t="s">
        <v>19</v>
      </c>
      <c r="H5704" t="s">
        <v>681</v>
      </c>
      <c r="I5704">
        <v>6.38</v>
      </c>
      <c r="J5704">
        <v>1</v>
      </c>
      <c r="K5704">
        <v>2.93</v>
      </c>
    </row>
    <row r="5705" spans="1:11" x14ac:dyDescent="0.3">
      <c r="A5705" s="1">
        <v>42637</v>
      </c>
      <c r="B5705" s="3">
        <f t="shared" si="178"/>
        <v>9</v>
      </c>
      <c r="C5705" s="3">
        <f t="shared" si="179"/>
        <v>2016</v>
      </c>
      <c r="D5705" t="s">
        <v>551</v>
      </c>
      <c r="E5705" t="s">
        <v>839</v>
      </c>
      <c r="F5705" t="s">
        <v>10</v>
      </c>
      <c r="G5705" t="s">
        <v>11</v>
      </c>
      <c r="H5705" t="s">
        <v>548</v>
      </c>
      <c r="I5705">
        <v>6.48</v>
      </c>
      <c r="J5705">
        <v>1</v>
      </c>
      <c r="K5705">
        <v>3.11</v>
      </c>
    </row>
    <row r="5706" spans="1:11" x14ac:dyDescent="0.3">
      <c r="A5706" s="1">
        <v>42637</v>
      </c>
      <c r="B5706" s="3">
        <f t="shared" si="178"/>
        <v>9</v>
      </c>
      <c r="C5706" s="3">
        <f t="shared" si="179"/>
        <v>2016</v>
      </c>
      <c r="D5706" t="s">
        <v>464</v>
      </c>
      <c r="E5706" t="s">
        <v>128</v>
      </c>
      <c r="F5706" t="s">
        <v>33</v>
      </c>
      <c r="G5706" t="s">
        <v>46</v>
      </c>
      <c r="H5706" t="s">
        <v>1275</v>
      </c>
      <c r="I5706">
        <v>127.95</v>
      </c>
      <c r="J5706">
        <v>3</v>
      </c>
      <c r="K5706">
        <v>21.75</v>
      </c>
    </row>
    <row r="5707" spans="1:11" x14ac:dyDescent="0.3">
      <c r="A5707" s="1">
        <v>42637</v>
      </c>
      <c r="B5707" s="3">
        <f t="shared" si="178"/>
        <v>9</v>
      </c>
      <c r="C5707" s="3">
        <f t="shared" si="179"/>
        <v>2016</v>
      </c>
      <c r="D5707" t="s">
        <v>1656</v>
      </c>
      <c r="E5707" t="s">
        <v>14</v>
      </c>
      <c r="F5707" t="s">
        <v>10</v>
      </c>
      <c r="G5707" t="s">
        <v>19</v>
      </c>
      <c r="H5707" t="s">
        <v>2487</v>
      </c>
      <c r="I5707">
        <v>442.37</v>
      </c>
      <c r="J5707">
        <v>7</v>
      </c>
      <c r="K5707">
        <v>-729.91</v>
      </c>
    </row>
    <row r="5708" spans="1:11" x14ac:dyDescent="0.3">
      <c r="A5708" s="1">
        <v>42637</v>
      </c>
      <c r="B5708" s="3">
        <f t="shared" si="178"/>
        <v>9</v>
      </c>
      <c r="C5708" s="3">
        <f t="shared" si="179"/>
        <v>2016</v>
      </c>
      <c r="D5708" t="s">
        <v>524</v>
      </c>
      <c r="E5708" t="s">
        <v>26</v>
      </c>
      <c r="F5708" t="s">
        <v>10</v>
      </c>
      <c r="G5708" t="s">
        <v>62</v>
      </c>
      <c r="H5708" t="s">
        <v>1318</v>
      </c>
      <c r="I5708">
        <v>304.89999999999998</v>
      </c>
      <c r="J5708">
        <v>5</v>
      </c>
      <c r="K5708">
        <v>143.30000000000001</v>
      </c>
    </row>
    <row r="5709" spans="1:11" x14ac:dyDescent="0.3">
      <c r="A5709" s="1">
        <v>42637</v>
      </c>
      <c r="B5709" s="3">
        <f t="shared" si="178"/>
        <v>9</v>
      </c>
      <c r="C5709" s="3">
        <f t="shared" si="179"/>
        <v>2016</v>
      </c>
      <c r="D5709" t="s">
        <v>524</v>
      </c>
      <c r="E5709" t="s">
        <v>26</v>
      </c>
      <c r="F5709" t="s">
        <v>33</v>
      </c>
      <c r="G5709" t="s">
        <v>34</v>
      </c>
      <c r="H5709" t="s">
        <v>722</v>
      </c>
      <c r="I5709">
        <v>563.24</v>
      </c>
      <c r="J5709">
        <v>5</v>
      </c>
      <c r="K5709">
        <v>56.32</v>
      </c>
    </row>
    <row r="5710" spans="1:11" x14ac:dyDescent="0.3">
      <c r="A5710" s="1">
        <v>42638</v>
      </c>
      <c r="B5710" s="3">
        <f t="shared" si="178"/>
        <v>9</v>
      </c>
      <c r="C5710" s="3">
        <f t="shared" si="179"/>
        <v>2016</v>
      </c>
      <c r="D5710" t="s">
        <v>1816</v>
      </c>
      <c r="E5710" t="s">
        <v>94</v>
      </c>
      <c r="F5710" t="s">
        <v>33</v>
      </c>
      <c r="G5710" t="s">
        <v>144</v>
      </c>
      <c r="H5710" t="s">
        <v>1612</v>
      </c>
      <c r="I5710">
        <v>393.17</v>
      </c>
      <c r="J5710">
        <v>3</v>
      </c>
      <c r="K5710">
        <v>-204.45</v>
      </c>
    </row>
    <row r="5711" spans="1:11" x14ac:dyDescent="0.3">
      <c r="A5711" s="1">
        <v>42638</v>
      </c>
      <c r="B5711" s="3">
        <f t="shared" si="178"/>
        <v>9</v>
      </c>
      <c r="C5711" s="3">
        <f t="shared" si="179"/>
        <v>2016</v>
      </c>
      <c r="D5711" t="s">
        <v>240</v>
      </c>
      <c r="E5711" t="s">
        <v>9</v>
      </c>
      <c r="F5711" t="s">
        <v>10</v>
      </c>
      <c r="G5711" t="s">
        <v>15</v>
      </c>
      <c r="H5711" t="s">
        <v>1335</v>
      </c>
      <c r="I5711">
        <v>15.94</v>
      </c>
      <c r="J5711">
        <v>4</v>
      </c>
      <c r="K5711">
        <v>5.18</v>
      </c>
    </row>
    <row r="5712" spans="1:11" x14ac:dyDescent="0.3">
      <c r="A5712" s="1">
        <v>42638</v>
      </c>
      <c r="B5712" s="3">
        <f t="shared" si="178"/>
        <v>9</v>
      </c>
      <c r="C5712" s="3">
        <f t="shared" si="179"/>
        <v>2016</v>
      </c>
      <c r="D5712" t="s">
        <v>444</v>
      </c>
      <c r="E5712" t="s">
        <v>90</v>
      </c>
      <c r="F5712" t="s">
        <v>10</v>
      </c>
      <c r="G5712" t="s">
        <v>11</v>
      </c>
      <c r="H5712" t="s">
        <v>134</v>
      </c>
      <c r="I5712">
        <v>60.05</v>
      </c>
      <c r="J5712">
        <v>9</v>
      </c>
      <c r="K5712">
        <v>22.52</v>
      </c>
    </row>
    <row r="5713" spans="1:11" x14ac:dyDescent="0.3">
      <c r="A5713" s="1">
        <v>42638</v>
      </c>
      <c r="B5713" s="3">
        <f t="shared" si="178"/>
        <v>9</v>
      </c>
      <c r="C5713" s="3">
        <f t="shared" si="179"/>
        <v>2016</v>
      </c>
      <c r="D5713" t="s">
        <v>444</v>
      </c>
      <c r="E5713" t="s">
        <v>90</v>
      </c>
      <c r="F5713" t="s">
        <v>10</v>
      </c>
      <c r="G5713" t="s">
        <v>19</v>
      </c>
      <c r="H5713" t="s">
        <v>607</v>
      </c>
      <c r="I5713">
        <v>5.0199999999999996</v>
      </c>
      <c r="J5713">
        <v>1</v>
      </c>
      <c r="K5713">
        <v>-3.52</v>
      </c>
    </row>
    <row r="5714" spans="1:11" x14ac:dyDescent="0.3">
      <c r="A5714" s="1">
        <v>42638</v>
      </c>
      <c r="B5714" s="3">
        <f t="shared" si="178"/>
        <v>9</v>
      </c>
      <c r="C5714" s="3">
        <f t="shared" si="179"/>
        <v>2016</v>
      </c>
      <c r="D5714" t="s">
        <v>1965</v>
      </c>
      <c r="E5714" t="s">
        <v>26</v>
      </c>
      <c r="F5714" t="s">
        <v>10</v>
      </c>
      <c r="G5714" t="s">
        <v>23</v>
      </c>
      <c r="H5714" t="s">
        <v>1234</v>
      </c>
      <c r="I5714">
        <v>16.559999999999999</v>
      </c>
      <c r="J5714">
        <v>4</v>
      </c>
      <c r="K5714">
        <v>6.96</v>
      </c>
    </row>
    <row r="5715" spans="1:11" x14ac:dyDescent="0.3">
      <c r="A5715" s="1">
        <v>42638</v>
      </c>
      <c r="B5715" s="3">
        <f t="shared" si="178"/>
        <v>9</v>
      </c>
      <c r="C5715" s="3">
        <f t="shared" si="179"/>
        <v>2016</v>
      </c>
      <c r="D5715" t="s">
        <v>1796</v>
      </c>
      <c r="E5715" t="s">
        <v>156</v>
      </c>
      <c r="F5715" t="s">
        <v>38</v>
      </c>
      <c r="G5715" t="s">
        <v>51</v>
      </c>
      <c r="H5715" t="s">
        <v>501</v>
      </c>
      <c r="I5715">
        <v>499.95</v>
      </c>
      <c r="J5715">
        <v>5</v>
      </c>
      <c r="K5715">
        <v>174.98</v>
      </c>
    </row>
    <row r="5716" spans="1:11" x14ac:dyDescent="0.3">
      <c r="A5716" s="1">
        <v>42638</v>
      </c>
      <c r="B5716" s="3">
        <f t="shared" si="178"/>
        <v>9</v>
      </c>
      <c r="C5716" s="3">
        <f t="shared" si="179"/>
        <v>2016</v>
      </c>
      <c r="D5716" t="s">
        <v>1796</v>
      </c>
      <c r="E5716" t="s">
        <v>156</v>
      </c>
      <c r="F5716" t="s">
        <v>10</v>
      </c>
      <c r="G5716" t="s">
        <v>23</v>
      </c>
      <c r="H5716" t="s">
        <v>2232</v>
      </c>
      <c r="I5716">
        <v>3.04</v>
      </c>
      <c r="J5716">
        <v>1</v>
      </c>
      <c r="K5716">
        <v>1.03</v>
      </c>
    </row>
    <row r="5717" spans="1:11" x14ac:dyDescent="0.3">
      <c r="A5717" s="1">
        <v>42638</v>
      </c>
      <c r="B5717" s="3">
        <f t="shared" si="178"/>
        <v>9</v>
      </c>
      <c r="C5717" s="3">
        <f t="shared" si="179"/>
        <v>2016</v>
      </c>
      <c r="D5717" t="s">
        <v>1796</v>
      </c>
      <c r="E5717" t="s">
        <v>156</v>
      </c>
      <c r="F5717" t="s">
        <v>33</v>
      </c>
      <c r="G5717" t="s">
        <v>34</v>
      </c>
      <c r="H5717" t="s">
        <v>1875</v>
      </c>
      <c r="I5717">
        <v>201.96</v>
      </c>
      <c r="J5717">
        <v>2</v>
      </c>
      <c r="K5717">
        <v>50.49</v>
      </c>
    </row>
    <row r="5718" spans="1:11" x14ac:dyDescent="0.3">
      <c r="A5718" s="1">
        <v>42638</v>
      </c>
      <c r="B5718" s="3">
        <f t="shared" si="178"/>
        <v>9</v>
      </c>
      <c r="C5718" s="3">
        <f t="shared" si="179"/>
        <v>2016</v>
      </c>
      <c r="D5718" t="s">
        <v>1796</v>
      </c>
      <c r="E5718" t="s">
        <v>156</v>
      </c>
      <c r="F5718" t="s">
        <v>33</v>
      </c>
      <c r="G5718" t="s">
        <v>46</v>
      </c>
      <c r="H5718" t="s">
        <v>2530</v>
      </c>
      <c r="I5718">
        <v>68.64</v>
      </c>
      <c r="J5718">
        <v>11</v>
      </c>
      <c r="K5718">
        <v>17.16</v>
      </c>
    </row>
    <row r="5719" spans="1:11" x14ac:dyDescent="0.3">
      <c r="A5719" s="1">
        <v>42638</v>
      </c>
      <c r="B5719" s="3">
        <f t="shared" si="178"/>
        <v>9</v>
      </c>
      <c r="C5719" s="3">
        <f t="shared" si="179"/>
        <v>2016</v>
      </c>
      <c r="D5719" t="s">
        <v>1812</v>
      </c>
      <c r="E5719" t="s">
        <v>77</v>
      </c>
      <c r="F5719" t="s">
        <v>10</v>
      </c>
      <c r="G5719" t="s">
        <v>91</v>
      </c>
      <c r="H5719" t="s">
        <v>1996</v>
      </c>
      <c r="I5719">
        <v>286.26</v>
      </c>
      <c r="J5719">
        <v>1</v>
      </c>
      <c r="K5719">
        <v>17.89</v>
      </c>
    </row>
    <row r="5720" spans="1:11" x14ac:dyDescent="0.3">
      <c r="A5720" s="1">
        <v>42638</v>
      </c>
      <c r="B5720" s="3">
        <f t="shared" si="178"/>
        <v>9</v>
      </c>
      <c r="C5720" s="3">
        <f t="shared" si="179"/>
        <v>2016</v>
      </c>
      <c r="D5720" t="s">
        <v>1812</v>
      </c>
      <c r="E5720" t="s">
        <v>77</v>
      </c>
      <c r="F5720" t="s">
        <v>10</v>
      </c>
      <c r="G5720" t="s">
        <v>17</v>
      </c>
      <c r="H5720" t="s">
        <v>1315</v>
      </c>
      <c r="I5720">
        <v>24.22</v>
      </c>
      <c r="J5720">
        <v>2</v>
      </c>
      <c r="K5720">
        <v>-4.84</v>
      </c>
    </row>
    <row r="5721" spans="1:11" x14ac:dyDescent="0.3">
      <c r="A5721" s="1">
        <v>42638</v>
      </c>
      <c r="B5721" s="3">
        <f t="shared" si="178"/>
        <v>9</v>
      </c>
      <c r="C5721" s="3">
        <f t="shared" si="179"/>
        <v>2016</v>
      </c>
      <c r="D5721" t="s">
        <v>1812</v>
      </c>
      <c r="E5721" t="s">
        <v>77</v>
      </c>
      <c r="F5721" t="s">
        <v>10</v>
      </c>
      <c r="G5721" t="s">
        <v>17</v>
      </c>
      <c r="H5721" t="s">
        <v>556</v>
      </c>
      <c r="I5721">
        <v>331.54</v>
      </c>
      <c r="J5721">
        <v>3</v>
      </c>
      <c r="K5721">
        <v>-82.88</v>
      </c>
    </row>
    <row r="5722" spans="1:11" x14ac:dyDescent="0.3">
      <c r="A5722" s="1">
        <v>42638</v>
      </c>
      <c r="B5722" s="3">
        <f t="shared" si="178"/>
        <v>9</v>
      </c>
      <c r="C5722" s="3">
        <f t="shared" si="179"/>
        <v>2016</v>
      </c>
      <c r="D5722" t="s">
        <v>1032</v>
      </c>
      <c r="E5722" t="s">
        <v>26</v>
      </c>
      <c r="F5722" t="s">
        <v>33</v>
      </c>
      <c r="G5722" t="s">
        <v>73</v>
      </c>
      <c r="H5722" t="s">
        <v>1871</v>
      </c>
      <c r="I5722">
        <v>477.67</v>
      </c>
      <c r="J5722">
        <v>2</v>
      </c>
      <c r="K5722">
        <v>84.29</v>
      </c>
    </row>
    <row r="5723" spans="1:11" x14ac:dyDescent="0.3">
      <c r="A5723" s="1">
        <v>42638</v>
      </c>
      <c r="B5723" s="3">
        <f t="shared" si="178"/>
        <v>9</v>
      </c>
      <c r="C5723" s="3">
        <f t="shared" si="179"/>
        <v>2016</v>
      </c>
      <c r="D5723" t="s">
        <v>883</v>
      </c>
      <c r="E5723" t="s">
        <v>26</v>
      </c>
      <c r="F5723" t="s">
        <v>10</v>
      </c>
      <c r="G5723" t="s">
        <v>11</v>
      </c>
      <c r="H5723" t="s">
        <v>1551</v>
      </c>
      <c r="I5723">
        <v>10.9</v>
      </c>
      <c r="J5723">
        <v>5</v>
      </c>
      <c r="K5723">
        <v>5.12</v>
      </c>
    </row>
    <row r="5724" spans="1:11" x14ac:dyDescent="0.3">
      <c r="A5724" s="1">
        <v>42638</v>
      </c>
      <c r="B5724" s="3">
        <f t="shared" si="178"/>
        <v>9</v>
      </c>
      <c r="C5724" s="3">
        <f t="shared" si="179"/>
        <v>2016</v>
      </c>
      <c r="D5724" t="s">
        <v>883</v>
      </c>
      <c r="E5724" t="s">
        <v>26</v>
      </c>
      <c r="F5724" t="s">
        <v>10</v>
      </c>
      <c r="G5724" t="s">
        <v>15</v>
      </c>
      <c r="H5724" t="s">
        <v>1258</v>
      </c>
      <c r="I5724">
        <v>29.6</v>
      </c>
      <c r="J5724">
        <v>2</v>
      </c>
      <c r="K5724">
        <v>14.8</v>
      </c>
    </row>
    <row r="5725" spans="1:11" x14ac:dyDescent="0.3">
      <c r="A5725" s="1">
        <v>42638</v>
      </c>
      <c r="B5725" s="3">
        <f t="shared" si="178"/>
        <v>9</v>
      </c>
      <c r="C5725" s="3">
        <f t="shared" si="179"/>
        <v>2016</v>
      </c>
      <c r="D5725" t="s">
        <v>883</v>
      </c>
      <c r="E5725" t="s">
        <v>26</v>
      </c>
      <c r="F5725" t="s">
        <v>10</v>
      </c>
      <c r="G5725" t="s">
        <v>15</v>
      </c>
      <c r="H5725" t="s">
        <v>771</v>
      </c>
      <c r="I5725">
        <v>4.9800000000000004</v>
      </c>
      <c r="J5725">
        <v>1</v>
      </c>
      <c r="K5725">
        <v>2.29</v>
      </c>
    </row>
    <row r="5726" spans="1:11" x14ac:dyDescent="0.3">
      <c r="A5726" s="1">
        <v>42638</v>
      </c>
      <c r="B5726" s="3">
        <f t="shared" si="178"/>
        <v>9</v>
      </c>
      <c r="C5726" s="3">
        <f t="shared" si="179"/>
        <v>2016</v>
      </c>
      <c r="D5726" t="s">
        <v>883</v>
      </c>
      <c r="E5726" t="s">
        <v>26</v>
      </c>
      <c r="F5726" t="s">
        <v>38</v>
      </c>
      <c r="G5726" t="s">
        <v>602</v>
      </c>
      <c r="H5726" t="s">
        <v>2009</v>
      </c>
      <c r="I5726">
        <v>479.98</v>
      </c>
      <c r="J5726">
        <v>3</v>
      </c>
      <c r="K5726">
        <v>161.99</v>
      </c>
    </row>
    <row r="5727" spans="1:11" x14ac:dyDescent="0.3">
      <c r="A5727" s="1">
        <v>42638</v>
      </c>
      <c r="B5727" s="3">
        <f t="shared" si="178"/>
        <v>9</v>
      </c>
      <c r="C5727" s="3">
        <f t="shared" si="179"/>
        <v>2016</v>
      </c>
      <c r="D5727" t="s">
        <v>883</v>
      </c>
      <c r="E5727" t="s">
        <v>26</v>
      </c>
      <c r="F5727" t="s">
        <v>38</v>
      </c>
      <c r="G5727" t="s">
        <v>39</v>
      </c>
      <c r="H5727" t="s">
        <v>1946</v>
      </c>
      <c r="I5727">
        <v>44.74</v>
      </c>
      <c r="J5727">
        <v>8</v>
      </c>
      <c r="K5727">
        <v>4.47</v>
      </c>
    </row>
    <row r="5728" spans="1:11" x14ac:dyDescent="0.3">
      <c r="A5728" s="1">
        <v>42638</v>
      </c>
      <c r="B5728" s="3">
        <f t="shared" si="178"/>
        <v>9</v>
      </c>
      <c r="C5728" s="3">
        <f t="shared" si="179"/>
        <v>2016</v>
      </c>
      <c r="D5728" t="s">
        <v>883</v>
      </c>
      <c r="E5728" t="s">
        <v>26</v>
      </c>
      <c r="F5728" t="s">
        <v>10</v>
      </c>
      <c r="G5728" t="s">
        <v>23</v>
      </c>
      <c r="H5728" t="s">
        <v>2191</v>
      </c>
      <c r="I5728">
        <v>5.76</v>
      </c>
      <c r="J5728">
        <v>2</v>
      </c>
      <c r="K5728">
        <v>1.67</v>
      </c>
    </row>
    <row r="5729" spans="1:11" x14ac:dyDescent="0.3">
      <c r="A5729" s="1">
        <v>42638</v>
      </c>
      <c r="B5729" s="3">
        <f t="shared" si="178"/>
        <v>9</v>
      </c>
      <c r="C5729" s="3">
        <f t="shared" si="179"/>
        <v>2016</v>
      </c>
      <c r="D5729" t="s">
        <v>883</v>
      </c>
      <c r="E5729" t="s">
        <v>26</v>
      </c>
      <c r="F5729" t="s">
        <v>33</v>
      </c>
      <c r="G5729" t="s">
        <v>34</v>
      </c>
      <c r="H5729" t="s">
        <v>1596</v>
      </c>
      <c r="I5729">
        <v>483.14</v>
      </c>
      <c r="J5729">
        <v>4</v>
      </c>
      <c r="K5729">
        <v>60.39</v>
      </c>
    </row>
    <row r="5730" spans="1:11" x14ac:dyDescent="0.3">
      <c r="A5730" s="1">
        <v>42639</v>
      </c>
      <c r="B5730" s="3">
        <f t="shared" si="178"/>
        <v>9</v>
      </c>
      <c r="C5730" s="3">
        <f t="shared" si="179"/>
        <v>2016</v>
      </c>
      <c r="D5730" t="s">
        <v>181</v>
      </c>
      <c r="E5730" t="s">
        <v>14</v>
      </c>
      <c r="F5730" t="s">
        <v>33</v>
      </c>
      <c r="G5730" t="s">
        <v>34</v>
      </c>
      <c r="H5730" t="s">
        <v>105</v>
      </c>
      <c r="I5730">
        <v>747.56</v>
      </c>
      <c r="J5730">
        <v>3</v>
      </c>
      <c r="K5730">
        <v>-96.11</v>
      </c>
    </row>
    <row r="5731" spans="1:11" x14ac:dyDescent="0.3">
      <c r="A5731" s="1">
        <v>42639</v>
      </c>
      <c r="B5731" s="3">
        <f t="shared" si="178"/>
        <v>9</v>
      </c>
      <c r="C5731" s="3">
        <f t="shared" si="179"/>
        <v>2016</v>
      </c>
      <c r="D5731" t="s">
        <v>181</v>
      </c>
      <c r="E5731" t="s">
        <v>14</v>
      </c>
      <c r="F5731" t="s">
        <v>10</v>
      </c>
      <c r="G5731" t="s">
        <v>62</v>
      </c>
      <c r="H5731" t="s">
        <v>63</v>
      </c>
      <c r="I5731">
        <v>8.93</v>
      </c>
      <c r="J5731">
        <v>2</v>
      </c>
      <c r="K5731">
        <v>3.35</v>
      </c>
    </row>
    <row r="5732" spans="1:11" x14ac:dyDescent="0.3">
      <c r="A5732" s="1">
        <v>42639</v>
      </c>
      <c r="B5732" s="3">
        <f t="shared" si="178"/>
        <v>9</v>
      </c>
      <c r="C5732" s="3">
        <f t="shared" si="179"/>
        <v>2016</v>
      </c>
      <c r="D5732" t="s">
        <v>1770</v>
      </c>
      <c r="E5732" t="s">
        <v>26</v>
      </c>
      <c r="F5732" t="s">
        <v>33</v>
      </c>
      <c r="G5732" t="s">
        <v>73</v>
      </c>
      <c r="H5732" t="s">
        <v>643</v>
      </c>
      <c r="I5732">
        <v>424.96</v>
      </c>
      <c r="J5732">
        <v>5</v>
      </c>
      <c r="K5732">
        <v>20</v>
      </c>
    </row>
    <row r="5733" spans="1:11" x14ac:dyDescent="0.3">
      <c r="A5733" s="1">
        <v>42639</v>
      </c>
      <c r="B5733" s="3">
        <f t="shared" si="178"/>
        <v>9</v>
      </c>
      <c r="C5733" s="3">
        <f t="shared" si="179"/>
        <v>2016</v>
      </c>
      <c r="D5733" t="s">
        <v>627</v>
      </c>
      <c r="E5733" t="s">
        <v>163</v>
      </c>
      <c r="F5733" t="s">
        <v>10</v>
      </c>
      <c r="G5733" t="s">
        <v>91</v>
      </c>
      <c r="H5733" t="s">
        <v>957</v>
      </c>
      <c r="I5733">
        <v>236.88</v>
      </c>
      <c r="J5733">
        <v>6</v>
      </c>
      <c r="K5733">
        <v>66.33</v>
      </c>
    </row>
    <row r="5734" spans="1:11" x14ac:dyDescent="0.3">
      <c r="A5734" s="1">
        <v>42639</v>
      </c>
      <c r="B5734" s="3">
        <f t="shared" si="178"/>
        <v>9</v>
      </c>
      <c r="C5734" s="3">
        <f t="shared" si="179"/>
        <v>2016</v>
      </c>
      <c r="D5734" t="s">
        <v>627</v>
      </c>
      <c r="E5734" t="s">
        <v>163</v>
      </c>
      <c r="F5734" t="s">
        <v>10</v>
      </c>
      <c r="G5734" t="s">
        <v>11</v>
      </c>
      <c r="H5734" t="s">
        <v>2132</v>
      </c>
      <c r="I5734">
        <v>29.9</v>
      </c>
      <c r="J5734">
        <v>5</v>
      </c>
      <c r="K5734">
        <v>14.65</v>
      </c>
    </row>
    <row r="5735" spans="1:11" x14ac:dyDescent="0.3">
      <c r="A5735" s="1">
        <v>42639</v>
      </c>
      <c r="B5735" s="3">
        <f t="shared" si="178"/>
        <v>9</v>
      </c>
      <c r="C5735" s="3">
        <f t="shared" si="179"/>
        <v>2016</v>
      </c>
      <c r="D5735" t="s">
        <v>627</v>
      </c>
      <c r="E5735" t="s">
        <v>163</v>
      </c>
      <c r="F5735" t="s">
        <v>38</v>
      </c>
      <c r="G5735" t="s">
        <v>51</v>
      </c>
      <c r="H5735" t="s">
        <v>2397</v>
      </c>
      <c r="I5735">
        <v>100</v>
      </c>
      <c r="J5735">
        <v>4</v>
      </c>
      <c r="K5735">
        <v>21</v>
      </c>
    </row>
    <row r="5736" spans="1:11" x14ac:dyDescent="0.3">
      <c r="A5736" s="1">
        <v>42639</v>
      </c>
      <c r="B5736" s="3">
        <f t="shared" si="178"/>
        <v>9</v>
      </c>
      <c r="C5736" s="3">
        <f t="shared" si="179"/>
        <v>2016</v>
      </c>
      <c r="D5736" t="s">
        <v>1110</v>
      </c>
      <c r="E5736" t="s">
        <v>394</v>
      </c>
      <c r="F5736" t="s">
        <v>10</v>
      </c>
      <c r="G5736" t="s">
        <v>11</v>
      </c>
      <c r="H5736" t="s">
        <v>2457</v>
      </c>
      <c r="I5736">
        <v>9.99</v>
      </c>
      <c r="J5736">
        <v>1</v>
      </c>
      <c r="K5736">
        <v>4.5</v>
      </c>
    </row>
    <row r="5737" spans="1:11" x14ac:dyDescent="0.3">
      <c r="A5737" s="1">
        <v>42639</v>
      </c>
      <c r="B5737" s="3">
        <f t="shared" si="178"/>
        <v>9</v>
      </c>
      <c r="C5737" s="3">
        <f t="shared" si="179"/>
        <v>2016</v>
      </c>
      <c r="D5737" t="s">
        <v>805</v>
      </c>
      <c r="E5737" t="s">
        <v>26</v>
      </c>
      <c r="F5737" t="s">
        <v>10</v>
      </c>
      <c r="G5737" t="s">
        <v>17</v>
      </c>
      <c r="H5737" t="s">
        <v>1846</v>
      </c>
      <c r="I5737">
        <v>51.45</v>
      </c>
      <c r="J5737">
        <v>3</v>
      </c>
      <c r="K5737">
        <v>13.89</v>
      </c>
    </row>
    <row r="5738" spans="1:11" x14ac:dyDescent="0.3">
      <c r="A5738" s="1">
        <v>42639</v>
      </c>
      <c r="B5738" s="3">
        <f t="shared" si="178"/>
        <v>9</v>
      </c>
      <c r="C5738" s="3">
        <f t="shared" si="179"/>
        <v>2016</v>
      </c>
      <c r="D5738" t="s">
        <v>805</v>
      </c>
      <c r="E5738" t="s">
        <v>26</v>
      </c>
      <c r="F5738" t="s">
        <v>10</v>
      </c>
      <c r="G5738" t="s">
        <v>15</v>
      </c>
      <c r="H5738" t="s">
        <v>1097</v>
      </c>
      <c r="I5738">
        <v>7.83</v>
      </c>
      <c r="J5738">
        <v>3</v>
      </c>
      <c r="K5738">
        <v>3.6</v>
      </c>
    </row>
    <row r="5739" spans="1:11" x14ac:dyDescent="0.3">
      <c r="A5739" s="1">
        <v>42639</v>
      </c>
      <c r="B5739" s="3">
        <f t="shared" si="178"/>
        <v>9</v>
      </c>
      <c r="C5739" s="3">
        <f t="shared" si="179"/>
        <v>2016</v>
      </c>
      <c r="D5739" t="s">
        <v>805</v>
      </c>
      <c r="E5739" t="s">
        <v>26</v>
      </c>
      <c r="F5739" t="s">
        <v>10</v>
      </c>
      <c r="G5739" t="s">
        <v>23</v>
      </c>
      <c r="H5739" t="s">
        <v>1205</v>
      </c>
      <c r="I5739">
        <v>35.4</v>
      </c>
      <c r="J5739">
        <v>5</v>
      </c>
      <c r="K5739">
        <v>13.45</v>
      </c>
    </row>
    <row r="5740" spans="1:11" x14ac:dyDescent="0.3">
      <c r="A5740" s="1">
        <v>42639</v>
      </c>
      <c r="B5740" s="3">
        <f t="shared" si="178"/>
        <v>9</v>
      </c>
      <c r="C5740" s="3">
        <f t="shared" si="179"/>
        <v>2016</v>
      </c>
      <c r="D5740" t="s">
        <v>805</v>
      </c>
      <c r="E5740" t="s">
        <v>26</v>
      </c>
      <c r="F5740" t="s">
        <v>10</v>
      </c>
      <c r="G5740" t="s">
        <v>11</v>
      </c>
      <c r="H5740" t="s">
        <v>1104</v>
      </c>
      <c r="I5740">
        <v>29.9</v>
      </c>
      <c r="J5740">
        <v>5</v>
      </c>
      <c r="K5740">
        <v>13.46</v>
      </c>
    </row>
    <row r="5741" spans="1:11" x14ac:dyDescent="0.3">
      <c r="A5741" s="1">
        <v>42639</v>
      </c>
      <c r="B5741" s="3">
        <f t="shared" si="178"/>
        <v>9</v>
      </c>
      <c r="C5741" s="3">
        <f t="shared" si="179"/>
        <v>2016</v>
      </c>
      <c r="D5741" t="s">
        <v>1162</v>
      </c>
      <c r="E5741" t="s">
        <v>26</v>
      </c>
      <c r="F5741" t="s">
        <v>10</v>
      </c>
      <c r="G5741" t="s">
        <v>11</v>
      </c>
      <c r="H5741" t="s">
        <v>2604</v>
      </c>
      <c r="I5741">
        <v>12.96</v>
      </c>
      <c r="J5741">
        <v>2</v>
      </c>
      <c r="K5741">
        <v>6.22</v>
      </c>
    </row>
    <row r="5742" spans="1:11" x14ac:dyDescent="0.3">
      <c r="A5742" s="1">
        <v>42639</v>
      </c>
      <c r="B5742" s="3">
        <f t="shared" si="178"/>
        <v>9</v>
      </c>
      <c r="C5742" s="3">
        <f t="shared" si="179"/>
        <v>2016</v>
      </c>
      <c r="D5742" t="s">
        <v>1442</v>
      </c>
      <c r="E5742" t="s">
        <v>122</v>
      </c>
      <c r="F5742" t="s">
        <v>38</v>
      </c>
      <c r="G5742" t="s">
        <v>51</v>
      </c>
      <c r="H5742" t="s">
        <v>2330</v>
      </c>
      <c r="I5742">
        <v>431.98</v>
      </c>
      <c r="J5742">
        <v>3</v>
      </c>
      <c r="K5742">
        <v>-75.599999999999994</v>
      </c>
    </row>
    <row r="5743" spans="1:11" x14ac:dyDescent="0.3">
      <c r="A5743" s="1">
        <v>42639</v>
      </c>
      <c r="B5743" s="3">
        <f t="shared" si="178"/>
        <v>9</v>
      </c>
      <c r="C5743" s="3">
        <f t="shared" si="179"/>
        <v>2016</v>
      </c>
      <c r="D5743" t="s">
        <v>232</v>
      </c>
      <c r="E5743" t="s">
        <v>9</v>
      </c>
      <c r="F5743" t="s">
        <v>10</v>
      </c>
      <c r="G5743" t="s">
        <v>19</v>
      </c>
      <c r="H5743" t="s">
        <v>2060</v>
      </c>
      <c r="I5743">
        <v>15.62</v>
      </c>
      <c r="J5743">
        <v>2</v>
      </c>
      <c r="K5743">
        <v>-25</v>
      </c>
    </row>
    <row r="5744" spans="1:11" x14ac:dyDescent="0.3">
      <c r="A5744" s="1">
        <v>42639</v>
      </c>
      <c r="B5744" s="3">
        <f t="shared" si="178"/>
        <v>9</v>
      </c>
      <c r="C5744" s="3">
        <f t="shared" si="179"/>
        <v>2016</v>
      </c>
      <c r="D5744" t="s">
        <v>1229</v>
      </c>
      <c r="E5744" t="s">
        <v>9</v>
      </c>
      <c r="F5744" t="s">
        <v>10</v>
      </c>
      <c r="G5744" t="s">
        <v>91</v>
      </c>
      <c r="H5744" t="s">
        <v>2605</v>
      </c>
      <c r="I5744">
        <v>93.03</v>
      </c>
      <c r="J5744">
        <v>2</v>
      </c>
      <c r="K5744">
        <v>-251.19</v>
      </c>
    </row>
    <row r="5745" spans="1:11" x14ac:dyDescent="0.3">
      <c r="A5745" s="1">
        <v>42639</v>
      </c>
      <c r="B5745" s="3">
        <f t="shared" si="178"/>
        <v>9</v>
      </c>
      <c r="C5745" s="3">
        <f t="shared" si="179"/>
        <v>2016</v>
      </c>
      <c r="D5745" t="s">
        <v>1229</v>
      </c>
      <c r="E5745" t="s">
        <v>9</v>
      </c>
      <c r="F5745" t="s">
        <v>33</v>
      </c>
      <c r="G5745" t="s">
        <v>34</v>
      </c>
      <c r="H5745" t="s">
        <v>1804</v>
      </c>
      <c r="I5745">
        <v>454.97</v>
      </c>
      <c r="J5745">
        <v>5</v>
      </c>
      <c r="K5745">
        <v>-136.49</v>
      </c>
    </row>
    <row r="5746" spans="1:11" x14ac:dyDescent="0.3">
      <c r="A5746" s="1">
        <v>42639</v>
      </c>
      <c r="B5746" s="3">
        <f t="shared" si="178"/>
        <v>9</v>
      </c>
      <c r="C5746" s="3">
        <f t="shared" si="179"/>
        <v>2016</v>
      </c>
      <c r="D5746" t="s">
        <v>2379</v>
      </c>
      <c r="E5746" t="s">
        <v>9</v>
      </c>
      <c r="F5746" t="s">
        <v>10</v>
      </c>
      <c r="G5746" t="s">
        <v>19</v>
      </c>
      <c r="H5746" t="s">
        <v>1532</v>
      </c>
      <c r="I5746">
        <v>6.82</v>
      </c>
      <c r="J5746">
        <v>2</v>
      </c>
      <c r="K5746">
        <v>-11.59</v>
      </c>
    </row>
    <row r="5747" spans="1:11" x14ac:dyDescent="0.3">
      <c r="A5747" s="1">
        <v>42640</v>
      </c>
      <c r="B5747" s="3">
        <f t="shared" si="178"/>
        <v>9</v>
      </c>
      <c r="C5747" s="3">
        <f t="shared" si="179"/>
        <v>2016</v>
      </c>
      <c r="D5747" t="s">
        <v>991</v>
      </c>
      <c r="E5747" t="s">
        <v>9</v>
      </c>
      <c r="F5747" t="s">
        <v>33</v>
      </c>
      <c r="G5747" t="s">
        <v>73</v>
      </c>
      <c r="H5747" t="s">
        <v>2197</v>
      </c>
      <c r="I5747">
        <v>956.66</v>
      </c>
      <c r="J5747">
        <v>7</v>
      </c>
      <c r="K5747">
        <v>-225.1</v>
      </c>
    </row>
    <row r="5748" spans="1:11" x14ac:dyDescent="0.3">
      <c r="A5748" s="1">
        <v>42640</v>
      </c>
      <c r="B5748" s="3">
        <f t="shared" si="178"/>
        <v>9</v>
      </c>
      <c r="C5748" s="3">
        <f t="shared" si="179"/>
        <v>2016</v>
      </c>
      <c r="D5748" t="s">
        <v>922</v>
      </c>
      <c r="E5748" t="s">
        <v>77</v>
      </c>
      <c r="F5748" t="s">
        <v>10</v>
      </c>
      <c r="G5748" t="s">
        <v>19</v>
      </c>
      <c r="H5748" t="s">
        <v>521</v>
      </c>
      <c r="I5748">
        <v>2.91</v>
      </c>
      <c r="J5748">
        <v>3</v>
      </c>
      <c r="K5748">
        <v>-2.0299999999999998</v>
      </c>
    </row>
    <row r="5749" spans="1:11" x14ac:dyDescent="0.3">
      <c r="A5749" s="1">
        <v>42640</v>
      </c>
      <c r="B5749" s="3">
        <f t="shared" si="178"/>
        <v>9</v>
      </c>
      <c r="C5749" s="3">
        <f t="shared" si="179"/>
        <v>2016</v>
      </c>
      <c r="D5749" t="s">
        <v>2125</v>
      </c>
      <c r="E5749" t="s">
        <v>163</v>
      </c>
      <c r="F5749" t="s">
        <v>38</v>
      </c>
      <c r="G5749" t="s">
        <v>39</v>
      </c>
      <c r="H5749" t="s">
        <v>1694</v>
      </c>
      <c r="I5749">
        <v>1001.58</v>
      </c>
      <c r="J5749">
        <v>2</v>
      </c>
      <c r="K5749">
        <v>125.2</v>
      </c>
    </row>
    <row r="5750" spans="1:11" x14ac:dyDescent="0.3">
      <c r="A5750" s="1">
        <v>42640</v>
      </c>
      <c r="B5750" s="3">
        <f t="shared" si="178"/>
        <v>9</v>
      </c>
      <c r="C5750" s="3">
        <f t="shared" si="179"/>
        <v>2016</v>
      </c>
      <c r="D5750" t="s">
        <v>741</v>
      </c>
      <c r="E5750" t="s">
        <v>29</v>
      </c>
      <c r="F5750" t="s">
        <v>10</v>
      </c>
      <c r="G5750" t="s">
        <v>11</v>
      </c>
      <c r="H5750" t="s">
        <v>986</v>
      </c>
      <c r="I5750">
        <v>17.940000000000001</v>
      </c>
      <c r="J5750">
        <v>3</v>
      </c>
      <c r="K5750">
        <v>8.7899999999999991</v>
      </c>
    </row>
    <row r="5751" spans="1:11" x14ac:dyDescent="0.3">
      <c r="A5751" s="1">
        <v>42640</v>
      </c>
      <c r="B5751" s="3">
        <f t="shared" si="178"/>
        <v>9</v>
      </c>
      <c r="C5751" s="3">
        <f t="shared" si="179"/>
        <v>2016</v>
      </c>
      <c r="D5751" t="s">
        <v>741</v>
      </c>
      <c r="E5751" t="s">
        <v>29</v>
      </c>
      <c r="F5751" t="s">
        <v>10</v>
      </c>
      <c r="G5751" t="s">
        <v>23</v>
      </c>
      <c r="H5751" t="s">
        <v>352</v>
      </c>
      <c r="I5751">
        <v>13.89</v>
      </c>
      <c r="J5751">
        <v>3</v>
      </c>
      <c r="K5751">
        <v>4.58</v>
      </c>
    </row>
    <row r="5752" spans="1:11" x14ac:dyDescent="0.3">
      <c r="A5752" s="1">
        <v>42641</v>
      </c>
      <c r="B5752" s="3">
        <f t="shared" si="178"/>
        <v>9</v>
      </c>
      <c r="C5752" s="3">
        <f t="shared" si="179"/>
        <v>2016</v>
      </c>
      <c r="D5752" t="s">
        <v>118</v>
      </c>
      <c r="E5752" t="s">
        <v>14</v>
      </c>
      <c r="F5752" t="s">
        <v>10</v>
      </c>
      <c r="G5752" t="s">
        <v>11</v>
      </c>
      <c r="H5752" t="s">
        <v>1323</v>
      </c>
      <c r="I5752">
        <v>99.14</v>
      </c>
      <c r="J5752">
        <v>4</v>
      </c>
      <c r="K5752">
        <v>30.98</v>
      </c>
    </row>
    <row r="5753" spans="1:11" x14ac:dyDescent="0.3">
      <c r="A5753" s="1">
        <v>42642</v>
      </c>
      <c r="B5753" s="3">
        <f t="shared" si="178"/>
        <v>9</v>
      </c>
      <c r="C5753" s="3">
        <f t="shared" si="179"/>
        <v>2016</v>
      </c>
      <c r="D5753" t="s">
        <v>2041</v>
      </c>
      <c r="E5753" t="s">
        <v>22</v>
      </c>
      <c r="F5753" t="s">
        <v>10</v>
      </c>
      <c r="G5753" t="s">
        <v>15</v>
      </c>
      <c r="H5753" t="s">
        <v>187</v>
      </c>
      <c r="I5753">
        <v>15.94</v>
      </c>
      <c r="J5753">
        <v>4</v>
      </c>
      <c r="K5753">
        <v>5.18</v>
      </c>
    </row>
    <row r="5754" spans="1:11" x14ac:dyDescent="0.3">
      <c r="A5754" s="1">
        <v>42642</v>
      </c>
      <c r="B5754" s="3">
        <f t="shared" si="178"/>
        <v>9</v>
      </c>
      <c r="C5754" s="3">
        <f t="shared" si="179"/>
        <v>2016</v>
      </c>
      <c r="D5754" t="s">
        <v>1792</v>
      </c>
      <c r="E5754" t="s">
        <v>128</v>
      </c>
      <c r="F5754" t="s">
        <v>10</v>
      </c>
      <c r="G5754" t="s">
        <v>23</v>
      </c>
      <c r="H5754" t="s">
        <v>2606</v>
      </c>
      <c r="I5754">
        <v>40.880000000000003</v>
      </c>
      <c r="J5754">
        <v>7</v>
      </c>
      <c r="K5754">
        <v>10.63</v>
      </c>
    </row>
    <row r="5755" spans="1:11" x14ac:dyDescent="0.3">
      <c r="A5755" s="1">
        <v>42642</v>
      </c>
      <c r="B5755" s="3">
        <f t="shared" si="178"/>
        <v>9</v>
      </c>
      <c r="C5755" s="3">
        <f t="shared" si="179"/>
        <v>2016</v>
      </c>
      <c r="D5755" t="s">
        <v>819</v>
      </c>
      <c r="E5755" t="s">
        <v>26</v>
      </c>
      <c r="F5755" t="s">
        <v>10</v>
      </c>
      <c r="G5755" t="s">
        <v>11</v>
      </c>
      <c r="H5755" t="s">
        <v>305</v>
      </c>
      <c r="I5755">
        <v>18.97</v>
      </c>
      <c r="J5755">
        <v>1</v>
      </c>
      <c r="K5755">
        <v>9.11</v>
      </c>
    </row>
    <row r="5756" spans="1:11" x14ac:dyDescent="0.3">
      <c r="A5756" s="1">
        <v>42642</v>
      </c>
      <c r="B5756" s="3">
        <f t="shared" si="178"/>
        <v>9</v>
      </c>
      <c r="C5756" s="3">
        <f t="shared" si="179"/>
        <v>2016</v>
      </c>
      <c r="D5756" t="s">
        <v>1651</v>
      </c>
      <c r="E5756" t="s">
        <v>487</v>
      </c>
      <c r="F5756" t="s">
        <v>38</v>
      </c>
      <c r="G5756" t="s">
        <v>51</v>
      </c>
      <c r="H5756" t="s">
        <v>2427</v>
      </c>
      <c r="I5756">
        <v>209.97</v>
      </c>
      <c r="J5756">
        <v>3</v>
      </c>
      <c r="K5756">
        <v>71.39</v>
      </c>
    </row>
    <row r="5757" spans="1:11" x14ac:dyDescent="0.3">
      <c r="A5757" s="1">
        <v>42642</v>
      </c>
      <c r="B5757" s="3">
        <f t="shared" si="178"/>
        <v>9</v>
      </c>
      <c r="C5757" s="3">
        <f t="shared" si="179"/>
        <v>2016</v>
      </c>
      <c r="D5757" t="s">
        <v>1651</v>
      </c>
      <c r="E5757" t="s">
        <v>487</v>
      </c>
      <c r="F5757" t="s">
        <v>10</v>
      </c>
      <c r="G5757" t="s">
        <v>19</v>
      </c>
      <c r="H5757" t="s">
        <v>1122</v>
      </c>
      <c r="I5757">
        <v>62.94</v>
      </c>
      <c r="J5757">
        <v>3</v>
      </c>
      <c r="K5757">
        <v>30.21</v>
      </c>
    </row>
    <row r="5758" spans="1:11" x14ac:dyDescent="0.3">
      <c r="A5758" s="1">
        <v>42642</v>
      </c>
      <c r="B5758" s="3">
        <f t="shared" si="178"/>
        <v>9</v>
      </c>
      <c r="C5758" s="3">
        <f t="shared" si="179"/>
        <v>2016</v>
      </c>
      <c r="D5758" t="s">
        <v>1651</v>
      </c>
      <c r="E5758" t="s">
        <v>487</v>
      </c>
      <c r="F5758" t="s">
        <v>10</v>
      </c>
      <c r="G5758" t="s">
        <v>23</v>
      </c>
      <c r="H5758" t="s">
        <v>1914</v>
      </c>
      <c r="I5758">
        <v>25.92</v>
      </c>
      <c r="J5758">
        <v>9</v>
      </c>
      <c r="K5758">
        <v>7.78</v>
      </c>
    </row>
    <row r="5759" spans="1:11" x14ac:dyDescent="0.3">
      <c r="A5759" s="1">
        <v>42642</v>
      </c>
      <c r="B5759" s="3">
        <f t="shared" si="178"/>
        <v>9</v>
      </c>
      <c r="C5759" s="3">
        <f t="shared" si="179"/>
        <v>2016</v>
      </c>
      <c r="D5759" t="s">
        <v>1704</v>
      </c>
      <c r="E5759" t="s">
        <v>26</v>
      </c>
      <c r="F5759" t="s">
        <v>10</v>
      </c>
      <c r="G5759" t="s">
        <v>19</v>
      </c>
      <c r="H5759" t="s">
        <v>1376</v>
      </c>
      <c r="I5759">
        <v>27.24</v>
      </c>
      <c r="J5759">
        <v>5</v>
      </c>
      <c r="K5759">
        <v>9.5299999999999994</v>
      </c>
    </row>
    <row r="5760" spans="1:11" x14ac:dyDescent="0.3">
      <c r="A5760" s="1">
        <v>42642</v>
      </c>
      <c r="B5760" s="3">
        <f t="shared" si="178"/>
        <v>9</v>
      </c>
      <c r="C5760" s="3">
        <f t="shared" si="179"/>
        <v>2016</v>
      </c>
      <c r="D5760" t="s">
        <v>1413</v>
      </c>
      <c r="E5760" t="s">
        <v>94</v>
      </c>
      <c r="F5760" t="s">
        <v>10</v>
      </c>
      <c r="G5760" t="s">
        <v>23</v>
      </c>
      <c r="H5760" t="s">
        <v>102</v>
      </c>
      <c r="I5760">
        <v>10.5</v>
      </c>
      <c r="J5760">
        <v>4</v>
      </c>
      <c r="K5760">
        <v>1.18</v>
      </c>
    </row>
    <row r="5761" spans="1:11" x14ac:dyDescent="0.3">
      <c r="A5761" s="1">
        <v>42642</v>
      </c>
      <c r="B5761" s="3">
        <f t="shared" si="178"/>
        <v>9</v>
      </c>
      <c r="C5761" s="3">
        <f t="shared" si="179"/>
        <v>2016</v>
      </c>
      <c r="D5761" t="s">
        <v>1416</v>
      </c>
      <c r="E5761" t="s">
        <v>90</v>
      </c>
      <c r="F5761" t="s">
        <v>38</v>
      </c>
      <c r="G5761" t="s">
        <v>39</v>
      </c>
      <c r="H5761" t="s">
        <v>647</v>
      </c>
      <c r="I5761">
        <v>859.2</v>
      </c>
      <c r="J5761">
        <v>3</v>
      </c>
      <c r="K5761">
        <v>75.180000000000007</v>
      </c>
    </row>
    <row r="5762" spans="1:11" x14ac:dyDescent="0.3">
      <c r="A5762" s="1">
        <v>42642</v>
      </c>
      <c r="B5762" s="3">
        <f t="shared" ref="B5762:B5825" si="180">MONTH(A:A)</f>
        <v>9</v>
      </c>
      <c r="C5762" s="3">
        <f t="shared" ref="C5762:C5825" si="181">YEAR(A:A)</f>
        <v>2016</v>
      </c>
      <c r="D5762" t="s">
        <v>1615</v>
      </c>
      <c r="E5762" t="s">
        <v>26</v>
      </c>
      <c r="F5762" t="s">
        <v>38</v>
      </c>
      <c r="G5762" t="s">
        <v>51</v>
      </c>
      <c r="H5762" t="s">
        <v>517</v>
      </c>
      <c r="I5762">
        <v>36.24</v>
      </c>
      <c r="J5762">
        <v>1</v>
      </c>
      <c r="K5762">
        <v>15.22</v>
      </c>
    </row>
    <row r="5763" spans="1:11" x14ac:dyDescent="0.3">
      <c r="A5763" s="1">
        <v>42643</v>
      </c>
      <c r="B5763" s="3">
        <f t="shared" si="180"/>
        <v>9</v>
      </c>
      <c r="C5763" s="3">
        <f t="shared" si="181"/>
        <v>2016</v>
      </c>
      <c r="D5763" t="s">
        <v>1915</v>
      </c>
      <c r="E5763" t="s">
        <v>14</v>
      </c>
      <c r="F5763" t="s">
        <v>10</v>
      </c>
      <c r="G5763" t="s">
        <v>19</v>
      </c>
      <c r="H5763" t="s">
        <v>149</v>
      </c>
      <c r="I5763">
        <v>1.96</v>
      </c>
      <c r="J5763">
        <v>2</v>
      </c>
      <c r="K5763">
        <v>-3.24</v>
      </c>
    </row>
    <row r="5764" spans="1:11" x14ac:dyDescent="0.3">
      <c r="A5764" s="1">
        <v>42643</v>
      </c>
      <c r="B5764" s="3">
        <f t="shared" si="180"/>
        <v>9</v>
      </c>
      <c r="C5764" s="3">
        <f t="shared" si="181"/>
        <v>2016</v>
      </c>
      <c r="D5764" t="s">
        <v>645</v>
      </c>
      <c r="E5764" t="s">
        <v>148</v>
      </c>
      <c r="F5764" t="s">
        <v>33</v>
      </c>
      <c r="G5764" t="s">
        <v>73</v>
      </c>
      <c r="H5764" t="s">
        <v>74</v>
      </c>
      <c r="I5764">
        <v>523.91999999999996</v>
      </c>
      <c r="J5764">
        <v>5</v>
      </c>
      <c r="K5764">
        <v>-26.2</v>
      </c>
    </row>
    <row r="5765" spans="1:11" x14ac:dyDescent="0.3">
      <c r="A5765" s="1">
        <v>42644</v>
      </c>
      <c r="B5765" s="3">
        <f t="shared" si="180"/>
        <v>10</v>
      </c>
      <c r="C5765" s="3">
        <f t="shared" si="181"/>
        <v>2016</v>
      </c>
      <c r="D5765" t="s">
        <v>894</v>
      </c>
      <c r="E5765" t="s">
        <v>26</v>
      </c>
      <c r="F5765" t="s">
        <v>33</v>
      </c>
      <c r="G5765" t="s">
        <v>34</v>
      </c>
      <c r="H5765" t="s">
        <v>186</v>
      </c>
      <c r="I5765">
        <v>194.85</v>
      </c>
      <c r="J5765">
        <v>4</v>
      </c>
      <c r="K5765">
        <v>12.18</v>
      </c>
    </row>
    <row r="5766" spans="1:11" x14ac:dyDescent="0.3">
      <c r="A5766" s="1">
        <v>42644</v>
      </c>
      <c r="B5766" s="3">
        <f t="shared" si="180"/>
        <v>10</v>
      </c>
      <c r="C5766" s="3">
        <f t="shared" si="181"/>
        <v>2016</v>
      </c>
      <c r="D5766" t="s">
        <v>1270</v>
      </c>
      <c r="E5766" t="s">
        <v>128</v>
      </c>
      <c r="F5766" t="s">
        <v>38</v>
      </c>
      <c r="G5766" t="s">
        <v>39</v>
      </c>
      <c r="H5766" t="s">
        <v>831</v>
      </c>
      <c r="I5766">
        <v>69.900000000000006</v>
      </c>
      <c r="J5766">
        <v>2</v>
      </c>
      <c r="K5766">
        <v>18.87</v>
      </c>
    </row>
    <row r="5767" spans="1:11" x14ac:dyDescent="0.3">
      <c r="A5767" s="1">
        <v>42644</v>
      </c>
      <c r="B5767" s="3">
        <f t="shared" si="180"/>
        <v>10</v>
      </c>
      <c r="C5767" s="3">
        <f t="shared" si="181"/>
        <v>2016</v>
      </c>
      <c r="D5767" t="s">
        <v>1270</v>
      </c>
      <c r="E5767" t="s">
        <v>128</v>
      </c>
      <c r="F5767" t="s">
        <v>33</v>
      </c>
      <c r="G5767" t="s">
        <v>46</v>
      </c>
      <c r="H5767" t="s">
        <v>974</v>
      </c>
      <c r="I5767">
        <v>41.85</v>
      </c>
      <c r="J5767">
        <v>5</v>
      </c>
      <c r="K5767">
        <v>10.88</v>
      </c>
    </row>
    <row r="5768" spans="1:11" x14ac:dyDescent="0.3">
      <c r="A5768" s="1">
        <v>42644</v>
      </c>
      <c r="B5768" s="3">
        <f t="shared" si="180"/>
        <v>10</v>
      </c>
      <c r="C5768" s="3">
        <f t="shared" si="181"/>
        <v>2016</v>
      </c>
      <c r="D5768" t="s">
        <v>645</v>
      </c>
      <c r="E5768" t="s">
        <v>148</v>
      </c>
      <c r="F5768" t="s">
        <v>33</v>
      </c>
      <c r="G5768" t="s">
        <v>144</v>
      </c>
      <c r="H5768" t="s">
        <v>782</v>
      </c>
      <c r="I5768">
        <v>330.59</v>
      </c>
      <c r="J5768">
        <v>1</v>
      </c>
      <c r="K5768">
        <v>-115.71</v>
      </c>
    </row>
    <row r="5769" spans="1:11" x14ac:dyDescent="0.3">
      <c r="A5769" s="1">
        <v>42644</v>
      </c>
      <c r="B5769" s="3">
        <f t="shared" si="180"/>
        <v>10</v>
      </c>
      <c r="C5769" s="3">
        <f t="shared" si="181"/>
        <v>2016</v>
      </c>
      <c r="D5769" t="s">
        <v>1466</v>
      </c>
      <c r="E5769" t="s">
        <v>9</v>
      </c>
      <c r="F5769" t="s">
        <v>38</v>
      </c>
      <c r="G5769" t="s">
        <v>51</v>
      </c>
      <c r="H5769" t="s">
        <v>1614</v>
      </c>
      <c r="I5769">
        <v>79.510000000000005</v>
      </c>
      <c r="J5769">
        <v>3</v>
      </c>
      <c r="K5769">
        <v>20.87</v>
      </c>
    </row>
    <row r="5770" spans="1:11" x14ac:dyDescent="0.3">
      <c r="A5770" s="1">
        <v>42644</v>
      </c>
      <c r="B5770" s="3">
        <f t="shared" si="180"/>
        <v>10</v>
      </c>
      <c r="C5770" s="3">
        <f t="shared" si="181"/>
        <v>2016</v>
      </c>
      <c r="D5770" t="s">
        <v>1466</v>
      </c>
      <c r="E5770" t="s">
        <v>9</v>
      </c>
      <c r="F5770" t="s">
        <v>10</v>
      </c>
      <c r="G5770" t="s">
        <v>11</v>
      </c>
      <c r="H5770" t="s">
        <v>624</v>
      </c>
      <c r="I5770">
        <v>28.35</v>
      </c>
      <c r="J5770">
        <v>1</v>
      </c>
      <c r="K5770">
        <v>9.57</v>
      </c>
    </row>
    <row r="5771" spans="1:11" x14ac:dyDescent="0.3">
      <c r="A5771" s="1">
        <v>42644</v>
      </c>
      <c r="B5771" s="3">
        <f t="shared" si="180"/>
        <v>10</v>
      </c>
      <c r="C5771" s="3">
        <f t="shared" si="181"/>
        <v>2016</v>
      </c>
      <c r="D5771" t="s">
        <v>937</v>
      </c>
      <c r="E5771" t="s">
        <v>122</v>
      </c>
      <c r="F5771" t="s">
        <v>10</v>
      </c>
      <c r="G5771" t="s">
        <v>19</v>
      </c>
      <c r="H5771" t="s">
        <v>450</v>
      </c>
      <c r="I5771">
        <v>5.39</v>
      </c>
      <c r="J5771">
        <v>4</v>
      </c>
      <c r="K5771">
        <v>-4.49</v>
      </c>
    </row>
    <row r="5772" spans="1:11" x14ac:dyDescent="0.3">
      <c r="A5772" s="1">
        <v>42644</v>
      </c>
      <c r="B5772" s="3">
        <f t="shared" si="180"/>
        <v>10</v>
      </c>
      <c r="C5772" s="3">
        <f t="shared" si="181"/>
        <v>2016</v>
      </c>
      <c r="D5772" t="s">
        <v>937</v>
      </c>
      <c r="E5772" t="s">
        <v>122</v>
      </c>
      <c r="F5772" t="s">
        <v>10</v>
      </c>
      <c r="G5772" t="s">
        <v>23</v>
      </c>
      <c r="H5772" t="s">
        <v>206</v>
      </c>
      <c r="I5772">
        <v>30.98</v>
      </c>
      <c r="J5772">
        <v>8</v>
      </c>
      <c r="K5772">
        <v>5.03</v>
      </c>
    </row>
    <row r="5773" spans="1:11" x14ac:dyDescent="0.3">
      <c r="A5773" s="1">
        <v>42645</v>
      </c>
      <c r="B5773" s="3">
        <f t="shared" si="180"/>
        <v>10</v>
      </c>
      <c r="C5773" s="3">
        <f t="shared" si="181"/>
        <v>2016</v>
      </c>
      <c r="D5773" t="s">
        <v>2189</v>
      </c>
      <c r="E5773" t="s">
        <v>148</v>
      </c>
      <c r="F5773" t="s">
        <v>10</v>
      </c>
      <c r="G5773" t="s">
        <v>91</v>
      </c>
      <c r="H5773" t="s">
        <v>1273</v>
      </c>
      <c r="I5773">
        <v>61.44</v>
      </c>
      <c r="J5773">
        <v>3</v>
      </c>
      <c r="K5773">
        <v>16.59</v>
      </c>
    </row>
    <row r="5774" spans="1:11" x14ac:dyDescent="0.3">
      <c r="A5774" s="1">
        <v>42645</v>
      </c>
      <c r="B5774" s="3">
        <f t="shared" si="180"/>
        <v>10</v>
      </c>
      <c r="C5774" s="3">
        <f t="shared" si="181"/>
        <v>2016</v>
      </c>
      <c r="D5774" t="s">
        <v>2539</v>
      </c>
      <c r="E5774" t="s">
        <v>94</v>
      </c>
      <c r="F5774" t="s">
        <v>10</v>
      </c>
      <c r="G5774" t="s">
        <v>19</v>
      </c>
      <c r="H5774" t="s">
        <v>1280</v>
      </c>
      <c r="I5774">
        <v>54.79</v>
      </c>
      <c r="J5774">
        <v>6</v>
      </c>
      <c r="K5774">
        <v>-40.18</v>
      </c>
    </row>
    <row r="5775" spans="1:11" x14ac:dyDescent="0.3">
      <c r="A5775" s="1">
        <v>42645</v>
      </c>
      <c r="B5775" s="3">
        <f t="shared" si="180"/>
        <v>10</v>
      </c>
      <c r="C5775" s="3">
        <f t="shared" si="181"/>
        <v>2016</v>
      </c>
      <c r="D5775" t="s">
        <v>1575</v>
      </c>
      <c r="E5775" t="s">
        <v>128</v>
      </c>
      <c r="F5775" t="s">
        <v>10</v>
      </c>
      <c r="G5775" t="s">
        <v>17</v>
      </c>
      <c r="H5775" t="s">
        <v>178</v>
      </c>
      <c r="I5775">
        <v>32.479999999999997</v>
      </c>
      <c r="J5775">
        <v>2</v>
      </c>
      <c r="K5775">
        <v>4.87</v>
      </c>
    </row>
    <row r="5776" spans="1:11" x14ac:dyDescent="0.3">
      <c r="A5776" s="1">
        <v>42645</v>
      </c>
      <c r="B5776" s="3">
        <f t="shared" si="180"/>
        <v>10</v>
      </c>
      <c r="C5776" s="3">
        <f t="shared" si="181"/>
        <v>2016</v>
      </c>
      <c r="D5776" t="s">
        <v>1575</v>
      </c>
      <c r="E5776" t="s">
        <v>128</v>
      </c>
      <c r="F5776" t="s">
        <v>38</v>
      </c>
      <c r="G5776" t="s">
        <v>602</v>
      </c>
      <c r="H5776" t="s">
        <v>2528</v>
      </c>
      <c r="I5776">
        <v>17499.95</v>
      </c>
      <c r="J5776">
        <v>5</v>
      </c>
      <c r="K5776">
        <v>8399.98</v>
      </c>
    </row>
    <row r="5777" spans="1:11" x14ac:dyDescent="0.3">
      <c r="A5777" s="1">
        <v>42645</v>
      </c>
      <c r="B5777" s="3">
        <f t="shared" si="180"/>
        <v>10</v>
      </c>
      <c r="C5777" s="3">
        <f t="shared" si="181"/>
        <v>2016</v>
      </c>
      <c r="D5777" t="s">
        <v>1575</v>
      </c>
      <c r="E5777" t="s">
        <v>128</v>
      </c>
      <c r="F5777" t="s">
        <v>10</v>
      </c>
      <c r="G5777" t="s">
        <v>19</v>
      </c>
      <c r="H5777" t="s">
        <v>1102</v>
      </c>
      <c r="I5777">
        <v>735.98</v>
      </c>
      <c r="J5777">
        <v>2</v>
      </c>
      <c r="K5777">
        <v>331.19</v>
      </c>
    </row>
    <row r="5778" spans="1:11" x14ac:dyDescent="0.3">
      <c r="A5778" s="1">
        <v>42645</v>
      </c>
      <c r="B5778" s="3">
        <f t="shared" si="180"/>
        <v>10</v>
      </c>
      <c r="C5778" s="3">
        <f t="shared" si="181"/>
        <v>2016</v>
      </c>
      <c r="D5778" t="s">
        <v>1575</v>
      </c>
      <c r="E5778" t="s">
        <v>128</v>
      </c>
      <c r="F5778" t="s">
        <v>10</v>
      </c>
      <c r="G5778" t="s">
        <v>19</v>
      </c>
      <c r="H5778" t="s">
        <v>1312</v>
      </c>
      <c r="I5778">
        <v>34.369999999999997</v>
      </c>
      <c r="J5778">
        <v>7</v>
      </c>
      <c r="K5778">
        <v>16.84</v>
      </c>
    </row>
    <row r="5779" spans="1:11" x14ac:dyDescent="0.3">
      <c r="A5779" s="1">
        <v>42645</v>
      </c>
      <c r="B5779" s="3">
        <f t="shared" si="180"/>
        <v>10</v>
      </c>
      <c r="C5779" s="3">
        <f t="shared" si="181"/>
        <v>2016</v>
      </c>
      <c r="D5779" t="s">
        <v>1575</v>
      </c>
      <c r="E5779" t="s">
        <v>128</v>
      </c>
      <c r="F5779" t="s">
        <v>10</v>
      </c>
      <c r="G5779" t="s">
        <v>23</v>
      </c>
      <c r="H5779" t="s">
        <v>2409</v>
      </c>
      <c r="I5779">
        <v>33.96</v>
      </c>
      <c r="J5779">
        <v>2</v>
      </c>
      <c r="K5779">
        <v>9.51</v>
      </c>
    </row>
    <row r="5780" spans="1:11" x14ac:dyDescent="0.3">
      <c r="A5780" s="1">
        <v>42646</v>
      </c>
      <c r="B5780" s="3">
        <f t="shared" si="180"/>
        <v>10</v>
      </c>
      <c r="C5780" s="3">
        <f t="shared" si="181"/>
        <v>2016</v>
      </c>
      <c r="D5780" t="s">
        <v>99</v>
      </c>
      <c r="E5780" t="s">
        <v>9</v>
      </c>
      <c r="F5780" t="s">
        <v>10</v>
      </c>
      <c r="G5780" t="s">
        <v>62</v>
      </c>
      <c r="H5780" t="s">
        <v>63</v>
      </c>
      <c r="I5780">
        <v>15.65</v>
      </c>
      <c r="J5780">
        <v>2</v>
      </c>
      <c r="K5780">
        <v>5.09</v>
      </c>
    </row>
    <row r="5781" spans="1:11" x14ac:dyDescent="0.3">
      <c r="A5781" s="1">
        <v>42646</v>
      </c>
      <c r="B5781" s="3">
        <f t="shared" si="180"/>
        <v>10</v>
      </c>
      <c r="C5781" s="3">
        <f t="shared" si="181"/>
        <v>2016</v>
      </c>
      <c r="D5781" t="s">
        <v>621</v>
      </c>
      <c r="E5781" t="s">
        <v>148</v>
      </c>
      <c r="F5781" t="s">
        <v>33</v>
      </c>
      <c r="G5781" t="s">
        <v>34</v>
      </c>
      <c r="H5781" t="s">
        <v>2131</v>
      </c>
      <c r="I5781">
        <v>599.29</v>
      </c>
      <c r="J5781">
        <v>6</v>
      </c>
      <c r="K5781">
        <v>93.22</v>
      </c>
    </row>
    <row r="5782" spans="1:11" x14ac:dyDescent="0.3">
      <c r="A5782" s="1">
        <v>42646</v>
      </c>
      <c r="B5782" s="3">
        <f t="shared" si="180"/>
        <v>10</v>
      </c>
      <c r="C5782" s="3">
        <f t="shared" si="181"/>
        <v>2016</v>
      </c>
      <c r="D5782" t="s">
        <v>1930</v>
      </c>
      <c r="E5782" t="s">
        <v>9</v>
      </c>
      <c r="F5782" t="s">
        <v>33</v>
      </c>
      <c r="G5782" t="s">
        <v>46</v>
      </c>
      <c r="H5782" t="s">
        <v>308</v>
      </c>
      <c r="I5782">
        <v>38.08</v>
      </c>
      <c r="J5782">
        <v>5</v>
      </c>
      <c r="K5782">
        <v>-29.51</v>
      </c>
    </row>
    <row r="5783" spans="1:11" x14ac:dyDescent="0.3">
      <c r="A5783" s="1">
        <v>42646</v>
      </c>
      <c r="B5783" s="3">
        <f t="shared" si="180"/>
        <v>10</v>
      </c>
      <c r="C5783" s="3">
        <f t="shared" si="181"/>
        <v>2016</v>
      </c>
      <c r="D5783" t="s">
        <v>1506</v>
      </c>
      <c r="E5783" t="s">
        <v>26</v>
      </c>
      <c r="F5783" t="s">
        <v>10</v>
      </c>
      <c r="G5783" t="s">
        <v>15</v>
      </c>
      <c r="H5783" t="s">
        <v>1429</v>
      </c>
      <c r="I5783">
        <v>6.16</v>
      </c>
      <c r="J5783">
        <v>2</v>
      </c>
      <c r="K5783">
        <v>2.96</v>
      </c>
    </row>
    <row r="5784" spans="1:11" x14ac:dyDescent="0.3">
      <c r="A5784" s="1">
        <v>42646</v>
      </c>
      <c r="B5784" s="3">
        <f t="shared" si="180"/>
        <v>10</v>
      </c>
      <c r="C5784" s="3">
        <f t="shared" si="181"/>
        <v>2016</v>
      </c>
      <c r="D5784" t="s">
        <v>1506</v>
      </c>
      <c r="E5784" t="s">
        <v>26</v>
      </c>
      <c r="F5784" t="s">
        <v>33</v>
      </c>
      <c r="G5784" t="s">
        <v>34</v>
      </c>
      <c r="H5784" t="s">
        <v>35</v>
      </c>
      <c r="I5784">
        <v>915.14</v>
      </c>
      <c r="J5784">
        <v>4</v>
      </c>
      <c r="K5784">
        <v>102.95</v>
      </c>
    </row>
    <row r="5785" spans="1:11" x14ac:dyDescent="0.3">
      <c r="A5785" s="1">
        <v>42646</v>
      </c>
      <c r="B5785" s="3">
        <f t="shared" si="180"/>
        <v>10</v>
      </c>
      <c r="C5785" s="3">
        <f t="shared" si="181"/>
        <v>2016</v>
      </c>
      <c r="D5785" t="s">
        <v>1506</v>
      </c>
      <c r="E5785" t="s">
        <v>26</v>
      </c>
      <c r="F5785" t="s">
        <v>10</v>
      </c>
      <c r="G5785" t="s">
        <v>11</v>
      </c>
      <c r="H5785" t="s">
        <v>1307</v>
      </c>
      <c r="I5785">
        <v>8.56</v>
      </c>
      <c r="J5785">
        <v>2</v>
      </c>
      <c r="K5785">
        <v>3.85</v>
      </c>
    </row>
    <row r="5786" spans="1:11" x14ac:dyDescent="0.3">
      <c r="A5786" s="1">
        <v>42646</v>
      </c>
      <c r="B5786" s="3">
        <f t="shared" si="180"/>
        <v>10</v>
      </c>
      <c r="C5786" s="3">
        <f t="shared" si="181"/>
        <v>2016</v>
      </c>
      <c r="D5786" t="s">
        <v>1506</v>
      </c>
      <c r="E5786" t="s">
        <v>26</v>
      </c>
      <c r="F5786" t="s">
        <v>10</v>
      </c>
      <c r="G5786" t="s">
        <v>11</v>
      </c>
      <c r="H5786" t="s">
        <v>263</v>
      </c>
      <c r="I5786">
        <v>97.82</v>
      </c>
      <c r="J5786">
        <v>2</v>
      </c>
      <c r="K5786">
        <v>45.98</v>
      </c>
    </row>
    <row r="5787" spans="1:11" x14ac:dyDescent="0.3">
      <c r="A5787" s="1">
        <v>42647</v>
      </c>
      <c r="B5787" s="3">
        <f t="shared" si="180"/>
        <v>10</v>
      </c>
      <c r="C5787" s="3">
        <f t="shared" si="181"/>
        <v>2016</v>
      </c>
      <c r="D5787" t="s">
        <v>1713</v>
      </c>
      <c r="E5787" t="s">
        <v>9</v>
      </c>
      <c r="F5787" t="s">
        <v>10</v>
      </c>
      <c r="G5787" t="s">
        <v>62</v>
      </c>
      <c r="H5787" t="s">
        <v>1720</v>
      </c>
      <c r="I5787">
        <v>59.75</v>
      </c>
      <c r="J5787">
        <v>7</v>
      </c>
      <c r="K5787">
        <v>19.420000000000002</v>
      </c>
    </row>
    <row r="5788" spans="1:11" x14ac:dyDescent="0.3">
      <c r="A5788" s="1">
        <v>42647</v>
      </c>
      <c r="B5788" s="3">
        <f t="shared" si="180"/>
        <v>10</v>
      </c>
      <c r="C5788" s="3">
        <f t="shared" si="181"/>
        <v>2016</v>
      </c>
      <c r="D5788" t="s">
        <v>397</v>
      </c>
      <c r="E5788" t="s">
        <v>1528</v>
      </c>
      <c r="F5788" t="s">
        <v>10</v>
      </c>
      <c r="G5788" t="s">
        <v>19</v>
      </c>
      <c r="H5788" t="s">
        <v>700</v>
      </c>
      <c r="I5788">
        <v>30.4</v>
      </c>
      <c r="J5788">
        <v>1</v>
      </c>
      <c r="K5788">
        <v>13.98</v>
      </c>
    </row>
    <row r="5789" spans="1:11" x14ac:dyDescent="0.3">
      <c r="A5789" s="1">
        <v>42647</v>
      </c>
      <c r="B5789" s="3">
        <f t="shared" si="180"/>
        <v>10</v>
      </c>
      <c r="C5789" s="3">
        <f t="shared" si="181"/>
        <v>2016</v>
      </c>
      <c r="D5789" t="s">
        <v>397</v>
      </c>
      <c r="E5789" t="s">
        <v>1528</v>
      </c>
      <c r="F5789" t="s">
        <v>38</v>
      </c>
      <c r="G5789" t="s">
        <v>602</v>
      </c>
      <c r="H5789" t="s">
        <v>633</v>
      </c>
      <c r="I5789">
        <v>5399.91</v>
      </c>
      <c r="J5789">
        <v>9</v>
      </c>
      <c r="K5789">
        <v>2591.96</v>
      </c>
    </row>
    <row r="5790" spans="1:11" x14ac:dyDescent="0.3">
      <c r="A5790" s="1">
        <v>42647</v>
      </c>
      <c r="B5790" s="3">
        <f t="shared" si="180"/>
        <v>10</v>
      </c>
      <c r="C5790" s="3">
        <f t="shared" si="181"/>
        <v>2016</v>
      </c>
      <c r="D5790" t="s">
        <v>397</v>
      </c>
      <c r="E5790" t="s">
        <v>1528</v>
      </c>
      <c r="F5790" t="s">
        <v>10</v>
      </c>
      <c r="G5790" t="s">
        <v>17</v>
      </c>
      <c r="H5790" t="s">
        <v>2607</v>
      </c>
      <c r="I5790">
        <v>119.1</v>
      </c>
      <c r="J5790">
        <v>3</v>
      </c>
      <c r="K5790">
        <v>34.54</v>
      </c>
    </row>
    <row r="5791" spans="1:11" x14ac:dyDescent="0.3">
      <c r="A5791" s="1">
        <v>42647</v>
      </c>
      <c r="B5791" s="3">
        <f t="shared" si="180"/>
        <v>10</v>
      </c>
      <c r="C5791" s="3">
        <f t="shared" si="181"/>
        <v>2016</v>
      </c>
      <c r="D5791" t="s">
        <v>49</v>
      </c>
      <c r="E5791" t="s">
        <v>530</v>
      </c>
      <c r="F5791" t="s">
        <v>33</v>
      </c>
      <c r="G5791" t="s">
        <v>144</v>
      </c>
      <c r="H5791" t="s">
        <v>2399</v>
      </c>
      <c r="I5791">
        <v>239.37</v>
      </c>
      <c r="J5791">
        <v>2</v>
      </c>
      <c r="K5791">
        <v>-23.94</v>
      </c>
    </row>
    <row r="5792" spans="1:11" x14ac:dyDescent="0.3">
      <c r="A5792" s="1">
        <v>42647</v>
      </c>
      <c r="B5792" s="3">
        <f t="shared" si="180"/>
        <v>10</v>
      </c>
      <c r="C5792" s="3">
        <f t="shared" si="181"/>
        <v>2016</v>
      </c>
      <c r="D5792" t="s">
        <v>442</v>
      </c>
      <c r="E5792" t="s">
        <v>122</v>
      </c>
      <c r="F5792" t="s">
        <v>38</v>
      </c>
      <c r="G5792" t="s">
        <v>39</v>
      </c>
      <c r="H5792" t="s">
        <v>1763</v>
      </c>
      <c r="I5792">
        <v>52.68</v>
      </c>
      <c r="J5792">
        <v>3</v>
      </c>
      <c r="K5792">
        <v>19.760000000000002</v>
      </c>
    </row>
    <row r="5793" spans="1:11" x14ac:dyDescent="0.3">
      <c r="A5793" s="1">
        <v>42647</v>
      </c>
      <c r="B5793" s="3">
        <f t="shared" si="180"/>
        <v>10</v>
      </c>
      <c r="C5793" s="3">
        <f t="shared" si="181"/>
        <v>2016</v>
      </c>
      <c r="D5793" t="s">
        <v>442</v>
      </c>
      <c r="E5793" t="s">
        <v>122</v>
      </c>
      <c r="F5793" t="s">
        <v>33</v>
      </c>
      <c r="G5793" t="s">
        <v>46</v>
      </c>
      <c r="H5793" t="s">
        <v>2301</v>
      </c>
      <c r="I5793">
        <v>11.57</v>
      </c>
      <c r="J5793">
        <v>3</v>
      </c>
      <c r="K5793">
        <v>2.6</v>
      </c>
    </row>
    <row r="5794" spans="1:11" x14ac:dyDescent="0.3">
      <c r="A5794" s="1">
        <v>42649</v>
      </c>
      <c r="B5794" s="3">
        <f t="shared" si="180"/>
        <v>10</v>
      </c>
      <c r="C5794" s="3">
        <f t="shared" si="181"/>
        <v>2016</v>
      </c>
      <c r="D5794" t="s">
        <v>2111</v>
      </c>
      <c r="E5794" t="s">
        <v>839</v>
      </c>
      <c r="F5794" t="s">
        <v>10</v>
      </c>
      <c r="G5794" t="s">
        <v>19</v>
      </c>
      <c r="H5794" t="s">
        <v>1369</v>
      </c>
      <c r="I5794">
        <v>28.85</v>
      </c>
      <c r="J5794">
        <v>5</v>
      </c>
      <c r="K5794">
        <v>14.43</v>
      </c>
    </row>
    <row r="5795" spans="1:11" x14ac:dyDescent="0.3">
      <c r="A5795" s="1">
        <v>42649</v>
      </c>
      <c r="B5795" s="3">
        <f t="shared" si="180"/>
        <v>10</v>
      </c>
      <c r="C5795" s="3">
        <f t="shared" si="181"/>
        <v>2016</v>
      </c>
      <c r="D5795" t="s">
        <v>561</v>
      </c>
      <c r="E5795" t="s">
        <v>277</v>
      </c>
      <c r="F5795" t="s">
        <v>38</v>
      </c>
      <c r="G5795" t="s">
        <v>301</v>
      </c>
      <c r="H5795" t="s">
        <v>2608</v>
      </c>
      <c r="I5795">
        <v>703.71</v>
      </c>
      <c r="J5795">
        <v>6</v>
      </c>
      <c r="K5795">
        <v>-938.28</v>
      </c>
    </row>
    <row r="5796" spans="1:11" x14ac:dyDescent="0.3">
      <c r="A5796" s="1">
        <v>42649</v>
      </c>
      <c r="B5796" s="3">
        <f t="shared" si="180"/>
        <v>10</v>
      </c>
      <c r="C5796" s="3">
        <f t="shared" si="181"/>
        <v>2016</v>
      </c>
      <c r="D5796" t="s">
        <v>561</v>
      </c>
      <c r="E5796" t="s">
        <v>277</v>
      </c>
      <c r="F5796" t="s">
        <v>10</v>
      </c>
      <c r="G5796" t="s">
        <v>19</v>
      </c>
      <c r="H5796" t="s">
        <v>1824</v>
      </c>
      <c r="I5796">
        <v>17.899999999999999</v>
      </c>
      <c r="J5796">
        <v>4</v>
      </c>
      <c r="K5796">
        <v>-14.92</v>
      </c>
    </row>
    <row r="5797" spans="1:11" x14ac:dyDescent="0.3">
      <c r="A5797" s="1">
        <v>42649</v>
      </c>
      <c r="B5797" s="3">
        <f t="shared" si="180"/>
        <v>10</v>
      </c>
      <c r="C5797" s="3">
        <f t="shared" si="181"/>
        <v>2016</v>
      </c>
      <c r="D5797" t="s">
        <v>561</v>
      </c>
      <c r="E5797" t="s">
        <v>277</v>
      </c>
      <c r="F5797" t="s">
        <v>10</v>
      </c>
      <c r="G5797" t="s">
        <v>19</v>
      </c>
      <c r="H5797" t="s">
        <v>1522</v>
      </c>
      <c r="I5797">
        <v>11.98</v>
      </c>
      <c r="J5797">
        <v>4</v>
      </c>
      <c r="K5797">
        <v>-9.18</v>
      </c>
    </row>
    <row r="5798" spans="1:11" x14ac:dyDescent="0.3">
      <c r="A5798" s="1">
        <v>42649</v>
      </c>
      <c r="B5798" s="3">
        <f t="shared" si="180"/>
        <v>10</v>
      </c>
      <c r="C5798" s="3">
        <f t="shared" si="181"/>
        <v>2016</v>
      </c>
      <c r="D5798" t="s">
        <v>561</v>
      </c>
      <c r="E5798" t="s">
        <v>277</v>
      </c>
      <c r="F5798" t="s">
        <v>38</v>
      </c>
      <c r="G5798" t="s">
        <v>51</v>
      </c>
      <c r="H5798" t="s">
        <v>1509</v>
      </c>
      <c r="I5798">
        <v>67.959999999999994</v>
      </c>
      <c r="J5798">
        <v>5</v>
      </c>
      <c r="K5798">
        <v>0.85</v>
      </c>
    </row>
    <row r="5799" spans="1:11" x14ac:dyDescent="0.3">
      <c r="A5799" s="1">
        <v>42650</v>
      </c>
      <c r="B5799" s="3">
        <f t="shared" si="180"/>
        <v>10</v>
      </c>
      <c r="C5799" s="3">
        <f t="shared" si="181"/>
        <v>2016</v>
      </c>
      <c r="D5799" t="s">
        <v>1761</v>
      </c>
      <c r="E5799" t="s">
        <v>26</v>
      </c>
      <c r="F5799" t="s">
        <v>10</v>
      </c>
      <c r="G5799" t="s">
        <v>19</v>
      </c>
      <c r="H5799" t="s">
        <v>1532</v>
      </c>
      <c r="I5799">
        <v>27.26</v>
      </c>
      <c r="J5799">
        <v>2</v>
      </c>
      <c r="K5799">
        <v>8.86</v>
      </c>
    </row>
    <row r="5800" spans="1:11" x14ac:dyDescent="0.3">
      <c r="A5800" s="1">
        <v>42650</v>
      </c>
      <c r="B5800" s="3">
        <f t="shared" si="180"/>
        <v>10</v>
      </c>
      <c r="C5800" s="3">
        <f t="shared" si="181"/>
        <v>2016</v>
      </c>
      <c r="D5800" t="s">
        <v>2411</v>
      </c>
      <c r="E5800" t="s">
        <v>163</v>
      </c>
      <c r="F5800" t="s">
        <v>38</v>
      </c>
      <c r="G5800" t="s">
        <v>301</v>
      </c>
      <c r="H5800" t="s">
        <v>836</v>
      </c>
      <c r="I5800">
        <v>837.6</v>
      </c>
      <c r="J5800">
        <v>3</v>
      </c>
      <c r="K5800">
        <v>62.82</v>
      </c>
    </row>
    <row r="5801" spans="1:11" x14ac:dyDescent="0.3">
      <c r="A5801" s="1">
        <v>42650</v>
      </c>
      <c r="B5801" s="3">
        <f t="shared" si="180"/>
        <v>10</v>
      </c>
      <c r="C5801" s="3">
        <f t="shared" si="181"/>
        <v>2016</v>
      </c>
      <c r="D5801" t="s">
        <v>671</v>
      </c>
      <c r="E5801" t="s">
        <v>26</v>
      </c>
      <c r="F5801" t="s">
        <v>10</v>
      </c>
      <c r="G5801" t="s">
        <v>11</v>
      </c>
      <c r="H5801" t="s">
        <v>1767</v>
      </c>
      <c r="I5801">
        <v>10.56</v>
      </c>
      <c r="J5801">
        <v>2</v>
      </c>
      <c r="K5801">
        <v>5.07</v>
      </c>
    </row>
    <row r="5802" spans="1:11" x14ac:dyDescent="0.3">
      <c r="A5802" s="1">
        <v>42650</v>
      </c>
      <c r="B5802" s="3">
        <f t="shared" si="180"/>
        <v>10</v>
      </c>
      <c r="C5802" s="3">
        <f t="shared" si="181"/>
        <v>2016</v>
      </c>
      <c r="D5802" t="s">
        <v>950</v>
      </c>
      <c r="E5802" t="s">
        <v>22</v>
      </c>
      <c r="F5802" t="s">
        <v>10</v>
      </c>
      <c r="G5802" t="s">
        <v>15</v>
      </c>
      <c r="H5802" t="s">
        <v>2215</v>
      </c>
      <c r="I5802">
        <v>4.93</v>
      </c>
      <c r="J5802">
        <v>2</v>
      </c>
      <c r="K5802">
        <v>1.72</v>
      </c>
    </row>
    <row r="5803" spans="1:11" x14ac:dyDescent="0.3">
      <c r="A5803" s="1">
        <v>42650</v>
      </c>
      <c r="B5803" s="3">
        <f t="shared" si="180"/>
        <v>10</v>
      </c>
      <c r="C5803" s="3">
        <f t="shared" si="181"/>
        <v>2016</v>
      </c>
      <c r="D5803" t="s">
        <v>830</v>
      </c>
      <c r="E5803" t="s">
        <v>163</v>
      </c>
      <c r="F5803" t="s">
        <v>10</v>
      </c>
      <c r="G5803" t="s">
        <v>42</v>
      </c>
      <c r="H5803" t="s">
        <v>43</v>
      </c>
      <c r="I5803">
        <v>93.36</v>
      </c>
      <c r="J5803">
        <v>12</v>
      </c>
      <c r="K5803">
        <v>0.93</v>
      </c>
    </row>
    <row r="5804" spans="1:11" x14ac:dyDescent="0.3">
      <c r="A5804" s="1">
        <v>42651</v>
      </c>
      <c r="B5804" s="3">
        <f t="shared" si="180"/>
        <v>10</v>
      </c>
      <c r="C5804" s="3">
        <f t="shared" si="181"/>
        <v>2016</v>
      </c>
      <c r="D5804" t="s">
        <v>1962</v>
      </c>
      <c r="E5804" t="s">
        <v>9</v>
      </c>
      <c r="F5804" t="s">
        <v>33</v>
      </c>
      <c r="G5804" t="s">
        <v>46</v>
      </c>
      <c r="H5804" t="s">
        <v>2309</v>
      </c>
      <c r="I5804">
        <v>51.71</v>
      </c>
      <c r="J5804">
        <v>8</v>
      </c>
      <c r="K5804">
        <v>-32.32</v>
      </c>
    </row>
    <row r="5805" spans="1:11" x14ac:dyDescent="0.3">
      <c r="A5805" s="1">
        <v>42651</v>
      </c>
      <c r="B5805" s="3">
        <f t="shared" si="180"/>
        <v>10</v>
      </c>
      <c r="C5805" s="3">
        <f t="shared" si="181"/>
        <v>2016</v>
      </c>
      <c r="D5805" t="s">
        <v>856</v>
      </c>
      <c r="E5805" t="s">
        <v>26</v>
      </c>
      <c r="F5805" t="s">
        <v>10</v>
      </c>
      <c r="G5805" t="s">
        <v>11</v>
      </c>
      <c r="H5805" t="s">
        <v>1125</v>
      </c>
      <c r="I5805">
        <v>61.96</v>
      </c>
      <c r="J5805">
        <v>2</v>
      </c>
      <c r="K5805">
        <v>27.88</v>
      </c>
    </row>
    <row r="5806" spans="1:11" x14ac:dyDescent="0.3">
      <c r="A5806" s="1">
        <v>42651</v>
      </c>
      <c r="B5806" s="3">
        <f t="shared" si="180"/>
        <v>10</v>
      </c>
      <c r="C5806" s="3">
        <f t="shared" si="181"/>
        <v>2016</v>
      </c>
      <c r="D5806" t="s">
        <v>2404</v>
      </c>
      <c r="E5806" t="s">
        <v>9</v>
      </c>
      <c r="F5806" t="s">
        <v>10</v>
      </c>
      <c r="G5806" t="s">
        <v>15</v>
      </c>
      <c r="H5806" t="s">
        <v>2180</v>
      </c>
      <c r="I5806">
        <v>60.14</v>
      </c>
      <c r="J5806">
        <v>6</v>
      </c>
      <c r="K5806">
        <v>20.3</v>
      </c>
    </row>
    <row r="5807" spans="1:11" x14ac:dyDescent="0.3">
      <c r="A5807" s="1">
        <v>42651</v>
      </c>
      <c r="B5807" s="3">
        <f t="shared" si="180"/>
        <v>10</v>
      </c>
      <c r="C5807" s="3">
        <f t="shared" si="181"/>
        <v>2016</v>
      </c>
      <c r="D5807" t="s">
        <v>1412</v>
      </c>
      <c r="E5807" t="s">
        <v>244</v>
      </c>
      <c r="F5807" t="s">
        <v>10</v>
      </c>
      <c r="G5807" t="s">
        <v>17</v>
      </c>
      <c r="H5807" t="s">
        <v>2609</v>
      </c>
      <c r="I5807">
        <v>387.72</v>
      </c>
      <c r="J5807">
        <v>5</v>
      </c>
      <c r="K5807">
        <v>-67.849999999999994</v>
      </c>
    </row>
    <row r="5808" spans="1:11" x14ac:dyDescent="0.3">
      <c r="A5808" s="1">
        <v>42652</v>
      </c>
      <c r="B5808" s="3">
        <f t="shared" si="180"/>
        <v>10</v>
      </c>
      <c r="C5808" s="3">
        <f t="shared" si="181"/>
        <v>2016</v>
      </c>
      <c r="D5808" t="s">
        <v>2032</v>
      </c>
      <c r="E5808" t="s">
        <v>77</v>
      </c>
      <c r="F5808" t="s">
        <v>38</v>
      </c>
      <c r="G5808" t="s">
        <v>39</v>
      </c>
      <c r="H5808" t="s">
        <v>1861</v>
      </c>
      <c r="I5808">
        <v>23.98</v>
      </c>
      <c r="J5808">
        <v>4</v>
      </c>
      <c r="K5808">
        <v>-15.58</v>
      </c>
    </row>
    <row r="5809" spans="1:11" x14ac:dyDescent="0.3">
      <c r="A5809" s="1">
        <v>42652</v>
      </c>
      <c r="B5809" s="3">
        <f t="shared" si="180"/>
        <v>10</v>
      </c>
      <c r="C5809" s="3">
        <f t="shared" si="181"/>
        <v>2016</v>
      </c>
      <c r="D5809" t="s">
        <v>1462</v>
      </c>
      <c r="E5809" t="s">
        <v>22</v>
      </c>
      <c r="F5809" t="s">
        <v>10</v>
      </c>
      <c r="G5809" t="s">
        <v>11</v>
      </c>
      <c r="H5809" t="s">
        <v>441</v>
      </c>
      <c r="I5809">
        <v>19.14</v>
      </c>
      <c r="J5809">
        <v>4</v>
      </c>
      <c r="K5809">
        <v>5.98</v>
      </c>
    </row>
    <row r="5810" spans="1:11" x14ac:dyDescent="0.3">
      <c r="A5810" s="1">
        <v>42652</v>
      </c>
      <c r="B5810" s="3">
        <f t="shared" si="180"/>
        <v>10</v>
      </c>
      <c r="C5810" s="3">
        <f t="shared" si="181"/>
        <v>2016</v>
      </c>
      <c r="D5810" t="s">
        <v>1462</v>
      </c>
      <c r="E5810" t="s">
        <v>22</v>
      </c>
      <c r="F5810" t="s">
        <v>33</v>
      </c>
      <c r="G5810" t="s">
        <v>46</v>
      </c>
      <c r="H5810" t="s">
        <v>841</v>
      </c>
      <c r="I5810">
        <v>332.83</v>
      </c>
      <c r="J5810">
        <v>4</v>
      </c>
      <c r="K5810">
        <v>-24.96</v>
      </c>
    </row>
    <row r="5811" spans="1:11" x14ac:dyDescent="0.3">
      <c r="A5811" s="1">
        <v>42652</v>
      </c>
      <c r="B5811" s="3">
        <f t="shared" si="180"/>
        <v>10</v>
      </c>
      <c r="C5811" s="3">
        <f t="shared" si="181"/>
        <v>2016</v>
      </c>
      <c r="D5811" t="s">
        <v>2325</v>
      </c>
      <c r="E5811" t="s">
        <v>94</v>
      </c>
      <c r="F5811" t="s">
        <v>10</v>
      </c>
      <c r="G5811" t="s">
        <v>23</v>
      </c>
      <c r="H5811" t="s">
        <v>1623</v>
      </c>
      <c r="I5811">
        <v>1.41</v>
      </c>
      <c r="J5811">
        <v>1</v>
      </c>
      <c r="K5811">
        <v>0.16</v>
      </c>
    </row>
    <row r="5812" spans="1:11" x14ac:dyDescent="0.3">
      <c r="A5812" s="1">
        <v>42652</v>
      </c>
      <c r="B5812" s="3">
        <f t="shared" si="180"/>
        <v>10</v>
      </c>
      <c r="C5812" s="3">
        <f t="shared" si="181"/>
        <v>2016</v>
      </c>
      <c r="D5812" t="s">
        <v>2325</v>
      </c>
      <c r="E5812" t="s">
        <v>94</v>
      </c>
      <c r="F5812" t="s">
        <v>33</v>
      </c>
      <c r="G5812" t="s">
        <v>46</v>
      </c>
      <c r="H5812" t="s">
        <v>2195</v>
      </c>
      <c r="I5812">
        <v>169.57</v>
      </c>
      <c r="J5812">
        <v>2</v>
      </c>
      <c r="K5812">
        <v>0</v>
      </c>
    </row>
    <row r="5813" spans="1:11" x14ac:dyDescent="0.3">
      <c r="A5813" s="1">
        <v>42653</v>
      </c>
      <c r="B5813" s="3">
        <f t="shared" si="180"/>
        <v>10</v>
      </c>
      <c r="C5813" s="3">
        <f t="shared" si="181"/>
        <v>2016</v>
      </c>
      <c r="D5813" t="s">
        <v>2423</v>
      </c>
      <c r="E5813" t="s">
        <v>244</v>
      </c>
      <c r="F5813" t="s">
        <v>10</v>
      </c>
      <c r="G5813" t="s">
        <v>199</v>
      </c>
      <c r="H5813" t="s">
        <v>471</v>
      </c>
      <c r="I5813">
        <v>20.61</v>
      </c>
      <c r="J5813">
        <v>2</v>
      </c>
      <c r="K5813">
        <v>-4.38</v>
      </c>
    </row>
    <row r="5814" spans="1:11" x14ac:dyDescent="0.3">
      <c r="A5814" s="1">
        <v>42653</v>
      </c>
      <c r="B5814" s="3">
        <f t="shared" si="180"/>
        <v>10</v>
      </c>
      <c r="C5814" s="3">
        <f t="shared" si="181"/>
        <v>2016</v>
      </c>
      <c r="D5814" t="s">
        <v>2423</v>
      </c>
      <c r="E5814" t="s">
        <v>244</v>
      </c>
      <c r="F5814" t="s">
        <v>10</v>
      </c>
      <c r="G5814" t="s">
        <v>19</v>
      </c>
      <c r="H5814" t="s">
        <v>786</v>
      </c>
      <c r="I5814">
        <v>4.0999999999999996</v>
      </c>
      <c r="J5814">
        <v>3</v>
      </c>
      <c r="K5814">
        <v>-2.73</v>
      </c>
    </row>
    <row r="5815" spans="1:11" x14ac:dyDescent="0.3">
      <c r="A5815" s="1">
        <v>42653</v>
      </c>
      <c r="B5815" s="3">
        <f t="shared" si="180"/>
        <v>10</v>
      </c>
      <c r="C5815" s="3">
        <f t="shared" si="181"/>
        <v>2016</v>
      </c>
      <c r="D5815" t="s">
        <v>1185</v>
      </c>
      <c r="E5815" t="s">
        <v>277</v>
      </c>
      <c r="F5815" t="s">
        <v>33</v>
      </c>
      <c r="G5815" t="s">
        <v>73</v>
      </c>
      <c r="H5815" t="s">
        <v>2610</v>
      </c>
      <c r="I5815">
        <v>90.88</v>
      </c>
      <c r="J5815">
        <v>3</v>
      </c>
      <c r="K5815">
        <v>-190.85</v>
      </c>
    </row>
    <row r="5816" spans="1:11" x14ac:dyDescent="0.3">
      <c r="A5816" s="1">
        <v>42653</v>
      </c>
      <c r="B5816" s="3">
        <f t="shared" si="180"/>
        <v>10</v>
      </c>
      <c r="C5816" s="3">
        <f t="shared" si="181"/>
        <v>2016</v>
      </c>
      <c r="D5816" t="s">
        <v>1185</v>
      </c>
      <c r="E5816" t="s">
        <v>277</v>
      </c>
      <c r="F5816" t="s">
        <v>38</v>
      </c>
      <c r="G5816" t="s">
        <v>39</v>
      </c>
      <c r="H5816" t="s">
        <v>954</v>
      </c>
      <c r="I5816">
        <v>15.99</v>
      </c>
      <c r="J5816">
        <v>1</v>
      </c>
      <c r="K5816">
        <v>-3</v>
      </c>
    </row>
    <row r="5817" spans="1:11" x14ac:dyDescent="0.3">
      <c r="A5817" s="1">
        <v>42653</v>
      </c>
      <c r="B5817" s="3">
        <f t="shared" si="180"/>
        <v>10</v>
      </c>
      <c r="C5817" s="3">
        <f t="shared" si="181"/>
        <v>2016</v>
      </c>
      <c r="D5817" t="s">
        <v>1185</v>
      </c>
      <c r="E5817" t="s">
        <v>277</v>
      </c>
      <c r="F5817" t="s">
        <v>33</v>
      </c>
      <c r="G5817" t="s">
        <v>34</v>
      </c>
      <c r="H5817" t="s">
        <v>2158</v>
      </c>
      <c r="I5817">
        <v>120.78</v>
      </c>
      <c r="J5817">
        <v>1</v>
      </c>
      <c r="K5817">
        <v>13.59</v>
      </c>
    </row>
    <row r="5818" spans="1:11" x14ac:dyDescent="0.3">
      <c r="A5818" s="1">
        <v>42653</v>
      </c>
      <c r="B5818" s="3">
        <f t="shared" si="180"/>
        <v>10</v>
      </c>
      <c r="C5818" s="3">
        <f t="shared" si="181"/>
        <v>2016</v>
      </c>
      <c r="D5818" t="s">
        <v>1562</v>
      </c>
      <c r="E5818" t="s">
        <v>9</v>
      </c>
      <c r="F5818" t="s">
        <v>33</v>
      </c>
      <c r="G5818" t="s">
        <v>46</v>
      </c>
      <c r="H5818" t="s">
        <v>2603</v>
      </c>
      <c r="I5818">
        <v>14</v>
      </c>
      <c r="J5818">
        <v>4</v>
      </c>
      <c r="K5818">
        <v>-6.3</v>
      </c>
    </row>
    <row r="5819" spans="1:11" x14ac:dyDescent="0.3">
      <c r="A5819" s="1">
        <v>42653</v>
      </c>
      <c r="B5819" s="3">
        <f t="shared" si="180"/>
        <v>10</v>
      </c>
      <c r="C5819" s="3">
        <f t="shared" si="181"/>
        <v>2016</v>
      </c>
      <c r="D5819" t="s">
        <v>1562</v>
      </c>
      <c r="E5819" t="s">
        <v>9</v>
      </c>
      <c r="F5819" t="s">
        <v>10</v>
      </c>
      <c r="G5819" t="s">
        <v>19</v>
      </c>
      <c r="H5819" t="s">
        <v>361</v>
      </c>
      <c r="I5819">
        <v>16.39</v>
      </c>
      <c r="J5819">
        <v>2</v>
      </c>
      <c r="K5819">
        <v>-26.23</v>
      </c>
    </row>
    <row r="5820" spans="1:11" x14ac:dyDescent="0.3">
      <c r="A5820" s="1">
        <v>42654</v>
      </c>
      <c r="B5820" s="3">
        <f t="shared" si="180"/>
        <v>10</v>
      </c>
      <c r="C5820" s="3">
        <f t="shared" si="181"/>
        <v>2016</v>
      </c>
      <c r="D5820" t="s">
        <v>914</v>
      </c>
      <c r="E5820" t="s">
        <v>14</v>
      </c>
      <c r="F5820" t="s">
        <v>10</v>
      </c>
      <c r="G5820" t="s">
        <v>23</v>
      </c>
      <c r="H5820" t="s">
        <v>337</v>
      </c>
      <c r="I5820">
        <v>5.34</v>
      </c>
      <c r="J5820">
        <v>2</v>
      </c>
      <c r="K5820">
        <v>0.67</v>
      </c>
    </row>
    <row r="5821" spans="1:11" x14ac:dyDescent="0.3">
      <c r="A5821" s="1">
        <v>42654</v>
      </c>
      <c r="B5821" s="3">
        <f t="shared" si="180"/>
        <v>10</v>
      </c>
      <c r="C5821" s="3">
        <f t="shared" si="181"/>
        <v>2016</v>
      </c>
      <c r="D5821" t="s">
        <v>914</v>
      </c>
      <c r="E5821" t="s">
        <v>14</v>
      </c>
      <c r="F5821" t="s">
        <v>10</v>
      </c>
      <c r="G5821" t="s">
        <v>23</v>
      </c>
      <c r="H5821" t="s">
        <v>2188</v>
      </c>
      <c r="I5821">
        <v>27.72</v>
      </c>
      <c r="J5821">
        <v>3</v>
      </c>
      <c r="K5821">
        <v>3.47</v>
      </c>
    </row>
    <row r="5822" spans="1:11" x14ac:dyDescent="0.3">
      <c r="A5822" s="1">
        <v>42656</v>
      </c>
      <c r="B5822" s="3">
        <f t="shared" si="180"/>
        <v>10</v>
      </c>
      <c r="C5822" s="3">
        <f t="shared" si="181"/>
        <v>2016</v>
      </c>
      <c r="D5822" t="s">
        <v>566</v>
      </c>
      <c r="E5822" t="s">
        <v>26</v>
      </c>
      <c r="F5822" t="s">
        <v>10</v>
      </c>
      <c r="G5822" t="s">
        <v>11</v>
      </c>
      <c r="H5822" t="s">
        <v>126</v>
      </c>
      <c r="I5822">
        <v>20.04</v>
      </c>
      <c r="J5822">
        <v>3</v>
      </c>
      <c r="K5822">
        <v>9.6199999999999992</v>
      </c>
    </row>
    <row r="5823" spans="1:11" x14ac:dyDescent="0.3">
      <c r="A5823" s="1">
        <v>42656</v>
      </c>
      <c r="B5823" s="3">
        <f t="shared" si="180"/>
        <v>10</v>
      </c>
      <c r="C5823" s="3">
        <f t="shared" si="181"/>
        <v>2016</v>
      </c>
      <c r="D5823" t="s">
        <v>566</v>
      </c>
      <c r="E5823" t="s">
        <v>26</v>
      </c>
      <c r="F5823" t="s">
        <v>10</v>
      </c>
      <c r="G5823" t="s">
        <v>11</v>
      </c>
      <c r="H5823" t="s">
        <v>1983</v>
      </c>
      <c r="I5823">
        <v>35.44</v>
      </c>
      <c r="J5823">
        <v>1</v>
      </c>
      <c r="K5823">
        <v>16.66</v>
      </c>
    </row>
    <row r="5824" spans="1:11" x14ac:dyDescent="0.3">
      <c r="A5824" s="1">
        <v>42656</v>
      </c>
      <c r="B5824" s="3">
        <f t="shared" si="180"/>
        <v>10</v>
      </c>
      <c r="C5824" s="3">
        <f t="shared" si="181"/>
        <v>2016</v>
      </c>
      <c r="D5824" t="s">
        <v>566</v>
      </c>
      <c r="E5824" t="s">
        <v>26</v>
      </c>
      <c r="F5824" t="s">
        <v>10</v>
      </c>
      <c r="G5824" t="s">
        <v>23</v>
      </c>
      <c r="H5824" t="s">
        <v>1914</v>
      </c>
      <c r="I5824">
        <v>11.52</v>
      </c>
      <c r="J5824">
        <v>4</v>
      </c>
      <c r="K5824">
        <v>3.46</v>
      </c>
    </row>
    <row r="5825" spans="1:11" x14ac:dyDescent="0.3">
      <c r="A5825" s="1">
        <v>42656</v>
      </c>
      <c r="B5825" s="3">
        <f t="shared" si="180"/>
        <v>10</v>
      </c>
      <c r="C5825" s="3">
        <f t="shared" si="181"/>
        <v>2016</v>
      </c>
      <c r="D5825" t="s">
        <v>566</v>
      </c>
      <c r="E5825" t="s">
        <v>26</v>
      </c>
      <c r="F5825" t="s">
        <v>10</v>
      </c>
      <c r="G5825" t="s">
        <v>42</v>
      </c>
      <c r="H5825" t="s">
        <v>1245</v>
      </c>
      <c r="I5825">
        <v>4.0199999999999996</v>
      </c>
      <c r="J5825">
        <v>2</v>
      </c>
      <c r="K5825">
        <v>1.97</v>
      </c>
    </row>
    <row r="5826" spans="1:11" x14ac:dyDescent="0.3">
      <c r="A5826" s="1">
        <v>42656</v>
      </c>
      <c r="B5826" s="3">
        <f t="shared" ref="B5826:B5889" si="182">MONTH(A:A)</f>
        <v>10</v>
      </c>
      <c r="C5826" s="3">
        <f t="shared" ref="C5826:C5889" si="183">YEAR(A:A)</f>
        <v>2016</v>
      </c>
      <c r="D5826" t="s">
        <v>566</v>
      </c>
      <c r="E5826" t="s">
        <v>26</v>
      </c>
      <c r="F5826" t="s">
        <v>10</v>
      </c>
      <c r="G5826" t="s">
        <v>19</v>
      </c>
      <c r="H5826" t="s">
        <v>2227</v>
      </c>
      <c r="I5826">
        <v>76.180000000000007</v>
      </c>
      <c r="J5826">
        <v>3</v>
      </c>
      <c r="K5826">
        <v>26.66</v>
      </c>
    </row>
    <row r="5827" spans="1:11" x14ac:dyDescent="0.3">
      <c r="A5827" s="1">
        <v>42656</v>
      </c>
      <c r="B5827" s="3">
        <f t="shared" si="182"/>
        <v>10</v>
      </c>
      <c r="C5827" s="3">
        <f t="shared" si="183"/>
        <v>2016</v>
      </c>
      <c r="D5827" t="s">
        <v>566</v>
      </c>
      <c r="E5827" t="s">
        <v>26</v>
      </c>
      <c r="F5827" t="s">
        <v>10</v>
      </c>
      <c r="G5827" t="s">
        <v>199</v>
      </c>
      <c r="H5827" t="s">
        <v>2214</v>
      </c>
      <c r="I5827">
        <v>65.88</v>
      </c>
      <c r="J5827">
        <v>6</v>
      </c>
      <c r="K5827">
        <v>18.45</v>
      </c>
    </row>
    <row r="5828" spans="1:11" x14ac:dyDescent="0.3">
      <c r="A5828" s="1">
        <v>42656</v>
      </c>
      <c r="B5828" s="3">
        <f t="shared" si="182"/>
        <v>10</v>
      </c>
      <c r="C5828" s="3">
        <f t="shared" si="183"/>
        <v>2016</v>
      </c>
      <c r="D5828" t="s">
        <v>566</v>
      </c>
      <c r="E5828" t="s">
        <v>26</v>
      </c>
      <c r="F5828" t="s">
        <v>33</v>
      </c>
      <c r="G5828" t="s">
        <v>46</v>
      </c>
      <c r="H5828" t="s">
        <v>1403</v>
      </c>
      <c r="I5828">
        <v>43.12</v>
      </c>
      <c r="J5828">
        <v>14</v>
      </c>
      <c r="K5828">
        <v>20.7</v>
      </c>
    </row>
    <row r="5829" spans="1:11" x14ac:dyDescent="0.3">
      <c r="A5829" s="1">
        <v>42656</v>
      </c>
      <c r="B5829" s="3">
        <f t="shared" si="182"/>
        <v>10</v>
      </c>
      <c r="C5829" s="3">
        <f t="shared" si="183"/>
        <v>2016</v>
      </c>
      <c r="D5829" t="s">
        <v>1518</v>
      </c>
      <c r="E5829" t="s">
        <v>277</v>
      </c>
      <c r="F5829" t="s">
        <v>33</v>
      </c>
      <c r="G5829" t="s">
        <v>144</v>
      </c>
      <c r="H5829" t="s">
        <v>941</v>
      </c>
      <c r="I5829">
        <v>727.45</v>
      </c>
      <c r="J5829">
        <v>5</v>
      </c>
      <c r="K5829">
        <v>-465.57</v>
      </c>
    </row>
    <row r="5830" spans="1:11" x14ac:dyDescent="0.3">
      <c r="A5830" s="1">
        <v>42656</v>
      </c>
      <c r="B5830" s="3">
        <f t="shared" si="182"/>
        <v>10</v>
      </c>
      <c r="C5830" s="3">
        <f t="shared" si="183"/>
        <v>2016</v>
      </c>
      <c r="D5830" t="s">
        <v>1518</v>
      </c>
      <c r="E5830" t="s">
        <v>277</v>
      </c>
      <c r="F5830" t="s">
        <v>33</v>
      </c>
      <c r="G5830" t="s">
        <v>46</v>
      </c>
      <c r="H5830" t="s">
        <v>2513</v>
      </c>
      <c r="I5830">
        <v>24.96</v>
      </c>
      <c r="J5830">
        <v>3</v>
      </c>
      <c r="K5830">
        <v>4.37</v>
      </c>
    </row>
    <row r="5831" spans="1:11" x14ac:dyDescent="0.3">
      <c r="A5831" s="1">
        <v>42656</v>
      </c>
      <c r="B5831" s="3">
        <f t="shared" si="182"/>
        <v>10</v>
      </c>
      <c r="C5831" s="3">
        <f t="shared" si="183"/>
        <v>2016</v>
      </c>
      <c r="D5831" t="s">
        <v>1451</v>
      </c>
      <c r="E5831" t="s">
        <v>9</v>
      </c>
      <c r="F5831" t="s">
        <v>38</v>
      </c>
      <c r="G5831" t="s">
        <v>51</v>
      </c>
      <c r="H5831" t="s">
        <v>2001</v>
      </c>
      <c r="I5831">
        <v>191.98</v>
      </c>
      <c r="J5831">
        <v>3</v>
      </c>
      <c r="K5831">
        <v>24</v>
      </c>
    </row>
    <row r="5832" spans="1:11" x14ac:dyDescent="0.3">
      <c r="A5832" s="1">
        <v>42656</v>
      </c>
      <c r="B5832" s="3">
        <f t="shared" si="182"/>
        <v>10</v>
      </c>
      <c r="C5832" s="3">
        <f t="shared" si="183"/>
        <v>2016</v>
      </c>
      <c r="D5832" t="s">
        <v>1451</v>
      </c>
      <c r="E5832" t="s">
        <v>9</v>
      </c>
      <c r="F5832" t="s">
        <v>10</v>
      </c>
      <c r="G5832" t="s">
        <v>11</v>
      </c>
      <c r="H5832" t="s">
        <v>2581</v>
      </c>
      <c r="I5832">
        <v>8.2899999999999991</v>
      </c>
      <c r="J5832">
        <v>2</v>
      </c>
      <c r="K5832">
        <v>3</v>
      </c>
    </row>
    <row r="5833" spans="1:11" x14ac:dyDescent="0.3">
      <c r="A5833" s="1">
        <v>42656</v>
      </c>
      <c r="B5833" s="3">
        <f t="shared" si="182"/>
        <v>10</v>
      </c>
      <c r="C5833" s="3">
        <f t="shared" si="183"/>
        <v>2016</v>
      </c>
      <c r="D5833" t="s">
        <v>1451</v>
      </c>
      <c r="E5833" t="s">
        <v>9</v>
      </c>
      <c r="F5833" t="s">
        <v>33</v>
      </c>
      <c r="G5833" t="s">
        <v>46</v>
      </c>
      <c r="H5833" t="s">
        <v>2039</v>
      </c>
      <c r="I5833">
        <v>139.91999999999999</v>
      </c>
      <c r="J5833">
        <v>5</v>
      </c>
      <c r="K5833">
        <v>-150.41</v>
      </c>
    </row>
    <row r="5834" spans="1:11" x14ac:dyDescent="0.3">
      <c r="A5834" s="1">
        <v>42656</v>
      </c>
      <c r="B5834" s="3">
        <f t="shared" si="182"/>
        <v>10</v>
      </c>
      <c r="C5834" s="3">
        <f t="shared" si="183"/>
        <v>2016</v>
      </c>
      <c r="D5834" t="s">
        <v>1451</v>
      </c>
      <c r="E5834" t="s">
        <v>9</v>
      </c>
      <c r="F5834" t="s">
        <v>10</v>
      </c>
      <c r="G5834" t="s">
        <v>23</v>
      </c>
      <c r="H5834" t="s">
        <v>989</v>
      </c>
      <c r="I5834">
        <v>15.87</v>
      </c>
      <c r="J5834">
        <v>1</v>
      </c>
      <c r="K5834">
        <v>1.19</v>
      </c>
    </row>
    <row r="5835" spans="1:11" x14ac:dyDescent="0.3">
      <c r="A5835" s="1">
        <v>42656</v>
      </c>
      <c r="B5835" s="3">
        <f t="shared" si="182"/>
        <v>10</v>
      </c>
      <c r="C5835" s="3">
        <f t="shared" si="183"/>
        <v>2016</v>
      </c>
      <c r="D5835" t="s">
        <v>1451</v>
      </c>
      <c r="E5835" t="s">
        <v>9</v>
      </c>
      <c r="F5835" t="s">
        <v>10</v>
      </c>
      <c r="G5835" t="s">
        <v>19</v>
      </c>
      <c r="H5835" t="s">
        <v>450</v>
      </c>
      <c r="I5835">
        <v>6.29</v>
      </c>
      <c r="J5835">
        <v>7</v>
      </c>
      <c r="K5835">
        <v>-11</v>
      </c>
    </row>
    <row r="5836" spans="1:11" x14ac:dyDescent="0.3">
      <c r="A5836" s="1">
        <v>42656</v>
      </c>
      <c r="B5836" s="3">
        <f t="shared" si="182"/>
        <v>10</v>
      </c>
      <c r="C5836" s="3">
        <f t="shared" si="183"/>
        <v>2016</v>
      </c>
      <c r="D5836" t="s">
        <v>1962</v>
      </c>
      <c r="E5836" t="s">
        <v>148</v>
      </c>
      <c r="F5836" t="s">
        <v>10</v>
      </c>
      <c r="G5836" t="s">
        <v>23</v>
      </c>
      <c r="H5836" t="s">
        <v>2529</v>
      </c>
      <c r="I5836">
        <v>34.700000000000003</v>
      </c>
      <c r="J5836">
        <v>5</v>
      </c>
      <c r="K5836">
        <v>12.49</v>
      </c>
    </row>
    <row r="5837" spans="1:11" x14ac:dyDescent="0.3">
      <c r="A5837" s="1">
        <v>42656</v>
      </c>
      <c r="B5837" s="3">
        <f t="shared" si="182"/>
        <v>10</v>
      </c>
      <c r="C5837" s="3">
        <f t="shared" si="183"/>
        <v>2016</v>
      </c>
      <c r="D5837" t="s">
        <v>1962</v>
      </c>
      <c r="E5837" t="s">
        <v>148</v>
      </c>
      <c r="F5837" t="s">
        <v>10</v>
      </c>
      <c r="G5837" t="s">
        <v>17</v>
      </c>
      <c r="H5837" t="s">
        <v>114</v>
      </c>
      <c r="I5837">
        <v>99.87</v>
      </c>
      <c r="J5837">
        <v>3</v>
      </c>
      <c r="K5837">
        <v>23.97</v>
      </c>
    </row>
    <row r="5838" spans="1:11" x14ac:dyDescent="0.3">
      <c r="A5838" s="1">
        <v>42656</v>
      </c>
      <c r="B5838" s="3">
        <f t="shared" si="182"/>
        <v>10</v>
      </c>
      <c r="C5838" s="3">
        <f t="shared" si="183"/>
        <v>2016</v>
      </c>
      <c r="D5838" t="s">
        <v>1962</v>
      </c>
      <c r="E5838" t="s">
        <v>148</v>
      </c>
      <c r="F5838" t="s">
        <v>10</v>
      </c>
      <c r="G5838" t="s">
        <v>11</v>
      </c>
      <c r="H5838" t="s">
        <v>1831</v>
      </c>
      <c r="I5838">
        <v>37.94</v>
      </c>
      <c r="J5838">
        <v>2</v>
      </c>
      <c r="K5838">
        <v>18.21</v>
      </c>
    </row>
    <row r="5839" spans="1:11" x14ac:dyDescent="0.3">
      <c r="A5839" s="1">
        <v>42656</v>
      </c>
      <c r="B5839" s="3">
        <f t="shared" si="182"/>
        <v>10</v>
      </c>
      <c r="C5839" s="3">
        <f t="shared" si="183"/>
        <v>2016</v>
      </c>
      <c r="D5839" t="s">
        <v>1962</v>
      </c>
      <c r="E5839" t="s">
        <v>148</v>
      </c>
      <c r="F5839" t="s">
        <v>10</v>
      </c>
      <c r="G5839" t="s">
        <v>15</v>
      </c>
      <c r="H5839" t="s">
        <v>1587</v>
      </c>
      <c r="I5839">
        <v>24.9</v>
      </c>
      <c r="J5839">
        <v>5</v>
      </c>
      <c r="K5839">
        <v>11.45</v>
      </c>
    </row>
    <row r="5840" spans="1:11" x14ac:dyDescent="0.3">
      <c r="A5840" s="1">
        <v>42656</v>
      </c>
      <c r="B5840" s="3">
        <f t="shared" si="182"/>
        <v>10</v>
      </c>
      <c r="C5840" s="3">
        <f t="shared" si="183"/>
        <v>2016</v>
      </c>
      <c r="D5840" t="s">
        <v>1962</v>
      </c>
      <c r="E5840" t="s">
        <v>148</v>
      </c>
      <c r="F5840" t="s">
        <v>33</v>
      </c>
      <c r="G5840" t="s">
        <v>46</v>
      </c>
      <c r="H5840" t="s">
        <v>2248</v>
      </c>
      <c r="I5840">
        <v>82.26</v>
      </c>
      <c r="J5840">
        <v>3</v>
      </c>
      <c r="K5840">
        <v>33.729999999999997</v>
      </c>
    </row>
    <row r="5841" spans="1:11" x14ac:dyDescent="0.3">
      <c r="A5841" s="1">
        <v>42657</v>
      </c>
      <c r="B5841" s="3">
        <f t="shared" si="182"/>
        <v>10</v>
      </c>
      <c r="C5841" s="3">
        <f t="shared" si="183"/>
        <v>2016</v>
      </c>
      <c r="D5841" t="s">
        <v>318</v>
      </c>
      <c r="E5841" t="s">
        <v>163</v>
      </c>
      <c r="F5841" t="s">
        <v>38</v>
      </c>
      <c r="G5841" t="s">
        <v>51</v>
      </c>
      <c r="H5841" t="s">
        <v>1292</v>
      </c>
      <c r="I5841">
        <v>177</v>
      </c>
      <c r="J5841">
        <v>3</v>
      </c>
      <c r="K5841">
        <v>30.09</v>
      </c>
    </row>
    <row r="5842" spans="1:11" x14ac:dyDescent="0.3">
      <c r="A5842" s="1">
        <v>42657</v>
      </c>
      <c r="B5842" s="3">
        <f t="shared" si="182"/>
        <v>10</v>
      </c>
      <c r="C5842" s="3">
        <f t="shared" si="183"/>
        <v>2016</v>
      </c>
      <c r="D5842" t="s">
        <v>606</v>
      </c>
      <c r="E5842" t="s">
        <v>244</v>
      </c>
      <c r="F5842" t="s">
        <v>33</v>
      </c>
      <c r="G5842" t="s">
        <v>34</v>
      </c>
      <c r="H5842" t="s">
        <v>2611</v>
      </c>
      <c r="I5842">
        <v>102.59</v>
      </c>
      <c r="J5842">
        <v>1</v>
      </c>
      <c r="K5842">
        <v>10.26</v>
      </c>
    </row>
    <row r="5843" spans="1:11" x14ac:dyDescent="0.3">
      <c r="A5843" s="1">
        <v>42657</v>
      </c>
      <c r="B5843" s="3">
        <f t="shared" si="182"/>
        <v>10</v>
      </c>
      <c r="C5843" s="3">
        <f t="shared" si="183"/>
        <v>2016</v>
      </c>
      <c r="D5843" t="s">
        <v>606</v>
      </c>
      <c r="E5843" t="s">
        <v>244</v>
      </c>
      <c r="F5843" t="s">
        <v>38</v>
      </c>
      <c r="G5843" t="s">
        <v>51</v>
      </c>
      <c r="H5843" t="s">
        <v>1062</v>
      </c>
      <c r="I5843">
        <v>22.7</v>
      </c>
      <c r="J5843">
        <v>1</v>
      </c>
      <c r="K5843">
        <v>5.96</v>
      </c>
    </row>
    <row r="5844" spans="1:11" x14ac:dyDescent="0.3">
      <c r="A5844" s="1">
        <v>42657</v>
      </c>
      <c r="B5844" s="3">
        <f t="shared" si="182"/>
        <v>10</v>
      </c>
      <c r="C5844" s="3">
        <f t="shared" si="183"/>
        <v>2016</v>
      </c>
      <c r="D5844" t="s">
        <v>606</v>
      </c>
      <c r="E5844" t="s">
        <v>244</v>
      </c>
      <c r="F5844" t="s">
        <v>10</v>
      </c>
      <c r="G5844" t="s">
        <v>11</v>
      </c>
      <c r="H5844" t="s">
        <v>712</v>
      </c>
      <c r="I5844">
        <v>93.02</v>
      </c>
      <c r="J5844">
        <v>3</v>
      </c>
      <c r="K5844">
        <v>33.72</v>
      </c>
    </row>
    <row r="5845" spans="1:11" x14ac:dyDescent="0.3">
      <c r="A5845" s="1">
        <v>42657</v>
      </c>
      <c r="B5845" s="3">
        <f t="shared" si="182"/>
        <v>10</v>
      </c>
      <c r="C5845" s="3">
        <f t="shared" si="183"/>
        <v>2016</v>
      </c>
      <c r="D5845" t="s">
        <v>606</v>
      </c>
      <c r="E5845" t="s">
        <v>244</v>
      </c>
      <c r="F5845" t="s">
        <v>10</v>
      </c>
      <c r="G5845" t="s">
        <v>199</v>
      </c>
      <c r="H5845" t="s">
        <v>806</v>
      </c>
      <c r="I5845">
        <v>12.77</v>
      </c>
      <c r="J5845">
        <v>2</v>
      </c>
      <c r="K5845">
        <v>1.44</v>
      </c>
    </row>
    <row r="5846" spans="1:11" x14ac:dyDescent="0.3">
      <c r="A5846" s="1">
        <v>42657</v>
      </c>
      <c r="B5846" s="3">
        <f t="shared" si="182"/>
        <v>10</v>
      </c>
      <c r="C5846" s="3">
        <f t="shared" si="183"/>
        <v>2016</v>
      </c>
      <c r="D5846" t="s">
        <v>606</v>
      </c>
      <c r="E5846" t="s">
        <v>244</v>
      </c>
      <c r="F5846" t="s">
        <v>10</v>
      </c>
      <c r="G5846" t="s">
        <v>62</v>
      </c>
      <c r="H5846" t="s">
        <v>1480</v>
      </c>
      <c r="I5846">
        <v>35.01</v>
      </c>
      <c r="J5846">
        <v>4</v>
      </c>
      <c r="K5846">
        <v>13.13</v>
      </c>
    </row>
    <row r="5847" spans="1:11" x14ac:dyDescent="0.3">
      <c r="A5847" s="1">
        <v>42657</v>
      </c>
      <c r="B5847" s="3">
        <f t="shared" si="182"/>
        <v>10</v>
      </c>
      <c r="C5847" s="3">
        <f t="shared" si="183"/>
        <v>2016</v>
      </c>
      <c r="D5847" t="s">
        <v>606</v>
      </c>
      <c r="E5847" t="s">
        <v>244</v>
      </c>
      <c r="F5847" t="s">
        <v>10</v>
      </c>
      <c r="G5847" t="s">
        <v>11</v>
      </c>
      <c r="H5847" t="s">
        <v>1040</v>
      </c>
      <c r="I5847">
        <v>39.15</v>
      </c>
      <c r="J5847">
        <v>1</v>
      </c>
      <c r="K5847">
        <v>14.68</v>
      </c>
    </row>
    <row r="5848" spans="1:11" x14ac:dyDescent="0.3">
      <c r="A5848" s="1">
        <v>42657</v>
      </c>
      <c r="B5848" s="3">
        <f t="shared" si="182"/>
        <v>10</v>
      </c>
      <c r="C5848" s="3">
        <f t="shared" si="183"/>
        <v>2016</v>
      </c>
      <c r="D5848" t="s">
        <v>670</v>
      </c>
      <c r="E5848" t="s">
        <v>148</v>
      </c>
      <c r="F5848" t="s">
        <v>38</v>
      </c>
      <c r="G5848" t="s">
        <v>39</v>
      </c>
      <c r="H5848" t="s">
        <v>2170</v>
      </c>
      <c r="I5848">
        <v>1091.93</v>
      </c>
      <c r="J5848">
        <v>7</v>
      </c>
      <c r="K5848">
        <v>272.98</v>
      </c>
    </row>
    <row r="5849" spans="1:11" x14ac:dyDescent="0.3">
      <c r="A5849" s="1">
        <v>42657</v>
      </c>
      <c r="B5849" s="3">
        <f t="shared" si="182"/>
        <v>10</v>
      </c>
      <c r="C5849" s="3">
        <f t="shared" si="183"/>
        <v>2016</v>
      </c>
      <c r="D5849" t="s">
        <v>670</v>
      </c>
      <c r="E5849" t="s">
        <v>148</v>
      </c>
      <c r="F5849" t="s">
        <v>10</v>
      </c>
      <c r="G5849" t="s">
        <v>11</v>
      </c>
      <c r="H5849" t="s">
        <v>2219</v>
      </c>
      <c r="I5849">
        <v>111.96</v>
      </c>
      <c r="J5849">
        <v>2</v>
      </c>
      <c r="K5849">
        <v>54.86</v>
      </c>
    </row>
    <row r="5850" spans="1:11" x14ac:dyDescent="0.3">
      <c r="A5850" s="1">
        <v>42657</v>
      </c>
      <c r="B5850" s="3">
        <f t="shared" si="182"/>
        <v>10</v>
      </c>
      <c r="C5850" s="3">
        <f t="shared" si="183"/>
        <v>2016</v>
      </c>
      <c r="D5850" t="s">
        <v>2443</v>
      </c>
      <c r="E5850" t="s">
        <v>156</v>
      </c>
      <c r="F5850" t="s">
        <v>38</v>
      </c>
      <c r="G5850" t="s">
        <v>51</v>
      </c>
      <c r="H5850" t="s">
        <v>1786</v>
      </c>
      <c r="I5850">
        <v>1649.75</v>
      </c>
      <c r="J5850">
        <v>5</v>
      </c>
      <c r="K5850">
        <v>544.41999999999996</v>
      </c>
    </row>
    <row r="5851" spans="1:11" x14ac:dyDescent="0.3">
      <c r="A5851" s="1">
        <v>42658</v>
      </c>
      <c r="B5851" s="3">
        <f t="shared" si="182"/>
        <v>10</v>
      </c>
      <c r="C5851" s="3">
        <f t="shared" si="183"/>
        <v>2016</v>
      </c>
      <c r="D5851" t="s">
        <v>2345</v>
      </c>
      <c r="E5851" t="s">
        <v>295</v>
      </c>
      <c r="F5851" t="s">
        <v>10</v>
      </c>
      <c r="G5851" t="s">
        <v>11</v>
      </c>
      <c r="H5851" t="s">
        <v>2612</v>
      </c>
      <c r="I5851">
        <v>45.68</v>
      </c>
      <c r="J5851">
        <v>2</v>
      </c>
      <c r="K5851">
        <v>21.01</v>
      </c>
    </row>
    <row r="5852" spans="1:11" x14ac:dyDescent="0.3">
      <c r="A5852" s="1">
        <v>42658</v>
      </c>
      <c r="B5852" s="3">
        <f t="shared" si="182"/>
        <v>10</v>
      </c>
      <c r="C5852" s="3">
        <f t="shared" si="183"/>
        <v>2016</v>
      </c>
      <c r="D5852" t="s">
        <v>2345</v>
      </c>
      <c r="E5852" t="s">
        <v>295</v>
      </c>
      <c r="F5852" t="s">
        <v>10</v>
      </c>
      <c r="G5852" t="s">
        <v>11</v>
      </c>
      <c r="H5852" t="s">
        <v>1191</v>
      </c>
      <c r="I5852">
        <v>60.12</v>
      </c>
      <c r="J5852">
        <v>9</v>
      </c>
      <c r="K5852">
        <v>28.86</v>
      </c>
    </row>
    <row r="5853" spans="1:11" x14ac:dyDescent="0.3">
      <c r="A5853" s="1">
        <v>42658</v>
      </c>
      <c r="B5853" s="3">
        <f t="shared" si="182"/>
        <v>10</v>
      </c>
      <c r="C5853" s="3">
        <f t="shared" si="183"/>
        <v>2016</v>
      </c>
      <c r="D5853" t="s">
        <v>2345</v>
      </c>
      <c r="E5853" t="s">
        <v>295</v>
      </c>
      <c r="F5853" t="s">
        <v>10</v>
      </c>
      <c r="G5853" t="s">
        <v>19</v>
      </c>
      <c r="H5853" t="s">
        <v>578</v>
      </c>
      <c r="I5853">
        <v>41.72</v>
      </c>
      <c r="J5853">
        <v>5</v>
      </c>
      <c r="K5853">
        <v>13.04</v>
      </c>
    </row>
    <row r="5854" spans="1:11" x14ac:dyDescent="0.3">
      <c r="A5854" s="1">
        <v>42658</v>
      </c>
      <c r="B5854" s="3">
        <f t="shared" si="182"/>
        <v>10</v>
      </c>
      <c r="C5854" s="3">
        <f t="shared" si="183"/>
        <v>2016</v>
      </c>
      <c r="D5854" t="s">
        <v>2345</v>
      </c>
      <c r="E5854" t="s">
        <v>295</v>
      </c>
      <c r="F5854" t="s">
        <v>10</v>
      </c>
      <c r="G5854" t="s">
        <v>11</v>
      </c>
      <c r="H5854" t="s">
        <v>1581</v>
      </c>
      <c r="I5854">
        <v>71.599999999999994</v>
      </c>
      <c r="J5854">
        <v>8</v>
      </c>
      <c r="K5854">
        <v>32.94</v>
      </c>
    </row>
    <row r="5855" spans="1:11" x14ac:dyDescent="0.3">
      <c r="A5855" s="1">
        <v>42658</v>
      </c>
      <c r="B5855" s="3">
        <f t="shared" si="182"/>
        <v>10</v>
      </c>
      <c r="C5855" s="3">
        <f t="shared" si="183"/>
        <v>2016</v>
      </c>
      <c r="D5855" t="s">
        <v>158</v>
      </c>
      <c r="E5855" t="s">
        <v>839</v>
      </c>
      <c r="F5855" t="s">
        <v>10</v>
      </c>
      <c r="G5855" t="s">
        <v>15</v>
      </c>
      <c r="H5855" t="s">
        <v>925</v>
      </c>
      <c r="I5855">
        <v>20.16</v>
      </c>
      <c r="J5855">
        <v>7</v>
      </c>
      <c r="K5855">
        <v>9.8800000000000008</v>
      </c>
    </row>
    <row r="5856" spans="1:11" x14ac:dyDescent="0.3">
      <c r="A5856" s="1">
        <v>42658</v>
      </c>
      <c r="B5856" s="3">
        <f t="shared" si="182"/>
        <v>10</v>
      </c>
      <c r="C5856" s="3">
        <f t="shared" si="183"/>
        <v>2016</v>
      </c>
      <c r="D5856" t="s">
        <v>158</v>
      </c>
      <c r="E5856" t="s">
        <v>839</v>
      </c>
      <c r="F5856" t="s">
        <v>10</v>
      </c>
      <c r="G5856" t="s">
        <v>15</v>
      </c>
      <c r="H5856" t="s">
        <v>16</v>
      </c>
      <c r="I5856">
        <v>29.46</v>
      </c>
      <c r="J5856">
        <v>6</v>
      </c>
      <c r="K5856">
        <v>14.44</v>
      </c>
    </row>
    <row r="5857" spans="1:11" x14ac:dyDescent="0.3">
      <c r="A5857" s="1">
        <v>42658</v>
      </c>
      <c r="B5857" s="3">
        <f t="shared" si="182"/>
        <v>10</v>
      </c>
      <c r="C5857" s="3">
        <f t="shared" si="183"/>
        <v>2016</v>
      </c>
      <c r="D5857" t="s">
        <v>158</v>
      </c>
      <c r="E5857" t="s">
        <v>839</v>
      </c>
      <c r="F5857" t="s">
        <v>10</v>
      </c>
      <c r="G5857" t="s">
        <v>91</v>
      </c>
      <c r="H5857" t="s">
        <v>1852</v>
      </c>
      <c r="I5857">
        <v>868.59</v>
      </c>
      <c r="J5857">
        <v>3</v>
      </c>
      <c r="K5857">
        <v>251.89</v>
      </c>
    </row>
    <row r="5858" spans="1:11" x14ac:dyDescent="0.3">
      <c r="A5858" s="1">
        <v>42658</v>
      </c>
      <c r="B5858" s="3">
        <f t="shared" si="182"/>
        <v>10</v>
      </c>
      <c r="C5858" s="3">
        <f t="shared" si="183"/>
        <v>2016</v>
      </c>
      <c r="D5858" t="s">
        <v>158</v>
      </c>
      <c r="E5858" t="s">
        <v>839</v>
      </c>
      <c r="F5858" t="s">
        <v>10</v>
      </c>
      <c r="G5858" t="s">
        <v>11</v>
      </c>
      <c r="H5858" t="s">
        <v>707</v>
      </c>
      <c r="I5858">
        <v>12.96</v>
      </c>
      <c r="J5858">
        <v>2</v>
      </c>
      <c r="K5858">
        <v>6.22</v>
      </c>
    </row>
    <row r="5859" spans="1:11" x14ac:dyDescent="0.3">
      <c r="A5859" s="1">
        <v>42658</v>
      </c>
      <c r="B5859" s="3">
        <f t="shared" si="182"/>
        <v>10</v>
      </c>
      <c r="C5859" s="3">
        <f t="shared" si="183"/>
        <v>2016</v>
      </c>
      <c r="D5859" t="s">
        <v>158</v>
      </c>
      <c r="E5859" t="s">
        <v>839</v>
      </c>
      <c r="F5859" t="s">
        <v>38</v>
      </c>
      <c r="G5859" t="s">
        <v>39</v>
      </c>
      <c r="H5859" t="s">
        <v>2587</v>
      </c>
      <c r="I5859">
        <v>5.5</v>
      </c>
      <c r="J5859">
        <v>1</v>
      </c>
      <c r="K5859">
        <v>1.38</v>
      </c>
    </row>
    <row r="5860" spans="1:11" x14ac:dyDescent="0.3">
      <c r="A5860" s="1">
        <v>42658</v>
      </c>
      <c r="B5860" s="3">
        <f t="shared" si="182"/>
        <v>10</v>
      </c>
      <c r="C5860" s="3">
        <f t="shared" si="183"/>
        <v>2016</v>
      </c>
      <c r="D5860" t="s">
        <v>158</v>
      </c>
      <c r="E5860" t="s">
        <v>839</v>
      </c>
      <c r="F5860" t="s">
        <v>10</v>
      </c>
      <c r="G5860" t="s">
        <v>19</v>
      </c>
      <c r="H5860" t="s">
        <v>700</v>
      </c>
      <c r="I5860">
        <v>121.6</v>
      </c>
      <c r="J5860">
        <v>4</v>
      </c>
      <c r="K5860">
        <v>55.94</v>
      </c>
    </row>
    <row r="5861" spans="1:11" x14ac:dyDescent="0.3">
      <c r="A5861" s="1">
        <v>42658</v>
      </c>
      <c r="B5861" s="3">
        <f t="shared" si="182"/>
        <v>10</v>
      </c>
      <c r="C5861" s="3">
        <f t="shared" si="183"/>
        <v>2016</v>
      </c>
      <c r="D5861" t="s">
        <v>333</v>
      </c>
      <c r="E5861" t="s">
        <v>54</v>
      </c>
      <c r="F5861" t="s">
        <v>10</v>
      </c>
      <c r="G5861" t="s">
        <v>19</v>
      </c>
      <c r="H5861" t="s">
        <v>2074</v>
      </c>
      <c r="I5861">
        <v>232.96</v>
      </c>
      <c r="J5861">
        <v>7</v>
      </c>
      <c r="K5861">
        <v>116.48</v>
      </c>
    </row>
    <row r="5862" spans="1:11" x14ac:dyDescent="0.3">
      <c r="A5862" s="1">
        <v>42658</v>
      </c>
      <c r="B5862" s="3">
        <f t="shared" si="182"/>
        <v>10</v>
      </c>
      <c r="C5862" s="3">
        <f t="shared" si="183"/>
        <v>2016</v>
      </c>
      <c r="D5862" t="s">
        <v>333</v>
      </c>
      <c r="E5862" t="s">
        <v>54</v>
      </c>
      <c r="F5862" t="s">
        <v>10</v>
      </c>
      <c r="G5862" t="s">
        <v>62</v>
      </c>
      <c r="H5862" t="s">
        <v>2478</v>
      </c>
      <c r="I5862">
        <v>66.540000000000006</v>
      </c>
      <c r="J5862">
        <v>6</v>
      </c>
      <c r="K5862">
        <v>32.6</v>
      </c>
    </row>
    <row r="5863" spans="1:11" x14ac:dyDescent="0.3">
      <c r="A5863" s="1">
        <v>42658</v>
      </c>
      <c r="B5863" s="3">
        <f t="shared" si="182"/>
        <v>10</v>
      </c>
      <c r="C5863" s="3">
        <f t="shared" si="183"/>
        <v>2016</v>
      </c>
      <c r="D5863" t="s">
        <v>333</v>
      </c>
      <c r="E5863" t="s">
        <v>54</v>
      </c>
      <c r="F5863" t="s">
        <v>10</v>
      </c>
      <c r="G5863" t="s">
        <v>91</v>
      </c>
      <c r="H5863" t="s">
        <v>616</v>
      </c>
      <c r="I5863">
        <v>43.26</v>
      </c>
      <c r="J5863">
        <v>3</v>
      </c>
      <c r="K5863">
        <v>14.28</v>
      </c>
    </row>
    <row r="5864" spans="1:11" x14ac:dyDescent="0.3">
      <c r="A5864" s="1">
        <v>42659</v>
      </c>
      <c r="B5864" s="3">
        <f t="shared" si="182"/>
        <v>10</v>
      </c>
      <c r="C5864" s="3">
        <f t="shared" si="183"/>
        <v>2016</v>
      </c>
      <c r="D5864" t="s">
        <v>1747</v>
      </c>
      <c r="E5864" t="s">
        <v>148</v>
      </c>
      <c r="F5864" t="s">
        <v>33</v>
      </c>
      <c r="G5864" t="s">
        <v>144</v>
      </c>
      <c r="H5864" t="s">
        <v>740</v>
      </c>
      <c r="I5864">
        <v>142.18</v>
      </c>
      <c r="J5864">
        <v>1</v>
      </c>
      <c r="K5864">
        <v>-37.92</v>
      </c>
    </row>
    <row r="5865" spans="1:11" x14ac:dyDescent="0.3">
      <c r="A5865" s="1">
        <v>42660</v>
      </c>
      <c r="B5865" s="3">
        <f t="shared" si="182"/>
        <v>10</v>
      </c>
      <c r="C5865" s="3">
        <f t="shared" si="183"/>
        <v>2016</v>
      </c>
      <c r="D5865" t="s">
        <v>2082</v>
      </c>
      <c r="E5865" t="s">
        <v>26</v>
      </c>
      <c r="F5865" t="s">
        <v>10</v>
      </c>
      <c r="G5865" t="s">
        <v>19</v>
      </c>
      <c r="H5865" t="s">
        <v>608</v>
      </c>
      <c r="I5865">
        <v>18.16</v>
      </c>
      <c r="J5865">
        <v>5</v>
      </c>
      <c r="K5865">
        <v>6.58</v>
      </c>
    </row>
    <row r="5866" spans="1:11" x14ac:dyDescent="0.3">
      <c r="A5866" s="1">
        <v>42660</v>
      </c>
      <c r="B5866" s="3">
        <f t="shared" si="182"/>
        <v>10</v>
      </c>
      <c r="C5866" s="3">
        <f t="shared" si="183"/>
        <v>2016</v>
      </c>
      <c r="D5866" t="s">
        <v>1862</v>
      </c>
      <c r="E5866" t="s">
        <v>26</v>
      </c>
      <c r="F5866" t="s">
        <v>33</v>
      </c>
      <c r="G5866" t="s">
        <v>73</v>
      </c>
      <c r="H5866" t="s">
        <v>2591</v>
      </c>
      <c r="I5866">
        <v>120.67</v>
      </c>
      <c r="J5866">
        <v>2</v>
      </c>
      <c r="K5866">
        <v>21.29</v>
      </c>
    </row>
    <row r="5867" spans="1:11" x14ac:dyDescent="0.3">
      <c r="A5867" s="1">
        <v>42660</v>
      </c>
      <c r="B5867" s="3">
        <f t="shared" si="182"/>
        <v>10</v>
      </c>
      <c r="C5867" s="3">
        <f t="shared" si="183"/>
        <v>2016</v>
      </c>
      <c r="D5867" t="s">
        <v>2114</v>
      </c>
      <c r="E5867" t="s">
        <v>185</v>
      </c>
      <c r="F5867" t="s">
        <v>38</v>
      </c>
      <c r="G5867" t="s">
        <v>39</v>
      </c>
      <c r="H5867" t="s">
        <v>1344</v>
      </c>
      <c r="I5867">
        <v>449.97</v>
      </c>
      <c r="J5867">
        <v>3</v>
      </c>
      <c r="K5867">
        <v>220.49</v>
      </c>
    </row>
    <row r="5868" spans="1:11" x14ac:dyDescent="0.3">
      <c r="A5868" s="1">
        <v>42660</v>
      </c>
      <c r="B5868" s="3">
        <f t="shared" si="182"/>
        <v>10</v>
      </c>
      <c r="C5868" s="3">
        <f t="shared" si="183"/>
        <v>2016</v>
      </c>
      <c r="D5868" t="s">
        <v>2114</v>
      </c>
      <c r="E5868" t="s">
        <v>185</v>
      </c>
      <c r="F5868" t="s">
        <v>10</v>
      </c>
      <c r="G5868" t="s">
        <v>91</v>
      </c>
      <c r="H5868" t="s">
        <v>2335</v>
      </c>
      <c r="I5868">
        <v>1927.59</v>
      </c>
      <c r="J5868">
        <v>7</v>
      </c>
      <c r="K5868">
        <v>751.76</v>
      </c>
    </row>
    <row r="5869" spans="1:11" x14ac:dyDescent="0.3">
      <c r="A5869" s="1">
        <v>42660</v>
      </c>
      <c r="B5869" s="3">
        <f t="shared" si="182"/>
        <v>10</v>
      </c>
      <c r="C5869" s="3">
        <f t="shared" si="183"/>
        <v>2016</v>
      </c>
      <c r="D5869" t="s">
        <v>788</v>
      </c>
      <c r="E5869" t="s">
        <v>176</v>
      </c>
      <c r="F5869" t="s">
        <v>33</v>
      </c>
      <c r="G5869" t="s">
        <v>73</v>
      </c>
      <c r="H5869" t="s">
        <v>411</v>
      </c>
      <c r="I5869">
        <v>120.98</v>
      </c>
      <c r="J5869">
        <v>1</v>
      </c>
      <c r="K5869">
        <v>12.1</v>
      </c>
    </row>
    <row r="5870" spans="1:11" x14ac:dyDescent="0.3">
      <c r="A5870" s="1">
        <v>42660</v>
      </c>
      <c r="B5870" s="3">
        <f t="shared" si="182"/>
        <v>10</v>
      </c>
      <c r="C5870" s="3">
        <f t="shared" si="183"/>
        <v>2016</v>
      </c>
      <c r="D5870" t="s">
        <v>788</v>
      </c>
      <c r="E5870" t="s">
        <v>176</v>
      </c>
      <c r="F5870" t="s">
        <v>10</v>
      </c>
      <c r="G5870" t="s">
        <v>19</v>
      </c>
      <c r="H5870" t="s">
        <v>2487</v>
      </c>
      <c r="I5870">
        <v>315.98</v>
      </c>
      <c r="J5870">
        <v>1</v>
      </c>
      <c r="K5870">
        <v>148.51</v>
      </c>
    </row>
    <row r="5871" spans="1:11" x14ac:dyDescent="0.3">
      <c r="A5871" s="1">
        <v>42661</v>
      </c>
      <c r="B5871" s="3">
        <f t="shared" si="182"/>
        <v>10</v>
      </c>
      <c r="C5871" s="3">
        <f t="shared" si="183"/>
        <v>2016</v>
      </c>
      <c r="D5871" t="s">
        <v>914</v>
      </c>
      <c r="E5871" t="s">
        <v>94</v>
      </c>
      <c r="F5871" t="s">
        <v>33</v>
      </c>
      <c r="G5871" t="s">
        <v>34</v>
      </c>
      <c r="H5871" t="s">
        <v>698</v>
      </c>
      <c r="I5871">
        <v>307.92</v>
      </c>
      <c r="J5871">
        <v>5</v>
      </c>
      <c r="K5871">
        <v>-34.64</v>
      </c>
    </row>
    <row r="5872" spans="1:11" x14ac:dyDescent="0.3">
      <c r="A5872" s="1">
        <v>42663</v>
      </c>
      <c r="B5872" s="3">
        <f t="shared" si="182"/>
        <v>10</v>
      </c>
      <c r="C5872" s="3">
        <f t="shared" si="183"/>
        <v>2016</v>
      </c>
      <c r="D5872" t="s">
        <v>1026</v>
      </c>
      <c r="E5872" t="s">
        <v>77</v>
      </c>
      <c r="F5872" t="s">
        <v>10</v>
      </c>
      <c r="G5872" t="s">
        <v>23</v>
      </c>
      <c r="H5872" t="s">
        <v>997</v>
      </c>
      <c r="I5872">
        <v>7.15</v>
      </c>
      <c r="J5872">
        <v>3</v>
      </c>
      <c r="K5872">
        <v>0.72</v>
      </c>
    </row>
    <row r="5873" spans="1:11" x14ac:dyDescent="0.3">
      <c r="A5873" s="1">
        <v>42663</v>
      </c>
      <c r="B5873" s="3">
        <f t="shared" si="182"/>
        <v>10</v>
      </c>
      <c r="C5873" s="3">
        <f t="shared" si="183"/>
        <v>2016</v>
      </c>
      <c r="D5873" t="s">
        <v>805</v>
      </c>
      <c r="E5873" t="s">
        <v>9</v>
      </c>
      <c r="F5873" t="s">
        <v>10</v>
      </c>
      <c r="G5873" t="s">
        <v>11</v>
      </c>
      <c r="H5873" t="s">
        <v>2333</v>
      </c>
      <c r="I5873">
        <v>51.02</v>
      </c>
      <c r="J5873">
        <v>7</v>
      </c>
      <c r="K5873">
        <v>15.94</v>
      </c>
    </row>
    <row r="5874" spans="1:11" x14ac:dyDescent="0.3">
      <c r="A5874" s="1">
        <v>42663</v>
      </c>
      <c r="B5874" s="3">
        <f t="shared" si="182"/>
        <v>10</v>
      </c>
      <c r="C5874" s="3">
        <f t="shared" si="183"/>
        <v>2016</v>
      </c>
      <c r="D5874" t="s">
        <v>805</v>
      </c>
      <c r="E5874" t="s">
        <v>9</v>
      </c>
      <c r="F5874" t="s">
        <v>10</v>
      </c>
      <c r="G5874" t="s">
        <v>42</v>
      </c>
      <c r="H5874" t="s">
        <v>159</v>
      </c>
      <c r="I5874">
        <v>25.25</v>
      </c>
      <c r="J5874">
        <v>4</v>
      </c>
      <c r="K5874">
        <v>7.89</v>
      </c>
    </row>
    <row r="5875" spans="1:11" x14ac:dyDescent="0.3">
      <c r="A5875" s="1">
        <v>42663</v>
      </c>
      <c r="B5875" s="3">
        <f t="shared" si="182"/>
        <v>10</v>
      </c>
      <c r="C5875" s="3">
        <f t="shared" si="183"/>
        <v>2016</v>
      </c>
      <c r="D5875" t="s">
        <v>805</v>
      </c>
      <c r="E5875" t="s">
        <v>9</v>
      </c>
      <c r="F5875" t="s">
        <v>33</v>
      </c>
      <c r="G5875" t="s">
        <v>34</v>
      </c>
      <c r="H5875" t="s">
        <v>963</v>
      </c>
      <c r="I5875">
        <v>56.69</v>
      </c>
      <c r="J5875">
        <v>1</v>
      </c>
      <c r="K5875">
        <v>-14.58</v>
      </c>
    </row>
    <row r="5876" spans="1:11" x14ac:dyDescent="0.3">
      <c r="A5876" s="1">
        <v>42663</v>
      </c>
      <c r="B5876" s="3">
        <f t="shared" si="182"/>
        <v>10</v>
      </c>
      <c r="C5876" s="3">
        <f t="shared" si="183"/>
        <v>2016</v>
      </c>
      <c r="D5876" t="s">
        <v>224</v>
      </c>
      <c r="E5876" t="s">
        <v>109</v>
      </c>
      <c r="F5876" t="s">
        <v>38</v>
      </c>
      <c r="G5876" t="s">
        <v>39</v>
      </c>
      <c r="H5876" t="s">
        <v>2049</v>
      </c>
      <c r="I5876">
        <v>125.7</v>
      </c>
      <c r="J5876">
        <v>6</v>
      </c>
      <c r="K5876">
        <v>35.200000000000003</v>
      </c>
    </row>
    <row r="5877" spans="1:11" x14ac:dyDescent="0.3">
      <c r="A5877" s="1">
        <v>42663</v>
      </c>
      <c r="B5877" s="3">
        <f t="shared" si="182"/>
        <v>10</v>
      </c>
      <c r="C5877" s="3">
        <f t="shared" si="183"/>
        <v>2016</v>
      </c>
      <c r="D5877" t="s">
        <v>224</v>
      </c>
      <c r="E5877" t="s">
        <v>109</v>
      </c>
      <c r="F5877" t="s">
        <v>38</v>
      </c>
      <c r="G5877" t="s">
        <v>39</v>
      </c>
      <c r="H5877" t="s">
        <v>519</v>
      </c>
      <c r="I5877">
        <v>191.98</v>
      </c>
      <c r="J5877">
        <v>2</v>
      </c>
      <c r="K5877">
        <v>51.83</v>
      </c>
    </row>
    <row r="5878" spans="1:11" x14ac:dyDescent="0.3">
      <c r="A5878" s="1">
        <v>42663</v>
      </c>
      <c r="B5878" s="3">
        <f t="shared" si="182"/>
        <v>10</v>
      </c>
      <c r="C5878" s="3">
        <f t="shared" si="183"/>
        <v>2016</v>
      </c>
      <c r="D5878" t="s">
        <v>224</v>
      </c>
      <c r="E5878" t="s">
        <v>109</v>
      </c>
      <c r="F5878" t="s">
        <v>10</v>
      </c>
      <c r="G5878" t="s">
        <v>17</v>
      </c>
      <c r="H5878" t="s">
        <v>1779</v>
      </c>
      <c r="I5878">
        <v>20.86</v>
      </c>
      <c r="J5878">
        <v>7</v>
      </c>
      <c r="K5878">
        <v>1.46</v>
      </c>
    </row>
    <row r="5879" spans="1:11" x14ac:dyDescent="0.3">
      <c r="A5879" s="1">
        <v>42663</v>
      </c>
      <c r="B5879" s="3">
        <f t="shared" si="182"/>
        <v>10</v>
      </c>
      <c r="C5879" s="3">
        <f t="shared" si="183"/>
        <v>2016</v>
      </c>
      <c r="D5879" t="s">
        <v>1885</v>
      </c>
      <c r="E5879" t="s">
        <v>26</v>
      </c>
      <c r="F5879" t="s">
        <v>10</v>
      </c>
      <c r="G5879" t="s">
        <v>19</v>
      </c>
      <c r="H5879" t="s">
        <v>466</v>
      </c>
      <c r="I5879">
        <v>19.3</v>
      </c>
      <c r="J5879">
        <v>3</v>
      </c>
      <c r="K5879">
        <v>6.03</v>
      </c>
    </row>
    <row r="5880" spans="1:11" x14ac:dyDescent="0.3">
      <c r="A5880" s="1">
        <v>42663</v>
      </c>
      <c r="B5880" s="3">
        <f t="shared" si="182"/>
        <v>10</v>
      </c>
      <c r="C5880" s="3">
        <f t="shared" si="183"/>
        <v>2016</v>
      </c>
      <c r="D5880" t="s">
        <v>1921</v>
      </c>
      <c r="E5880" t="s">
        <v>54</v>
      </c>
      <c r="F5880" t="s">
        <v>33</v>
      </c>
      <c r="G5880" t="s">
        <v>46</v>
      </c>
      <c r="H5880" t="s">
        <v>765</v>
      </c>
      <c r="I5880">
        <v>61.1</v>
      </c>
      <c r="J5880">
        <v>5</v>
      </c>
      <c r="K5880">
        <v>18.329999999999998</v>
      </c>
    </row>
    <row r="5881" spans="1:11" x14ac:dyDescent="0.3">
      <c r="A5881" s="1">
        <v>42663</v>
      </c>
      <c r="B5881" s="3">
        <f t="shared" si="182"/>
        <v>10</v>
      </c>
      <c r="C5881" s="3">
        <f t="shared" si="183"/>
        <v>2016</v>
      </c>
      <c r="D5881" t="s">
        <v>577</v>
      </c>
      <c r="E5881" t="s">
        <v>26</v>
      </c>
      <c r="F5881" t="s">
        <v>33</v>
      </c>
      <c r="G5881" t="s">
        <v>34</v>
      </c>
      <c r="H5881" t="s">
        <v>2445</v>
      </c>
      <c r="I5881">
        <v>387.14</v>
      </c>
      <c r="J5881">
        <v>4</v>
      </c>
      <c r="K5881">
        <v>4.84</v>
      </c>
    </row>
    <row r="5882" spans="1:11" x14ac:dyDescent="0.3">
      <c r="A5882" s="1">
        <v>42664</v>
      </c>
      <c r="B5882" s="3">
        <f t="shared" si="182"/>
        <v>10</v>
      </c>
      <c r="C5882" s="3">
        <f t="shared" si="183"/>
        <v>2016</v>
      </c>
      <c r="D5882" t="s">
        <v>1656</v>
      </c>
      <c r="E5882" t="s">
        <v>612</v>
      </c>
      <c r="F5882" t="s">
        <v>10</v>
      </c>
      <c r="G5882" t="s">
        <v>19</v>
      </c>
      <c r="H5882" t="s">
        <v>2199</v>
      </c>
      <c r="I5882">
        <v>23.2</v>
      </c>
      <c r="J5882">
        <v>4</v>
      </c>
      <c r="K5882">
        <v>10.44</v>
      </c>
    </row>
    <row r="5883" spans="1:11" x14ac:dyDescent="0.3">
      <c r="A5883" s="1">
        <v>42664</v>
      </c>
      <c r="B5883" s="3">
        <f t="shared" si="182"/>
        <v>10</v>
      </c>
      <c r="C5883" s="3">
        <f t="shared" si="183"/>
        <v>2016</v>
      </c>
      <c r="D5883" t="s">
        <v>1656</v>
      </c>
      <c r="E5883" t="s">
        <v>612</v>
      </c>
      <c r="F5883" t="s">
        <v>10</v>
      </c>
      <c r="G5883" t="s">
        <v>199</v>
      </c>
      <c r="H5883" t="s">
        <v>806</v>
      </c>
      <c r="I5883">
        <v>7.36</v>
      </c>
      <c r="J5883">
        <v>2</v>
      </c>
      <c r="K5883">
        <v>0.15</v>
      </c>
    </row>
    <row r="5884" spans="1:11" x14ac:dyDescent="0.3">
      <c r="A5884" s="1">
        <v>42664</v>
      </c>
      <c r="B5884" s="3">
        <f t="shared" si="182"/>
        <v>10</v>
      </c>
      <c r="C5884" s="3">
        <f t="shared" si="183"/>
        <v>2016</v>
      </c>
      <c r="D5884" t="s">
        <v>1656</v>
      </c>
      <c r="E5884" t="s">
        <v>612</v>
      </c>
      <c r="F5884" t="s">
        <v>10</v>
      </c>
      <c r="G5884" t="s">
        <v>17</v>
      </c>
      <c r="H5884" t="s">
        <v>1244</v>
      </c>
      <c r="I5884">
        <v>104.79</v>
      </c>
      <c r="J5884">
        <v>7</v>
      </c>
      <c r="K5884">
        <v>29.34</v>
      </c>
    </row>
    <row r="5885" spans="1:11" x14ac:dyDescent="0.3">
      <c r="A5885" s="1">
        <v>42664</v>
      </c>
      <c r="B5885" s="3">
        <f t="shared" si="182"/>
        <v>10</v>
      </c>
      <c r="C5885" s="3">
        <f t="shared" si="183"/>
        <v>2016</v>
      </c>
      <c r="D5885" t="s">
        <v>1656</v>
      </c>
      <c r="E5885" t="s">
        <v>612</v>
      </c>
      <c r="F5885" t="s">
        <v>33</v>
      </c>
      <c r="G5885" t="s">
        <v>73</v>
      </c>
      <c r="H5885" t="s">
        <v>1603</v>
      </c>
      <c r="I5885">
        <v>1043.92</v>
      </c>
      <c r="J5885">
        <v>4</v>
      </c>
      <c r="K5885">
        <v>271.42</v>
      </c>
    </row>
    <row r="5886" spans="1:11" x14ac:dyDescent="0.3">
      <c r="A5886" s="1">
        <v>42664</v>
      </c>
      <c r="B5886" s="3">
        <f t="shared" si="182"/>
        <v>10</v>
      </c>
      <c r="C5886" s="3">
        <f t="shared" si="183"/>
        <v>2016</v>
      </c>
      <c r="D5886" t="s">
        <v>2229</v>
      </c>
      <c r="E5886" t="s">
        <v>26</v>
      </c>
      <c r="F5886" t="s">
        <v>10</v>
      </c>
      <c r="G5886" t="s">
        <v>11</v>
      </c>
      <c r="H5886" t="s">
        <v>2450</v>
      </c>
      <c r="I5886">
        <v>22.92</v>
      </c>
      <c r="J5886">
        <v>3</v>
      </c>
      <c r="K5886">
        <v>11.23</v>
      </c>
    </row>
    <row r="5887" spans="1:11" x14ac:dyDescent="0.3">
      <c r="A5887" s="1">
        <v>42664</v>
      </c>
      <c r="B5887" s="3">
        <f t="shared" si="182"/>
        <v>10</v>
      </c>
      <c r="C5887" s="3">
        <f t="shared" si="183"/>
        <v>2016</v>
      </c>
      <c r="D5887" t="s">
        <v>856</v>
      </c>
      <c r="E5887" t="s">
        <v>26</v>
      </c>
      <c r="F5887" t="s">
        <v>10</v>
      </c>
      <c r="G5887" t="s">
        <v>17</v>
      </c>
      <c r="H5887" t="s">
        <v>1016</v>
      </c>
      <c r="I5887">
        <v>154.44</v>
      </c>
      <c r="J5887">
        <v>3</v>
      </c>
      <c r="K5887">
        <v>1.54</v>
      </c>
    </row>
    <row r="5888" spans="1:11" x14ac:dyDescent="0.3">
      <c r="A5888" s="1">
        <v>42664</v>
      </c>
      <c r="B5888" s="3">
        <f t="shared" si="182"/>
        <v>10</v>
      </c>
      <c r="C5888" s="3">
        <f t="shared" si="183"/>
        <v>2016</v>
      </c>
      <c r="D5888" t="s">
        <v>577</v>
      </c>
      <c r="E5888" t="s">
        <v>58</v>
      </c>
      <c r="F5888" t="s">
        <v>10</v>
      </c>
      <c r="G5888" t="s">
        <v>19</v>
      </c>
      <c r="H5888" t="s">
        <v>2286</v>
      </c>
      <c r="I5888">
        <v>7.92</v>
      </c>
      <c r="J5888">
        <v>4</v>
      </c>
      <c r="K5888">
        <v>3.56</v>
      </c>
    </row>
    <row r="5889" spans="1:11" x14ac:dyDescent="0.3">
      <c r="A5889" s="1">
        <v>42664</v>
      </c>
      <c r="B5889" s="3">
        <f t="shared" si="182"/>
        <v>10</v>
      </c>
      <c r="C5889" s="3">
        <f t="shared" si="183"/>
        <v>2016</v>
      </c>
      <c r="D5889" t="s">
        <v>2613</v>
      </c>
      <c r="E5889" t="s">
        <v>530</v>
      </c>
      <c r="F5889" t="s">
        <v>38</v>
      </c>
      <c r="G5889" t="s">
        <v>51</v>
      </c>
      <c r="H5889" t="s">
        <v>1067</v>
      </c>
      <c r="I5889">
        <v>98.16</v>
      </c>
      <c r="J5889">
        <v>6</v>
      </c>
      <c r="K5889">
        <v>9.82</v>
      </c>
    </row>
    <row r="5890" spans="1:11" x14ac:dyDescent="0.3">
      <c r="A5890" s="1">
        <v>42664</v>
      </c>
      <c r="B5890" s="3">
        <f t="shared" ref="B5890:B5953" si="184">MONTH(A:A)</f>
        <v>10</v>
      </c>
      <c r="C5890" s="3">
        <f t="shared" ref="C5890:C5953" si="185">YEAR(A:A)</f>
        <v>2016</v>
      </c>
      <c r="D5890" t="s">
        <v>2465</v>
      </c>
      <c r="E5890" t="s">
        <v>77</v>
      </c>
      <c r="F5890" t="s">
        <v>38</v>
      </c>
      <c r="G5890" t="s">
        <v>39</v>
      </c>
      <c r="H5890" t="s">
        <v>1492</v>
      </c>
      <c r="I5890">
        <v>235.15</v>
      </c>
      <c r="J5890">
        <v>8</v>
      </c>
      <c r="K5890">
        <v>-47.03</v>
      </c>
    </row>
    <row r="5891" spans="1:11" x14ac:dyDescent="0.3">
      <c r="A5891" s="1">
        <v>42664</v>
      </c>
      <c r="B5891" s="3">
        <f t="shared" si="184"/>
        <v>10</v>
      </c>
      <c r="C5891" s="3">
        <f t="shared" si="185"/>
        <v>2016</v>
      </c>
      <c r="D5891" t="s">
        <v>658</v>
      </c>
      <c r="E5891" t="s">
        <v>77</v>
      </c>
      <c r="F5891" t="s">
        <v>33</v>
      </c>
      <c r="G5891" t="s">
        <v>144</v>
      </c>
      <c r="H5891" t="s">
        <v>782</v>
      </c>
      <c r="I5891">
        <v>661.18</v>
      </c>
      <c r="J5891">
        <v>2</v>
      </c>
      <c r="K5891">
        <v>-231.41</v>
      </c>
    </row>
    <row r="5892" spans="1:11" x14ac:dyDescent="0.3">
      <c r="A5892" s="1">
        <v>42664</v>
      </c>
      <c r="B5892" s="3">
        <f t="shared" si="184"/>
        <v>10</v>
      </c>
      <c r="C5892" s="3">
        <f t="shared" si="185"/>
        <v>2016</v>
      </c>
      <c r="D5892" t="s">
        <v>909</v>
      </c>
      <c r="E5892" t="s">
        <v>125</v>
      </c>
      <c r="F5892" t="s">
        <v>10</v>
      </c>
      <c r="G5892" t="s">
        <v>23</v>
      </c>
      <c r="H5892" t="s">
        <v>1578</v>
      </c>
      <c r="I5892">
        <v>113.22</v>
      </c>
      <c r="J5892">
        <v>3</v>
      </c>
      <c r="K5892">
        <v>29.44</v>
      </c>
    </row>
    <row r="5893" spans="1:11" x14ac:dyDescent="0.3">
      <c r="A5893" s="1">
        <v>42664</v>
      </c>
      <c r="B5893" s="3">
        <f t="shared" si="184"/>
        <v>10</v>
      </c>
      <c r="C5893" s="3">
        <f t="shared" si="185"/>
        <v>2016</v>
      </c>
      <c r="D5893" t="s">
        <v>909</v>
      </c>
      <c r="E5893" t="s">
        <v>125</v>
      </c>
      <c r="F5893" t="s">
        <v>10</v>
      </c>
      <c r="G5893" t="s">
        <v>11</v>
      </c>
      <c r="H5893" t="s">
        <v>2257</v>
      </c>
      <c r="I5893">
        <v>35.880000000000003</v>
      </c>
      <c r="J5893">
        <v>6</v>
      </c>
      <c r="K5893">
        <v>17.579999999999998</v>
      </c>
    </row>
    <row r="5894" spans="1:11" x14ac:dyDescent="0.3">
      <c r="A5894" s="1">
        <v>42664</v>
      </c>
      <c r="B5894" s="3">
        <f t="shared" si="184"/>
        <v>10</v>
      </c>
      <c r="C5894" s="3">
        <f t="shared" si="185"/>
        <v>2016</v>
      </c>
      <c r="D5894" t="s">
        <v>909</v>
      </c>
      <c r="E5894" t="s">
        <v>125</v>
      </c>
      <c r="F5894" t="s">
        <v>10</v>
      </c>
      <c r="G5894" t="s">
        <v>19</v>
      </c>
      <c r="H5894" t="s">
        <v>1365</v>
      </c>
      <c r="I5894">
        <v>4535.9799999999996</v>
      </c>
      <c r="J5894">
        <v>3</v>
      </c>
      <c r="K5894">
        <v>1644.29</v>
      </c>
    </row>
    <row r="5895" spans="1:11" x14ac:dyDescent="0.3">
      <c r="A5895" s="1">
        <v>42664</v>
      </c>
      <c r="B5895" s="3">
        <f t="shared" si="184"/>
        <v>10</v>
      </c>
      <c r="C5895" s="3">
        <f t="shared" si="185"/>
        <v>2016</v>
      </c>
      <c r="D5895" t="s">
        <v>236</v>
      </c>
      <c r="E5895" t="s">
        <v>119</v>
      </c>
      <c r="F5895" t="s">
        <v>10</v>
      </c>
      <c r="G5895" t="s">
        <v>17</v>
      </c>
      <c r="H5895" t="s">
        <v>2421</v>
      </c>
      <c r="I5895">
        <v>111.67</v>
      </c>
      <c r="J5895">
        <v>9</v>
      </c>
      <c r="K5895">
        <v>6.98</v>
      </c>
    </row>
    <row r="5896" spans="1:11" x14ac:dyDescent="0.3">
      <c r="A5896" s="1">
        <v>42664</v>
      </c>
      <c r="B5896" s="3">
        <f t="shared" si="184"/>
        <v>10</v>
      </c>
      <c r="C5896" s="3">
        <f t="shared" si="185"/>
        <v>2016</v>
      </c>
      <c r="D5896" t="s">
        <v>1447</v>
      </c>
      <c r="E5896" t="s">
        <v>9</v>
      </c>
      <c r="F5896" t="s">
        <v>38</v>
      </c>
      <c r="G5896" t="s">
        <v>51</v>
      </c>
      <c r="H5896" t="s">
        <v>387</v>
      </c>
      <c r="I5896">
        <v>106.08</v>
      </c>
      <c r="J5896">
        <v>6</v>
      </c>
      <c r="K5896">
        <v>-9.2799999999999994</v>
      </c>
    </row>
    <row r="5897" spans="1:11" x14ac:dyDescent="0.3">
      <c r="A5897" s="1">
        <v>42664</v>
      </c>
      <c r="B5897" s="3">
        <f t="shared" si="184"/>
        <v>10</v>
      </c>
      <c r="C5897" s="3">
        <f t="shared" si="185"/>
        <v>2016</v>
      </c>
      <c r="D5897" t="s">
        <v>790</v>
      </c>
      <c r="E5897" t="s">
        <v>26</v>
      </c>
      <c r="F5897" t="s">
        <v>33</v>
      </c>
      <c r="G5897" t="s">
        <v>34</v>
      </c>
      <c r="H5897" t="s">
        <v>1483</v>
      </c>
      <c r="I5897">
        <v>242.14</v>
      </c>
      <c r="J5897">
        <v>3</v>
      </c>
      <c r="K5897">
        <v>12.11</v>
      </c>
    </row>
    <row r="5898" spans="1:11" x14ac:dyDescent="0.3">
      <c r="A5898" s="1">
        <v>42664</v>
      </c>
      <c r="B5898" s="3">
        <f t="shared" si="184"/>
        <v>10</v>
      </c>
      <c r="C5898" s="3">
        <f t="shared" si="185"/>
        <v>2016</v>
      </c>
      <c r="D5898" t="s">
        <v>790</v>
      </c>
      <c r="E5898" t="s">
        <v>26</v>
      </c>
      <c r="F5898" t="s">
        <v>10</v>
      </c>
      <c r="G5898" t="s">
        <v>23</v>
      </c>
      <c r="H5898" t="s">
        <v>270</v>
      </c>
      <c r="I5898">
        <v>12.39</v>
      </c>
      <c r="J5898">
        <v>3</v>
      </c>
      <c r="K5898">
        <v>5.7</v>
      </c>
    </row>
    <row r="5899" spans="1:11" x14ac:dyDescent="0.3">
      <c r="A5899" s="1">
        <v>42664</v>
      </c>
      <c r="B5899" s="3">
        <f t="shared" si="184"/>
        <v>10</v>
      </c>
      <c r="C5899" s="3">
        <f t="shared" si="185"/>
        <v>2016</v>
      </c>
      <c r="D5899" t="s">
        <v>790</v>
      </c>
      <c r="E5899" t="s">
        <v>26</v>
      </c>
      <c r="F5899" t="s">
        <v>33</v>
      </c>
      <c r="G5899" t="s">
        <v>46</v>
      </c>
      <c r="H5899" t="s">
        <v>2470</v>
      </c>
      <c r="I5899">
        <v>19.96</v>
      </c>
      <c r="J5899">
        <v>2</v>
      </c>
      <c r="K5899">
        <v>5.59</v>
      </c>
    </row>
    <row r="5900" spans="1:11" x14ac:dyDescent="0.3">
      <c r="A5900" s="1">
        <v>42664</v>
      </c>
      <c r="B5900" s="3">
        <f t="shared" si="184"/>
        <v>10</v>
      </c>
      <c r="C5900" s="3">
        <f t="shared" si="185"/>
        <v>2016</v>
      </c>
      <c r="D5900" t="s">
        <v>790</v>
      </c>
      <c r="E5900" t="s">
        <v>26</v>
      </c>
      <c r="F5900" t="s">
        <v>10</v>
      </c>
      <c r="G5900" t="s">
        <v>17</v>
      </c>
      <c r="H5900" t="s">
        <v>18</v>
      </c>
      <c r="I5900">
        <v>340.92</v>
      </c>
      <c r="J5900">
        <v>3</v>
      </c>
      <c r="K5900">
        <v>3.41</v>
      </c>
    </row>
    <row r="5901" spans="1:11" x14ac:dyDescent="0.3">
      <c r="A5901" s="1">
        <v>42664</v>
      </c>
      <c r="B5901" s="3">
        <f t="shared" si="184"/>
        <v>10</v>
      </c>
      <c r="C5901" s="3">
        <f t="shared" si="185"/>
        <v>2016</v>
      </c>
      <c r="D5901" t="s">
        <v>245</v>
      </c>
      <c r="E5901" t="s">
        <v>122</v>
      </c>
      <c r="F5901" t="s">
        <v>33</v>
      </c>
      <c r="G5901" t="s">
        <v>46</v>
      </c>
      <c r="H5901" t="s">
        <v>774</v>
      </c>
      <c r="I5901">
        <v>45.57</v>
      </c>
      <c r="J5901">
        <v>2</v>
      </c>
      <c r="K5901">
        <v>9.68</v>
      </c>
    </row>
    <row r="5902" spans="1:11" x14ac:dyDescent="0.3">
      <c r="A5902" s="1">
        <v>42664</v>
      </c>
      <c r="B5902" s="3">
        <f t="shared" si="184"/>
        <v>10</v>
      </c>
      <c r="C5902" s="3">
        <f t="shared" si="185"/>
        <v>2016</v>
      </c>
      <c r="D5902" t="s">
        <v>245</v>
      </c>
      <c r="E5902" t="s">
        <v>122</v>
      </c>
      <c r="F5902" t="s">
        <v>10</v>
      </c>
      <c r="G5902" t="s">
        <v>19</v>
      </c>
      <c r="H5902" t="s">
        <v>510</v>
      </c>
      <c r="I5902">
        <v>28.75</v>
      </c>
      <c r="J5902">
        <v>8</v>
      </c>
      <c r="K5902">
        <v>-21.08</v>
      </c>
    </row>
    <row r="5903" spans="1:11" x14ac:dyDescent="0.3">
      <c r="A5903" s="1">
        <v>42665</v>
      </c>
      <c r="B5903" s="3">
        <f t="shared" si="184"/>
        <v>10</v>
      </c>
      <c r="C5903" s="3">
        <f t="shared" si="185"/>
        <v>2016</v>
      </c>
      <c r="D5903" t="s">
        <v>2404</v>
      </c>
      <c r="E5903" t="s">
        <v>109</v>
      </c>
      <c r="F5903" t="s">
        <v>33</v>
      </c>
      <c r="G5903" t="s">
        <v>46</v>
      </c>
      <c r="H5903" t="s">
        <v>2120</v>
      </c>
      <c r="I5903">
        <v>31.4</v>
      </c>
      <c r="J5903">
        <v>5</v>
      </c>
      <c r="K5903">
        <v>10.050000000000001</v>
      </c>
    </row>
    <row r="5904" spans="1:11" x14ac:dyDescent="0.3">
      <c r="A5904" s="1">
        <v>42665</v>
      </c>
      <c r="B5904" s="3">
        <f t="shared" si="184"/>
        <v>10</v>
      </c>
      <c r="C5904" s="3">
        <f t="shared" si="185"/>
        <v>2016</v>
      </c>
      <c r="D5904" t="s">
        <v>160</v>
      </c>
      <c r="E5904" t="s">
        <v>54</v>
      </c>
      <c r="F5904" t="s">
        <v>33</v>
      </c>
      <c r="G5904" t="s">
        <v>46</v>
      </c>
      <c r="H5904" t="s">
        <v>2470</v>
      </c>
      <c r="I5904">
        <v>39.92</v>
      </c>
      <c r="J5904">
        <v>4</v>
      </c>
      <c r="K5904">
        <v>11.18</v>
      </c>
    </row>
    <row r="5905" spans="1:11" x14ac:dyDescent="0.3">
      <c r="A5905" s="1">
        <v>42665</v>
      </c>
      <c r="B5905" s="3">
        <f t="shared" si="184"/>
        <v>10</v>
      </c>
      <c r="C5905" s="3">
        <f t="shared" si="185"/>
        <v>2016</v>
      </c>
      <c r="D5905" t="s">
        <v>1561</v>
      </c>
      <c r="E5905" t="s">
        <v>163</v>
      </c>
      <c r="F5905" t="s">
        <v>10</v>
      </c>
      <c r="G5905" t="s">
        <v>11</v>
      </c>
      <c r="H5905" t="s">
        <v>1191</v>
      </c>
      <c r="I5905">
        <v>6.68</v>
      </c>
      <c r="J5905">
        <v>1</v>
      </c>
      <c r="K5905">
        <v>3.21</v>
      </c>
    </row>
    <row r="5906" spans="1:11" x14ac:dyDescent="0.3">
      <c r="A5906" s="1">
        <v>42665</v>
      </c>
      <c r="B5906" s="3">
        <f t="shared" si="184"/>
        <v>10</v>
      </c>
      <c r="C5906" s="3">
        <f t="shared" si="185"/>
        <v>2016</v>
      </c>
      <c r="D5906" t="s">
        <v>1561</v>
      </c>
      <c r="E5906" t="s">
        <v>163</v>
      </c>
      <c r="F5906" t="s">
        <v>10</v>
      </c>
      <c r="G5906" t="s">
        <v>23</v>
      </c>
      <c r="H5906" t="s">
        <v>868</v>
      </c>
      <c r="I5906">
        <v>8.34</v>
      </c>
      <c r="J5906">
        <v>3</v>
      </c>
      <c r="K5906">
        <v>2.25</v>
      </c>
    </row>
    <row r="5907" spans="1:11" x14ac:dyDescent="0.3">
      <c r="A5907" s="1">
        <v>42665</v>
      </c>
      <c r="B5907" s="3">
        <f t="shared" si="184"/>
        <v>10</v>
      </c>
      <c r="C5907" s="3">
        <f t="shared" si="185"/>
        <v>2016</v>
      </c>
      <c r="D5907" t="s">
        <v>1561</v>
      </c>
      <c r="E5907" t="s">
        <v>163</v>
      </c>
      <c r="F5907" t="s">
        <v>33</v>
      </c>
      <c r="G5907" t="s">
        <v>46</v>
      </c>
      <c r="H5907" t="s">
        <v>2614</v>
      </c>
      <c r="I5907">
        <v>101.94</v>
      </c>
      <c r="J5907">
        <v>3</v>
      </c>
      <c r="K5907">
        <v>30.58</v>
      </c>
    </row>
    <row r="5908" spans="1:11" x14ac:dyDescent="0.3">
      <c r="A5908" s="1">
        <v>42666</v>
      </c>
      <c r="B5908" s="3">
        <f t="shared" si="184"/>
        <v>10</v>
      </c>
      <c r="C5908" s="3">
        <f t="shared" si="185"/>
        <v>2016</v>
      </c>
      <c r="D5908" t="s">
        <v>214</v>
      </c>
      <c r="E5908" t="s">
        <v>148</v>
      </c>
      <c r="F5908" t="s">
        <v>10</v>
      </c>
      <c r="G5908" t="s">
        <v>11</v>
      </c>
      <c r="H5908" t="s">
        <v>1254</v>
      </c>
      <c r="I5908">
        <v>379.4</v>
      </c>
      <c r="J5908">
        <v>10</v>
      </c>
      <c r="K5908">
        <v>178.32</v>
      </c>
    </row>
    <row r="5909" spans="1:11" x14ac:dyDescent="0.3">
      <c r="A5909" s="1">
        <v>42666</v>
      </c>
      <c r="B5909" s="3">
        <f t="shared" si="184"/>
        <v>10</v>
      </c>
      <c r="C5909" s="3">
        <f t="shared" si="185"/>
        <v>2016</v>
      </c>
      <c r="D5909" t="s">
        <v>812</v>
      </c>
      <c r="E5909" t="s">
        <v>14</v>
      </c>
      <c r="F5909" t="s">
        <v>33</v>
      </c>
      <c r="G5909" t="s">
        <v>46</v>
      </c>
      <c r="H5909" t="s">
        <v>1449</v>
      </c>
      <c r="I5909">
        <v>16.16</v>
      </c>
      <c r="J5909">
        <v>7</v>
      </c>
      <c r="K5909">
        <v>-12.12</v>
      </c>
    </row>
    <row r="5910" spans="1:11" x14ac:dyDescent="0.3">
      <c r="A5910" s="1">
        <v>42666</v>
      </c>
      <c r="B5910" s="3">
        <f t="shared" si="184"/>
        <v>10</v>
      </c>
      <c r="C5910" s="3">
        <f t="shared" si="185"/>
        <v>2016</v>
      </c>
      <c r="D5910" t="s">
        <v>812</v>
      </c>
      <c r="E5910" t="s">
        <v>14</v>
      </c>
      <c r="F5910" t="s">
        <v>10</v>
      </c>
      <c r="G5910" t="s">
        <v>11</v>
      </c>
      <c r="H5910" t="s">
        <v>1131</v>
      </c>
      <c r="I5910">
        <v>54.82</v>
      </c>
      <c r="J5910">
        <v>3</v>
      </c>
      <c r="K5910">
        <v>17.82</v>
      </c>
    </row>
    <row r="5911" spans="1:11" x14ac:dyDescent="0.3">
      <c r="A5911" s="1">
        <v>42666</v>
      </c>
      <c r="B5911" s="3">
        <f t="shared" si="184"/>
        <v>10</v>
      </c>
      <c r="C5911" s="3">
        <f t="shared" si="185"/>
        <v>2016</v>
      </c>
      <c r="D5911" t="s">
        <v>1002</v>
      </c>
      <c r="E5911" t="s">
        <v>163</v>
      </c>
      <c r="F5911" t="s">
        <v>10</v>
      </c>
      <c r="G5911" t="s">
        <v>42</v>
      </c>
      <c r="H5911" t="s">
        <v>2586</v>
      </c>
      <c r="I5911">
        <v>17.05</v>
      </c>
      <c r="J5911">
        <v>5</v>
      </c>
      <c r="K5911">
        <v>8.18</v>
      </c>
    </row>
    <row r="5912" spans="1:11" x14ac:dyDescent="0.3">
      <c r="A5912" s="1">
        <v>42667</v>
      </c>
      <c r="B5912" s="3">
        <f t="shared" si="184"/>
        <v>10</v>
      </c>
      <c r="C5912" s="3">
        <f t="shared" si="185"/>
        <v>2016</v>
      </c>
      <c r="D5912" t="s">
        <v>658</v>
      </c>
      <c r="E5912" t="s">
        <v>26</v>
      </c>
      <c r="F5912" t="s">
        <v>38</v>
      </c>
      <c r="G5912" t="s">
        <v>51</v>
      </c>
      <c r="H5912" t="s">
        <v>2397</v>
      </c>
      <c r="I5912">
        <v>100</v>
      </c>
      <c r="J5912">
        <v>4</v>
      </c>
      <c r="K5912">
        <v>21</v>
      </c>
    </row>
    <row r="5913" spans="1:11" x14ac:dyDescent="0.3">
      <c r="A5913" s="1">
        <v>42667</v>
      </c>
      <c r="B5913" s="3">
        <f t="shared" si="184"/>
        <v>10</v>
      </c>
      <c r="C5913" s="3">
        <f t="shared" si="185"/>
        <v>2016</v>
      </c>
      <c r="D5913" t="s">
        <v>658</v>
      </c>
      <c r="E5913" t="s">
        <v>26</v>
      </c>
      <c r="F5913" t="s">
        <v>38</v>
      </c>
      <c r="G5913" t="s">
        <v>51</v>
      </c>
      <c r="H5913" t="s">
        <v>2330</v>
      </c>
      <c r="I5913">
        <v>359.98</v>
      </c>
      <c r="J5913">
        <v>2</v>
      </c>
      <c r="K5913">
        <v>21.6</v>
      </c>
    </row>
    <row r="5914" spans="1:11" x14ac:dyDescent="0.3">
      <c r="A5914" s="1">
        <v>42667</v>
      </c>
      <c r="B5914" s="3">
        <f t="shared" si="184"/>
        <v>10</v>
      </c>
      <c r="C5914" s="3">
        <f t="shared" si="185"/>
        <v>2016</v>
      </c>
      <c r="D5914" t="s">
        <v>2099</v>
      </c>
      <c r="E5914" t="s">
        <v>119</v>
      </c>
      <c r="F5914" t="s">
        <v>38</v>
      </c>
      <c r="G5914" t="s">
        <v>39</v>
      </c>
      <c r="H5914" t="s">
        <v>101</v>
      </c>
      <c r="I5914">
        <v>239.98</v>
      </c>
      <c r="J5914">
        <v>3</v>
      </c>
      <c r="K5914">
        <v>18</v>
      </c>
    </row>
    <row r="5915" spans="1:11" x14ac:dyDescent="0.3">
      <c r="A5915" s="1">
        <v>42667</v>
      </c>
      <c r="B5915" s="3">
        <f t="shared" si="184"/>
        <v>10</v>
      </c>
      <c r="C5915" s="3">
        <f t="shared" si="185"/>
        <v>2016</v>
      </c>
      <c r="D5915" t="s">
        <v>1066</v>
      </c>
      <c r="E5915" t="s">
        <v>26</v>
      </c>
      <c r="F5915" t="s">
        <v>38</v>
      </c>
      <c r="G5915" t="s">
        <v>51</v>
      </c>
      <c r="H5915" t="s">
        <v>2124</v>
      </c>
      <c r="I5915">
        <v>199.99</v>
      </c>
      <c r="J5915">
        <v>1</v>
      </c>
      <c r="K5915">
        <v>86</v>
      </c>
    </row>
    <row r="5916" spans="1:11" x14ac:dyDescent="0.3">
      <c r="A5916" s="1">
        <v>42667</v>
      </c>
      <c r="B5916" s="3">
        <f t="shared" si="184"/>
        <v>10</v>
      </c>
      <c r="C5916" s="3">
        <f t="shared" si="185"/>
        <v>2016</v>
      </c>
      <c r="D5916" t="s">
        <v>1160</v>
      </c>
      <c r="E5916" t="s">
        <v>9</v>
      </c>
      <c r="F5916" t="s">
        <v>10</v>
      </c>
      <c r="G5916" t="s">
        <v>11</v>
      </c>
      <c r="H5916" t="s">
        <v>133</v>
      </c>
      <c r="I5916">
        <v>15.55</v>
      </c>
      <c r="J5916">
        <v>3</v>
      </c>
      <c r="K5916">
        <v>5.44</v>
      </c>
    </row>
    <row r="5917" spans="1:11" x14ac:dyDescent="0.3">
      <c r="A5917" s="1">
        <v>42667</v>
      </c>
      <c r="B5917" s="3">
        <f t="shared" si="184"/>
        <v>10</v>
      </c>
      <c r="C5917" s="3">
        <f t="shared" si="185"/>
        <v>2016</v>
      </c>
      <c r="D5917" t="s">
        <v>1096</v>
      </c>
      <c r="E5917" t="s">
        <v>26</v>
      </c>
      <c r="F5917" t="s">
        <v>38</v>
      </c>
      <c r="G5917" t="s">
        <v>51</v>
      </c>
      <c r="H5917" t="s">
        <v>1558</v>
      </c>
      <c r="I5917">
        <v>450</v>
      </c>
      <c r="J5917">
        <v>5</v>
      </c>
      <c r="K5917">
        <v>162</v>
      </c>
    </row>
    <row r="5918" spans="1:11" x14ac:dyDescent="0.3">
      <c r="A5918" s="1">
        <v>42668</v>
      </c>
      <c r="B5918" s="3">
        <f t="shared" si="184"/>
        <v>10</v>
      </c>
      <c r="C5918" s="3">
        <f t="shared" si="185"/>
        <v>2016</v>
      </c>
      <c r="D5918" t="s">
        <v>248</v>
      </c>
      <c r="E5918" t="s">
        <v>122</v>
      </c>
      <c r="F5918" t="s">
        <v>38</v>
      </c>
      <c r="G5918" t="s">
        <v>39</v>
      </c>
      <c r="H5918" t="s">
        <v>286</v>
      </c>
      <c r="I5918">
        <v>783.96</v>
      </c>
      <c r="J5918">
        <v>5</v>
      </c>
      <c r="K5918">
        <v>78.400000000000006</v>
      </c>
    </row>
    <row r="5919" spans="1:11" x14ac:dyDescent="0.3">
      <c r="A5919" s="1">
        <v>42670</v>
      </c>
      <c r="B5919" s="3">
        <f t="shared" si="184"/>
        <v>10</v>
      </c>
      <c r="C5919" s="3">
        <f t="shared" si="185"/>
        <v>2016</v>
      </c>
      <c r="D5919" t="s">
        <v>1950</v>
      </c>
      <c r="E5919" t="s">
        <v>148</v>
      </c>
      <c r="F5919" t="s">
        <v>33</v>
      </c>
      <c r="G5919" t="s">
        <v>46</v>
      </c>
      <c r="H5919" t="s">
        <v>2061</v>
      </c>
      <c r="I5919">
        <v>40.200000000000003</v>
      </c>
      <c r="J5919">
        <v>3</v>
      </c>
      <c r="K5919">
        <v>19.3</v>
      </c>
    </row>
    <row r="5920" spans="1:11" x14ac:dyDescent="0.3">
      <c r="A5920" s="1">
        <v>42670</v>
      </c>
      <c r="B5920" s="3">
        <f t="shared" si="184"/>
        <v>10</v>
      </c>
      <c r="C5920" s="3">
        <f t="shared" si="185"/>
        <v>2016</v>
      </c>
      <c r="D5920" t="s">
        <v>787</v>
      </c>
      <c r="E5920" t="s">
        <v>26</v>
      </c>
      <c r="F5920" t="s">
        <v>10</v>
      </c>
      <c r="G5920" t="s">
        <v>91</v>
      </c>
      <c r="H5920" t="s">
        <v>657</v>
      </c>
      <c r="I5920">
        <v>43.92</v>
      </c>
      <c r="J5920">
        <v>4</v>
      </c>
      <c r="K5920">
        <v>11.86</v>
      </c>
    </row>
    <row r="5921" spans="1:11" x14ac:dyDescent="0.3">
      <c r="A5921" s="1">
        <v>42670</v>
      </c>
      <c r="B5921" s="3">
        <f t="shared" si="184"/>
        <v>10</v>
      </c>
      <c r="C5921" s="3">
        <f t="shared" si="185"/>
        <v>2016</v>
      </c>
      <c r="D5921" t="s">
        <v>787</v>
      </c>
      <c r="E5921" t="s">
        <v>26</v>
      </c>
      <c r="F5921" t="s">
        <v>10</v>
      </c>
      <c r="G5921" t="s">
        <v>19</v>
      </c>
      <c r="H5921" t="s">
        <v>578</v>
      </c>
      <c r="I5921">
        <v>25.03</v>
      </c>
      <c r="J5921">
        <v>3</v>
      </c>
      <c r="K5921">
        <v>7.82</v>
      </c>
    </row>
    <row r="5922" spans="1:11" x14ac:dyDescent="0.3">
      <c r="A5922" s="1">
        <v>42670</v>
      </c>
      <c r="B5922" s="3">
        <f t="shared" si="184"/>
        <v>10</v>
      </c>
      <c r="C5922" s="3">
        <f t="shared" si="185"/>
        <v>2016</v>
      </c>
      <c r="D5922" t="s">
        <v>1112</v>
      </c>
      <c r="E5922" t="s">
        <v>54</v>
      </c>
      <c r="F5922" t="s">
        <v>33</v>
      </c>
      <c r="G5922" t="s">
        <v>34</v>
      </c>
      <c r="H5922" t="s">
        <v>1691</v>
      </c>
      <c r="I5922">
        <v>290.98</v>
      </c>
      <c r="J5922">
        <v>1</v>
      </c>
      <c r="K5922">
        <v>75.650000000000006</v>
      </c>
    </row>
    <row r="5923" spans="1:11" x14ac:dyDescent="0.3">
      <c r="A5923" s="1">
        <v>42670</v>
      </c>
      <c r="B5923" s="3">
        <f t="shared" si="184"/>
        <v>10</v>
      </c>
      <c r="C5923" s="3">
        <f t="shared" si="185"/>
        <v>2016</v>
      </c>
      <c r="D5923" t="s">
        <v>673</v>
      </c>
      <c r="E5923" t="s">
        <v>26</v>
      </c>
      <c r="F5923" t="s">
        <v>10</v>
      </c>
      <c r="G5923" t="s">
        <v>19</v>
      </c>
      <c r="H5923" t="s">
        <v>1231</v>
      </c>
      <c r="I5923">
        <v>67.14</v>
      </c>
      <c r="J5923">
        <v>4</v>
      </c>
      <c r="K5923">
        <v>25.18</v>
      </c>
    </row>
    <row r="5924" spans="1:11" x14ac:dyDescent="0.3">
      <c r="A5924" s="1">
        <v>42670</v>
      </c>
      <c r="B5924" s="3">
        <f t="shared" si="184"/>
        <v>10</v>
      </c>
      <c r="C5924" s="3">
        <f t="shared" si="185"/>
        <v>2016</v>
      </c>
      <c r="D5924" t="s">
        <v>1112</v>
      </c>
      <c r="E5924" t="s">
        <v>148</v>
      </c>
      <c r="F5924" t="s">
        <v>33</v>
      </c>
      <c r="G5924" t="s">
        <v>34</v>
      </c>
      <c r="H5924" t="s">
        <v>1023</v>
      </c>
      <c r="I5924">
        <v>427.64</v>
      </c>
      <c r="J5924">
        <v>14</v>
      </c>
      <c r="K5924">
        <v>80.78</v>
      </c>
    </row>
    <row r="5925" spans="1:11" x14ac:dyDescent="0.3">
      <c r="A5925" s="1">
        <v>42670</v>
      </c>
      <c r="B5925" s="3">
        <f t="shared" si="184"/>
        <v>10</v>
      </c>
      <c r="C5925" s="3">
        <f t="shared" si="185"/>
        <v>2016</v>
      </c>
      <c r="D5925" t="s">
        <v>1112</v>
      </c>
      <c r="E5925" t="s">
        <v>148</v>
      </c>
      <c r="F5925" t="s">
        <v>10</v>
      </c>
      <c r="G5925" t="s">
        <v>42</v>
      </c>
      <c r="H5925" t="s">
        <v>539</v>
      </c>
      <c r="I5925">
        <v>40.67</v>
      </c>
      <c r="J5925">
        <v>7</v>
      </c>
      <c r="K5925">
        <v>12.61</v>
      </c>
    </row>
    <row r="5926" spans="1:11" x14ac:dyDescent="0.3">
      <c r="A5926" s="1">
        <v>42670</v>
      </c>
      <c r="B5926" s="3">
        <f t="shared" si="184"/>
        <v>10</v>
      </c>
      <c r="C5926" s="3">
        <f t="shared" si="185"/>
        <v>2016</v>
      </c>
      <c r="D5926" t="s">
        <v>1112</v>
      </c>
      <c r="E5926" t="s">
        <v>148</v>
      </c>
      <c r="F5926" t="s">
        <v>10</v>
      </c>
      <c r="G5926" t="s">
        <v>17</v>
      </c>
      <c r="H5926" t="s">
        <v>434</v>
      </c>
      <c r="I5926">
        <v>33.479999999999997</v>
      </c>
      <c r="J5926">
        <v>2</v>
      </c>
      <c r="K5926">
        <v>1.34</v>
      </c>
    </row>
    <row r="5927" spans="1:11" x14ac:dyDescent="0.3">
      <c r="A5927" s="1">
        <v>42670</v>
      </c>
      <c r="B5927" s="3">
        <f t="shared" si="184"/>
        <v>10</v>
      </c>
      <c r="C5927" s="3">
        <f t="shared" si="185"/>
        <v>2016</v>
      </c>
      <c r="D5927" t="s">
        <v>1112</v>
      </c>
      <c r="E5927" t="s">
        <v>148</v>
      </c>
      <c r="F5927" t="s">
        <v>10</v>
      </c>
      <c r="G5927" t="s">
        <v>19</v>
      </c>
      <c r="H5927" t="s">
        <v>1201</v>
      </c>
      <c r="I5927">
        <v>9.73</v>
      </c>
      <c r="J5927">
        <v>2</v>
      </c>
      <c r="K5927">
        <v>3.28</v>
      </c>
    </row>
    <row r="5928" spans="1:11" x14ac:dyDescent="0.3">
      <c r="A5928" s="1">
        <v>42671</v>
      </c>
      <c r="B5928" s="3">
        <f t="shared" si="184"/>
        <v>10</v>
      </c>
      <c r="C5928" s="3">
        <f t="shared" si="185"/>
        <v>2016</v>
      </c>
      <c r="D5928" t="s">
        <v>2111</v>
      </c>
      <c r="E5928" t="s">
        <v>26</v>
      </c>
      <c r="F5928" t="s">
        <v>10</v>
      </c>
      <c r="G5928" t="s">
        <v>17</v>
      </c>
      <c r="H5928" t="s">
        <v>1610</v>
      </c>
      <c r="I5928">
        <v>93.06</v>
      </c>
      <c r="J5928">
        <v>6</v>
      </c>
      <c r="K5928">
        <v>26.06</v>
      </c>
    </row>
    <row r="5929" spans="1:11" x14ac:dyDescent="0.3">
      <c r="A5929" s="1">
        <v>42671</v>
      </c>
      <c r="B5929" s="3">
        <f t="shared" si="184"/>
        <v>10</v>
      </c>
      <c r="C5929" s="3">
        <f t="shared" si="185"/>
        <v>2016</v>
      </c>
      <c r="D5929" t="s">
        <v>2111</v>
      </c>
      <c r="E5929" t="s">
        <v>26</v>
      </c>
      <c r="F5929" t="s">
        <v>38</v>
      </c>
      <c r="G5929" t="s">
        <v>39</v>
      </c>
      <c r="H5929" t="s">
        <v>761</v>
      </c>
      <c r="I5929">
        <v>302.38</v>
      </c>
      <c r="J5929">
        <v>3</v>
      </c>
      <c r="K5929">
        <v>22.68</v>
      </c>
    </row>
    <row r="5930" spans="1:11" x14ac:dyDescent="0.3">
      <c r="A5930" s="1">
        <v>42671</v>
      </c>
      <c r="B5930" s="3">
        <f t="shared" si="184"/>
        <v>10</v>
      </c>
      <c r="C5930" s="3">
        <f t="shared" si="185"/>
        <v>2016</v>
      </c>
      <c r="D5930" t="s">
        <v>386</v>
      </c>
      <c r="E5930" t="s">
        <v>176</v>
      </c>
      <c r="F5930" t="s">
        <v>10</v>
      </c>
      <c r="G5930" t="s">
        <v>11</v>
      </c>
      <c r="H5930" t="s">
        <v>1397</v>
      </c>
      <c r="I5930">
        <v>32.4</v>
      </c>
      <c r="J5930">
        <v>5</v>
      </c>
      <c r="K5930">
        <v>15.55</v>
      </c>
    </row>
    <row r="5931" spans="1:11" x14ac:dyDescent="0.3">
      <c r="A5931" s="1">
        <v>42671</v>
      </c>
      <c r="B5931" s="3">
        <f t="shared" si="184"/>
        <v>10</v>
      </c>
      <c r="C5931" s="3">
        <f t="shared" si="185"/>
        <v>2016</v>
      </c>
      <c r="D5931" t="s">
        <v>386</v>
      </c>
      <c r="E5931" t="s">
        <v>176</v>
      </c>
      <c r="F5931" t="s">
        <v>10</v>
      </c>
      <c r="G5931" t="s">
        <v>17</v>
      </c>
      <c r="H5931" t="s">
        <v>2030</v>
      </c>
      <c r="I5931">
        <v>1082.48</v>
      </c>
      <c r="J5931">
        <v>8</v>
      </c>
      <c r="K5931">
        <v>10.82</v>
      </c>
    </row>
    <row r="5932" spans="1:11" x14ac:dyDescent="0.3">
      <c r="A5932" s="1">
        <v>42671</v>
      </c>
      <c r="B5932" s="3">
        <f t="shared" si="184"/>
        <v>10</v>
      </c>
      <c r="C5932" s="3">
        <f t="shared" si="185"/>
        <v>2016</v>
      </c>
      <c r="D5932" t="s">
        <v>386</v>
      </c>
      <c r="E5932" t="s">
        <v>176</v>
      </c>
      <c r="F5932" t="s">
        <v>10</v>
      </c>
      <c r="G5932" t="s">
        <v>11</v>
      </c>
      <c r="H5932" t="s">
        <v>2476</v>
      </c>
      <c r="I5932">
        <v>56.91</v>
      </c>
      <c r="J5932">
        <v>3</v>
      </c>
      <c r="K5932">
        <v>27.32</v>
      </c>
    </row>
    <row r="5933" spans="1:11" x14ac:dyDescent="0.3">
      <c r="A5933" s="1">
        <v>42671</v>
      </c>
      <c r="B5933" s="3">
        <f t="shared" si="184"/>
        <v>10</v>
      </c>
      <c r="C5933" s="3">
        <f t="shared" si="185"/>
        <v>2016</v>
      </c>
      <c r="D5933" t="s">
        <v>386</v>
      </c>
      <c r="E5933" t="s">
        <v>176</v>
      </c>
      <c r="F5933" t="s">
        <v>33</v>
      </c>
      <c r="G5933" t="s">
        <v>46</v>
      </c>
      <c r="H5933" t="s">
        <v>1727</v>
      </c>
      <c r="I5933">
        <v>77.599999999999994</v>
      </c>
      <c r="J5933">
        <v>4</v>
      </c>
      <c r="K5933">
        <v>38.020000000000003</v>
      </c>
    </row>
    <row r="5934" spans="1:11" x14ac:dyDescent="0.3">
      <c r="A5934" s="1">
        <v>42671</v>
      </c>
      <c r="B5934" s="3">
        <f t="shared" si="184"/>
        <v>10</v>
      </c>
      <c r="C5934" s="3">
        <f t="shared" si="185"/>
        <v>2016</v>
      </c>
      <c r="D5934" t="s">
        <v>386</v>
      </c>
      <c r="E5934" t="s">
        <v>176</v>
      </c>
      <c r="F5934" t="s">
        <v>10</v>
      </c>
      <c r="G5934" t="s">
        <v>19</v>
      </c>
      <c r="H5934" t="s">
        <v>818</v>
      </c>
      <c r="I5934">
        <v>14.28</v>
      </c>
      <c r="J5934">
        <v>1</v>
      </c>
      <c r="K5934">
        <v>6.57</v>
      </c>
    </row>
    <row r="5935" spans="1:11" x14ac:dyDescent="0.3">
      <c r="A5935" s="1">
        <v>42671</v>
      </c>
      <c r="B5935" s="3">
        <f t="shared" si="184"/>
        <v>10</v>
      </c>
      <c r="C5935" s="3">
        <f t="shared" si="185"/>
        <v>2016</v>
      </c>
      <c r="D5935" t="s">
        <v>2525</v>
      </c>
      <c r="E5935" t="s">
        <v>26</v>
      </c>
      <c r="F5935" t="s">
        <v>10</v>
      </c>
      <c r="G5935" t="s">
        <v>11</v>
      </c>
      <c r="H5935" t="s">
        <v>902</v>
      </c>
      <c r="I5935">
        <v>50.96</v>
      </c>
      <c r="J5935">
        <v>7</v>
      </c>
      <c r="K5935">
        <v>25.48</v>
      </c>
    </row>
    <row r="5936" spans="1:11" x14ac:dyDescent="0.3">
      <c r="A5936" s="1">
        <v>42671</v>
      </c>
      <c r="B5936" s="3">
        <f t="shared" si="184"/>
        <v>10</v>
      </c>
      <c r="C5936" s="3">
        <f t="shared" si="185"/>
        <v>2016</v>
      </c>
      <c r="D5936" t="s">
        <v>2525</v>
      </c>
      <c r="E5936" t="s">
        <v>26</v>
      </c>
      <c r="F5936" t="s">
        <v>10</v>
      </c>
      <c r="G5936" t="s">
        <v>19</v>
      </c>
      <c r="H5936" t="s">
        <v>1174</v>
      </c>
      <c r="I5936">
        <v>49.54</v>
      </c>
      <c r="J5936">
        <v>3</v>
      </c>
      <c r="K5936">
        <v>17.34</v>
      </c>
    </row>
    <row r="5937" spans="1:11" x14ac:dyDescent="0.3">
      <c r="A5937" s="1">
        <v>42671</v>
      </c>
      <c r="B5937" s="3">
        <f t="shared" si="184"/>
        <v>10</v>
      </c>
      <c r="C5937" s="3">
        <f t="shared" si="185"/>
        <v>2016</v>
      </c>
      <c r="D5937" t="s">
        <v>634</v>
      </c>
      <c r="E5937" t="s">
        <v>122</v>
      </c>
      <c r="F5937" t="s">
        <v>33</v>
      </c>
      <c r="G5937" t="s">
        <v>46</v>
      </c>
      <c r="H5937" t="s">
        <v>687</v>
      </c>
      <c r="I5937">
        <v>47.95</v>
      </c>
      <c r="J5937">
        <v>3</v>
      </c>
      <c r="K5937">
        <v>13.79</v>
      </c>
    </row>
    <row r="5938" spans="1:11" x14ac:dyDescent="0.3">
      <c r="A5938" s="1">
        <v>42671</v>
      </c>
      <c r="B5938" s="3">
        <f t="shared" si="184"/>
        <v>10</v>
      </c>
      <c r="C5938" s="3">
        <f t="shared" si="185"/>
        <v>2016</v>
      </c>
      <c r="D5938" t="s">
        <v>634</v>
      </c>
      <c r="E5938" t="s">
        <v>122</v>
      </c>
      <c r="F5938" t="s">
        <v>10</v>
      </c>
      <c r="G5938" t="s">
        <v>19</v>
      </c>
      <c r="H5938" t="s">
        <v>470</v>
      </c>
      <c r="I5938">
        <v>37.43</v>
      </c>
      <c r="J5938">
        <v>5</v>
      </c>
      <c r="K5938">
        <v>-29.94</v>
      </c>
    </row>
    <row r="5939" spans="1:11" x14ac:dyDescent="0.3">
      <c r="A5939" s="1">
        <v>42671</v>
      </c>
      <c r="B5939" s="3">
        <f t="shared" si="184"/>
        <v>10</v>
      </c>
      <c r="C5939" s="3">
        <f t="shared" si="185"/>
        <v>2016</v>
      </c>
      <c r="D5939" t="s">
        <v>634</v>
      </c>
      <c r="E5939" t="s">
        <v>122</v>
      </c>
      <c r="F5939" t="s">
        <v>33</v>
      </c>
      <c r="G5939" t="s">
        <v>46</v>
      </c>
      <c r="H5939" t="s">
        <v>1710</v>
      </c>
      <c r="I5939">
        <v>63.97</v>
      </c>
      <c r="J5939">
        <v>2</v>
      </c>
      <c r="K5939">
        <v>0</v>
      </c>
    </row>
    <row r="5940" spans="1:11" x14ac:dyDescent="0.3">
      <c r="A5940" s="1">
        <v>42671</v>
      </c>
      <c r="B5940" s="3">
        <f t="shared" si="184"/>
        <v>10</v>
      </c>
      <c r="C5940" s="3">
        <f t="shared" si="185"/>
        <v>2016</v>
      </c>
      <c r="D5940" t="s">
        <v>634</v>
      </c>
      <c r="E5940" t="s">
        <v>122</v>
      </c>
      <c r="F5940" t="s">
        <v>33</v>
      </c>
      <c r="G5940" t="s">
        <v>46</v>
      </c>
      <c r="H5940" t="s">
        <v>1657</v>
      </c>
      <c r="I5940">
        <v>165.05</v>
      </c>
      <c r="J5940">
        <v>3</v>
      </c>
      <c r="K5940">
        <v>41.26</v>
      </c>
    </row>
    <row r="5941" spans="1:11" x14ac:dyDescent="0.3">
      <c r="A5941" s="1">
        <v>42671</v>
      </c>
      <c r="B5941" s="3">
        <f t="shared" si="184"/>
        <v>10</v>
      </c>
      <c r="C5941" s="3">
        <f t="shared" si="185"/>
        <v>2016</v>
      </c>
      <c r="D5941" t="s">
        <v>1400</v>
      </c>
      <c r="E5941" t="s">
        <v>244</v>
      </c>
      <c r="F5941" t="s">
        <v>10</v>
      </c>
      <c r="G5941" t="s">
        <v>19</v>
      </c>
      <c r="H5941" t="s">
        <v>1926</v>
      </c>
      <c r="I5941">
        <v>17.62</v>
      </c>
      <c r="J5941">
        <v>4</v>
      </c>
      <c r="K5941">
        <v>-14.09</v>
      </c>
    </row>
    <row r="5942" spans="1:11" x14ac:dyDescent="0.3">
      <c r="A5942" s="1">
        <v>42671</v>
      </c>
      <c r="B5942" s="3">
        <f t="shared" si="184"/>
        <v>10</v>
      </c>
      <c r="C5942" s="3">
        <f t="shared" si="185"/>
        <v>2016</v>
      </c>
      <c r="D5942" t="s">
        <v>914</v>
      </c>
      <c r="E5942" t="s">
        <v>122</v>
      </c>
      <c r="F5942" t="s">
        <v>10</v>
      </c>
      <c r="G5942" t="s">
        <v>19</v>
      </c>
      <c r="H5942" t="s">
        <v>1803</v>
      </c>
      <c r="I5942">
        <v>38.19</v>
      </c>
      <c r="J5942">
        <v>5</v>
      </c>
      <c r="K5942">
        <v>-26.73</v>
      </c>
    </row>
    <row r="5943" spans="1:11" x14ac:dyDescent="0.3">
      <c r="A5943" s="1">
        <v>42671</v>
      </c>
      <c r="B5943" s="3">
        <f t="shared" si="184"/>
        <v>10</v>
      </c>
      <c r="C5943" s="3">
        <f t="shared" si="185"/>
        <v>2016</v>
      </c>
      <c r="D5943" t="s">
        <v>867</v>
      </c>
      <c r="E5943" t="s">
        <v>148</v>
      </c>
      <c r="F5943" t="s">
        <v>10</v>
      </c>
      <c r="G5943" t="s">
        <v>23</v>
      </c>
      <c r="H5943" t="s">
        <v>1234</v>
      </c>
      <c r="I5943">
        <v>12.42</v>
      </c>
      <c r="J5943">
        <v>3</v>
      </c>
      <c r="K5943">
        <v>5.22</v>
      </c>
    </row>
    <row r="5944" spans="1:11" x14ac:dyDescent="0.3">
      <c r="A5944" s="1">
        <v>42671</v>
      </c>
      <c r="B5944" s="3">
        <f t="shared" si="184"/>
        <v>10</v>
      </c>
      <c r="C5944" s="3">
        <f t="shared" si="185"/>
        <v>2016</v>
      </c>
      <c r="D5944" t="s">
        <v>2161</v>
      </c>
      <c r="E5944" t="s">
        <v>148</v>
      </c>
      <c r="F5944" t="s">
        <v>33</v>
      </c>
      <c r="G5944" t="s">
        <v>46</v>
      </c>
      <c r="H5944" t="s">
        <v>2573</v>
      </c>
      <c r="I5944">
        <v>756.8</v>
      </c>
      <c r="J5944">
        <v>5</v>
      </c>
      <c r="K5944">
        <v>75.680000000000007</v>
      </c>
    </row>
    <row r="5945" spans="1:11" x14ac:dyDescent="0.3">
      <c r="A5945" s="1">
        <v>42672</v>
      </c>
      <c r="B5945" s="3">
        <f t="shared" si="184"/>
        <v>10</v>
      </c>
      <c r="C5945" s="3">
        <f t="shared" si="185"/>
        <v>2016</v>
      </c>
      <c r="D5945" t="s">
        <v>494</v>
      </c>
      <c r="E5945" t="s">
        <v>176</v>
      </c>
      <c r="F5945" t="s">
        <v>10</v>
      </c>
      <c r="G5945" t="s">
        <v>17</v>
      </c>
      <c r="H5945" t="s">
        <v>1809</v>
      </c>
      <c r="I5945">
        <v>40.74</v>
      </c>
      <c r="J5945">
        <v>3</v>
      </c>
      <c r="K5945">
        <v>0.41</v>
      </c>
    </row>
    <row r="5946" spans="1:11" x14ac:dyDescent="0.3">
      <c r="A5946" s="1">
        <v>42672</v>
      </c>
      <c r="B5946" s="3">
        <f t="shared" si="184"/>
        <v>10</v>
      </c>
      <c r="C5946" s="3">
        <f t="shared" si="185"/>
        <v>2016</v>
      </c>
      <c r="D5946" t="s">
        <v>494</v>
      </c>
      <c r="E5946" t="s">
        <v>176</v>
      </c>
      <c r="F5946" t="s">
        <v>10</v>
      </c>
      <c r="G5946" t="s">
        <v>91</v>
      </c>
      <c r="H5946" t="s">
        <v>775</v>
      </c>
      <c r="I5946">
        <v>11.67</v>
      </c>
      <c r="J5946">
        <v>3</v>
      </c>
      <c r="K5946">
        <v>3.03</v>
      </c>
    </row>
    <row r="5947" spans="1:11" x14ac:dyDescent="0.3">
      <c r="A5947" s="1">
        <v>42672</v>
      </c>
      <c r="B5947" s="3">
        <f t="shared" si="184"/>
        <v>10</v>
      </c>
      <c r="C5947" s="3">
        <f t="shared" si="185"/>
        <v>2016</v>
      </c>
      <c r="D5947" t="s">
        <v>2211</v>
      </c>
      <c r="E5947" t="s">
        <v>109</v>
      </c>
      <c r="F5947" t="s">
        <v>33</v>
      </c>
      <c r="G5947" t="s">
        <v>46</v>
      </c>
      <c r="H5947" t="s">
        <v>2061</v>
      </c>
      <c r="I5947">
        <v>67</v>
      </c>
      <c r="J5947">
        <v>5</v>
      </c>
      <c r="K5947">
        <v>32.159999999999997</v>
      </c>
    </row>
    <row r="5948" spans="1:11" x14ac:dyDescent="0.3">
      <c r="A5948" s="1">
        <v>42672</v>
      </c>
      <c r="B5948" s="3">
        <f t="shared" si="184"/>
        <v>10</v>
      </c>
      <c r="C5948" s="3">
        <f t="shared" si="185"/>
        <v>2016</v>
      </c>
      <c r="D5948" t="s">
        <v>1777</v>
      </c>
      <c r="E5948" t="s">
        <v>26</v>
      </c>
      <c r="F5948" t="s">
        <v>10</v>
      </c>
      <c r="G5948" t="s">
        <v>19</v>
      </c>
      <c r="H5948" t="s">
        <v>1926</v>
      </c>
      <c r="I5948">
        <v>11.74</v>
      </c>
      <c r="J5948">
        <v>1</v>
      </c>
      <c r="K5948">
        <v>3.82</v>
      </c>
    </row>
    <row r="5949" spans="1:11" x14ac:dyDescent="0.3">
      <c r="A5949" s="1">
        <v>42673</v>
      </c>
      <c r="B5949" s="3">
        <f t="shared" si="184"/>
        <v>10</v>
      </c>
      <c r="C5949" s="3">
        <f t="shared" si="185"/>
        <v>2016</v>
      </c>
      <c r="D5949" t="s">
        <v>294</v>
      </c>
      <c r="E5949" t="s">
        <v>109</v>
      </c>
      <c r="F5949" t="s">
        <v>10</v>
      </c>
      <c r="G5949" t="s">
        <v>23</v>
      </c>
      <c r="H5949" t="s">
        <v>50</v>
      </c>
      <c r="I5949">
        <v>11.68</v>
      </c>
      <c r="J5949">
        <v>2</v>
      </c>
      <c r="K5949">
        <v>3.5</v>
      </c>
    </row>
    <row r="5950" spans="1:11" x14ac:dyDescent="0.3">
      <c r="A5950" s="1">
        <v>42673</v>
      </c>
      <c r="B5950" s="3">
        <f t="shared" si="184"/>
        <v>10</v>
      </c>
      <c r="C5950" s="3">
        <f t="shared" si="185"/>
        <v>2016</v>
      </c>
      <c r="D5950" t="s">
        <v>524</v>
      </c>
      <c r="E5950" t="s">
        <v>148</v>
      </c>
      <c r="F5950" t="s">
        <v>10</v>
      </c>
      <c r="G5950" t="s">
        <v>19</v>
      </c>
      <c r="H5950" t="s">
        <v>510</v>
      </c>
      <c r="I5950">
        <v>28.75</v>
      </c>
      <c r="J5950">
        <v>3</v>
      </c>
      <c r="K5950">
        <v>10.06</v>
      </c>
    </row>
    <row r="5951" spans="1:11" x14ac:dyDescent="0.3">
      <c r="A5951" s="1">
        <v>42673</v>
      </c>
      <c r="B5951" s="3">
        <f t="shared" si="184"/>
        <v>10</v>
      </c>
      <c r="C5951" s="3">
        <f t="shared" si="185"/>
        <v>2016</v>
      </c>
      <c r="D5951" t="s">
        <v>524</v>
      </c>
      <c r="E5951" t="s">
        <v>148</v>
      </c>
      <c r="F5951" t="s">
        <v>10</v>
      </c>
      <c r="G5951" t="s">
        <v>23</v>
      </c>
      <c r="H5951" t="s">
        <v>1068</v>
      </c>
      <c r="I5951">
        <v>114.95</v>
      </c>
      <c r="J5951">
        <v>5</v>
      </c>
      <c r="K5951">
        <v>32.19</v>
      </c>
    </row>
    <row r="5952" spans="1:11" x14ac:dyDescent="0.3">
      <c r="A5952" s="1">
        <v>42673</v>
      </c>
      <c r="B5952" s="3">
        <f t="shared" si="184"/>
        <v>10</v>
      </c>
      <c r="C5952" s="3">
        <f t="shared" si="185"/>
        <v>2016</v>
      </c>
      <c r="D5952" t="s">
        <v>1676</v>
      </c>
      <c r="E5952" t="s">
        <v>26</v>
      </c>
      <c r="F5952" t="s">
        <v>10</v>
      </c>
      <c r="G5952" t="s">
        <v>42</v>
      </c>
      <c r="H5952" t="s">
        <v>1783</v>
      </c>
      <c r="I5952">
        <v>3.62</v>
      </c>
      <c r="J5952">
        <v>2</v>
      </c>
      <c r="K5952">
        <v>1.19</v>
      </c>
    </row>
    <row r="5953" spans="1:11" x14ac:dyDescent="0.3">
      <c r="A5953" s="1">
        <v>42674</v>
      </c>
      <c r="B5953" s="3">
        <f t="shared" si="184"/>
        <v>10</v>
      </c>
      <c r="C5953" s="3">
        <f t="shared" si="185"/>
        <v>2016</v>
      </c>
      <c r="D5953" t="s">
        <v>2093</v>
      </c>
      <c r="E5953" t="s">
        <v>22</v>
      </c>
      <c r="F5953" t="s">
        <v>33</v>
      </c>
      <c r="G5953" t="s">
        <v>34</v>
      </c>
      <c r="H5953" t="s">
        <v>722</v>
      </c>
      <c r="I5953">
        <v>492.84</v>
      </c>
      <c r="J5953">
        <v>5</v>
      </c>
      <c r="K5953">
        <v>-14.08</v>
      </c>
    </row>
    <row r="5954" spans="1:11" x14ac:dyDescent="0.3">
      <c r="A5954" s="1">
        <v>42674</v>
      </c>
      <c r="B5954" s="3">
        <f t="shared" ref="B5954:B6017" si="186">MONTH(A:A)</f>
        <v>10</v>
      </c>
      <c r="C5954" s="3">
        <f t="shared" ref="C5954:C6017" si="187">YEAR(A:A)</f>
        <v>2016</v>
      </c>
      <c r="D5954" t="s">
        <v>386</v>
      </c>
      <c r="E5954" t="s">
        <v>26</v>
      </c>
      <c r="F5954" t="s">
        <v>10</v>
      </c>
      <c r="G5954" t="s">
        <v>17</v>
      </c>
      <c r="H5954" t="s">
        <v>1383</v>
      </c>
      <c r="I5954">
        <v>1085.42</v>
      </c>
      <c r="J5954">
        <v>7</v>
      </c>
      <c r="K5954">
        <v>282.20999999999998</v>
      </c>
    </row>
    <row r="5955" spans="1:11" x14ac:dyDescent="0.3">
      <c r="A5955" s="1">
        <v>42674</v>
      </c>
      <c r="B5955" s="3">
        <f t="shared" si="186"/>
        <v>10</v>
      </c>
      <c r="C5955" s="3">
        <f t="shared" si="187"/>
        <v>2016</v>
      </c>
      <c r="D5955" t="s">
        <v>808</v>
      </c>
      <c r="E5955" t="s">
        <v>122</v>
      </c>
      <c r="F5955" t="s">
        <v>10</v>
      </c>
      <c r="G5955" t="s">
        <v>11</v>
      </c>
      <c r="H5955" t="s">
        <v>440</v>
      </c>
      <c r="I5955">
        <v>32.06</v>
      </c>
      <c r="J5955">
        <v>6</v>
      </c>
      <c r="K5955">
        <v>11.22</v>
      </c>
    </row>
    <row r="5956" spans="1:11" x14ac:dyDescent="0.3">
      <c r="A5956" s="1">
        <v>42674</v>
      </c>
      <c r="B5956" s="3">
        <f t="shared" si="186"/>
        <v>10</v>
      </c>
      <c r="C5956" s="3">
        <f t="shared" si="187"/>
        <v>2016</v>
      </c>
      <c r="D5956" t="s">
        <v>2270</v>
      </c>
      <c r="E5956" t="s">
        <v>839</v>
      </c>
      <c r="F5956" t="s">
        <v>10</v>
      </c>
      <c r="G5956" t="s">
        <v>199</v>
      </c>
      <c r="H5956" t="s">
        <v>2214</v>
      </c>
      <c r="I5956">
        <v>21.96</v>
      </c>
      <c r="J5956">
        <v>2</v>
      </c>
      <c r="K5956">
        <v>6.15</v>
      </c>
    </row>
    <row r="5957" spans="1:11" x14ac:dyDescent="0.3">
      <c r="A5957" s="1">
        <v>42674</v>
      </c>
      <c r="B5957" s="3">
        <f t="shared" si="186"/>
        <v>10</v>
      </c>
      <c r="C5957" s="3">
        <f t="shared" si="187"/>
        <v>2016</v>
      </c>
      <c r="D5957" t="s">
        <v>2270</v>
      </c>
      <c r="E5957" t="s">
        <v>839</v>
      </c>
      <c r="F5957" t="s">
        <v>33</v>
      </c>
      <c r="G5957" t="s">
        <v>34</v>
      </c>
      <c r="H5957" t="s">
        <v>1941</v>
      </c>
      <c r="I5957">
        <v>368.97</v>
      </c>
      <c r="J5957">
        <v>3</v>
      </c>
      <c r="K5957">
        <v>81.17</v>
      </c>
    </row>
    <row r="5958" spans="1:11" x14ac:dyDescent="0.3">
      <c r="A5958" s="1">
        <v>42674</v>
      </c>
      <c r="B5958" s="3">
        <f t="shared" si="186"/>
        <v>10</v>
      </c>
      <c r="C5958" s="3">
        <f t="shared" si="187"/>
        <v>2016</v>
      </c>
      <c r="D5958" t="s">
        <v>2270</v>
      </c>
      <c r="E5958" t="s">
        <v>839</v>
      </c>
      <c r="F5958" t="s">
        <v>10</v>
      </c>
      <c r="G5958" t="s">
        <v>23</v>
      </c>
      <c r="H5958" t="s">
        <v>1814</v>
      </c>
      <c r="I5958">
        <v>12.39</v>
      </c>
      <c r="J5958">
        <v>3</v>
      </c>
      <c r="K5958">
        <v>3.47</v>
      </c>
    </row>
    <row r="5959" spans="1:11" x14ac:dyDescent="0.3">
      <c r="A5959" s="1">
        <v>42674</v>
      </c>
      <c r="B5959" s="3">
        <f t="shared" si="186"/>
        <v>10</v>
      </c>
      <c r="C5959" s="3">
        <f t="shared" si="187"/>
        <v>2016</v>
      </c>
      <c r="D5959" t="s">
        <v>2270</v>
      </c>
      <c r="E5959" t="s">
        <v>839</v>
      </c>
      <c r="F5959" t="s">
        <v>10</v>
      </c>
      <c r="G5959" t="s">
        <v>17</v>
      </c>
      <c r="H5959" t="s">
        <v>585</v>
      </c>
      <c r="I5959">
        <v>332.94</v>
      </c>
      <c r="J5959">
        <v>3</v>
      </c>
      <c r="K5959">
        <v>9.99</v>
      </c>
    </row>
    <row r="5960" spans="1:11" x14ac:dyDescent="0.3">
      <c r="A5960" s="1">
        <v>42674</v>
      </c>
      <c r="B5960" s="3">
        <f t="shared" si="186"/>
        <v>10</v>
      </c>
      <c r="C5960" s="3">
        <f t="shared" si="187"/>
        <v>2016</v>
      </c>
      <c r="D5960" t="s">
        <v>1501</v>
      </c>
      <c r="E5960" t="s">
        <v>26</v>
      </c>
      <c r="F5960" t="s">
        <v>33</v>
      </c>
      <c r="G5960" t="s">
        <v>34</v>
      </c>
      <c r="H5960" t="s">
        <v>1725</v>
      </c>
      <c r="I5960">
        <v>1403.92</v>
      </c>
      <c r="J5960">
        <v>5</v>
      </c>
      <c r="K5960">
        <v>70.2</v>
      </c>
    </row>
    <row r="5961" spans="1:11" x14ac:dyDescent="0.3">
      <c r="A5961" s="1">
        <v>42675</v>
      </c>
      <c r="B5961" s="3">
        <f t="shared" si="186"/>
        <v>11</v>
      </c>
      <c r="C5961" s="3">
        <f t="shared" si="187"/>
        <v>2016</v>
      </c>
      <c r="D5961" t="s">
        <v>972</v>
      </c>
      <c r="E5961" t="s">
        <v>54</v>
      </c>
      <c r="F5961" t="s">
        <v>38</v>
      </c>
      <c r="G5961" t="s">
        <v>39</v>
      </c>
      <c r="H5961" t="s">
        <v>641</v>
      </c>
      <c r="I5961">
        <v>21.8</v>
      </c>
      <c r="J5961">
        <v>2</v>
      </c>
      <c r="K5961">
        <v>6.1</v>
      </c>
    </row>
    <row r="5962" spans="1:11" x14ac:dyDescent="0.3">
      <c r="A5962" s="1">
        <v>42675</v>
      </c>
      <c r="B5962" s="3">
        <f t="shared" si="186"/>
        <v>11</v>
      </c>
      <c r="C5962" s="3">
        <f t="shared" si="187"/>
        <v>2016</v>
      </c>
      <c r="D5962" t="s">
        <v>972</v>
      </c>
      <c r="E5962" t="s">
        <v>54</v>
      </c>
      <c r="F5962" t="s">
        <v>10</v>
      </c>
      <c r="G5962" t="s">
        <v>62</v>
      </c>
      <c r="H5962" t="s">
        <v>413</v>
      </c>
      <c r="I5962">
        <v>251.79</v>
      </c>
      <c r="J5962">
        <v>3</v>
      </c>
      <c r="K5962">
        <v>118.34</v>
      </c>
    </row>
    <row r="5963" spans="1:11" x14ac:dyDescent="0.3">
      <c r="A5963" s="1">
        <v>42675</v>
      </c>
      <c r="B5963" s="3">
        <f t="shared" si="186"/>
        <v>11</v>
      </c>
      <c r="C5963" s="3">
        <f t="shared" si="187"/>
        <v>2016</v>
      </c>
      <c r="D5963" t="s">
        <v>1891</v>
      </c>
      <c r="E5963" t="s">
        <v>9</v>
      </c>
      <c r="F5963" t="s">
        <v>10</v>
      </c>
      <c r="G5963" t="s">
        <v>17</v>
      </c>
      <c r="H5963" t="s">
        <v>2421</v>
      </c>
      <c r="I5963">
        <v>111.67</v>
      </c>
      <c r="J5963">
        <v>9</v>
      </c>
      <c r="K5963">
        <v>6.98</v>
      </c>
    </row>
    <row r="5964" spans="1:11" x14ac:dyDescent="0.3">
      <c r="A5964" s="1">
        <v>42675</v>
      </c>
      <c r="B5964" s="3">
        <f t="shared" si="186"/>
        <v>11</v>
      </c>
      <c r="C5964" s="3">
        <f t="shared" si="187"/>
        <v>2016</v>
      </c>
      <c r="D5964" t="s">
        <v>108</v>
      </c>
      <c r="E5964" t="s">
        <v>14</v>
      </c>
      <c r="F5964" t="s">
        <v>38</v>
      </c>
      <c r="G5964" t="s">
        <v>51</v>
      </c>
      <c r="H5964" t="s">
        <v>1062</v>
      </c>
      <c r="I5964">
        <v>68.11</v>
      </c>
      <c r="J5964">
        <v>3</v>
      </c>
      <c r="K5964">
        <v>17.88</v>
      </c>
    </row>
    <row r="5965" spans="1:11" x14ac:dyDescent="0.3">
      <c r="A5965" s="1">
        <v>42677</v>
      </c>
      <c r="B5965" s="3">
        <f t="shared" si="186"/>
        <v>11</v>
      </c>
      <c r="C5965" s="3">
        <f t="shared" si="187"/>
        <v>2016</v>
      </c>
      <c r="D5965" t="s">
        <v>255</v>
      </c>
      <c r="E5965" t="s">
        <v>394</v>
      </c>
      <c r="F5965" t="s">
        <v>10</v>
      </c>
      <c r="G5965" t="s">
        <v>23</v>
      </c>
      <c r="H5965" t="s">
        <v>1252</v>
      </c>
      <c r="I5965">
        <v>75.959999999999994</v>
      </c>
      <c r="J5965">
        <v>2</v>
      </c>
      <c r="K5965">
        <v>22.79</v>
      </c>
    </row>
    <row r="5966" spans="1:11" x14ac:dyDescent="0.3">
      <c r="A5966" s="1">
        <v>42677</v>
      </c>
      <c r="B5966" s="3">
        <f t="shared" si="186"/>
        <v>11</v>
      </c>
      <c r="C5966" s="3">
        <f t="shared" si="187"/>
        <v>2016</v>
      </c>
      <c r="D5966" t="s">
        <v>255</v>
      </c>
      <c r="E5966" t="s">
        <v>394</v>
      </c>
      <c r="F5966" t="s">
        <v>10</v>
      </c>
      <c r="G5966" t="s">
        <v>19</v>
      </c>
      <c r="H5966" t="s">
        <v>608</v>
      </c>
      <c r="I5966">
        <v>27.24</v>
      </c>
      <c r="J5966">
        <v>6</v>
      </c>
      <c r="K5966">
        <v>13.35</v>
      </c>
    </row>
    <row r="5967" spans="1:11" x14ac:dyDescent="0.3">
      <c r="A5967" s="1">
        <v>42677</v>
      </c>
      <c r="B5967" s="3">
        <f t="shared" si="186"/>
        <v>11</v>
      </c>
      <c r="C5967" s="3">
        <f t="shared" si="187"/>
        <v>2016</v>
      </c>
      <c r="D5967" t="s">
        <v>1827</v>
      </c>
      <c r="E5967" t="s">
        <v>163</v>
      </c>
      <c r="F5967" t="s">
        <v>10</v>
      </c>
      <c r="G5967" t="s">
        <v>23</v>
      </c>
      <c r="H5967" t="s">
        <v>1822</v>
      </c>
      <c r="I5967">
        <v>8.82</v>
      </c>
      <c r="J5967">
        <v>3</v>
      </c>
      <c r="K5967">
        <v>2.38</v>
      </c>
    </row>
    <row r="5968" spans="1:11" x14ac:dyDescent="0.3">
      <c r="A5968" s="1">
        <v>42677</v>
      </c>
      <c r="B5968" s="3">
        <f t="shared" si="186"/>
        <v>11</v>
      </c>
      <c r="C5968" s="3">
        <f t="shared" si="187"/>
        <v>2016</v>
      </c>
      <c r="D5968" t="s">
        <v>2557</v>
      </c>
      <c r="E5968" t="s">
        <v>26</v>
      </c>
      <c r="F5968" t="s">
        <v>33</v>
      </c>
      <c r="G5968" t="s">
        <v>34</v>
      </c>
      <c r="H5968" t="s">
        <v>2437</v>
      </c>
      <c r="I5968">
        <v>217.58</v>
      </c>
      <c r="J5968">
        <v>2</v>
      </c>
      <c r="K5968">
        <v>-29.92</v>
      </c>
    </row>
    <row r="5969" spans="1:11" x14ac:dyDescent="0.3">
      <c r="A5969" s="1">
        <v>42677</v>
      </c>
      <c r="B5969" s="3">
        <f t="shared" si="186"/>
        <v>11</v>
      </c>
      <c r="C5969" s="3">
        <f t="shared" si="187"/>
        <v>2016</v>
      </c>
      <c r="D5969" t="s">
        <v>2557</v>
      </c>
      <c r="E5969" t="s">
        <v>26</v>
      </c>
      <c r="F5969" t="s">
        <v>38</v>
      </c>
      <c r="G5969" t="s">
        <v>51</v>
      </c>
      <c r="H5969" t="s">
        <v>2254</v>
      </c>
      <c r="I5969">
        <v>82.95</v>
      </c>
      <c r="J5969">
        <v>5</v>
      </c>
      <c r="K5969">
        <v>29.03</v>
      </c>
    </row>
    <row r="5970" spans="1:11" x14ac:dyDescent="0.3">
      <c r="A5970" s="1">
        <v>42677</v>
      </c>
      <c r="B5970" s="3">
        <f t="shared" si="186"/>
        <v>11</v>
      </c>
      <c r="C5970" s="3">
        <f t="shared" si="187"/>
        <v>2016</v>
      </c>
      <c r="D5970" t="s">
        <v>2557</v>
      </c>
      <c r="E5970" t="s">
        <v>26</v>
      </c>
      <c r="F5970" t="s">
        <v>10</v>
      </c>
      <c r="G5970" t="s">
        <v>15</v>
      </c>
      <c r="H5970" t="s">
        <v>2180</v>
      </c>
      <c r="I5970">
        <v>87.71</v>
      </c>
      <c r="J5970">
        <v>7</v>
      </c>
      <c r="K5970">
        <v>41.22</v>
      </c>
    </row>
    <row r="5971" spans="1:11" x14ac:dyDescent="0.3">
      <c r="A5971" s="1">
        <v>42677</v>
      </c>
      <c r="B5971" s="3">
        <f t="shared" si="186"/>
        <v>11</v>
      </c>
      <c r="C5971" s="3">
        <f t="shared" si="187"/>
        <v>2016</v>
      </c>
      <c r="D5971" t="s">
        <v>2557</v>
      </c>
      <c r="E5971" t="s">
        <v>26</v>
      </c>
      <c r="F5971" t="s">
        <v>10</v>
      </c>
      <c r="G5971" t="s">
        <v>91</v>
      </c>
      <c r="H5971" t="s">
        <v>2335</v>
      </c>
      <c r="I5971">
        <v>1101.48</v>
      </c>
      <c r="J5971">
        <v>4</v>
      </c>
      <c r="K5971">
        <v>429.58</v>
      </c>
    </row>
    <row r="5972" spans="1:11" x14ac:dyDescent="0.3">
      <c r="A5972" s="1">
        <v>42677</v>
      </c>
      <c r="B5972" s="3">
        <f t="shared" si="186"/>
        <v>11</v>
      </c>
      <c r="C5972" s="3">
        <f t="shared" si="187"/>
        <v>2016</v>
      </c>
      <c r="D5972" t="s">
        <v>1151</v>
      </c>
      <c r="E5972" t="s">
        <v>32</v>
      </c>
      <c r="F5972" t="s">
        <v>10</v>
      </c>
      <c r="G5972" t="s">
        <v>42</v>
      </c>
      <c r="H5972" t="s">
        <v>1246</v>
      </c>
      <c r="I5972">
        <v>20</v>
      </c>
      <c r="J5972">
        <v>4</v>
      </c>
      <c r="K5972">
        <v>9.6</v>
      </c>
    </row>
    <row r="5973" spans="1:11" x14ac:dyDescent="0.3">
      <c r="A5973" s="1">
        <v>42677</v>
      </c>
      <c r="B5973" s="3">
        <f t="shared" si="186"/>
        <v>11</v>
      </c>
      <c r="C5973" s="3">
        <f t="shared" si="187"/>
        <v>2016</v>
      </c>
      <c r="D5973" t="s">
        <v>1151</v>
      </c>
      <c r="E5973" t="s">
        <v>32</v>
      </c>
      <c r="F5973" t="s">
        <v>10</v>
      </c>
      <c r="G5973" t="s">
        <v>23</v>
      </c>
      <c r="H5973" t="s">
        <v>289</v>
      </c>
      <c r="I5973">
        <v>7.98</v>
      </c>
      <c r="J5973">
        <v>3</v>
      </c>
      <c r="K5973">
        <v>2.0699999999999998</v>
      </c>
    </row>
    <row r="5974" spans="1:11" x14ac:dyDescent="0.3">
      <c r="A5974" s="1">
        <v>42677</v>
      </c>
      <c r="B5974" s="3">
        <f t="shared" si="186"/>
        <v>11</v>
      </c>
      <c r="C5974" s="3">
        <f t="shared" si="187"/>
        <v>2016</v>
      </c>
      <c r="D5974" t="s">
        <v>1151</v>
      </c>
      <c r="E5974" t="s">
        <v>32</v>
      </c>
      <c r="F5974" t="s">
        <v>33</v>
      </c>
      <c r="G5974" t="s">
        <v>46</v>
      </c>
      <c r="H5974" t="s">
        <v>2301</v>
      </c>
      <c r="I5974">
        <v>24.1</v>
      </c>
      <c r="J5974">
        <v>5</v>
      </c>
      <c r="K5974">
        <v>9.16</v>
      </c>
    </row>
    <row r="5975" spans="1:11" x14ac:dyDescent="0.3">
      <c r="A5975" s="1">
        <v>42677</v>
      </c>
      <c r="B5975" s="3">
        <f t="shared" si="186"/>
        <v>11</v>
      </c>
      <c r="C5975" s="3">
        <f t="shared" si="187"/>
        <v>2016</v>
      </c>
      <c r="D5975" t="s">
        <v>1151</v>
      </c>
      <c r="E5975" t="s">
        <v>32</v>
      </c>
      <c r="F5975" t="s">
        <v>10</v>
      </c>
      <c r="G5975" t="s">
        <v>23</v>
      </c>
      <c r="H5975" t="s">
        <v>822</v>
      </c>
      <c r="I5975">
        <v>8.75</v>
      </c>
      <c r="J5975">
        <v>1</v>
      </c>
      <c r="K5975">
        <v>2.63</v>
      </c>
    </row>
    <row r="5976" spans="1:11" x14ac:dyDescent="0.3">
      <c r="A5976" s="1">
        <v>42677</v>
      </c>
      <c r="B5976" s="3">
        <f t="shared" si="186"/>
        <v>11</v>
      </c>
      <c r="C5976" s="3">
        <f t="shared" si="187"/>
        <v>2016</v>
      </c>
      <c r="D5976" t="s">
        <v>1151</v>
      </c>
      <c r="E5976" t="s">
        <v>32</v>
      </c>
      <c r="F5976" t="s">
        <v>33</v>
      </c>
      <c r="G5976" t="s">
        <v>144</v>
      </c>
      <c r="H5976" t="s">
        <v>2510</v>
      </c>
      <c r="I5976">
        <v>842.94</v>
      </c>
      <c r="J5976">
        <v>3</v>
      </c>
      <c r="K5976">
        <v>160.16</v>
      </c>
    </row>
    <row r="5977" spans="1:11" x14ac:dyDescent="0.3">
      <c r="A5977" s="1">
        <v>42677</v>
      </c>
      <c r="B5977" s="3">
        <f t="shared" si="186"/>
        <v>11</v>
      </c>
      <c r="C5977" s="3">
        <f t="shared" si="187"/>
        <v>2016</v>
      </c>
      <c r="D5977" t="s">
        <v>108</v>
      </c>
      <c r="E5977" t="s">
        <v>26</v>
      </c>
      <c r="F5977" t="s">
        <v>10</v>
      </c>
      <c r="G5977" t="s">
        <v>42</v>
      </c>
      <c r="H5977" t="s">
        <v>281</v>
      </c>
      <c r="I5977">
        <v>15.26</v>
      </c>
      <c r="J5977">
        <v>7</v>
      </c>
      <c r="K5977">
        <v>5.04</v>
      </c>
    </row>
    <row r="5978" spans="1:11" x14ac:dyDescent="0.3">
      <c r="A5978" s="1">
        <v>42677</v>
      </c>
      <c r="B5978" s="3">
        <f t="shared" si="186"/>
        <v>11</v>
      </c>
      <c r="C5978" s="3">
        <f t="shared" si="187"/>
        <v>2016</v>
      </c>
      <c r="D5978" t="s">
        <v>108</v>
      </c>
      <c r="E5978" t="s">
        <v>26</v>
      </c>
      <c r="F5978" t="s">
        <v>10</v>
      </c>
      <c r="G5978" t="s">
        <v>91</v>
      </c>
      <c r="H5978" t="s">
        <v>1842</v>
      </c>
      <c r="I5978">
        <v>43.32</v>
      </c>
      <c r="J5978">
        <v>2</v>
      </c>
      <c r="K5978">
        <v>14.3</v>
      </c>
    </row>
    <row r="5979" spans="1:11" x14ac:dyDescent="0.3">
      <c r="A5979" s="1">
        <v>42677</v>
      </c>
      <c r="B5979" s="3">
        <f t="shared" si="186"/>
        <v>11</v>
      </c>
      <c r="C5979" s="3">
        <f t="shared" si="187"/>
        <v>2016</v>
      </c>
      <c r="D5979" t="s">
        <v>108</v>
      </c>
      <c r="E5979" t="s">
        <v>26</v>
      </c>
      <c r="F5979" t="s">
        <v>10</v>
      </c>
      <c r="G5979" t="s">
        <v>19</v>
      </c>
      <c r="H5979" t="s">
        <v>608</v>
      </c>
      <c r="I5979">
        <v>43.58</v>
      </c>
      <c r="J5979">
        <v>12</v>
      </c>
      <c r="K5979">
        <v>15.8</v>
      </c>
    </row>
    <row r="5980" spans="1:11" x14ac:dyDescent="0.3">
      <c r="A5980" s="1">
        <v>42677</v>
      </c>
      <c r="B5980" s="3">
        <f t="shared" si="186"/>
        <v>11</v>
      </c>
      <c r="C5980" s="3">
        <f t="shared" si="187"/>
        <v>2016</v>
      </c>
      <c r="D5980" t="s">
        <v>108</v>
      </c>
      <c r="E5980" t="s">
        <v>26</v>
      </c>
      <c r="F5980" t="s">
        <v>10</v>
      </c>
      <c r="G5980" t="s">
        <v>11</v>
      </c>
      <c r="H5980" t="s">
        <v>829</v>
      </c>
      <c r="I5980">
        <v>116.28</v>
      </c>
      <c r="J5980">
        <v>3</v>
      </c>
      <c r="K5980">
        <v>56.98</v>
      </c>
    </row>
    <row r="5981" spans="1:11" x14ac:dyDescent="0.3">
      <c r="A5981" s="1">
        <v>42677</v>
      </c>
      <c r="B5981" s="3">
        <f t="shared" si="186"/>
        <v>11</v>
      </c>
      <c r="C5981" s="3">
        <f t="shared" si="187"/>
        <v>2016</v>
      </c>
      <c r="D5981" t="s">
        <v>108</v>
      </c>
      <c r="E5981" t="s">
        <v>26</v>
      </c>
      <c r="F5981" t="s">
        <v>10</v>
      </c>
      <c r="G5981" t="s">
        <v>19</v>
      </c>
      <c r="H5981" t="s">
        <v>424</v>
      </c>
      <c r="I5981">
        <v>9.3000000000000007</v>
      </c>
      <c r="J5981">
        <v>2</v>
      </c>
      <c r="K5981">
        <v>3.02</v>
      </c>
    </row>
    <row r="5982" spans="1:11" x14ac:dyDescent="0.3">
      <c r="A5982" s="1">
        <v>42677</v>
      </c>
      <c r="B5982" s="3">
        <f t="shared" si="186"/>
        <v>11</v>
      </c>
      <c r="C5982" s="3">
        <f t="shared" si="187"/>
        <v>2016</v>
      </c>
      <c r="D5982" t="s">
        <v>108</v>
      </c>
      <c r="E5982" t="s">
        <v>26</v>
      </c>
      <c r="F5982" t="s">
        <v>10</v>
      </c>
      <c r="G5982" t="s">
        <v>11</v>
      </c>
      <c r="H5982" t="s">
        <v>1918</v>
      </c>
      <c r="I5982">
        <v>19.440000000000001</v>
      </c>
      <c r="J5982">
        <v>3</v>
      </c>
      <c r="K5982">
        <v>9.33</v>
      </c>
    </row>
    <row r="5983" spans="1:11" x14ac:dyDescent="0.3">
      <c r="A5983" s="1">
        <v>42677</v>
      </c>
      <c r="B5983" s="3">
        <f t="shared" si="186"/>
        <v>11</v>
      </c>
      <c r="C5983" s="3">
        <f t="shared" si="187"/>
        <v>2016</v>
      </c>
      <c r="D5983" t="s">
        <v>108</v>
      </c>
      <c r="E5983" t="s">
        <v>26</v>
      </c>
      <c r="F5983" t="s">
        <v>10</v>
      </c>
      <c r="G5983" t="s">
        <v>11</v>
      </c>
      <c r="H5983" t="s">
        <v>1669</v>
      </c>
      <c r="I5983">
        <v>314.55</v>
      </c>
      <c r="J5983">
        <v>3</v>
      </c>
      <c r="K5983">
        <v>150.97999999999999</v>
      </c>
    </row>
    <row r="5984" spans="1:11" x14ac:dyDescent="0.3">
      <c r="A5984" s="1">
        <v>42677</v>
      </c>
      <c r="B5984" s="3">
        <f t="shared" si="186"/>
        <v>11</v>
      </c>
      <c r="C5984" s="3">
        <f t="shared" si="187"/>
        <v>2016</v>
      </c>
      <c r="D5984" t="s">
        <v>733</v>
      </c>
      <c r="E5984" t="s">
        <v>9</v>
      </c>
      <c r="F5984" t="s">
        <v>10</v>
      </c>
      <c r="G5984" t="s">
        <v>11</v>
      </c>
      <c r="H5984" t="s">
        <v>1178</v>
      </c>
      <c r="I5984">
        <v>9.25</v>
      </c>
      <c r="J5984">
        <v>2</v>
      </c>
      <c r="K5984">
        <v>3.35</v>
      </c>
    </row>
    <row r="5985" spans="1:11" x14ac:dyDescent="0.3">
      <c r="A5985" s="1">
        <v>42677</v>
      </c>
      <c r="B5985" s="3">
        <f t="shared" si="186"/>
        <v>11</v>
      </c>
      <c r="C5985" s="3">
        <f t="shared" si="187"/>
        <v>2016</v>
      </c>
      <c r="D5985" t="s">
        <v>847</v>
      </c>
      <c r="E5985" t="s">
        <v>90</v>
      </c>
      <c r="F5985" t="s">
        <v>10</v>
      </c>
      <c r="G5985" t="s">
        <v>19</v>
      </c>
      <c r="H5985" t="s">
        <v>2286</v>
      </c>
      <c r="I5985">
        <v>4.16</v>
      </c>
      <c r="J5985">
        <v>7</v>
      </c>
      <c r="K5985">
        <v>-3.47</v>
      </c>
    </row>
    <row r="5986" spans="1:11" x14ac:dyDescent="0.3">
      <c r="A5986" s="1">
        <v>42677</v>
      </c>
      <c r="B5986" s="3">
        <f t="shared" si="186"/>
        <v>11</v>
      </c>
      <c r="C5986" s="3">
        <f t="shared" si="187"/>
        <v>2016</v>
      </c>
      <c r="D5986" t="s">
        <v>847</v>
      </c>
      <c r="E5986" t="s">
        <v>90</v>
      </c>
      <c r="F5986" t="s">
        <v>38</v>
      </c>
      <c r="G5986" t="s">
        <v>301</v>
      </c>
      <c r="H5986" t="s">
        <v>2615</v>
      </c>
      <c r="I5986">
        <v>179.99</v>
      </c>
      <c r="J5986">
        <v>3</v>
      </c>
      <c r="K5986">
        <v>-251.99</v>
      </c>
    </row>
    <row r="5987" spans="1:11" x14ac:dyDescent="0.3">
      <c r="A5987" s="1">
        <v>42677</v>
      </c>
      <c r="B5987" s="3">
        <f t="shared" si="186"/>
        <v>11</v>
      </c>
      <c r="C5987" s="3">
        <f t="shared" si="187"/>
        <v>2016</v>
      </c>
      <c r="D5987" t="s">
        <v>1368</v>
      </c>
      <c r="E5987" t="s">
        <v>22</v>
      </c>
      <c r="F5987" t="s">
        <v>38</v>
      </c>
      <c r="G5987" t="s">
        <v>51</v>
      </c>
      <c r="H5987" t="s">
        <v>1558</v>
      </c>
      <c r="I5987">
        <v>72</v>
      </c>
      <c r="J5987">
        <v>1</v>
      </c>
      <c r="K5987">
        <v>14.4</v>
      </c>
    </row>
    <row r="5988" spans="1:11" x14ac:dyDescent="0.3">
      <c r="A5988" s="1">
        <v>42677</v>
      </c>
      <c r="B5988" s="3">
        <f t="shared" si="186"/>
        <v>11</v>
      </c>
      <c r="C5988" s="3">
        <f t="shared" si="187"/>
        <v>2016</v>
      </c>
      <c r="D5988" t="s">
        <v>1368</v>
      </c>
      <c r="E5988" t="s">
        <v>22</v>
      </c>
      <c r="F5988" t="s">
        <v>33</v>
      </c>
      <c r="G5988" t="s">
        <v>34</v>
      </c>
      <c r="H5988" t="s">
        <v>573</v>
      </c>
      <c r="I5988">
        <v>470.16</v>
      </c>
      <c r="J5988">
        <v>7</v>
      </c>
      <c r="K5988">
        <v>-13.43</v>
      </c>
    </row>
    <row r="5989" spans="1:11" x14ac:dyDescent="0.3">
      <c r="A5989" s="1">
        <v>42678</v>
      </c>
      <c r="B5989" s="3">
        <f t="shared" si="186"/>
        <v>11</v>
      </c>
      <c r="C5989" s="3">
        <f t="shared" si="187"/>
        <v>2016</v>
      </c>
      <c r="D5989" t="s">
        <v>1746</v>
      </c>
      <c r="E5989" t="s">
        <v>32</v>
      </c>
      <c r="F5989" t="s">
        <v>10</v>
      </c>
      <c r="G5989" t="s">
        <v>42</v>
      </c>
      <c r="H5989" t="s">
        <v>1035</v>
      </c>
      <c r="I5989">
        <v>10.74</v>
      </c>
      <c r="J5989">
        <v>3</v>
      </c>
      <c r="K5989">
        <v>5.26</v>
      </c>
    </row>
    <row r="5990" spans="1:11" x14ac:dyDescent="0.3">
      <c r="A5990" s="1">
        <v>42678</v>
      </c>
      <c r="B5990" s="3">
        <f t="shared" si="186"/>
        <v>11</v>
      </c>
      <c r="C5990" s="3">
        <f t="shared" si="187"/>
        <v>2016</v>
      </c>
      <c r="D5990" t="s">
        <v>2525</v>
      </c>
      <c r="E5990" t="s">
        <v>163</v>
      </c>
      <c r="F5990" t="s">
        <v>33</v>
      </c>
      <c r="G5990" t="s">
        <v>46</v>
      </c>
      <c r="H5990" t="s">
        <v>2039</v>
      </c>
      <c r="I5990">
        <v>209.88</v>
      </c>
      <c r="J5990">
        <v>3</v>
      </c>
      <c r="K5990">
        <v>35.68</v>
      </c>
    </row>
    <row r="5991" spans="1:11" x14ac:dyDescent="0.3">
      <c r="A5991" s="1">
        <v>42678</v>
      </c>
      <c r="B5991" s="3">
        <f t="shared" si="186"/>
        <v>11</v>
      </c>
      <c r="C5991" s="3">
        <f t="shared" si="187"/>
        <v>2016</v>
      </c>
      <c r="D5991" t="s">
        <v>1240</v>
      </c>
      <c r="E5991" t="s">
        <v>26</v>
      </c>
      <c r="F5991" t="s">
        <v>33</v>
      </c>
      <c r="G5991" t="s">
        <v>46</v>
      </c>
      <c r="H5991" t="s">
        <v>447</v>
      </c>
      <c r="I5991">
        <v>38.29</v>
      </c>
      <c r="J5991">
        <v>7</v>
      </c>
      <c r="K5991">
        <v>16.46</v>
      </c>
    </row>
    <row r="5992" spans="1:11" x14ac:dyDescent="0.3">
      <c r="A5992" s="1">
        <v>42678</v>
      </c>
      <c r="B5992" s="3">
        <f t="shared" si="186"/>
        <v>11</v>
      </c>
      <c r="C5992" s="3">
        <f t="shared" si="187"/>
        <v>2016</v>
      </c>
      <c r="D5992" t="s">
        <v>1370</v>
      </c>
      <c r="E5992" t="s">
        <v>26</v>
      </c>
      <c r="F5992" t="s">
        <v>10</v>
      </c>
      <c r="G5992" t="s">
        <v>23</v>
      </c>
      <c r="H5992" t="s">
        <v>758</v>
      </c>
      <c r="I5992">
        <v>192.8</v>
      </c>
      <c r="J5992">
        <v>4</v>
      </c>
      <c r="K5992">
        <v>55.91</v>
      </c>
    </row>
    <row r="5993" spans="1:11" x14ac:dyDescent="0.3">
      <c r="A5993" s="1">
        <v>42678</v>
      </c>
      <c r="B5993" s="3">
        <f t="shared" si="186"/>
        <v>11</v>
      </c>
      <c r="C5993" s="3">
        <f t="shared" si="187"/>
        <v>2016</v>
      </c>
      <c r="D5993" t="s">
        <v>1930</v>
      </c>
      <c r="E5993" t="s">
        <v>90</v>
      </c>
      <c r="F5993" t="s">
        <v>10</v>
      </c>
      <c r="G5993" t="s">
        <v>199</v>
      </c>
      <c r="H5993" t="s">
        <v>1514</v>
      </c>
      <c r="I5993">
        <v>17.579999999999998</v>
      </c>
      <c r="J5993">
        <v>7</v>
      </c>
      <c r="K5993">
        <v>-4.18</v>
      </c>
    </row>
    <row r="5994" spans="1:11" x14ac:dyDescent="0.3">
      <c r="A5994" s="1">
        <v>42678</v>
      </c>
      <c r="B5994" s="3">
        <f t="shared" si="186"/>
        <v>11</v>
      </c>
      <c r="C5994" s="3">
        <f t="shared" si="187"/>
        <v>2016</v>
      </c>
      <c r="D5994" t="s">
        <v>1930</v>
      </c>
      <c r="E5994" t="s">
        <v>90</v>
      </c>
      <c r="F5994" t="s">
        <v>33</v>
      </c>
      <c r="G5994" t="s">
        <v>34</v>
      </c>
      <c r="H5994" t="s">
        <v>1434</v>
      </c>
      <c r="I5994">
        <v>104.78</v>
      </c>
      <c r="J5994">
        <v>1</v>
      </c>
      <c r="K5994">
        <v>-14.41</v>
      </c>
    </row>
    <row r="5995" spans="1:11" x14ac:dyDescent="0.3">
      <c r="A5995" s="1">
        <v>42678</v>
      </c>
      <c r="B5995" s="3">
        <f t="shared" si="186"/>
        <v>11</v>
      </c>
      <c r="C5995" s="3">
        <f t="shared" si="187"/>
        <v>2016</v>
      </c>
      <c r="D5995" t="s">
        <v>1930</v>
      </c>
      <c r="E5995" t="s">
        <v>90</v>
      </c>
      <c r="F5995" t="s">
        <v>10</v>
      </c>
      <c r="G5995" t="s">
        <v>11</v>
      </c>
      <c r="H5995" t="s">
        <v>646</v>
      </c>
      <c r="I5995">
        <v>47.95</v>
      </c>
      <c r="J5995">
        <v>3</v>
      </c>
      <c r="K5995">
        <v>16.78</v>
      </c>
    </row>
    <row r="5996" spans="1:11" x14ac:dyDescent="0.3">
      <c r="A5996" s="1">
        <v>42678</v>
      </c>
      <c r="B5996" s="3">
        <f t="shared" si="186"/>
        <v>11</v>
      </c>
      <c r="C5996" s="3">
        <f t="shared" si="187"/>
        <v>2016</v>
      </c>
      <c r="D5996" t="s">
        <v>1930</v>
      </c>
      <c r="E5996" t="s">
        <v>90</v>
      </c>
      <c r="F5996" t="s">
        <v>33</v>
      </c>
      <c r="G5996" t="s">
        <v>34</v>
      </c>
      <c r="H5996" t="s">
        <v>1453</v>
      </c>
      <c r="I5996">
        <v>650.35</v>
      </c>
      <c r="J5996">
        <v>3</v>
      </c>
      <c r="K5996">
        <v>-97.55</v>
      </c>
    </row>
    <row r="5997" spans="1:11" x14ac:dyDescent="0.3">
      <c r="A5997" s="1">
        <v>42678</v>
      </c>
      <c r="B5997" s="3">
        <f t="shared" si="186"/>
        <v>11</v>
      </c>
      <c r="C5997" s="3">
        <f t="shared" si="187"/>
        <v>2016</v>
      </c>
      <c r="D5997" t="s">
        <v>1930</v>
      </c>
      <c r="E5997" t="s">
        <v>90</v>
      </c>
      <c r="F5997" t="s">
        <v>10</v>
      </c>
      <c r="G5997" t="s">
        <v>15</v>
      </c>
      <c r="H5997" t="s">
        <v>813</v>
      </c>
      <c r="I5997">
        <v>629.17999999999995</v>
      </c>
      <c r="J5997">
        <v>8</v>
      </c>
      <c r="K5997">
        <v>228.08</v>
      </c>
    </row>
    <row r="5998" spans="1:11" x14ac:dyDescent="0.3">
      <c r="A5998" s="1">
        <v>42678</v>
      </c>
      <c r="B5998" s="3">
        <f t="shared" si="186"/>
        <v>11</v>
      </c>
      <c r="C5998" s="3">
        <f t="shared" si="187"/>
        <v>2016</v>
      </c>
      <c r="D5998" t="s">
        <v>1930</v>
      </c>
      <c r="E5998" t="s">
        <v>90</v>
      </c>
      <c r="F5998" t="s">
        <v>10</v>
      </c>
      <c r="G5998" t="s">
        <v>11</v>
      </c>
      <c r="H5998" t="s">
        <v>305</v>
      </c>
      <c r="I5998">
        <v>15.18</v>
      </c>
      <c r="J5998">
        <v>1</v>
      </c>
      <c r="K5998">
        <v>5.31</v>
      </c>
    </row>
    <row r="5999" spans="1:11" x14ac:dyDescent="0.3">
      <c r="A5999" s="1">
        <v>42678</v>
      </c>
      <c r="B5999" s="3">
        <f t="shared" si="186"/>
        <v>11</v>
      </c>
      <c r="C5999" s="3">
        <f t="shared" si="187"/>
        <v>2016</v>
      </c>
      <c r="D5999" t="s">
        <v>1866</v>
      </c>
      <c r="E5999" t="s">
        <v>122</v>
      </c>
      <c r="F5999" t="s">
        <v>33</v>
      </c>
      <c r="G5999" t="s">
        <v>46</v>
      </c>
      <c r="H5999" t="s">
        <v>123</v>
      </c>
      <c r="I5999">
        <v>50.5</v>
      </c>
      <c r="J5999">
        <v>6</v>
      </c>
      <c r="K5999">
        <v>8.2100000000000009</v>
      </c>
    </row>
    <row r="6000" spans="1:11" x14ac:dyDescent="0.3">
      <c r="A6000" s="1">
        <v>42678</v>
      </c>
      <c r="B6000" s="3">
        <f t="shared" si="186"/>
        <v>11</v>
      </c>
      <c r="C6000" s="3">
        <f t="shared" si="187"/>
        <v>2016</v>
      </c>
      <c r="D6000" t="s">
        <v>802</v>
      </c>
      <c r="E6000" t="s">
        <v>26</v>
      </c>
      <c r="F6000" t="s">
        <v>10</v>
      </c>
      <c r="G6000" t="s">
        <v>19</v>
      </c>
      <c r="H6000" t="s">
        <v>940</v>
      </c>
      <c r="I6000">
        <v>7.71</v>
      </c>
      <c r="J6000">
        <v>2</v>
      </c>
      <c r="K6000">
        <v>2.8</v>
      </c>
    </row>
    <row r="6001" spans="1:11" x14ac:dyDescent="0.3">
      <c r="A6001" s="1">
        <v>42678</v>
      </c>
      <c r="B6001" s="3">
        <f t="shared" si="186"/>
        <v>11</v>
      </c>
      <c r="C6001" s="3">
        <f t="shared" si="187"/>
        <v>2016</v>
      </c>
      <c r="D6001" t="s">
        <v>802</v>
      </c>
      <c r="E6001" t="s">
        <v>26</v>
      </c>
      <c r="F6001" t="s">
        <v>10</v>
      </c>
      <c r="G6001" t="s">
        <v>19</v>
      </c>
      <c r="H6001" t="s">
        <v>994</v>
      </c>
      <c r="I6001">
        <v>4.18</v>
      </c>
      <c r="J6001">
        <v>1</v>
      </c>
      <c r="K6001">
        <v>1.31</v>
      </c>
    </row>
    <row r="6002" spans="1:11" x14ac:dyDescent="0.3">
      <c r="A6002" s="1">
        <v>42678</v>
      </c>
      <c r="B6002" s="3">
        <f t="shared" si="186"/>
        <v>11</v>
      </c>
      <c r="C6002" s="3">
        <f t="shared" si="187"/>
        <v>2016</v>
      </c>
      <c r="D6002" t="s">
        <v>802</v>
      </c>
      <c r="E6002" t="s">
        <v>26</v>
      </c>
      <c r="F6002" t="s">
        <v>10</v>
      </c>
      <c r="G6002" t="s">
        <v>11</v>
      </c>
      <c r="H6002" t="s">
        <v>1115</v>
      </c>
      <c r="I6002">
        <v>38.880000000000003</v>
      </c>
      <c r="J6002">
        <v>6</v>
      </c>
      <c r="K6002">
        <v>18.66</v>
      </c>
    </row>
    <row r="6003" spans="1:11" x14ac:dyDescent="0.3">
      <c r="A6003" s="1">
        <v>42678</v>
      </c>
      <c r="B6003" s="3">
        <f t="shared" si="186"/>
        <v>11</v>
      </c>
      <c r="C6003" s="3">
        <f t="shared" si="187"/>
        <v>2016</v>
      </c>
      <c r="D6003" t="s">
        <v>2406</v>
      </c>
      <c r="E6003" t="s">
        <v>244</v>
      </c>
      <c r="F6003" t="s">
        <v>10</v>
      </c>
      <c r="G6003" t="s">
        <v>17</v>
      </c>
      <c r="H6003" t="s">
        <v>622</v>
      </c>
      <c r="I6003">
        <v>45.25</v>
      </c>
      <c r="J6003">
        <v>2</v>
      </c>
      <c r="K6003">
        <v>3.96</v>
      </c>
    </row>
    <row r="6004" spans="1:11" x14ac:dyDescent="0.3">
      <c r="A6004" s="1">
        <v>42678</v>
      </c>
      <c r="B6004" s="3">
        <f t="shared" si="186"/>
        <v>11</v>
      </c>
      <c r="C6004" s="3">
        <f t="shared" si="187"/>
        <v>2016</v>
      </c>
      <c r="D6004" t="s">
        <v>2406</v>
      </c>
      <c r="E6004" t="s">
        <v>244</v>
      </c>
      <c r="F6004" t="s">
        <v>33</v>
      </c>
      <c r="G6004" t="s">
        <v>144</v>
      </c>
      <c r="H6004" t="s">
        <v>1652</v>
      </c>
      <c r="I6004">
        <v>876.3</v>
      </c>
      <c r="J6004">
        <v>10</v>
      </c>
      <c r="K6004">
        <v>-292.10000000000002</v>
      </c>
    </row>
    <row r="6005" spans="1:11" x14ac:dyDescent="0.3">
      <c r="A6005" s="1">
        <v>42678</v>
      </c>
      <c r="B6005" s="3">
        <f t="shared" si="186"/>
        <v>11</v>
      </c>
      <c r="C6005" s="3">
        <f t="shared" si="187"/>
        <v>2016</v>
      </c>
      <c r="D6005" t="s">
        <v>2406</v>
      </c>
      <c r="E6005" t="s">
        <v>244</v>
      </c>
      <c r="F6005" t="s">
        <v>10</v>
      </c>
      <c r="G6005" t="s">
        <v>199</v>
      </c>
      <c r="H6005" t="s">
        <v>2496</v>
      </c>
      <c r="I6005">
        <v>185.38</v>
      </c>
      <c r="J6005">
        <v>2</v>
      </c>
      <c r="K6005">
        <v>-34.76</v>
      </c>
    </row>
    <row r="6006" spans="1:11" x14ac:dyDescent="0.3">
      <c r="A6006" s="1">
        <v>42678</v>
      </c>
      <c r="B6006" s="3">
        <f t="shared" si="186"/>
        <v>11</v>
      </c>
      <c r="C6006" s="3">
        <f t="shared" si="187"/>
        <v>2016</v>
      </c>
      <c r="D6006" t="s">
        <v>671</v>
      </c>
      <c r="E6006" t="s">
        <v>26</v>
      </c>
      <c r="F6006" t="s">
        <v>38</v>
      </c>
      <c r="G6006" t="s">
        <v>301</v>
      </c>
      <c r="H6006" t="s">
        <v>2616</v>
      </c>
      <c r="I6006">
        <v>686.4</v>
      </c>
      <c r="J6006">
        <v>2</v>
      </c>
      <c r="K6006">
        <v>77.22</v>
      </c>
    </row>
    <row r="6007" spans="1:11" x14ac:dyDescent="0.3">
      <c r="A6007" s="1">
        <v>42678</v>
      </c>
      <c r="B6007" s="3">
        <f t="shared" si="186"/>
        <v>11</v>
      </c>
      <c r="C6007" s="3">
        <f t="shared" si="187"/>
        <v>2016</v>
      </c>
      <c r="D6007" t="s">
        <v>1683</v>
      </c>
      <c r="E6007" t="s">
        <v>9</v>
      </c>
      <c r="F6007" t="s">
        <v>33</v>
      </c>
      <c r="G6007" t="s">
        <v>46</v>
      </c>
      <c r="H6007" t="s">
        <v>2048</v>
      </c>
      <c r="I6007">
        <v>11.38</v>
      </c>
      <c r="J6007">
        <v>3</v>
      </c>
      <c r="K6007">
        <v>-5.69</v>
      </c>
    </row>
    <row r="6008" spans="1:11" x14ac:dyDescent="0.3">
      <c r="A6008" s="1">
        <v>42678</v>
      </c>
      <c r="B6008" s="3">
        <f t="shared" si="186"/>
        <v>11</v>
      </c>
      <c r="C6008" s="3">
        <f t="shared" si="187"/>
        <v>2016</v>
      </c>
      <c r="D6008" t="s">
        <v>1683</v>
      </c>
      <c r="E6008" t="s">
        <v>9</v>
      </c>
      <c r="F6008" t="s">
        <v>33</v>
      </c>
      <c r="G6008" t="s">
        <v>46</v>
      </c>
      <c r="H6008" t="s">
        <v>653</v>
      </c>
      <c r="I6008">
        <v>66.11</v>
      </c>
      <c r="J6008">
        <v>4</v>
      </c>
      <c r="K6008">
        <v>-84.29</v>
      </c>
    </row>
    <row r="6009" spans="1:11" x14ac:dyDescent="0.3">
      <c r="A6009" s="1">
        <v>42679</v>
      </c>
      <c r="B6009" s="3">
        <f t="shared" si="186"/>
        <v>11</v>
      </c>
      <c r="C6009" s="3">
        <f t="shared" si="187"/>
        <v>2016</v>
      </c>
      <c r="D6009" t="s">
        <v>1382</v>
      </c>
      <c r="E6009" t="s">
        <v>26</v>
      </c>
      <c r="F6009" t="s">
        <v>10</v>
      </c>
      <c r="G6009" t="s">
        <v>19</v>
      </c>
      <c r="H6009" t="s">
        <v>2338</v>
      </c>
      <c r="I6009">
        <v>29.12</v>
      </c>
      <c r="J6009">
        <v>5</v>
      </c>
      <c r="K6009">
        <v>9.83</v>
      </c>
    </row>
    <row r="6010" spans="1:11" x14ac:dyDescent="0.3">
      <c r="A6010" s="1">
        <v>42679</v>
      </c>
      <c r="B6010" s="3">
        <f t="shared" si="186"/>
        <v>11</v>
      </c>
      <c r="C6010" s="3">
        <f t="shared" si="187"/>
        <v>2016</v>
      </c>
      <c r="D6010" t="s">
        <v>2525</v>
      </c>
      <c r="E6010" t="s">
        <v>22</v>
      </c>
      <c r="F6010" t="s">
        <v>38</v>
      </c>
      <c r="G6010" t="s">
        <v>39</v>
      </c>
      <c r="H6010" t="s">
        <v>2244</v>
      </c>
      <c r="I6010">
        <v>23.99</v>
      </c>
      <c r="J6010">
        <v>2</v>
      </c>
      <c r="K6010">
        <v>-15.99</v>
      </c>
    </row>
    <row r="6011" spans="1:11" x14ac:dyDescent="0.3">
      <c r="A6011" s="1">
        <v>42679</v>
      </c>
      <c r="B6011" s="3">
        <f t="shared" si="186"/>
        <v>11</v>
      </c>
      <c r="C6011" s="3">
        <f t="shared" si="187"/>
        <v>2016</v>
      </c>
      <c r="D6011" t="s">
        <v>914</v>
      </c>
      <c r="E6011" t="s">
        <v>9</v>
      </c>
      <c r="F6011" t="s">
        <v>33</v>
      </c>
      <c r="G6011" t="s">
        <v>144</v>
      </c>
      <c r="H6011" t="s">
        <v>2002</v>
      </c>
      <c r="I6011">
        <v>863.13</v>
      </c>
      <c r="J6011">
        <v>8</v>
      </c>
      <c r="K6011">
        <v>-160.30000000000001</v>
      </c>
    </row>
    <row r="6012" spans="1:11" x14ac:dyDescent="0.3">
      <c r="A6012" s="1">
        <v>42679</v>
      </c>
      <c r="B6012" s="3">
        <f t="shared" si="186"/>
        <v>11</v>
      </c>
      <c r="C6012" s="3">
        <f t="shared" si="187"/>
        <v>2016</v>
      </c>
      <c r="D6012" t="s">
        <v>914</v>
      </c>
      <c r="E6012" t="s">
        <v>9</v>
      </c>
      <c r="F6012" t="s">
        <v>10</v>
      </c>
      <c r="G6012" t="s">
        <v>19</v>
      </c>
      <c r="H6012" t="s">
        <v>117</v>
      </c>
      <c r="I6012">
        <v>3.56</v>
      </c>
      <c r="J6012">
        <v>3</v>
      </c>
      <c r="K6012">
        <v>-6.24</v>
      </c>
    </row>
    <row r="6013" spans="1:11" x14ac:dyDescent="0.3">
      <c r="A6013" s="1">
        <v>42679</v>
      </c>
      <c r="B6013" s="3">
        <f t="shared" si="186"/>
        <v>11</v>
      </c>
      <c r="C6013" s="3">
        <f t="shared" si="187"/>
        <v>2016</v>
      </c>
      <c r="D6013" t="s">
        <v>914</v>
      </c>
      <c r="E6013" t="s">
        <v>9</v>
      </c>
      <c r="F6013" t="s">
        <v>33</v>
      </c>
      <c r="G6013" t="s">
        <v>73</v>
      </c>
      <c r="H6013" t="s">
        <v>2197</v>
      </c>
      <c r="I6013">
        <v>956.66</v>
      </c>
      <c r="J6013">
        <v>7</v>
      </c>
      <c r="K6013">
        <v>-225.1</v>
      </c>
    </row>
    <row r="6014" spans="1:11" x14ac:dyDescent="0.3">
      <c r="A6014" s="1">
        <v>42679</v>
      </c>
      <c r="B6014" s="3">
        <f t="shared" si="186"/>
        <v>11</v>
      </c>
      <c r="C6014" s="3">
        <f t="shared" si="187"/>
        <v>2016</v>
      </c>
      <c r="D6014" t="s">
        <v>914</v>
      </c>
      <c r="E6014" t="s">
        <v>9</v>
      </c>
      <c r="F6014" t="s">
        <v>10</v>
      </c>
      <c r="G6014" t="s">
        <v>19</v>
      </c>
      <c r="H6014" t="s">
        <v>1122</v>
      </c>
      <c r="I6014">
        <v>12.59</v>
      </c>
      <c r="J6014">
        <v>3</v>
      </c>
      <c r="K6014">
        <v>-20.14</v>
      </c>
    </row>
    <row r="6015" spans="1:11" x14ac:dyDescent="0.3">
      <c r="A6015" s="1">
        <v>42679</v>
      </c>
      <c r="B6015" s="3">
        <f t="shared" si="186"/>
        <v>11</v>
      </c>
      <c r="C6015" s="3">
        <f t="shared" si="187"/>
        <v>2016</v>
      </c>
      <c r="D6015" t="s">
        <v>914</v>
      </c>
      <c r="E6015" t="s">
        <v>9</v>
      </c>
      <c r="F6015" t="s">
        <v>38</v>
      </c>
      <c r="G6015" t="s">
        <v>51</v>
      </c>
      <c r="H6015" t="s">
        <v>2617</v>
      </c>
      <c r="I6015">
        <v>171.96</v>
      </c>
      <c r="J6015">
        <v>5</v>
      </c>
      <c r="K6015">
        <v>45.14</v>
      </c>
    </row>
    <row r="6016" spans="1:11" x14ac:dyDescent="0.3">
      <c r="A6016" s="1">
        <v>42679</v>
      </c>
      <c r="B6016" s="3">
        <f t="shared" si="186"/>
        <v>11</v>
      </c>
      <c r="C6016" s="3">
        <f t="shared" si="187"/>
        <v>2016</v>
      </c>
      <c r="D6016" t="s">
        <v>1337</v>
      </c>
      <c r="E6016" t="s">
        <v>128</v>
      </c>
      <c r="F6016" t="s">
        <v>10</v>
      </c>
      <c r="G6016" t="s">
        <v>19</v>
      </c>
      <c r="H6016" t="s">
        <v>1122</v>
      </c>
      <c r="I6016">
        <v>104.9</v>
      </c>
      <c r="J6016">
        <v>5</v>
      </c>
      <c r="K6016">
        <v>50.35</v>
      </c>
    </row>
    <row r="6017" spans="1:11" x14ac:dyDescent="0.3">
      <c r="A6017" s="1">
        <v>42679</v>
      </c>
      <c r="B6017" s="3">
        <f t="shared" si="186"/>
        <v>11</v>
      </c>
      <c r="C6017" s="3">
        <f t="shared" si="187"/>
        <v>2016</v>
      </c>
      <c r="D6017" t="s">
        <v>1337</v>
      </c>
      <c r="E6017" t="s">
        <v>128</v>
      </c>
      <c r="F6017" t="s">
        <v>10</v>
      </c>
      <c r="G6017" t="s">
        <v>23</v>
      </c>
      <c r="H6017" t="s">
        <v>525</v>
      </c>
      <c r="I6017">
        <v>39.68</v>
      </c>
      <c r="J6017">
        <v>2</v>
      </c>
      <c r="K6017">
        <v>16.27</v>
      </c>
    </row>
    <row r="6018" spans="1:11" x14ac:dyDescent="0.3">
      <c r="A6018" s="1">
        <v>42679</v>
      </c>
      <c r="B6018" s="3">
        <f t="shared" ref="B6018:B6081" si="188">MONTH(A:A)</f>
        <v>11</v>
      </c>
      <c r="C6018" s="3">
        <f t="shared" ref="C6018:C6081" si="189">YEAR(A:A)</f>
        <v>2016</v>
      </c>
      <c r="D6018" t="s">
        <v>1337</v>
      </c>
      <c r="E6018" t="s">
        <v>128</v>
      </c>
      <c r="F6018" t="s">
        <v>10</v>
      </c>
      <c r="G6018" t="s">
        <v>15</v>
      </c>
      <c r="H6018" t="s">
        <v>2236</v>
      </c>
      <c r="I6018">
        <v>51.75</v>
      </c>
      <c r="J6018">
        <v>5</v>
      </c>
      <c r="K6018">
        <v>24.84</v>
      </c>
    </row>
    <row r="6019" spans="1:11" x14ac:dyDescent="0.3">
      <c r="A6019" s="1">
        <v>42679</v>
      </c>
      <c r="B6019" s="3">
        <f t="shared" si="188"/>
        <v>11</v>
      </c>
      <c r="C6019" s="3">
        <f t="shared" si="189"/>
        <v>2016</v>
      </c>
      <c r="D6019" t="s">
        <v>1101</v>
      </c>
      <c r="E6019" t="s">
        <v>26</v>
      </c>
      <c r="F6019" t="s">
        <v>10</v>
      </c>
      <c r="G6019" t="s">
        <v>19</v>
      </c>
      <c r="H6019" t="s">
        <v>2074</v>
      </c>
      <c r="I6019">
        <v>53.25</v>
      </c>
      <c r="J6019">
        <v>2</v>
      </c>
      <c r="K6019">
        <v>19.97</v>
      </c>
    </row>
    <row r="6020" spans="1:11" x14ac:dyDescent="0.3">
      <c r="A6020" s="1">
        <v>42679</v>
      </c>
      <c r="B6020" s="3">
        <f t="shared" si="188"/>
        <v>11</v>
      </c>
      <c r="C6020" s="3">
        <f t="shared" si="189"/>
        <v>2016</v>
      </c>
      <c r="D6020" t="s">
        <v>1407</v>
      </c>
      <c r="E6020" t="s">
        <v>9</v>
      </c>
      <c r="F6020" t="s">
        <v>10</v>
      </c>
      <c r="G6020" t="s">
        <v>15</v>
      </c>
      <c r="H6020" t="s">
        <v>408</v>
      </c>
      <c r="I6020">
        <v>11.84</v>
      </c>
      <c r="J6020">
        <v>1</v>
      </c>
      <c r="K6020">
        <v>4.4400000000000004</v>
      </c>
    </row>
    <row r="6021" spans="1:11" x14ac:dyDescent="0.3">
      <c r="A6021" s="1">
        <v>42679</v>
      </c>
      <c r="B6021" s="3">
        <f t="shared" si="188"/>
        <v>11</v>
      </c>
      <c r="C6021" s="3">
        <f t="shared" si="189"/>
        <v>2016</v>
      </c>
      <c r="D6021" t="s">
        <v>1210</v>
      </c>
      <c r="E6021" t="s">
        <v>163</v>
      </c>
      <c r="F6021" t="s">
        <v>38</v>
      </c>
      <c r="G6021" t="s">
        <v>51</v>
      </c>
      <c r="H6021" t="s">
        <v>2618</v>
      </c>
      <c r="I6021">
        <v>479.72</v>
      </c>
      <c r="J6021">
        <v>4</v>
      </c>
      <c r="K6021">
        <v>52.77</v>
      </c>
    </row>
    <row r="6022" spans="1:11" x14ac:dyDescent="0.3">
      <c r="A6022" s="1">
        <v>42679</v>
      </c>
      <c r="B6022" s="3">
        <f t="shared" si="188"/>
        <v>11</v>
      </c>
      <c r="C6022" s="3">
        <f t="shared" si="189"/>
        <v>2016</v>
      </c>
      <c r="D6022" t="s">
        <v>1777</v>
      </c>
      <c r="E6022" t="s">
        <v>26</v>
      </c>
      <c r="F6022" t="s">
        <v>38</v>
      </c>
      <c r="G6022" t="s">
        <v>51</v>
      </c>
      <c r="H6022" t="s">
        <v>2228</v>
      </c>
      <c r="I6022">
        <v>72</v>
      </c>
      <c r="J6022">
        <v>4</v>
      </c>
      <c r="K6022">
        <v>12.96</v>
      </c>
    </row>
    <row r="6023" spans="1:11" x14ac:dyDescent="0.3">
      <c r="A6023" s="1">
        <v>42679</v>
      </c>
      <c r="B6023" s="3">
        <f t="shared" si="188"/>
        <v>11</v>
      </c>
      <c r="C6023" s="3">
        <f t="shared" si="189"/>
        <v>2016</v>
      </c>
      <c r="D6023" t="s">
        <v>1777</v>
      </c>
      <c r="E6023" t="s">
        <v>26</v>
      </c>
      <c r="F6023" t="s">
        <v>33</v>
      </c>
      <c r="G6023" t="s">
        <v>34</v>
      </c>
      <c r="H6023" t="s">
        <v>1820</v>
      </c>
      <c r="I6023">
        <v>113.89</v>
      </c>
      <c r="J6023">
        <v>2</v>
      </c>
      <c r="K6023">
        <v>9.9700000000000006</v>
      </c>
    </row>
    <row r="6024" spans="1:11" x14ac:dyDescent="0.3">
      <c r="A6024" s="1">
        <v>42679</v>
      </c>
      <c r="B6024" s="3">
        <f t="shared" si="188"/>
        <v>11</v>
      </c>
      <c r="C6024" s="3">
        <f t="shared" si="189"/>
        <v>2016</v>
      </c>
      <c r="D6024" t="s">
        <v>1777</v>
      </c>
      <c r="E6024" t="s">
        <v>26</v>
      </c>
      <c r="F6024" t="s">
        <v>10</v>
      </c>
      <c r="G6024" t="s">
        <v>62</v>
      </c>
      <c r="H6024" t="s">
        <v>640</v>
      </c>
      <c r="I6024">
        <v>158.13</v>
      </c>
      <c r="J6024">
        <v>3</v>
      </c>
      <c r="K6024">
        <v>77.48</v>
      </c>
    </row>
    <row r="6025" spans="1:11" x14ac:dyDescent="0.3">
      <c r="A6025" s="1">
        <v>42679</v>
      </c>
      <c r="B6025" s="3">
        <f t="shared" si="188"/>
        <v>11</v>
      </c>
      <c r="C6025" s="3">
        <f t="shared" si="189"/>
        <v>2016</v>
      </c>
      <c r="D6025" t="s">
        <v>1274</v>
      </c>
      <c r="E6025" t="s">
        <v>54</v>
      </c>
      <c r="F6025" t="s">
        <v>33</v>
      </c>
      <c r="G6025" t="s">
        <v>46</v>
      </c>
      <c r="H6025" t="s">
        <v>1219</v>
      </c>
      <c r="I6025">
        <v>273.95999999999998</v>
      </c>
      <c r="J6025">
        <v>2</v>
      </c>
      <c r="K6025">
        <v>71.23</v>
      </c>
    </row>
    <row r="6026" spans="1:11" x14ac:dyDescent="0.3">
      <c r="A6026" s="1">
        <v>42679</v>
      </c>
      <c r="B6026" s="3">
        <f t="shared" si="188"/>
        <v>11</v>
      </c>
      <c r="C6026" s="3">
        <f t="shared" si="189"/>
        <v>2016</v>
      </c>
      <c r="D6026" t="s">
        <v>1274</v>
      </c>
      <c r="E6026" t="s">
        <v>54</v>
      </c>
      <c r="F6026" t="s">
        <v>38</v>
      </c>
      <c r="G6026" t="s">
        <v>51</v>
      </c>
      <c r="H6026" t="s">
        <v>2277</v>
      </c>
      <c r="I6026">
        <v>89.97</v>
      </c>
      <c r="J6026">
        <v>3</v>
      </c>
      <c r="K6026">
        <v>18.89</v>
      </c>
    </row>
    <row r="6027" spans="1:11" x14ac:dyDescent="0.3">
      <c r="A6027" s="1">
        <v>42679</v>
      </c>
      <c r="B6027" s="3">
        <f t="shared" si="188"/>
        <v>11</v>
      </c>
      <c r="C6027" s="3">
        <f t="shared" si="189"/>
        <v>2016</v>
      </c>
      <c r="D6027" t="s">
        <v>1274</v>
      </c>
      <c r="E6027" t="s">
        <v>54</v>
      </c>
      <c r="F6027" t="s">
        <v>33</v>
      </c>
      <c r="G6027" t="s">
        <v>46</v>
      </c>
      <c r="H6027" t="s">
        <v>2573</v>
      </c>
      <c r="I6027">
        <v>756.8</v>
      </c>
      <c r="J6027">
        <v>5</v>
      </c>
      <c r="K6027">
        <v>75.680000000000007</v>
      </c>
    </row>
    <row r="6028" spans="1:11" x14ac:dyDescent="0.3">
      <c r="A6028" s="1">
        <v>42680</v>
      </c>
      <c r="B6028" s="3">
        <f t="shared" si="188"/>
        <v>11</v>
      </c>
      <c r="C6028" s="3">
        <f t="shared" si="189"/>
        <v>2016</v>
      </c>
      <c r="D6028" t="s">
        <v>1496</v>
      </c>
      <c r="E6028" t="s">
        <v>26</v>
      </c>
      <c r="F6028" t="s">
        <v>33</v>
      </c>
      <c r="G6028" t="s">
        <v>34</v>
      </c>
      <c r="H6028" t="s">
        <v>2595</v>
      </c>
      <c r="I6028">
        <v>81.42</v>
      </c>
      <c r="J6028">
        <v>2</v>
      </c>
      <c r="K6028">
        <v>-9.16</v>
      </c>
    </row>
    <row r="6029" spans="1:11" x14ac:dyDescent="0.3">
      <c r="A6029" s="1">
        <v>42680</v>
      </c>
      <c r="B6029" s="3">
        <f t="shared" si="188"/>
        <v>11</v>
      </c>
      <c r="C6029" s="3">
        <f t="shared" si="189"/>
        <v>2016</v>
      </c>
      <c r="D6029" t="s">
        <v>1496</v>
      </c>
      <c r="E6029" t="s">
        <v>26</v>
      </c>
      <c r="F6029" t="s">
        <v>33</v>
      </c>
      <c r="G6029" t="s">
        <v>46</v>
      </c>
      <c r="H6029" t="s">
        <v>1714</v>
      </c>
      <c r="I6029">
        <v>238.56</v>
      </c>
      <c r="J6029">
        <v>3</v>
      </c>
      <c r="K6029">
        <v>26.24</v>
      </c>
    </row>
    <row r="6030" spans="1:11" x14ac:dyDescent="0.3">
      <c r="A6030" s="1">
        <v>42680</v>
      </c>
      <c r="B6030" s="3">
        <f t="shared" si="188"/>
        <v>11</v>
      </c>
      <c r="C6030" s="3">
        <f t="shared" si="189"/>
        <v>2016</v>
      </c>
      <c r="D6030" t="s">
        <v>816</v>
      </c>
      <c r="E6030" t="s">
        <v>122</v>
      </c>
      <c r="F6030" t="s">
        <v>33</v>
      </c>
      <c r="G6030" t="s">
        <v>34</v>
      </c>
      <c r="H6030" t="s">
        <v>1804</v>
      </c>
      <c r="I6030">
        <v>207.98</v>
      </c>
      <c r="J6030">
        <v>2</v>
      </c>
      <c r="K6030">
        <v>-28.6</v>
      </c>
    </row>
    <row r="6031" spans="1:11" x14ac:dyDescent="0.3">
      <c r="A6031" s="1">
        <v>42680</v>
      </c>
      <c r="B6031" s="3">
        <f t="shared" si="188"/>
        <v>11</v>
      </c>
      <c r="C6031" s="3">
        <f t="shared" si="189"/>
        <v>2016</v>
      </c>
      <c r="D6031" t="s">
        <v>816</v>
      </c>
      <c r="E6031" t="s">
        <v>122</v>
      </c>
      <c r="F6031" t="s">
        <v>10</v>
      </c>
      <c r="G6031" t="s">
        <v>11</v>
      </c>
      <c r="H6031" t="s">
        <v>2499</v>
      </c>
      <c r="I6031">
        <v>36.11</v>
      </c>
      <c r="J6031">
        <v>2</v>
      </c>
      <c r="K6031">
        <v>12.64</v>
      </c>
    </row>
    <row r="6032" spans="1:11" x14ac:dyDescent="0.3">
      <c r="A6032" s="1">
        <v>42680</v>
      </c>
      <c r="B6032" s="3">
        <f t="shared" si="188"/>
        <v>11</v>
      </c>
      <c r="C6032" s="3">
        <f t="shared" si="189"/>
        <v>2016</v>
      </c>
      <c r="D6032" t="s">
        <v>816</v>
      </c>
      <c r="E6032" t="s">
        <v>122</v>
      </c>
      <c r="F6032" t="s">
        <v>33</v>
      </c>
      <c r="G6032" t="s">
        <v>46</v>
      </c>
      <c r="H6032" t="s">
        <v>1793</v>
      </c>
      <c r="I6032">
        <v>35.57</v>
      </c>
      <c r="J6032">
        <v>2</v>
      </c>
      <c r="K6032">
        <v>5.78</v>
      </c>
    </row>
    <row r="6033" spans="1:11" x14ac:dyDescent="0.3">
      <c r="A6033" s="1">
        <v>42680</v>
      </c>
      <c r="B6033" s="3">
        <f t="shared" si="188"/>
        <v>11</v>
      </c>
      <c r="C6033" s="3">
        <f t="shared" si="189"/>
        <v>2016</v>
      </c>
      <c r="D6033" t="s">
        <v>816</v>
      </c>
      <c r="E6033" t="s">
        <v>122</v>
      </c>
      <c r="F6033" t="s">
        <v>10</v>
      </c>
      <c r="G6033" t="s">
        <v>11</v>
      </c>
      <c r="H6033" t="s">
        <v>456</v>
      </c>
      <c r="I6033">
        <v>88.77</v>
      </c>
      <c r="J6033">
        <v>2</v>
      </c>
      <c r="K6033">
        <v>31.07</v>
      </c>
    </row>
    <row r="6034" spans="1:11" x14ac:dyDescent="0.3">
      <c r="A6034" s="1">
        <v>42680</v>
      </c>
      <c r="B6034" s="3">
        <f t="shared" si="188"/>
        <v>11</v>
      </c>
      <c r="C6034" s="3">
        <f t="shared" si="189"/>
        <v>2016</v>
      </c>
      <c r="D6034" t="s">
        <v>1802</v>
      </c>
      <c r="E6034" t="s">
        <v>26</v>
      </c>
      <c r="F6034" t="s">
        <v>10</v>
      </c>
      <c r="G6034" t="s">
        <v>17</v>
      </c>
      <c r="H6034" t="s">
        <v>622</v>
      </c>
      <c r="I6034">
        <v>84.84</v>
      </c>
      <c r="J6034">
        <v>3</v>
      </c>
      <c r="K6034">
        <v>22.91</v>
      </c>
    </row>
    <row r="6035" spans="1:11" x14ac:dyDescent="0.3">
      <c r="A6035" s="1">
        <v>42681</v>
      </c>
      <c r="B6035" s="3">
        <f t="shared" si="188"/>
        <v>11</v>
      </c>
      <c r="C6035" s="3">
        <f t="shared" si="189"/>
        <v>2016</v>
      </c>
      <c r="D6035" t="s">
        <v>2106</v>
      </c>
      <c r="E6035" t="s">
        <v>163</v>
      </c>
      <c r="F6035" t="s">
        <v>10</v>
      </c>
      <c r="G6035" t="s">
        <v>19</v>
      </c>
      <c r="H6035" t="s">
        <v>2118</v>
      </c>
      <c r="I6035">
        <v>27.68</v>
      </c>
      <c r="J6035">
        <v>2</v>
      </c>
      <c r="K6035">
        <v>9.69</v>
      </c>
    </row>
    <row r="6036" spans="1:11" x14ac:dyDescent="0.3">
      <c r="A6036" s="1">
        <v>42681</v>
      </c>
      <c r="B6036" s="3">
        <f t="shared" si="188"/>
        <v>11</v>
      </c>
      <c r="C6036" s="3">
        <f t="shared" si="189"/>
        <v>2016</v>
      </c>
      <c r="D6036" t="s">
        <v>2178</v>
      </c>
      <c r="E6036" t="s">
        <v>26</v>
      </c>
      <c r="F6036" t="s">
        <v>10</v>
      </c>
      <c r="G6036" t="s">
        <v>19</v>
      </c>
      <c r="H6036" t="s">
        <v>610</v>
      </c>
      <c r="I6036">
        <v>37.44</v>
      </c>
      <c r="J6036">
        <v>4</v>
      </c>
      <c r="K6036">
        <v>11.7</v>
      </c>
    </row>
    <row r="6037" spans="1:11" x14ac:dyDescent="0.3">
      <c r="A6037" s="1">
        <v>42681</v>
      </c>
      <c r="B6037" s="3">
        <f t="shared" si="188"/>
        <v>11</v>
      </c>
      <c r="C6037" s="3">
        <f t="shared" si="189"/>
        <v>2016</v>
      </c>
      <c r="D6037" t="s">
        <v>2178</v>
      </c>
      <c r="E6037" t="s">
        <v>26</v>
      </c>
      <c r="F6037" t="s">
        <v>10</v>
      </c>
      <c r="G6037" t="s">
        <v>19</v>
      </c>
      <c r="H6037" t="s">
        <v>430</v>
      </c>
      <c r="I6037">
        <v>26.98</v>
      </c>
      <c r="J6037">
        <v>4</v>
      </c>
      <c r="K6037">
        <v>8.77</v>
      </c>
    </row>
    <row r="6038" spans="1:11" x14ac:dyDescent="0.3">
      <c r="A6038" s="1">
        <v>42681</v>
      </c>
      <c r="B6038" s="3">
        <f t="shared" si="188"/>
        <v>11</v>
      </c>
      <c r="C6038" s="3">
        <f t="shared" si="189"/>
        <v>2016</v>
      </c>
      <c r="D6038" t="s">
        <v>2178</v>
      </c>
      <c r="E6038" t="s">
        <v>26</v>
      </c>
      <c r="F6038" t="s">
        <v>10</v>
      </c>
      <c r="G6038" t="s">
        <v>199</v>
      </c>
      <c r="H6038" t="s">
        <v>2592</v>
      </c>
      <c r="I6038">
        <v>11.36</v>
      </c>
      <c r="J6038">
        <v>2</v>
      </c>
      <c r="K6038">
        <v>3.29</v>
      </c>
    </row>
    <row r="6039" spans="1:11" x14ac:dyDescent="0.3">
      <c r="A6039" s="1">
        <v>42681</v>
      </c>
      <c r="B6039" s="3">
        <f t="shared" si="188"/>
        <v>11</v>
      </c>
      <c r="C6039" s="3">
        <f t="shared" si="189"/>
        <v>2016</v>
      </c>
      <c r="D6039" t="s">
        <v>2178</v>
      </c>
      <c r="E6039" t="s">
        <v>26</v>
      </c>
      <c r="F6039" t="s">
        <v>10</v>
      </c>
      <c r="G6039" t="s">
        <v>15</v>
      </c>
      <c r="H6039" t="s">
        <v>2029</v>
      </c>
      <c r="I6039">
        <v>14.62</v>
      </c>
      <c r="J6039">
        <v>2</v>
      </c>
      <c r="K6039">
        <v>6.87</v>
      </c>
    </row>
    <row r="6040" spans="1:11" x14ac:dyDescent="0.3">
      <c r="A6040" s="1">
        <v>42681</v>
      </c>
      <c r="B6040" s="3">
        <f t="shared" si="188"/>
        <v>11</v>
      </c>
      <c r="C6040" s="3">
        <f t="shared" si="189"/>
        <v>2016</v>
      </c>
      <c r="D6040" t="s">
        <v>1882</v>
      </c>
      <c r="E6040" t="s">
        <v>26</v>
      </c>
      <c r="F6040" t="s">
        <v>33</v>
      </c>
      <c r="G6040" t="s">
        <v>46</v>
      </c>
      <c r="H6040" t="s">
        <v>2479</v>
      </c>
      <c r="I6040">
        <v>14.82</v>
      </c>
      <c r="J6040">
        <v>3</v>
      </c>
      <c r="K6040">
        <v>6.22</v>
      </c>
    </row>
    <row r="6041" spans="1:11" x14ac:dyDescent="0.3">
      <c r="A6041" s="1">
        <v>42681</v>
      </c>
      <c r="B6041" s="3">
        <f t="shared" si="188"/>
        <v>11</v>
      </c>
      <c r="C6041" s="3">
        <f t="shared" si="189"/>
        <v>2016</v>
      </c>
      <c r="D6041" t="s">
        <v>1554</v>
      </c>
      <c r="E6041" t="s">
        <v>77</v>
      </c>
      <c r="F6041" t="s">
        <v>38</v>
      </c>
      <c r="G6041" t="s">
        <v>51</v>
      </c>
      <c r="H6041" t="s">
        <v>667</v>
      </c>
      <c r="I6041">
        <v>119.98</v>
      </c>
      <c r="J6041">
        <v>3</v>
      </c>
      <c r="K6041">
        <v>22.5</v>
      </c>
    </row>
    <row r="6042" spans="1:11" x14ac:dyDescent="0.3">
      <c r="A6042" s="1">
        <v>42681</v>
      </c>
      <c r="B6042" s="3">
        <f t="shared" si="188"/>
        <v>11</v>
      </c>
      <c r="C6042" s="3">
        <f t="shared" si="189"/>
        <v>2016</v>
      </c>
      <c r="D6042" t="s">
        <v>671</v>
      </c>
      <c r="E6042" t="s">
        <v>176</v>
      </c>
      <c r="F6042" t="s">
        <v>10</v>
      </c>
      <c r="G6042" t="s">
        <v>42</v>
      </c>
      <c r="H6042" t="s">
        <v>2319</v>
      </c>
      <c r="I6042">
        <v>14.96</v>
      </c>
      <c r="J6042">
        <v>4</v>
      </c>
      <c r="K6042">
        <v>0.3</v>
      </c>
    </row>
    <row r="6043" spans="1:11" x14ac:dyDescent="0.3">
      <c r="A6043" s="1">
        <v>42681</v>
      </c>
      <c r="B6043" s="3">
        <f t="shared" si="188"/>
        <v>11</v>
      </c>
      <c r="C6043" s="3">
        <f t="shared" si="189"/>
        <v>2016</v>
      </c>
      <c r="D6043" t="s">
        <v>1810</v>
      </c>
      <c r="E6043" t="s">
        <v>26</v>
      </c>
      <c r="F6043" t="s">
        <v>10</v>
      </c>
      <c r="G6043" t="s">
        <v>11</v>
      </c>
      <c r="H6043" t="s">
        <v>1352</v>
      </c>
      <c r="I6043">
        <v>12.9</v>
      </c>
      <c r="J6043">
        <v>2</v>
      </c>
      <c r="K6043">
        <v>6.32</v>
      </c>
    </row>
    <row r="6044" spans="1:11" x14ac:dyDescent="0.3">
      <c r="A6044" s="1">
        <v>42681</v>
      </c>
      <c r="B6044" s="3">
        <f t="shared" si="188"/>
        <v>11</v>
      </c>
      <c r="C6044" s="3">
        <f t="shared" si="189"/>
        <v>2016</v>
      </c>
      <c r="D6044" t="s">
        <v>1337</v>
      </c>
      <c r="E6044" t="s">
        <v>2619</v>
      </c>
      <c r="F6044" t="s">
        <v>33</v>
      </c>
      <c r="G6044" t="s">
        <v>34</v>
      </c>
      <c r="H6044" t="s">
        <v>990</v>
      </c>
      <c r="I6044">
        <v>1603.14</v>
      </c>
      <c r="J6044">
        <v>4</v>
      </c>
      <c r="K6044">
        <v>100.2</v>
      </c>
    </row>
    <row r="6045" spans="1:11" x14ac:dyDescent="0.3">
      <c r="A6045" s="1">
        <v>42681</v>
      </c>
      <c r="B6045" s="3">
        <f t="shared" si="188"/>
        <v>11</v>
      </c>
      <c r="C6045" s="3">
        <f t="shared" si="189"/>
        <v>2016</v>
      </c>
      <c r="D6045" t="s">
        <v>1285</v>
      </c>
      <c r="E6045" t="s">
        <v>148</v>
      </c>
      <c r="F6045" t="s">
        <v>38</v>
      </c>
      <c r="G6045" t="s">
        <v>39</v>
      </c>
      <c r="H6045" t="s">
        <v>516</v>
      </c>
      <c r="I6045">
        <v>263.95999999999998</v>
      </c>
      <c r="J6045">
        <v>4</v>
      </c>
      <c r="K6045">
        <v>71.27</v>
      </c>
    </row>
    <row r="6046" spans="1:11" x14ac:dyDescent="0.3">
      <c r="A6046" s="1">
        <v>42681</v>
      </c>
      <c r="B6046" s="3">
        <f t="shared" si="188"/>
        <v>11</v>
      </c>
      <c r="C6046" s="3">
        <f t="shared" si="189"/>
        <v>2016</v>
      </c>
      <c r="D6046" t="s">
        <v>1285</v>
      </c>
      <c r="E6046" t="s">
        <v>148</v>
      </c>
      <c r="F6046" t="s">
        <v>38</v>
      </c>
      <c r="G6046" t="s">
        <v>39</v>
      </c>
      <c r="H6046" t="s">
        <v>1742</v>
      </c>
      <c r="I6046">
        <v>359.97</v>
      </c>
      <c r="J6046">
        <v>3</v>
      </c>
      <c r="K6046">
        <v>100.79</v>
      </c>
    </row>
    <row r="6047" spans="1:11" x14ac:dyDescent="0.3">
      <c r="A6047" s="1">
        <v>42681</v>
      </c>
      <c r="B6047" s="3">
        <f t="shared" si="188"/>
        <v>11</v>
      </c>
      <c r="C6047" s="3">
        <f t="shared" si="189"/>
        <v>2016</v>
      </c>
      <c r="D6047" t="s">
        <v>1285</v>
      </c>
      <c r="E6047" t="s">
        <v>148</v>
      </c>
      <c r="F6047" t="s">
        <v>10</v>
      </c>
      <c r="G6047" t="s">
        <v>11</v>
      </c>
      <c r="H6047" t="s">
        <v>1169</v>
      </c>
      <c r="I6047">
        <v>12.96</v>
      </c>
      <c r="J6047">
        <v>2</v>
      </c>
      <c r="K6047">
        <v>6.22</v>
      </c>
    </row>
    <row r="6048" spans="1:11" x14ac:dyDescent="0.3">
      <c r="A6048" s="1">
        <v>42681</v>
      </c>
      <c r="B6048" s="3">
        <f t="shared" si="188"/>
        <v>11</v>
      </c>
      <c r="C6048" s="3">
        <f t="shared" si="189"/>
        <v>2016</v>
      </c>
      <c r="D6048" t="s">
        <v>1285</v>
      </c>
      <c r="E6048" t="s">
        <v>148</v>
      </c>
      <c r="F6048" t="s">
        <v>10</v>
      </c>
      <c r="G6048" t="s">
        <v>17</v>
      </c>
      <c r="H6048" t="s">
        <v>1481</v>
      </c>
      <c r="I6048">
        <v>116.82</v>
      </c>
      <c r="J6048">
        <v>3</v>
      </c>
      <c r="K6048">
        <v>5.84</v>
      </c>
    </row>
    <row r="6049" spans="1:11" x14ac:dyDescent="0.3">
      <c r="A6049" s="1">
        <v>42681</v>
      </c>
      <c r="B6049" s="3">
        <f t="shared" si="188"/>
        <v>11</v>
      </c>
      <c r="C6049" s="3">
        <f t="shared" si="189"/>
        <v>2016</v>
      </c>
      <c r="D6049" t="s">
        <v>1285</v>
      </c>
      <c r="E6049" t="s">
        <v>148</v>
      </c>
      <c r="F6049" t="s">
        <v>10</v>
      </c>
      <c r="G6049" t="s">
        <v>19</v>
      </c>
      <c r="H6049" t="s">
        <v>2460</v>
      </c>
      <c r="I6049">
        <v>276.77999999999997</v>
      </c>
      <c r="J6049">
        <v>2</v>
      </c>
      <c r="K6049">
        <v>89.95</v>
      </c>
    </row>
    <row r="6050" spans="1:11" x14ac:dyDescent="0.3">
      <c r="A6050" s="1">
        <v>42681</v>
      </c>
      <c r="B6050" s="3">
        <f t="shared" si="188"/>
        <v>11</v>
      </c>
      <c r="C6050" s="3">
        <f t="shared" si="189"/>
        <v>2016</v>
      </c>
      <c r="D6050" t="s">
        <v>903</v>
      </c>
      <c r="E6050" t="s">
        <v>9</v>
      </c>
      <c r="F6050" t="s">
        <v>33</v>
      </c>
      <c r="G6050" t="s">
        <v>46</v>
      </c>
      <c r="H6050" t="s">
        <v>2419</v>
      </c>
      <c r="I6050">
        <v>44.46</v>
      </c>
      <c r="J6050">
        <v>5</v>
      </c>
      <c r="K6050">
        <v>-17.78</v>
      </c>
    </row>
    <row r="6051" spans="1:11" x14ac:dyDescent="0.3">
      <c r="A6051" s="1">
        <v>42681</v>
      </c>
      <c r="B6051" s="3">
        <f t="shared" si="188"/>
        <v>11</v>
      </c>
      <c r="C6051" s="3">
        <f t="shared" si="189"/>
        <v>2016</v>
      </c>
      <c r="D6051" t="s">
        <v>903</v>
      </c>
      <c r="E6051" t="s">
        <v>9</v>
      </c>
      <c r="F6051" t="s">
        <v>10</v>
      </c>
      <c r="G6051" t="s">
        <v>17</v>
      </c>
      <c r="H6051" t="s">
        <v>2367</v>
      </c>
      <c r="I6051">
        <v>314.08999999999997</v>
      </c>
      <c r="J6051">
        <v>3</v>
      </c>
      <c r="K6051">
        <v>19.63</v>
      </c>
    </row>
    <row r="6052" spans="1:11" x14ac:dyDescent="0.3">
      <c r="A6052" s="1">
        <v>42681</v>
      </c>
      <c r="B6052" s="3">
        <f t="shared" si="188"/>
        <v>11</v>
      </c>
      <c r="C6052" s="3">
        <f t="shared" si="189"/>
        <v>2016</v>
      </c>
      <c r="D6052" t="s">
        <v>196</v>
      </c>
      <c r="E6052" t="s">
        <v>26</v>
      </c>
      <c r="F6052" t="s">
        <v>38</v>
      </c>
      <c r="G6052" t="s">
        <v>51</v>
      </c>
      <c r="H6052" t="s">
        <v>904</v>
      </c>
      <c r="I6052">
        <v>479.97</v>
      </c>
      <c r="J6052">
        <v>3</v>
      </c>
      <c r="K6052">
        <v>163.19</v>
      </c>
    </row>
    <row r="6053" spans="1:11" x14ac:dyDescent="0.3">
      <c r="A6053" s="1">
        <v>42681</v>
      </c>
      <c r="B6053" s="3">
        <f t="shared" si="188"/>
        <v>11</v>
      </c>
      <c r="C6053" s="3">
        <f t="shared" si="189"/>
        <v>2016</v>
      </c>
      <c r="D6053" t="s">
        <v>1404</v>
      </c>
      <c r="E6053" t="s">
        <v>26</v>
      </c>
      <c r="F6053" t="s">
        <v>10</v>
      </c>
      <c r="G6053" t="s">
        <v>19</v>
      </c>
      <c r="H6053" t="s">
        <v>310</v>
      </c>
      <c r="I6053">
        <v>57.58</v>
      </c>
      <c r="J6053">
        <v>2</v>
      </c>
      <c r="K6053">
        <v>20.149999999999999</v>
      </c>
    </row>
    <row r="6054" spans="1:11" x14ac:dyDescent="0.3">
      <c r="A6054" s="1">
        <v>42682</v>
      </c>
      <c r="B6054" s="3">
        <f t="shared" si="188"/>
        <v>11</v>
      </c>
      <c r="C6054" s="3">
        <f t="shared" si="189"/>
        <v>2016</v>
      </c>
      <c r="D6054" t="s">
        <v>2285</v>
      </c>
      <c r="E6054" t="s">
        <v>32</v>
      </c>
      <c r="F6054" t="s">
        <v>33</v>
      </c>
      <c r="G6054" t="s">
        <v>73</v>
      </c>
      <c r="H6054" t="s">
        <v>2483</v>
      </c>
      <c r="I6054">
        <v>261.95999999999998</v>
      </c>
      <c r="J6054">
        <v>2</v>
      </c>
      <c r="K6054">
        <v>41.91</v>
      </c>
    </row>
    <row r="6055" spans="1:11" x14ac:dyDescent="0.3">
      <c r="A6055" s="1">
        <v>42682</v>
      </c>
      <c r="B6055" s="3">
        <f t="shared" si="188"/>
        <v>11</v>
      </c>
      <c r="C6055" s="3">
        <f t="shared" si="189"/>
        <v>2016</v>
      </c>
      <c r="D6055" t="s">
        <v>2285</v>
      </c>
      <c r="E6055" t="s">
        <v>32</v>
      </c>
      <c r="F6055" t="s">
        <v>33</v>
      </c>
      <c r="G6055" t="s">
        <v>34</v>
      </c>
      <c r="H6055" t="s">
        <v>863</v>
      </c>
      <c r="I6055">
        <v>731.94</v>
      </c>
      <c r="J6055">
        <v>3</v>
      </c>
      <c r="K6055">
        <v>219.58</v>
      </c>
    </row>
    <row r="6056" spans="1:11" x14ac:dyDescent="0.3">
      <c r="A6056" s="1">
        <v>42683</v>
      </c>
      <c r="B6056" s="3">
        <f t="shared" si="188"/>
        <v>11</v>
      </c>
      <c r="C6056" s="3">
        <f t="shared" si="189"/>
        <v>2016</v>
      </c>
      <c r="D6056" t="s">
        <v>1333</v>
      </c>
      <c r="E6056" t="s">
        <v>26</v>
      </c>
      <c r="F6056" t="s">
        <v>38</v>
      </c>
      <c r="G6056" t="s">
        <v>51</v>
      </c>
      <c r="H6056" t="s">
        <v>260</v>
      </c>
      <c r="I6056">
        <v>479.97</v>
      </c>
      <c r="J6056">
        <v>3</v>
      </c>
      <c r="K6056">
        <v>177.59</v>
      </c>
    </row>
    <row r="6057" spans="1:11" x14ac:dyDescent="0.3">
      <c r="A6057" s="1">
        <v>42684</v>
      </c>
      <c r="B6057" s="3">
        <f t="shared" si="188"/>
        <v>11</v>
      </c>
      <c r="C6057" s="3">
        <f t="shared" si="189"/>
        <v>2016</v>
      </c>
      <c r="D6057" t="s">
        <v>1870</v>
      </c>
      <c r="E6057" t="s">
        <v>26</v>
      </c>
      <c r="F6057" t="s">
        <v>10</v>
      </c>
      <c r="G6057" t="s">
        <v>17</v>
      </c>
      <c r="H6057" t="s">
        <v>1752</v>
      </c>
      <c r="I6057">
        <v>155.82</v>
      </c>
      <c r="J6057">
        <v>7</v>
      </c>
      <c r="K6057">
        <v>42.07</v>
      </c>
    </row>
    <row r="6058" spans="1:11" x14ac:dyDescent="0.3">
      <c r="A6058" s="1">
        <v>42684</v>
      </c>
      <c r="B6058" s="3">
        <f t="shared" si="188"/>
        <v>11</v>
      </c>
      <c r="C6058" s="3">
        <f t="shared" si="189"/>
        <v>2016</v>
      </c>
      <c r="D6058" t="s">
        <v>1870</v>
      </c>
      <c r="E6058" t="s">
        <v>26</v>
      </c>
      <c r="F6058" t="s">
        <v>10</v>
      </c>
      <c r="G6058" t="s">
        <v>19</v>
      </c>
      <c r="H6058" t="s">
        <v>1895</v>
      </c>
      <c r="I6058">
        <v>70.010000000000005</v>
      </c>
      <c r="J6058">
        <v>3</v>
      </c>
      <c r="K6058">
        <v>24.5</v>
      </c>
    </row>
    <row r="6059" spans="1:11" x14ac:dyDescent="0.3">
      <c r="A6059" s="1">
        <v>42684</v>
      </c>
      <c r="B6059" s="3">
        <f t="shared" si="188"/>
        <v>11</v>
      </c>
      <c r="C6059" s="3">
        <f t="shared" si="189"/>
        <v>2016</v>
      </c>
      <c r="D6059" t="s">
        <v>2224</v>
      </c>
      <c r="E6059" t="s">
        <v>26</v>
      </c>
      <c r="F6059" t="s">
        <v>10</v>
      </c>
      <c r="G6059" t="s">
        <v>19</v>
      </c>
      <c r="H6059" t="s">
        <v>558</v>
      </c>
      <c r="I6059">
        <v>13.22</v>
      </c>
      <c r="J6059">
        <v>4</v>
      </c>
      <c r="K6059">
        <v>4.46</v>
      </c>
    </row>
    <row r="6060" spans="1:11" x14ac:dyDescent="0.3">
      <c r="A6060" s="1">
        <v>42684</v>
      </c>
      <c r="B6060" s="3">
        <f t="shared" si="188"/>
        <v>11</v>
      </c>
      <c r="C6060" s="3">
        <f t="shared" si="189"/>
        <v>2016</v>
      </c>
      <c r="D6060" t="s">
        <v>2224</v>
      </c>
      <c r="E6060" t="s">
        <v>26</v>
      </c>
      <c r="F6060" t="s">
        <v>10</v>
      </c>
      <c r="G6060" t="s">
        <v>11</v>
      </c>
      <c r="H6060" t="s">
        <v>2271</v>
      </c>
      <c r="I6060">
        <v>32.4</v>
      </c>
      <c r="J6060">
        <v>5</v>
      </c>
      <c r="K6060">
        <v>15.55</v>
      </c>
    </row>
    <row r="6061" spans="1:11" x14ac:dyDescent="0.3">
      <c r="A6061" s="1">
        <v>42684</v>
      </c>
      <c r="B6061" s="3">
        <f t="shared" si="188"/>
        <v>11</v>
      </c>
      <c r="C6061" s="3">
        <f t="shared" si="189"/>
        <v>2016</v>
      </c>
      <c r="D6061" t="s">
        <v>1855</v>
      </c>
      <c r="E6061" t="s">
        <v>29</v>
      </c>
      <c r="F6061" t="s">
        <v>10</v>
      </c>
      <c r="G6061" t="s">
        <v>23</v>
      </c>
      <c r="H6061" t="s">
        <v>959</v>
      </c>
      <c r="I6061">
        <v>41.86</v>
      </c>
      <c r="J6061">
        <v>7</v>
      </c>
      <c r="K6061">
        <v>10.47</v>
      </c>
    </row>
    <row r="6062" spans="1:11" x14ac:dyDescent="0.3">
      <c r="A6062" s="1">
        <v>42684</v>
      </c>
      <c r="B6062" s="3">
        <f t="shared" si="188"/>
        <v>11</v>
      </c>
      <c r="C6062" s="3">
        <f t="shared" si="189"/>
        <v>2016</v>
      </c>
      <c r="D6062" t="s">
        <v>642</v>
      </c>
      <c r="E6062" t="s">
        <v>77</v>
      </c>
      <c r="F6062" t="s">
        <v>10</v>
      </c>
      <c r="G6062" t="s">
        <v>199</v>
      </c>
      <c r="H6062" t="s">
        <v>806</v>
      </c>
      <c r="I6062">
        <v>14.72</v>
      </c>
      <c r="J6062">
        <v>5</v>
      </c>
      <c r="K6062">
        <v>-3.31</v>
      </c>
    </row>
    <row r="6063" spans="1:11" x14ac:dyDescent="0.3">
      <c r="A6063" s="1">
        <v>42684</v>
      </c>
      <c r="B6063" s="3">
        <f t="shared" si="188"/>
        <v>11</v>
      </c>
      <c r="C6063" s="3">
        <f t="shared" si="189"/>
        <v>2016</v>
      </c>
      <c r="D6063" t="s">
        <v>642</v>
      </c>
      <c r="E6063" t="s">
        <v>77</v>
      </c>
      <c r="F6063" t="s">
        <v>10</v>
      </c>
      <c r="G6063" t="s">
        <v>17</v>
      </c>
      <c r="H6063" t="s">
        <v>178</v>
      </c>
      <c r="I6063">
        <v>38.979999999999997</v>
      </c>
      <c r="J6063">
        <v>3</v>
      </c>
      <c r="K6063">
        <v>-2.44</v>
      </c>
    </row>
    <row r="6064" spans="1:11" x14ac:dyDescent="0.3">
      <c r="A6064" s="1">
        <v>42684</v>
      </c>
      <c r="B6064" s="3">
        <f t="shared" si="188"/>
        <v>11</v>
      </c>
      <c r="C6064" s="3">
        <f t="shared" si="189"/>
        <v>2016</v>
      </c>
      <c r="D6064" t="s">
        <v>1180</v>
      </c>
      <c r="E6064" t="s">
        <v>77</v>
      </c>
      <c r="F6064" t="s">
        <v>10</v>
      </c>
      <c r="G6064" t="s">
        <v>15</v>
      </c>
      <c r="H6064" t="s">
        <v>583</v>
      </c>
      <c r="I6064">
        <v>9.2200000000000006</v>
      </c>
      <c r="J6064">
        <v>4</v>
      </c>
      <c r="K6064">
        <v>3.34</v>
      </c>
    </row>
    <row r="6065" spans="1:11" x14ac:dyDescent="0.3">
      <c r="A6065" s="1">
        <v>42684</v>
      </c>
      <c r="B6065" s="3">
        <f t="shared" si="188"/>
        <v>11</v>
      </c>
      <c r="C6065" s="3">
        <f t="shared" si="189"/>
        <v>2016</v>
      </c>
      <c r="D6065" t="s">
        <v>1180</v>
      </c>
      <c r="E6065" t="s">
        <v>77</v>
      </c>
      <c r="F6065" t="s">
        <v>38</v>
      </c>
      <c r="G6065" t="s">
        <v>39</v>
      </c>
      <c r="H6065" t="s">
        <v>596</v>
      </c>
      <c r="I6065">
        <v>41.96</v>
      </c>
      <c r="J6065">
        <v>7</v>
      </c>
      <c r="K6065">
        <v>-9.7899999999999991</v>
      </c>
    </row>
    <row r="6066" spans="1:11" x14ac:dyDescent="0.3">
      <c r="A6066" s="1">
        <v>42684</v>
      </c>
      <c r="B6066" s="3">
        <f t="shared" si="188"/>
        <v>11</v>
      </c>
      <c r="C6066" s="3">
        <f t="shared" si="189"/>
        <v>2016</v>
      </c>
      <c r="D6066" t="s">
        <v>1180</v>
      </c>
      <c r="E6066" t="s">
        <v>77</v>
      </c>
      <c r="F6066" t="s">
        <v>10</v>
      </c>
      <c r="G6066" t="s">
        <v>11</v>
      </c>
      <c r="H6066" t="s">
        <v>1608</v>
      </c>
      <c r="I6066">
        <v>89.57</v>
      </c>
      <c r="J6066">
        <v>2</v>
      </c>
      <c r="K6066">
        <v>32.47</v>
      </c>
    </row>
    <row r="6067" spans="1:11" x14ac:dyDescent="0.3">
      <c r="A6067" s="1">
        <v>42684</v>
      </c>
      <c r="B6067" s="3">
        <f t="shared" si="188"/>
        <v>11</v>
      </c>
      <c r="C6067" s="3">
        <f t="shared" si="189"/>
        <v>2016</v>
      </c>
      <c r="D6067" t="s">
        <v>1180</v>
      </c>
      <c r="E6067" t="s">
        <v>77</v>
      </c>
      <c r="F6067" t="s">
        <v>10</v>
      </c>
      <c r="G6067" t="s">
        <v>11</v>
      </c>
      <c r="H6067" t="s">
        <v>1607</v>
      </c>
      <c r="I6067">
        <v>22.25</v>
      </c>
      <c r="J6067">
        <v>3</v>
      </c>
      <c r="K6067">
        <v>7.51</v>
      </c>
    </row>
    <row r="6068" spans="1:11" x14ac:dyDescent="0.3">
      <c r="A6068" s="1">
        <v>42684</v>
      </c>
      <c r="B6068" s="3">
        <f t="shared" si="188"/>
        <v>11</v>
      </c>
      <c r="C6068" s="3">
        <f t="shared" si="189"/>
        <v>2016</v>
      </c>
      <c r="D6068" t="s">
        <v>1180</v>
      </c>
      <c r="E6068" t="s">
        <v>77</v>
      </c>
      <c r="F6068" t="s">
        <v>10</v>
      </c>
      <c r="G6068" t="s">
        <v>91</v>
      </c>
      <c r="H6068" t="s">
        <v>2339</v>
      </c>
      <c r="I6068">
        <v>334.88</v>
      </c>
      <c r="J6068">
        <v>4</v>
      </c>
      <c r="K6068">
        <v>29.3</v>
      </c>
    </row>
    <row r="6069" spans="1:11" x14ac:dyDescent="0.3">
      <c r="A6069" s="1">
        <v>42684</v>
      </c>
      <c r="B6069" s="3">
        <f t="shared" si="188"/>
        <v>11</v>
      </c>
      <c r="C6069" s="3">
        <f t="shared" si="189"/>
        <v>2016</v>
      </c>
      <c r="D6069" t="s">
        <v>1180</v>
      </c>
      <c r="E6069" t="s">
        <v>77</v>
      </c>
      <c r="F6069" t="s">
        <v>33</v>
      </c>
      <c r="G6069" t="s">
        <v>46</v>
      </c>
      <c r="H6069" t="s">
        <v>1215</v>
      </c>
      <c r="I6069">
        <v>148.29</v>
      </c>
      <c r="J6069">
        <v>7</v>
      </c>
      <c r="K6069">
        <v>29.66</v>
      </c>
    </row>
    <row r="6070" spans="1:11" x14ac:dyDescent="0.3">
      <c r="A6070" s="1">
        <v>42684</v>
      </c>
      <c r="B6070" s="3">
        <f t="shared" si="188"/>
        <v>11</v>
      </c>
      <c r="C6070" s="3">
        <f t="shared" si="189"/>
        <v>2016</v>
      </c>
      <c r="D6070" t="s">
        <v>1180</v>
      </c>
      <c r="E6070" t="s">
        <v>77</v>
      </c>
      <c r="F6070" t="s">
        <v>10</v>
      </c>
      <c r="G6070" t="s">
        <v>11</v>
      </c>
      <c r="H6070" t="s">
        <v>1314</v>
      </c>
      <c r="I6070">
        <v>4.62</v>
      </c>
      <c r="J6070">
        <v>1</v>
      </c>
      <c r="K6070">
        <v>1.68</v>
      </c>
    </row>
    <row r="6071" spans="1:11" x14ac:dyDescent="0.3">
      <c r="A6071" s="1">
        <v>42684</v>
      </c>
      <c r="B6071" s="3">
        <f t="shared" si="188"/>
        <v>11</v>
      </c>
      <c r="C6071" s="3">
        <f t="shared" si="189"/>
        <v>2016</v>
      </c>
      <c r="D6071" t="s">
        <v>1180</v>
      </c>
      <c r="E6071" t="s">
        <v>77</v>
      </c>
      <c r="F6071" t="s">
        <v>38</v>
      </c>
      <c r="G6071" t="s">
        <v>51</v>
      </c>
      <c r="H6071" t="s">
        <v>1724</v>
      </c>
      <c r="I6071">
        <v>178.92</v>
      </c>
      <c r="J6071">
        <v>7</v>
      </c>
      <c r="K6071">
        <v>-29.07</v>
      </c>
    </row>
    <row r="6072" spans="1:11" x14ac:dyDescent="0.3">
      <c r="A6072" s="1">
        <v>42684</v>
      </c>
      <c r="B6072" s="3">
        <f t="shared" si="188"/>
        <v>11</v>
      </c>
      <c r="C6072" s="3">
        <f t="shared" si="189"/>
        <v>2016</v>
      </c>
      <c r="D6072" t="s">
        <v>1180</v>
      </c>
      <c r="E6072" t="s">
        <v>77</v>
      </c>
      <c r="F6072" t="s">
        <v>10</v>
      </c>
      <c r="G6072" t="s">
        <v>19</v>
      </c>
      <c r="H6072" t="s">
        <v>2074</v>
      </c>
      <c r="I6072">
        <v>69.89</v>
      </c>
      <c r="J6072">
        <v>7</v>
      </c>
      <c r="K6072">
        <v>-46.59</v>
      </c>
    </row>
    <row r="6073" spans="1:11" x14ac:dyDescent="0.3">
      <c r="A6073" s="1">
        <v>42684</v>
      </c>
      <c r="B6073" s="3">
        <f t="shared" si="188"/>
        <v>11</v>
      </c>
      <c r="C6073" s="3">
        <f t="shared" si="189"/>
        <v>2016</v>
      </c>
      <c r="D6073" t="s">
        <v>901</v>
      </c>
      <c r="E6073" t="s">
        <v>9</v>
      </c>
      <c r="F6073" t="s">
        <v>38</v>
      </c>
      <c r="G6073" t="s">
        <v>51</v>
      </c>
      <c r="H6073" t="s">
        <v>425</v>
      </c>
      <c r="I6073">
        <v>279.94</v>
      </c>
      <c r="J6073">
        <v>7</v>
      </c>
      <c r="K6073">
        <v>48.99</v>
      </c>
    </row>
    <row r="6074" spans="1:11" x14ac:dyDescent="0.3">
      <c r="A6074" s="1">
        <v>42684</v>
      </c>
      <c r="B6074" s="3">
        <f t="shared" si="188"/>
        <v>11</v>
      </c>
      <c r="C6074" s="3">
        <f t="shared" si="189"/>
        <v>2016</v>
      </c>
      <c r="D6074" t="s">
        <v>2146</v>
      </c>
      <c r="E6074" t="s">
        <v>185</v>
      </c>
      <c r="F6074" t="s">
        <v>33</v>
      </c>
      <c r="G6074" t="s">
        <v>46</v>
      </c>
      <c r="H6074" t="s">
        <v>1989</v>
      </c>
      <c r="I6074">
        <v>37.299999999999997</v>
      </c>
      <c r="J6074">
        <v>2</v>
      </c>
      <c r="K6074">
        <v>17.16</v>
      </c>
    </row>
    <row r="6075" spans="1:11" x14ac:dyDescent="0.3">
      <c r="A6075" s="1">
        <v>42684</v>
      </c>
      <c r="B6075" s="3">
        <f t="shared" si="188"/>
        <v>11</v>
      </c>
      <c r="C6075" s="3">
        <f t="shared" si="189"/>
        <v>2016</v>
      </c>
      <c r="D6075" t="s">
        <v>2146</v>
      </c>
      <c r="E6075" t="s">
        <v>185</v>
      </c>
      <c r="F6075" t="s">
        <v>10</v>
      </c>
      <c r="G6075" t="s">
        <v>19</v>
      </c>
      <c r="H6075" t="s">
        <v>361</v>
      </c>
      <c r="I6075">
        <v>81.96</v>
      </c>
      <c r="J6075">
        <v>2</v>
      </c>
      <c r="K6075">
        <v>39.340000000000003</v>
      </c>
    </row>
    <row r="6076" spans="1:11" x14ac:dyDescent="0.3">
      <c r="A6076" s="1">
        <v>42684</v>
      </c>
      <c r="B6076" s="3">
        <f t="shared" si="188"/>
        <v>11</v>
      </c>
      <c r="C6076" s="3">
        <f t="shared" si="189"/>
        <v>2016</v>
      </c>
      <c r="D6076" t="s">
        <v>1770</v>
      </c>
      <c r="E6076" t="s">
        <v>148</v>
      </c>
      <c r="F6076" t="s">
        <v>10</v>
      </c>
      <c r="G6076" t="s">
        <v>19</v>
      </c>
      <c r="H6076" t="s">
        <v>1803</v>
      </c>
      <c r="I6076">
        <v>20.37</v>
      </c>
      <c r="J6076">
        <v>1</v>
      </c>
      <c r="K6076">
        <v>7.38</v>
      </c>
    </row>
    <row r="6077" spans="1:11" x14ac:dyDescent="0.3">
      <c r="A6077" s="1">
        <v>42684</v>
      </c>
      <c r="B6077" s="3">
        <f t="shared" si="188"/>
        <v>11</v>
      </c>
      <c r="C6077" s="3">
        <f t="shared" si="189"/>
        <v>2016</v>
      </c>
      <c r="D6077" t="s">
        <v>1770</v>
      </c>
      <c r="E6077" t="s">
        <v>148</v>
      </c>
      <c r="F6077" t="s">
        <v>10</v>
      </c>
      <c r="G6077" t="s">
        <v>19</v>
      </c>
      <c r="H6077" t="s">
        <v>780</v>
      </c>
      <c r="I6077">
        <v>49.85</v>
      </c>
      <c r="J6077">
        <v>3</v>
      </c>
      <c r="K6077">
        <v>16.82</v>
      </c>
    </row>
    <row r="6078" spans="1:11" x14ac:dyDescent="0.3">
      <c r="A6078" s="1">
        <v>42684</v>
      </c>
      <c r="B6078" s="3">
        <f t="shared" si="188"/>
        <v>11</v>
      </c>
      <c r="C6078" s="3">
        <f t="shared" si="189"/>
        <v>2016</v>
      </c>
      <c r="D6078" t="s">
        <v>586</v>
      </c>
      <c r="E6078" t="s">
        <v>26</v>
      </c>
      <c r="F6078" t="s">
        <v>10</v>
      </c>
      <c r="G6078" t="s">
        <v>11</v>
      </c>
      <c r="H6078" t="s">
        <v>2499</v>
      </c>
      <c r="I6078">
        <v>67.709999999999994</v>
      </c>
      <c r="J6078">
        <v>3</v>
      </c>
      <c r="K6078">
        <v>32.5</v>
      </c>
    </row>
    <row r="6079" spans="1:11" x14ac:dyDescent="0.3">
      <c r="A6079" s="1">
        <v>42684</v>
      </c>
      <c r="B6079" s="3">
        <f t="shared" si="188"/>
        <v>11</v>
      </c>
      <c r="C6079" s="3">
        <f t="shared" si="189"/>
        <v>2016</v>
      </c>
      <c r="D6079" t="s">
        <v>586</v>
      </c>
      <c r="E6079" t="s">
        <v>26</v>
      </c>
      <c r="F6079" t="s">
        <v>10</v>
      </c>
      <c r="G6079" t="s">
        <v>91</v>
      </c>
      <c r="H6079" t="s">
        <v>2620</v>
      </c>
      <c r="I6079">
        <v>129.91999999999999</v>
      </c>
      <c r="J6079">
        <v>4</v>
      </c>
      <c r="K6079">
        <v>38.979999999999997</v>
      </c>
    </row>
    <row r="6080" spans="1:11" x14ac:dyDescent="0.3">
      <c r="A6080" s="1">
        <v>42684</v>
      </c>
      <c r="B6080" s="3">
        <f t="shared" si="188"/>
        <v>11</v>
      </c>
      <c r="C6080" s="3">
        <f t="shared" si="189"/>
        <v>2016</v>
      </c>
      <c r="D6080" t="s">
        <v>586</v>
      </c>
      <c r="E6080" t="s">
        <v>26</v>
      </c>
      <c r="F6080" t="s">
        <v>33</v>
      </c>
      <c r="G6080" t="s">
        <v>46</v>
      </c>
      <c r="H6080" t="s">
        <v>56</v>
      </c>
      <c r="I6080">
        <v>467.46</v>
      </c>
      <c r="J6080">
        <v>9</v>
      </c>
      <c r="K6080">
        <v>191.66</v>
      </c>
    </row>
    <row r="6081" spans="1:11" x14ac:dyDescent="0.3">
      <c r="A6081" s="1">
        <v>42684</v>
      </c>
      <c r="B6081" s="3">
        <f t="shared" si="188"/>
        <v>11</v>
      </c>
      <c r="C6081" s="3">
        <f t="shared" si="189"/>
        <v>2016</v>
      </c>
      <c r="D6081" t="s">
        <v>586</v>
      </c>
      <c r="E6081" t="s">
        <v>26</v>
      </c>
      <c r="F6081" t="s">
        <v>10</v>
      </c>
      <c r="G6081" t="s">
        <v>11</v>
      </c>
      <c r="H6081" t="s">
        <v>620</v>
      </c>
      <c r="I6081">
        <v>61.4</v>
      </c>
      <c r="J6081">
        <v>5</v>
      </c>
      <c r="K6081">
        <v>28.86</v>
      </c>
    </row>
    <row r="6082" spans="1:11" x14ac:dyDescent="0.3">
      <c r="A6082" s="1">
        <v>42684</v>
      </c>
      <c r="B6082" s="3">
        <f t="shared" ref="B6082:B6145" si="190">MONTH(A:A)</f>
        <v>11</v>
      </c>
      <c r="C6082" s="3">
        <f t="shared" ref="C6082:C6145" si="191">YEAR(A:A)</f>
        <v>2016</v>
      </c>
      <c r="D6082" t="s">
        <v>586</v>
      </c>
      <c r="E6082" t="s">
        <v>26</v>
      </c>
      <c r="F6082" t="s">
        <v>10</v>
      </c>
      <c r="G6082" t="s">
        <v>17</v>
      </c>
      <c r="H6082" t="s">
        <v>1756</v>
      </c>
      <c r="I6082">
        <v>720.76</v>
      </c>
      <c r="J6082">
        <v>4</v>
      </c>
      <c r="K6082">
        <v>187.4</v>
      </c>
    </row>
    <row r="6083" spans="1:11" x14ac:dyDescent="0.3">
      <c r="A6083" s="1">
        <v>42684</v>
      </c>
      <c r="B6083" s="3">
        <f t="shared" si="190"/>
        <v>11</v>
      </c>
      <c r="C6083" s="3">
        <f t="shared" si="191"/>
        <v>2016</v>
      </c>
      <c r="D6083" t="s">
        <v>586</v>
      </c>
      <c r="E6083" t="s">
        <v>26</v>
      </c>
      <c r="F6083" t="s">
        <v>10</v>
      </c>
      <c r="G6083" t="s">
        <v>19</v>
      </c>
      <c r="H6083" t="s">
        <v>1646</v>
      </c>
      <c r="I6083">
        <v>5.18</v>
      </c>
      <c r="J6083">
        <v>3</v>
      </c>
      <c r="K6083">
        <v>1.81</v>
      </c>
    </row>
    <row r="6084" spans="1:11" x14ac:dyDescent="0.3">
      <c r="A6084" s="1">
        <v>42684</v>
      </c>
      <c r="B6084" s="3">
        <f t="shared" si="190"/>
        <v>11</v>
      </c>
      <c r="C6084" s="3">
        <f t="shared" si="191"/>
        <v>2016</v>
      </c>
      <c r="D6084" t="s">
        <v>586</v>
      </c>
      <c r="E6084" t="s">
        <v>26</v>
      </c>
      <c r="F6084" t="s">
        <v>10</v>
      </c>
      <c r="G6084" t="s">
        <v>23</v>
      </c>
      <c r="H6084" t="s">
        <v>2621</v>
      </c>
      <c r="I6084">
        <v>14.7</v>
      </c>
      <c r="J6084">
        <v>5</v>
      </c>
      <c r="K6084">
        <v>3.97</v>
      </c>
    </row>
    <row r="6085" spans="1:11" x14ac:dyDescent="0.3">
      <c r="A6085" s="1">
        <v>42684</v>
      </c>
      <c r="B6085" s="3">
        <f t="shared" si="190"/>
        <v>11</v>
      </c>
      <c r="C6085" s="3">
        <f t="shared" si="191"/>
        <v>2016</v>
      </c>
      <c r="D6085" t="s">
        <v>529</v>
      </c>
      <c r="E6085" t="s">
        <v>26</v>
      </c>
      <c r="F6085" t="s">
        <v>33</v>
      </c>
      <c r="G6085" t="s">
        <v>46</v>
      </c>
      <c r="H6085" t="s">
        <v>2470</v>
      </c>
      <c r="I6085">
        <v>9.98</v>
      </c>
      <c r="J6085">
        <v>1</v>
      </c>
      <c r="K6085">
        <v>2.79</v>
      </c>
    </row>
    <row r="6086" spans="1:11" x14ac:dyDescent="0.3">
      <c r="A6086" s="1">
        <v>42684</v>
      </c>
      <c r="B6086" s="3">
        <f t="shared" si="190"/>
        <v>11</v>
      </c>
      <c r="C6086" s="3">
        <f t="shared" si="191"/>
        <v>2016</v>
      </c>
      <c r="D6086" t="s">
        <v>2070</v>
      </c>
      <c r="E6086" t="s">
        <v>26</v>
      </c>
      <c r="F6086" t="s">
        <v>10</v>
      </c>
      <c r="G6086" t="s">
        <v>17</v>
      </c>
      <c r="H6086" t="s">
        <v>2597</v>
      </c>
      <c r="I6086">
        <v>29.74</v>
      </c>
      <c r="J6086">
        <v>1</v>
      </c>
      <c r="K6086">
        <v>4.46</v>
      </c>
    </row>
    <row r="6087" spans="1:11" x14ac:dyDescent="0.3">
      <c r="A6087" s="1">
        <v>42684</v>
      </c>
      <c r="B6087" s="3">
        <f t="shared" si="190"/>
        <v>11</v>
      </c>
      <c r="C6087" s="3">
        <f t="shared" si="191"/>
        <v>2016</v>
      </c>
      <c r="D6087" t="s">
        <v>57</v>
      </c>
      <c r="E6087" t="s">
        <v>77</v>
      </c>
      <c r="F6087" t="s">
        <v>10</v>
      </c>
      <c r="G6087" t="s">
        <v>11</v>
      </c>
      <c r="H6087" t="s">
        <v>2194</v>
      </c>
      <c r="I6087">
        <v>31.1</v>
      </c>
      <c r="J6087">
        <v>6</v>
      </c>
      <c r="K6087">
        <v>10.89</v>
      </c>
    </row>
    <row r="6088" spans="1:11" x14ac:dyDescent="0.3">
      <c r="A6088" s="1">
        <v>42684</v>
      </c>
      <c r="B6088" s="3">
        <f t="shared" si="190"/>
        <v>11</v>
      </c>
      <c r="C6088" s="3">
        <f t="shared" si="191"/>
        <v>2016</v>
      </c>
      <c r="D6088" t="s">
        <v>209</v>
      </c>
      <c r="E6088" t="s">
        <v>839</v>
      </c>
      <c r="F6088" t="s">
        <v>38</v>
      </c>
      <c r="G6088" t="s">
        <v>39</v>
      </c>
      <c r="H6088" t="s">
        <v>1933</v>
      </c>
      <c r="I6088">
        <v>221.98</v>
      </c>
      <c r="J6088">
        <v>2</v>
      </c>
      <c r="K6088">
        <v>62.15</v>
      </c>
    </row>
    <row r="6089" spans="1:11" x14ac:dyDescent="0.3">
      <c r="A6089" s="1">
        <v>42684</v>
      </c>
      <c r="B6089" s="3">
        <f t="shared" si="190"/>
        <v>11</v>
      </c>
      <c r="C6089" s="3">
        <f t="shared" si="191"/>
        <v>2016</v>
      </c>
      <c r="D6089" t="s">
        <v>209</v>
      </c>
      <c r="E6089" t="s">
        <v>839</v>
      </c>
      <c r="F6089" t="s">
        <v>33</v>
      </c>
      <c r="G6089" t="s">
        <v>73</v>
      </c>
      <c r="H6089" t="s">
        <v>154</v>
      </c>
      <c r="I6089">
        <v>341.96</v>
      </c>
      <c r="J6089">
        <v>2</v>
      </c>
      <c r="K6089">
        <v>54.71</v>
      </c>
    </row>
    <row r="6090" spans="1:11" x14ac:dyDescent="0.3">
      <c r="A6090" s="1">
        <v>42684</v>
      </c>
      <c r="B6090" s="3">
        <f t="shared" si="190"/>
        <v>11</v>
      </c>
      <c r="C6090" s="3">
        <f t="shared" si="191"/>
        <v>2016</v>
      </c>
      <c r="D6090" t="s">
        <v>274</v>
      </c>
      <c r="E6090" t="s">
        <v>148</v>
      </c>
      <c r="F6090" t="s">
        <v>10</v>
      </c>
      <c r="G6090" t="s">
        <v>19</v>
      </c>
      <c r="H6090" t="s">
        <v>786</v>
      </c>
      <c r="I6090">
        <v>3.64</v>
      </c>
      <c r="J6090">
        <v>1</v>
      </c>
      <c r="K6090">
        <v>1.37</v>
      </c>
    </row>
    <row r="6091" spans="1:11" x14ac:dyDescent="0.3">
      <c r="A6091" s="1">
        <v>42684</v>
      </c>
      <c r="B6091" s="3">
        <f t="shared" si="190"/>
        <v>11</v>
      </c>
      <c r="C6091" s="3">
        <f t="shared" si="191"/>
        <v>2016</v>
      </c>
      <c r="D6091" t="s">
        <v>274</v>
      </c>
      <c r="E6091" t="s">
        <v>148</v>
      </c>
      <c r="F6091" t="s">
        <v>38</v>
      </c>
      <c r="G6091" t="s">
        <v>39</v>
      </c>
      <c r="H6091" t="s">
        <v>1113</v>
      </c>
      <c r="I6091">
        <v>881.93</v>
      </c>
      <c r="J6091">
        <v>7</v>
      </c>
      <c r="K6091">
        <v>220.48</v>
      </c>
    </row>
    <row r="6092" spans="1:11" x14ac:dyDescent="0.3">
      <c r="A6092" s="1">
        <v>42685</v>
      </c>
      <c r="B6092" s="3">
        <f t="shared" si="190"/>
        <v>11</v>
      </c>
      <c r="C6092" s="3">
        <f t="shared" si="191"/>
        <v>2016</v>
      </c>
      <c r="D6092" t="s">
        <v>2455</v>
      </c>
      <c r="E6092" t="s">
        <v>148</v>
      </c>
      <c r="F6092" t="s">
        <v>38</v>
      </c>
      <c r="G6092" t="s">
        <v>51</v>
      </c>
      <c r="H6092" t="s">
        <v>1717</v>
      </c>
      <c r="I6092">
        <v>59.97</v>
      </c>
      <c r="J6092">
        <v>3</v>
      </c>
      <c r="K6092">
        <v>14.99</v>
      </c>
    </row>
    <row r="6093" spans="1:11" x14ac:dyDescent="0.3">
      <c r="A6093" s="1">
        <v>42685</v>
      </c>
      <c r="B6093" s="3">
        <f t="shared" si="190"/>
        <v>11</v>
      </c>
      <c r="C6093" s="3">
        <f t="shared" si="191"/>
        <v>2016</v>
      </c>
      <c r="D6093" t="s">
        <v>2455</v>
      </c>
      <c r="E6093" t="s">
        <v>148</v>
      </c>
      <c r="F6093" t="s">
        <v>10</v>
      </c>
      <c r="G6093" t="s">
        <v>17</v>
      </c>
      <c r="H6093" t="s">
        <v>752</v>
      </c>
      <c r="I6093">
        <v>83.36</v>
      </c>
      <c r="J6093">
        <v>1</v>
      </c>
      <c r="K6093">
        <v>20.84</v>
      </c>
    </row>
    <row r="6094" spans="1:11" x14ac:dyDescent="0.3">
      <c r="A6094" s="1">
        <v>42685</v>
      </c>
      <c r="B6094" s="3">
        <f t="shared" si="190"/>
        <v>11</v>
      </c>
      <c r="C6094" s="3">
        <f t="shared" si="191"/>
        <v>2016</v>
      </c>
      <c r="D6094" t="s">
        <v>2102</v>
      </c>
      <c r="E6094" t="s">
        <v>14</v>
      </c>
      <c r="F6094" t="s">
        <v>38</v>
      </c>
      <c r="G6094" t="s">
        <v>51</v>
      </c>
      <c r="H6094" t="s">
        <v>1555</v>
      </c>
      <c r="I6094">
        <v>95.97</v>
      </c>
      <c r="J6094">
        <v>4</v>
      </c>
      <c r="K6094">
        <v>1.2</v>
      </c>
    </row>
    <row r="6095" spans="1:11" x14ac:dyDescent="0.3">
      <c r="A6095" s="1">
        <v>42685</v>
      </c>
      <c r="B6095" s="3">
        <f t="shared" si="190"/>
        <v>11</v>
      </c>
      <c r="C6095" s="3">
        <f t="shared" si="191"/>
        <v>2016</v>
      </c>
      <c r="D6095" t="s">
        <v>2102</v>
      </c>
      <c r="E6095" t="s">
        <v>14</v>
      </c>
      <c r="F6095" t="s">
        <v>33</v>
      </c>
      <c r="G6095" t="s">
        <v>34</v>
      </c>
      <c r="H6095" t="s">
        <v>2067</v>
      </c>
      <c r="I6095">
        <v>47.99</v>
      </c>
      <c r="J6095">
        <v>2</v>
      </c>
      <c r="K6095">
        <v>-2.06</v>
      </c>
    </row>
    <row r="6096" spans="1:11" x14ac:dyDescent="0.3">
      <c r="A6096" s="1">
        <v>42685</v>
      </c>
      <c r="B6096" s="3">
        <f t="shared" si="190"/>
        <v>11</v>
      </c>
      <c r="C6096" s="3">
        <f t="shared" si="191"/>
        <v>2016</v>
      </c>
      <c r="D6096" t="s">
        <v>1404</v>
      </c>
      <c r="E6096" t="s">
        <v>109</v>
      </c>
      <c r="F6096" t="s">
        <v>38</v>
      </c>
      <c r="G6096" t="s">
        <v>39</v>
      </c>
      <c r="H6096" t="s">
        <v>1517</v>
      </c>
      <c r="I6096">
        <v>257.98</v>
      </c>
      <c r="J6096">
        <v>2</v>
      </c>
      <c r="K6096">
        <v>74.81</v>
      </c>
    </row>
    <row r="6097" spans="1:11" x14ac:dyDescent="0.3">
      <c r="A6097" s="1">
        <v>42685</v>
      </c>
      <c r="B6097" s="3">
        <f t="shared" si="190"/>
        <v>11</v>
      </c>
      <c r="C6097" s="3">
        <f t="shared" si="191"/>
        <v>2016</v>
      </c>
      <c r="D6097" t="s">
        <v>1050</v>
      </c>
      <c r="E6097" t="s">
        <v>26</v>
      </c>
      <c r="F6097" t="s">
        <v>33</v>
      </c>
      <c r="G6097" t="s">
        <v>46</v>
      </c>
      <c r="H6097" t="s">
        <v>615</v>
      </c>
      <c r="I6097">
        <v>6.96</v>
      </c>
      <c r="J6097">
        <v>4</v>
      </c>
      <c r="K6097">
        <v>2.23</v>
      </c>
    </row>
    <row r="6098" spans="1:11" x14ac:dyDescent="0.3">
      <c r="A6098" s="1">
        <v>42685</v>
      </c>
      <c r="B6098" s="3">
        <f t="shared" si="190"/>
        <v>11</v>
      </c>
      <c r="C6098" s="3">
        <f t="shared" si="191"/>
        <v>2016</v>
      </c>
      <c r="D6098" t="s">
        <v>561</v>
      </c>
      <c r="E6098" t="s">
        <v>122</v>
      </c>
      <c r="F6098" t="s">
        <v>10</v>
      </c>
      <c r="G6098" t="s">
        <v>19</v>
      </c>
      <c r="H6098" t="s">
        <v>468</v>
      </c>
      <c r="I6098">
        <v>9.89</v>
      </c>
      <c r="J6098">
        <v>2</v>
      </c>
      <c r="K6098">
        <v>-6.92</v>
      </c>
    </row>
    <row r="6099" spans="1:11" x14ac:dyDescent="0.3">
      <c r="A6099" s="1">
        <v>42685</v>
      </c>
      <c r="B6099" s="3">
        <f t="shared" si="190"/>
        <v>11</v>
      </c>
      <c r="C6099" s="3">
        <f t="shared" si="191"/>
        <v>2016</v>
      </c>
      <c r="D6099" t="s">
        <v>561</v>
      </c>
      <c r="E6099" t="s">
        <v>122</v>
      </c>
      <c r="F6099" t="s">
        <v>10</v>
      </c>
      <c r="G6099" t="s">
        <v>91</v>
      </c>
      <c r="H6099" t="s">
        <v>2551</v>
      </c>
      <c r="I6099">
        <v>671.54</v>
      </c>
      <c r="J6099">
        <v>3</v>
      </c>
      <c r="K6099">
        <v>50.37</v>
      </c>
    </row>
    <row r="6100" spans="1:11" x14ac:dyDescent="0.3">
      <c r="A6100" s="1">
        <v>42685</v>
      </c>
      <c r="B6100" s="3">
        <f t="shared" si="190"/>
        <v>11</v>
      </c>
      <c r="C6100" s="3">
        <f t="shared" si="191"/>
        <v>2016</v>
      </c>
      <c r="D6100" t="s">
        <v>1945</v>
      </c>
      <c r="E6100" t="s">
        <v>148</v>
      </c>
      <c r="F6100" t="s">
        <v>10</v>
      </c>
      <c r="G6100" t="s">
        <v>17</v>
      </c>
      <c r="H6100" t="s">
        <v>298</v>
      </c>
      <c r="I6100">
        <v>28.14</v>
      </c>
      <c r="J6100">
        <v>3</v>
      </c>
      <c r="K6100">
        <v>7.88</v>
      </c>
    </row>
    <row r="6101" spans="1:11" x14ac:dyDescent="0.3">
      <c r="A6101" s="1">
        <v>42685</v>
      </c>
      <c r="B6101" s="3">
        <f t="shared" si="190"/>
        <v>11</v>
      </c>
      <c r="C6101" s="3">
        <f t="shared" si="191"/>
        <v>2016</v>
      </c>
      <c r="D6101" t="s">
        <v>1945</v>
      </c>
      <c r="E6101" t="s">
        <v>148</v>
      </c>
      <c r="F6101" t="s">
        <v>38</v>
      </c>
      <c r="G6101" t="s">
        <v>51</v>
      </c>
      <c r="H6101" t="s">
        <v>2228</v>
      </c>
      <c r="I6101">
        <v>36</v>
      </c>
      <c r="J6101">
        <v>2</v>
      </c>
      <c r="K6101">
        <v>6.48</v>
      </c>
    </row>
    <row r="6102" spans="1:11" x14ac:dyDescent="0.3">
      <c r="A6102" s="1">
        <v>42685</v>
      </c>
      <c r="B6102" s="3">
        <f t="shared" si="190"/>
        <v>11</v>
      </c>
      <c r="C6102" s="3">
        <f t="shared" si="191"/>
        <v>2016</v>
      </c>
      <c r="D6102" t="s">
        <v>1945</v>
      </c>
      <c r="E6102" t="s">
        <v>148</v>
      </c>
      <c r="F6102" t="s">
        <v>10</v>
      </c>
      <c r="G6102" t="s">
        <v>23</v>
      </c>
      <c r="H6102" t="s">
        <v>1851</v>
      </c>
      <c r="I6102">
        <v>92.94</v>
      </c>
      <c r="J6102">
        <v>3</v>
      </c>
      <c r="K6102">
        <v>25.09</v>
      </c>
    </row>
    <row r="6103" spans="1:11" x14ac:dyDescent="0.3">
      <c r="A6103" s="1">
        <v>42685</v>
      </c>
      <c r="B6103" s="3">
        <f t="shared" si="190"/>
        <v>11</v>
      </c>
      <c r="C6103" s="3">
        <f t="shared" si="191"/>
        <v>2016</v>
      </c>
      <c r="D6103" t="s">
        <v>1945</v>
      </c>
      <c r="E6103" t="s">
        <v>148</v>
      </c>
      <c r="F6103" t="s">
        <v>33</v>
      </c>
      <c r="G6103" t="s">
        <v>34</v>
      </c>
      <c r="H6103" t="s">
        <v>1479</v>
      </c>
      <c r="I6103">
        <v>245.65</v>
      </c>
      <c r="J6103">
        <v>3</v>
      </c>
      <c r="K6103">
        <v>8.19</v>
      </c>
    </row>
    <row r="6104" spans="1:11" x14ac:dyDescent="0.3">
      <c r="A6104" s="1">
        <v>42685</v>
      </c>
      <c r="B6104" s="3">
        <f t="shared" si="190"/>
        <v>11</v>
      </c>
      <c r="C6104" s="3">
        <f t="shared" si="191"/>
        <v>2016</v>
      </c>
      <c r="D6104" t="s">
        <v>1945</v>
      </c>
      <c r="E6104" t="s">
        <v>148</v>
      </c>
      <c r="F6104" t="s">
        <v>10</v>
      </c>
      <c r="G6104" t="s">
        <v>19</v>
      </c>
      <c r="H6104" t="s">
        <v>2217</v>
      </c>
      <c r="I6104">
        <v>55.01</v>
      </c>
      <c r="J6104">
        <v>3</v>
      </c>
      <c r="K6104">
        <v>17.190000000000001</v>
      </c>
    </row>
    <row r="6105" spans="1:11" x14ac:dyDescent="0.3">
      <c r="A6105" s="1">
        <v>42685</v>
      </c>
      <c r="B6105" s="3">
        <f t="shared" si="190"/>
        <v>11</v>
      </c>
      <c r="C6105" s="3">
        <f t="shared" si="191"/>
        <v>2016</v>
      </c>
      <c r="D6105" t="s">
        <v>1945</v>
      </c>
      <c r="E6105" t="s">
        <v>148</v>
      </c>
      <c r="F6105" t="s">
        <v>10</v>
      </c>
      <c r="G6105" t="s">
        <v>19</v>
      </c>
      <c r="H6105" t="s">
        <v>1926</v>
      </c>
      <c r="I6105">
        <v>35.229999999999997</v>
      </c>
      <c r="J6105">
        <v>3</v>
      </c>
      <c r="K6105">
        <v>11.45</v>
      </c>
    </row>
    <row r="6106" spans="1:11" x14ac:dyDescent="0.3">
      <c r="A6106" s="1">
        <v>42685</v>
      </c>
      <c r="B6106" s="3">
        <f t="shared" si="190"/>
        <v>11</v>
      </c>
      <c r="C6106" s="3">
        <f t="shared" si="191"/>
        <v>2016</v>
      </c>
      <c r="D6106" t="s">
        <v>870</v>
      </c>
      <c r="E6106" t="s">
        <v>26</v>
      </c>
      <c r="F6106" t="s">
        <v>33</v>
      </c>
      <c r="G6106" t="s">
        <v>46</v>
      </c>
      <c r="H6106" t="s">
        <v>2622</v>
      </c>
      <c r="I6106">
        <v>41.96</v>
      </c>
      <c r="J6106">
        <v>2</v>
      </c>
      <c r="K6106">
        <v>10.91</v>
      </c>
    </row>
    <row r="6107" spans="1:11" x14ac:dyDescent="0.3">
      <c r="A6107" s="1">
        <v>42685</v>
      </c>
      <c r="B6107" s="3">
        <f t="shared" si="190"/>
        <v>11</v>
      </c>
      <c r="C6107" s="3">
        <f t="shared" si="191"/>
        <v>2016</v>
      </c>
      <c r="D6107" t="s">
        <v>870</v>
      </c>
      <c r="E6107" t="s">
        <v>26</v>
      </c>
      <c r="F6107" t="s">
        <v>33</v>
      </c>
      <c r="G6107" t="s">
        <v>34</v>
      </c>
      <c r="H6107" t="s">
        <v>993</v>
      </c>
      <c r="I6107">
        <v>451.15</v>
      </c>
      <c r="J6107">
        <v>3</v>
      </c>
      <c r="K6107">
        <v>0</v>
      </c>
    </row>
    <row r="6108" spans="1:11" x14ac:dyDescent="0.3">
      <c r="A6108" s="1">
        <v>42685</v>
      </c>
      <c r="B6108" s="3">
        <f t="shared" si="190"/>
        <v>11</v>
      </c>
      <c r="C6108" s="3">
        <f t="shared" si="191"/>
        <v>2016</v>
      </c>
      <c r="D6108" t="s">
        <v>870</v>
      </c>
      <c r="E6108" t="s">
        <v>26</v>
      </c>
      <c r="F6108" t="s">
        <v>10</v>
      </c>
      <c r="G6108" t="s">
        <v>19</v>
      </c>
      <c r="H6108" t="s">
        <v>1301</v>
      </c>
      <c r="I6108">
        <v>31.5</v>
      </c>
      <c r="J6108">
        <v>11</v>
      </c>
      <c r="K6108">
        <v>11.03</v>
      </c>
    </row>
    <row r="6109" spans="1:11" x14ac:dyDescent="0.3">
      <c r="A6109" s="1">
        <v>42685</v>
      </c>
      <c r="B6109" s="3">
        <f t="shared" si="190"/>
        <v>11</v>
      </c>
      <c r="C6109" s="3">
        <f t="shared" si="191"/>
        <v>2016</v>
      </c>
      <c r="D6109" t="s">
        <v>2525</v>
      </c>
      <c r="E6109" t="s">
        <v>128</v>
      </c>
      <c r="F6109" t="s">
        <v>33</v>
      </c>
      <c r="G6109" t="s">
        <v>144</v>
      </c>
      <c r="H6109" t="s">
        <v>320</v>
      </c>
      <c r="I6109">
        <v>2678.94</v>
      </c>
      <c r="J6109">
        <v>6</v>
      </c>
      <c r="K6109">
        <v>241.1</v>
      </c>
    </row>
    <row r="6110" spans="1:11" x14ac:dyDescent="0.3">
      <c r="A6110" s="1">
        <v>42685</v>
      </c>
      <c r="B6110" s="3">
        <f t="shared" si="190"/>
        <v>11</v>
      </c>
      <c r="C6110" s="3">
        <f t="shared" si="191"/>
        <v>2016</v>
      </c>
      <c r="D6110" t="s">
        <v>2623</v>
      </c>
      <c r="E6110" t="s">
        <v>14</v>
      </c>
      <c r="F6110" t="s">
        <v>10</v>
      </c>
      <c r="G6110" t="s">
        <v>23</v>
      </c>
      <c r="H6110" t="s">
        <v>1822</v>
      </c>
      <c r="I6110">
        <v>14.11</v>
      </c>
      <c r="J6110">
        <v>6</v>
      </c>
      <c r="K6110">
        <v>1.23</v>
      </c>
    </row>
    <row r="6111" spans="1:11" x14ac:dyDescent="0.3">
      <c r="A6111" s="1">
        <v>42686</v>
      </c>
      <c r="B6111" s="3">
        <f t="shared" si="190"/>
        <v>11</v>
      </c>
      <c r="C6111" s="3">
        <f t="shared" si="191"/>
        <v>2016</v>
      </c>
      <c r="D6111" t="s">
        <v>379</v>
      </c>
      <c r="E6111" t="s">
        <v>94</v>
      </c>
      <c r="F6111" t="s">
        <v>10</v>
      </c>
      <c r="G6111" t="s">
        <v>19</v>
      </c>
      <c r="H6111" t="s">
        <v>1490</v>
      </c>
      <c r="I6111">
        <v>6.27</v>
      </c>
      <c r="J6111">
        <v>5</v>
      </c>
      <c r="K6111">
        <v>-4.5999999999999996</v>
      </c>
    </row>
    <row r="6112" spans="1:11" x14ac:dyDescent="0.3">
      <c r="A6112" s="1">
        <v>42686</v>
      </c>
      <c r="B6112" s="3">
        <f t="shared" si="190"/>
        <v>11</v>
      </c>
      <c r="C6112" s="3">
        <f t="shared" si="191"/>
        <v>2016</v>
      </c>
      <c r="D6112" t="s">
        <v>379</v>
      </c>
      <c r="E6112" t="s">
        <v>94</v>
      </c>
      <c r="F6112" t="s">
        <v>10</v>
      </c>
      <c r="G6112" t="s">
        <v>19</v>
      </c>
      <c r="H6112" t="s">
        <v>2266</v>
      </c>
      <c r="I6112">
        <v>4.37</v>
      </c>
      <c r="J6112">
        <v>7</v>
      </c>
      <c r="K6112">
        <v>-3.35</v>
      </c>
    </row>
    <row r="6113" spans="1:11" x14ac:dyDescent="0.3">
      <c r="A6113" s="1">
        <v>42686</v>
      </c>
      <c r="B6113" s="3">
        <f t="shared" si="190"/>
        <v>11</v>
      </c>
      <c r="C6113" s="3">
        <f t="shared" si="191"/>
        <v>2016</v>
      </c>
      <c r="D6113" t="s">
        <v>379</v>
      </c>
      <c r="E6113" t="s">
        <v>94</v>
      </c>
      <c r="F6113" t="s">
        <v>38</v>
      </c>
      <c r="G6113" t="s">
        <v>51</v>
      </c>
      <c r="H6113" t="s">
        <v>1717</v>
      </c>
      <c r="I6113">
        <v>31.98</v>
      </c>
      <c r="J6113">
        <v>2</v>
      </c>
      <c r="K6113">
        <v>2</v>
      </c>
    </row>
    <row r="6114" spans="1:11" x14ac:dyDescent="0.3">
      <c r="A6114" s="1">
        <v>42686</v>
      </c>
      <c r="B6114" s="3">
        <f t="shared" si="190"/>
        <v>11</v>
      </c>
      <c r="C6114" s="3">
        <f t="shared" si="191"/>
        <v>2016</v>
      </c>
      <c r="D6114" t="s">
        <v>482</v>
      </c>
      <c r="E6114" t="s">
        <v>128</v>
      </c>
      <c r="F6114" t="s">
        <v>10</v>
      </c>
      <c r="G6114" t="s">
        <v>62</v>
      </c>
      <c r="H6114" t="s">
        <v>2369</v>
      </c>
      <c r="I6114">
        <v>287.52</v>
      </c>
      <c r="J6114">
        <v>8</v>
      </c>
      <c r="K6114">
        <v>129.38</v>
      </c>
    </row>
    <row r="6115" spans="1:11" x14ac:dyDescent="0.3">
      <c r="A6115" s="1">
        <v>42686</v>
      </c>
      <c r="B6115" s="3">
        <f t="shared" si="190"/>
        <v>11</v>
      </c>
      <c r="C6115" s="3">
        <f t="shared" si="191"/>
        <v>2016</v>
      </c>
      <c r="D6115" t="s">
        <v>482</v>
      </c>
      <c r="E6115" t="s">
        <v>128</v>
      </c>
      <c r="F6115" t="s">
        <v>10</v>
      </c>
      <c r="G6115" t="s">
        <v>91</v>
      </c>
      <c r="H6115" t="s">
        <v>1828</v>
      </c>
      <c r="I6115">
        <v>37.68</v>
      </c>
      <c r="J6115">
        <v>2</v>
      </c>
      <c r="K6115">
        <v>10.55</v>
      </c>
    </row>
    <row r="6116" spans="1:11" x14ac:dyDescent="0.3">
      <c r="A6116" s="1">
        <v>42686</v>
      </c>
      <c r="B6116" s="3">
        <f t="shared" si="190"/>
        <v>11</v>
      </c>
      <c r="C6116" s="3">
        <f t="shared" si="191"/>
        <v>2016</v>
      </c>
      <c r="D6116" t="s">
        <v>482</v>
      </c>
      <c r="E6116" t="s">
        <v>128</v>
      </c>
      <c r="F6116" t="s">
        <v>10</v>
      </c>
      <c r="G6116" t="s">
        <v>11</v>
      </c>
      <c r="H6116" t="s">
        <v>2153</v>
      </c>
      <c r="I6116">
        <v>19.98</v>
      </c>
      <c r="J6116">
        <v>2</v>
      </c>
      <c r="K6116">
        <v>8.99</v>
      </c>
    </row>
    <row r="6117" spans="1:11" x14ac:dyDescent="0.3">
      <c r="A6117" s="1">
        <v>42686</v>
      </c>
      <c r="B6117" s="3">
        <f t="shared" si="190"/>
        <v>11</v>
      </c>
      <c r="C6117" s="3">
        <f t="shared" si="191"/>
        <v>2016</v>
      </c>
      <c r="D6117" t="s">
        <v>482</v>
      </c>
      <c r="E6117" t="s">
        <v>128</v>
      </c>
      <c r="F6117" t="s">
        <v>10</v>
      </c>
      <c r="G6117" t="s">
        <v>23</v>
      </c>
      <c r="H6117" t="s">
        <v>1822</v>
      </c>
      <c r="I6117">
        <v>20.58</v>
      </c>
      <c r="J6117">
        <v>7</v>
      </c>
      <c r="K6117">
        <v>5.56</v>
      </c>
    </row>
    <row r="6118" spans="1:11" x14ac:dyDescent="0.3">
      <c r="A6118" s="1">
        <v>42686</v>
      </c>
      <c r="B6118" s="3">
        <f t="shared" si="190"/>
        <v>11</v>
      </c>
      <c r="C6118" s="3">
        <f t="shared" si="191"/>
        <v>2016</v>
      </c>
      <c r="D6118" t="s">
        <v>482</v>
      </c>
      <c r="E6118" t="s">
        <v>128</v>
      </c>
      <c r="F6118" t="s">
        <v>10</v>
      </c>
      <c r="G6118" t="s">
        <v>19</v>
      </c>
      <c r="H6118" t="s">
        <v>1997</v>
      </c>
      <c r="I6118">
        <v>17.38</v>
      </c>
      <c r="J6118">
        <v>2</v>
      </c>
      <c r="K6118">
        <v>8.69</v>
      </c>
    </row>
    <row r="6119" spans="1:11" x14ac:dyDescent="0.3">
      <c r="A6119" s="1">
        <v>42686</v>
      </c>
      <c r="B6119" s="3">
        <f t="shared" si="190"/>
        <v>11</v>
      </c>
      <c r="C6119" s="3">
        <f t="shared" si="191"/>
        <v>2016</v>
      </c>
      <c r="D6119" t="s">
        <v>1676</v>
      </c>
      <c r="E6119" t="s">
        <v>77</v>
      </c>
      <c r="F6119" t="s">
        <v>33</v>
      </c>
      <c r="G6119" t="s">
        <v>34</v>
      </c>
      <c r="H6119" t="s">
        <v>273</v>
      </c>
      <c r="I6119">
        <v>1474.8</v>
      </c>
      <c r="J6119">
        <v>7</v>
      </c>
      <c r="K6119">
        <v>-21.07</v>
      </c>
    </row>
    <row r="6120" spans="1:11" x14ac:dyDescent="0.3">
      <c r="A6120" s="1">
        <v>42686</v>
      </c>
      <c r="B6120" s="3">
        <f t="shared" si="190"/>
        <v>11</v>
      </c>
      <c r="C6120" s="3">
        <f t="shared" si="191"/>
        <v>2016</v>
      </c>
      <c r="D6120" t="s">
        <v>1676</v>
      </c>
      <c r="E6120" t="s">
        <v>77</v>
      </c>
      <c r="F6120" t="s">
        <v>10</v>
      </c>
      <c r="G6120" t="s">
        <v>91</v>
      </c>
      <c r="H6120" t="s">
        <v>113</v>
      </c>
      <c r="I6120">
        <v>110.1</v>
      </c>
      <c r="J6120">
        <v>2</v>
      </c>
      <c r="K6120">
        <v>33.03</v>
      </c>
    </row>
    <row r="6121" spans="1:11" x14ac:dyDescent="0.3">
      <c r="A6121" s="1">
        <v>42686</v>
      </c>
      <c r="B6121" s="3">
        <f t="shared" si="190"/>
        <v>11</v>
      </c>
      <c r="C6121" s="3">
        <f t="shared" si="191"/>
        <v>2016</v>
      </c>
      <c r="D6121" t="s">
        <v>1676</v>
      </c>
      <c r="E6121" t="s">
        <v>77</v>
      </c>
      <c r="F6121" t="s">
        <v>10</v>
      </c>
      <c r="G6121" t="s">
        <v>42</v>
      </c>
      <c r="H6121" t="s">
        <v>1560</v>
      </c>
      <c r="I6121">
        <v>16.75</v>
      </c>
      <c r="J6121">
        <v>6</v>
      </c>
      <c r="K6121">
        <v>5.44</v>
      </c>
    </row>
    <row r="6122" spans="1:11" x14ac:dyDescent="0.3">
      <c r="A6122" s="1">
        <v>42686</v>
      </c>
      <c r="B6122" s="3">
        <f t="shared" si="190"/>
        <v>11</v>
      </c>
      <c r="C6122" s="3">
        <f t="shared" si="191"/>
        <v>2016</v>
      </c>
      <c r="D6122" t="s">
        <v>1676</v>
      </c>
      <c r="E6122" t="s">
        <v>77</v>
      </c>
      <c r="F6122" t="s">
        <v>33</v>
      </c>
      <c r="G6122" t="s">
        <v>34</v>
      </c>
      <c r="H6122" t="s">
        <v>863</v>
      </c>
      <c r="I6122">
        <v>1537.07</v>
      </c>
      <c r="J6122">
        <v>9</v>
      </c>
      <c r="K6122">
        <v>0</v>
      </c>
    </row>
    <row r="6123" spans="1:11" x14ac:dyDescent="0.3">
      <c r="A6123" s="1">
        <v>42686</v>
      </c>
      <c r="B6123" s="3">
        <f t="shared" si="190"/>
        <v>11</v>
      </c>
      <c r="C6123" s="3">
        <f t="shared" si="191"/>
        <v>2016</v>
      </c>
      <c r="D6123" t="s">
        <v>1676</v>
      </c>
      <c r="E6123" t="s">
        <v>77</v>
      </c>
      <c r="F6123" t="s">
        <v>33</v>
      </c>
      <c r="G6123" t="s">
        <v>34</v>
      </c>
      <c r="H6123" t="s">
        <v>1730</v>
      </c>
      <c r="I6123">
        <v>449.37</v>
      </c>
      <c r="J6123">
        <v>2</v>
      </c>
      <c r="K6123">
        <v>-12.84</v>
      </c>
    </row>
    <row r="6124" spans="1:11" x14ac:dyDescent="0.3">
      <c r="A6124" s="1">
        <v>42686</v>
      </c>
      <c r="B6124" s="3">
        <f t="shared" si="190"/>
        <v>11</v>
      </c>
      <c r="C6124" s="3">
        <f t="shared" si="191"/>
        <v>2016</v>
      </c>
      <c r="D6124" t="s">
        <v>751</v>
      </c>
      <c r="E6124" t="s">
        <v>26</v>
      </c>
      <c r="F6124" t="s">
        <v>38</v>
      </c>
      <c r="G6124" t="s">
        <v>39</v>
      </c>
      <c r="H6124" t="s">
        <v>1877</v>
      </c>
      <c r="I6124">
        <v>203.98</v>
      </c>
      <c r="J6124">
        <v>3</v>
      </c>
      <c r="K6124">
        <v>25.5</v>
      </c>
    </row>
    <row r="6125" spans="1:11" x14ac:dyDescent="0.3">
      <c r="A6125" s="1">
        <v>42686</v>
      </c>
      <c r="B6125" s="3">
        <f t="shared" si="190"/>
        <v>11</v>
      </c>
      <c r="C6125" s="3">
        <f t="shared" si="191"/>
        <v>2016</v>
      </c>
      <c r="D6125" t="s">
        <v>751</v>
      </c>
      <c r="E6125" t="s">
        <v>26</v>
      </c>
      <c r="F6125" t="s">
        <v>33</v>
      </c>
      <c r="G6125" t="s">
        <v>144</v>
      </c>
      <c r="H6125" t="s">
        <v>2510</v>
      </c>
      <c r="I6125">
        <v>674.35</v>
      </c>
      <c r="J6125">
        <v>3</v>
      </c>
      <c r="K6125">
        <v>-8.43</v>
      </c>
    </row>
    <row r="6126" spans="1:11" x14ac:dyDescent="0.3">
      <c r="A6126" s="1">
        <v>42686</v>
      </c>
      <c r="B6126" s="3">
        <f t="shared" si="190"/>
        <v>11</v>
      </c>
      <c r="C6126" s="3">
        <f t="shared" si="191"/>
        <v>2016</v>
      </c>
      <c r="D6126" t="s">
        <v>535</v>
      </c>
      <c r="E6126" t="s">
        <v>14</v>
      </c>
      <c r="F6126" t="s">
        <v>33</v>
      </c>
      <c r="G6126" t="s">
        <v>46</v>
      </c>
      <c r="H6126" t="s">
        <v>1999</v>
      </c>
      <c r="I6126">
        <v>22.75</v>
      </c>
      <c r="J6126">
        <v>6</v>
      </c>
      <c r="K6126">
        <v>-8.5299999999999994</v>
      </c>
    </row>
    <row r="6127" spans="1:11" x14ac:dyDescent="0.3">
      <c r="A6127" s="1">
        <v>42687</v>
      </c>
      <c r="B6127" s="3">
        <f t="shared" si="190"/>
        <v>11</v>
      </c>
      <c r="C6127" s="3">
        <f t="shared" si="191"/>
        <v>2016</v>
      </c>
      <c r="D6127" t="s">
        <v>1176</v>
      </c>
      <c r="E6127" t="s">
        <v>163</v>
      </c>
      <c r="F6127" t="s">
        <v>10</v>
      </c>
      <c r="G6127" t="s">
        <v>23</v>
      </c>
      <c r="H6127" t="s">
        <v>1357</v>
      </c>
      <c r="I6127">
        <v>44.02</v>
      </c>
      <c r="J6127">
        <v>2</v>
      </c>
      <c r="K6127">
        <v>11.45</v>
      </c>
    </row>
    <row r="6128" spans="1:11" x14ac:dyDescent="0.3">
      <c r="A6128" s="1">
        <v>42687</v>
      </c>
      <c r="B6128" s="3">
        <f t="shared" si="190"/>
        <v>11</v>
      </c>
      <c r="C6128" s="3">
        <f t="shared" si="191"/>
        <v>2016</v>
      </c>
      <c r="D6128" t="s">
        <v>391</v>
      </c>
      <c r="E6128" t="s">
        <v>244</v>
      </c>
      <c r="F6128" t="s">
        <v>10</v>
      </c>
      <c r="G6128" t="s">
        <v>199</v>
      </c>
      <c r="H6128" t="s">
        <v>261</v>
      </c>
      <c r="I6128">
        <v>52.14</v>
      </c>
      <c r="J6128">
        <v>7</v>
      </c>
      <c r="K6128">
        <v>5.87</v>
      </c>
    </row>
    <row r="6129" spans="1:11" x14ac:dyDescent="0.3">
      <c r="A6129" s="1">
        <v>42687</v>
      </c>
      <c r="B6129" s="3">
        <f t="shared" si="190"/>
        <v>11</v>
      </c>
      <c r="C6129" s="3">
        <f t="shared" si="191"/>
        <v>2016</v>
      </c>
      <c r="D6129" t="s">
        <v>2624</v>
      </c>
      <c r="E6129" t="s">
        <v>163</v>
      </c>
      <c r="F6129" t="s">
        <v>33</v>
      </c>
      <c r="G6129" t="s">
        <v>46</v>
      </c>
      <c r="H6129" t="s">
        <v>1778</v>
      </c>
      <c r="I6129">
        <v>4.18</v>
      </c>
      <c r="J6129">
        <v>1</v>
      </c>
      <c r="K6129">
        <v>1.5</v>
      </c>
    </row>
    <row r="6130" spans="1:11" x14ac:dyDescent="0.3">
      <c r="A6130" s="1">
        <v>42687</v>
      </c>
      <c r="B6130" s="3">
        <f t="shared" si="190"/>
        <v>11</v>
      </c>
      <c r="C6130" s="3">
        <f t="shared" si="191"/>
        <v>2016</v>
      </c>
      <c r="D6130" t="s">
        <v>2224</v>
      </c>
      <c r="E6130" t="s">
        <v>22</v>
      </c>
      <c r="F6130" t="s">
        <v>10</v>
      </c>
      <c r="G6130" t="s">
        <v>11</v>
      </c>
      <c r="H6130" t="s">
        <v>1053</v>
      </c>
      <c r="I6130">
        <v>217.06</v>
      </c>
      <c r="J6130">
        <v>7</v>
      </c>
      <c r="K6130">
        <v>78.680000000000007</v>
      </c>
    </row>
    <row r="6131" spans="1:11" x14ac:dyDescent="0.3">
      <c r="A6131" s="1">
        <v>42687</v>
      </c>
      <c r="B6131" s="3">
        <f t="shared" si="190"/>
        <v>11</v>
      </c>
      <c r="C6131" s="3">
        <f t="shared" si="191"/>
        <v>2016</v>
      </c>
      <c r="D6131" t="s">
        <v>561</v>
      </c>
      <c r="E6131" t="s">
        <v>14</v>
      </c>
      <c r="F6131" t="s">
        <v>10</v>
      </c>
      <c r="G6131" t="s">
        <v>19</v>
      </c>
      <c r="H6131" t="s">
        <v>1969</v>
      </c>
      <c r="I6131">
        <v>3.14</v>
      </c>
      <c r="J6131">
        <v>2</v>
      </c>
      <c r="K6131">
        <v>-4.7</v>
      </c>
    </row>
    <row r="6132" spans="1:11" x14ac:dyDescent="0.3">
      <c r="A6132" s="1">
        <v>42687</v>
      </c>
      <c r="B6132" s="3">
        <f t="shared" si="190"/>
        <v>11</v>
      </c>
      <c r="C6132" s="3">
        <f t="shared" si="191"/>
        <v>2016</v>
      </c>
      <c r="D6132" t="s">
        <v>175</v>
      </c>
      <c r="E6132" t="s">
        <v>148</v>
      </c>
      <c r="F6132" t="s">
        <v>10</v>
      </c>
      <c r="G6132" t="s">
        <v>17</v>
      </c>
      <c r="H6132" t="s">
        <v>462</v>
      </c>
      <c r="I6132">
        <v>77.55</v>
      </c>
      <c r="J6132">
        <v>5</v>
      </c>
      <c r="K6132">
        <v>20.16</v>
      </c>
    </row>
    <row r="6133" spans="1:11" x14ac:dyDescent="0.3">
      <c r="A6133" s="1">
        <v>42687</v>
      </c>
      <c r="B6133" s="3">
        <f t="shared" si="190"/>
        <v>11</v>
      </c>
      <c r="C6133" s="3">
        <f t="shared" si="191"/>
        <v>2016</v>
      </c>
      <c r="D6133" t="s">
        <v>175</v>
      </c>
      <c r="E6133" t="s">
        <v>148</v>
      </c>
      <c r="F6133" t="s">
        <v>10</v>
      </c>
      <c r="G6133" t="s">
        <v>17</v>
      </c>
      <c r="H6133" t="s">
        <v>515</v>
      </c>
      <c r="I6133">
        <v>24.88</v>
      </c>
      <c r="J6133">
        <v>2</v>
      </c>
      <c r="K6133">
        <v>6.97</v>
      </c>
    </row>
    <row r="6134" spans="1:11" x14ac:dyDescent="0.3">
      <c r="A6134" s="1">
        <v>42687</v>
      </c>
      <c r="B6134" s="3">
        <f t="shared" si="190"/>
        <v>11</v>
      </c>
      <c r="C6134" s="3">
        <f t="shared" si="191"/>
        <v>2016</v>
      </c>
      <c r="D6134" t="s">
        <v>175</v>
      </c>
      <c r="E6134" t="s">
        <v>148</v>
      </c>
      <c r="F6134" t="s">
        <v>10</v>
      </c>
      <c r="G6134" t="s">
        <v>23</v>
      </c>
      <c r="H6134" t="s">
        <v>1599</v>
      </c>
      <c r="I6134">
        <v>140.75</v>
      </c>
      <c r="J6134">
        <v>5</v>
      </c>
      <c r="K6134">
        <v>39.409999999999997</v>
      </c>
    </row>
    <row r="6135" spans="1:11" x14ac:dyDescent="0.3">
      <c r="A6135" s="1">
        <v>42687</v>
      </c>
      <c r="B6135" s="3">
        <f t="shared" si="190"/>
        <v>11</v>
      </c>
      <c r="C6135" s="3">
        <f t="shared" si="191"/>
        <v>2016</v>
      </c>
      <c r="D6135" t="s">
        <v>175</v>
      </c>
      <c r="E6135" t="s">
        <v>148</v>
      </c>
      <c r="F6135" t="s">
        <v>10</v>
      </c>
      <c r="G6135" t="s">
        <v>17</v>
      </c>
      <c r="H6135" t="s">
        <v>1170</v>
      </c>
      <c r="I6135">
        <v>36.630000000000003</v>
      </c>
      <c r="J6135">
        <v>3</v>
      </c>
      <c r="K6135">
        <v>9.89</v>
      </c>
    </row>
    <row r="6136" spans="1:11" x14ac:dyDescent="0.3">
      <c r="A6136" s="1">
        <v>42687</v>
      </c>
      <c r="B6136" s="3">
        <f t="shared" si="190"/>
        <v>11</v>
      </c>
      <c r="C6136" s="3">
        <f t="shared" si="191"/>
        <v>2016</v>
      </c>
      <c r="D6136" t="s">
        <v>1037</v>
      </c>
      <c r="E6136" t="s">
        <v>839</v>
      </c>
      <c r="F6136" t="s">
        <v>33</v>
      </c>
      <c r="G6136" t="s">
        <v>46</v>
      </c>
      <c r="H6136" t="s">
        <v>1832</v>
      </c>
      <c r="I6136">
        <v>30.36</v>
      </c>
      <c r="J6136">
        <v>4</v>
      </c>
      <c r="K6136">
        <v>13.05</v>
      </c>
    </row>
    <row r="6137" spans="1:11" x14ac:dyDescent="0.3">
      <c r="A6137" s="1">
        <v>42687</v>
      </c>
      <c r="B6137" s="3">
        <f t="shared" si="190"/>
        <v>11</v>
      </c>
      <c r="C6137" s="3">
        <f t="shared" si="191"/>
        <v>2016</v>
      </c>
      <c r="D6137" t="s">
        <v>1961</v>
      </c>
      <c r="E6137" t="s">
        <v>148</v>
      </c>
      <c r="F6137" t="s">
        <v>38</v>
      </c>
      <c r="G6137" t="s">
        <v>39</v>
      </c>
      <c r="H6137" t="s">
        <v>2625</v>
      </c>
      <c r="I6137">
        <v>2279.96</v>
      </c>
      <c r="J6137">
        <v>4</v>
      </c>
      <c r="K6137">
        <v>592.79</v>
      </c>
    </row>
    <row r="6138" spans="1:11" x14ac:dyDescent="0.3">
      <c r="A6138" s="1">
        <v>42687</v>
      </c>
      <c r="B6138" s="3">
        <f t="shared" si="190"/>
        <v>11</v>
      </c>
      <c r="C6138" s="3">
        <f t="shared" si="191"/>
        <v>2016</v>
      </c>
      <c r="D6138" t="s">
        <v>1961</v>
      </c>
      <c r="E6138" t="s">
        <v>148</v>
      </c>
      <c r="F6138" t="s">
        <v>10</v>
      </c>
      <c r="G6138" t="s">
        <v>15</v>
      </c>
      <c r="H6138" t="s">
        <v>1335</v>
      </c>
      <c r="I6138">
        <v>14.94</v>
      </c>
      <c r="J6138">
        <v>3</v>
      </c>
      <c r="K6138">
        <v>6.87</v>
      </c>
    </row>
    <row r="6139" spans="1:11" x14ac:dyDescent="0.3">
      <c r="A6139" s="1">
        <v>42687</v>
      </c>
      <c r="B6139" s="3">
        <f t="shared" si="190"/>
        <v>11</v>
      </c>
      <c r="C6139" s="3">
        <f t="shared" si="191"/>
        <v>2016</v>
      </c>
      <c r="D6139" t="s">
        <v>2187</v>
      </c>
      <c r="E6139" t="s">
        <v>163</v>
      </c>
      <c r="F6139" t="s">
        <v>33</v>
      </c>
      <c r="G6139" t="s">
        <v>46</v>
      </c>
      <c r="H6139" t="s">
        <v>2512</v>
      </c>
      <c r="I6139">
        <v>19.54</v>
      </c>
      <c r="J6139">
        <v>2</v>
      </c>
      <c r="K6139">
        <v>7.23</v>
      </c>
    </row>
    <row r="6140" spans="1:11" x14ac:dyDescent="0.3">
      <c r="A6140" s="1">
        <v>42688</v>
      </c>
      <c r="B6140" s="3">
        <f t="shared" si="190"/>
        <v>11</v>
      </c>
      <c r="C6140" s="3">
        <f t="shared" si="191"/>
        <v>2016</v>
      </c>
      <c r="D6140" t="s">
        <v>553</v>
      </c>
      <c r="E6140" t="s">
        <v>29</v>
      </c>
      <c r="F6140" t="s">
        <v>38</v>
      </c>
      <c r="G6140" t="s">
        <v>51</v>
      </c>
      <c r="H6140" t="s">
        <v>2340</v>
      </c>
      <c r="I6140">
        <v>499.98</v>
      </c>
      <c r="J6140">
        <v>2</v>
      </c>
      <c r="K6140">
        <v>115</v>
      </c>
    </row>
    <row r="6141" spans="1:11" x14ac:dyDescent="0.3">
      <c r="A6141" s="1">
        <v>42688</v>
      </c>
      <c r="B6141" s="3">
        <f t="shared" si="190"/>
        <v>11</v>
      </c>
      <c r="C6141" s="3">
        <f t="shared" si="191"/>
        <v>2016</v>
      </c>
      <c r="D6141" t="s">
        <v>553</v>
      </c>
      <c r="E6141" t="s">
        <v>29</v>
      </c>
      <c r="F6141" t="s">
        <v>10</v>
      </c>
      <c r="G6141" t="s">
        <v>11</v>
      </c>
      <c r="H6141" t="s">
        <v>1590</v>
      </c>
      <c r="I6141">
        <v>5.28</v>
      </c>
      <c r="J6141">
        <v>1</v>
      </c>
      <c r="K6141">
        <v>2.38</v>
      </c>
    </row>
    <row r="6142" spans="1:11" x14ac:dyDescent="0.3">
      <c r="A6142" s="1">
        <v>42688</v>
      </c>
      <c r="B6142" s="3">
        <f t="shared" si="190"/>
        <v>11</v>
      </c>
      <c r="C6142" s="3">
        <f t="shared" si="191"/>
        <v>2016</v>
      </c>
      <c r="D6142" t="s">
        <v>553</v>
      </c>
      <c r="E6142" t="s">
        <v>29</v>
      </c>
      <c r="F6142" t="s">
        <v>10</v>
      </c>
      <c r="G6142" t="s">
        <v>19</v>
      </c>
      <c r="H6142" t="s">
        <v>558</v>
      </c>
      <c r="I6142">
        <v>8.26</v>
      </c>
      <c r="J6142">
        <v>2</v>
      </c>
      <c r="K6142">
        <v>3.88</v>
      </c>
    </row>
    <row r="6143" spans="1:11" x14ac:dyDescent="0.3">
      <c r="A6143" s="1">
        <v>42688</v>
      </c>
      <c r="B6143" s="3">
        <f t="shared" si="190"/>
        <v>11</v>
      </c>
      <c r="C6143" s="3">
        <f t="shared" si="191"/>
        <v>2016</v>
      </c>
      <c r="D6143" t="s">
        <v>2626</v>
      </c>
      <c r="E6143" t="s">
        <v>26</v>
      </c>
      <c r="F6143" t="s">
        <v>10</v>
      </c>
      <c r="G6143" t="s">
        <v>15</v>
      </c>
      <c r="H6143" t="s">
        <v>1703</v>
      </c>
      <c r="I6143">
        <v>7.38</v>
      </c>
      <c r="J6143">
        <v>2</v>
      </c>
      <c r="K6143">
        <v>3.47</v>
      </c>
    </row>
    <row r="6144" spans="1:11" x14ac:dyDescent="0.3">
      <c r="A6144" s="1">
        <v>42688</v>
      </c>
      <c r="B6144" s="3">
        <f t="shared" si="190"/>
        <v>11</v>
      </c>
      <c r="C6144" s="3">
        <f t="shared" si="191"/>
        <v>2016</v>
      </c>
      <c r="D6144" t="s">
        <v>2307</v>
      </c>
      <c r="E6144" t="s">
        <v>9</v>
      </c>
      <c r="F6144" t="s">
        <v>10</v>
      </c>
      <c r="G6144" t="s">
        <v>19</v>
      </c>
      <c r="H6144" t="s">
        <v>2328</v>
      </c>
      <c r="I6144">
        <v>2.2999999999999998</v>
      </c>
      <c r="J6144">
        <v>2</v>
      </c>
      <c r="K6144">
        <v>-3.9</v>
      </c>
    </row>
    <row r="6145" spans="1:11" x14ac:dyDescent="0.3">
      <c r="A6145" s="1">
        <v>42688</v>
      </c>
      <c r="B6145" s="3">
        <f t="shared" si="190"/>
        <v>11</v>
      </c>
      <c r="C6145" s="3">
        <f t="shared" si="191"/>
        <v>2016</v>
      </c>
      <c r="D6145" t="s">
        <v>1083</v>
      </c>
      <c r="E6145" t="s">
        <v>148</v>
      </c>
      <c r="F6145" t="s">
        <v>33</v>
      </c>
      <c r="G6145" t="s">
        <v>34</v>
      </c>
      <c r="H6145" t="s">
        <v>1071</v>
      </c>
      <c r="I6145">
        <v>408.01</v>
      </c>
      <c r="J6145">
        <v>2</v>
      </c>
      <c r="K6145">
        <v>72.53</v>
      </c>
    </row>
    <row r="6146" spans="1:11" x14ac:dyDescent="0.3">
      <c r="A6146" s="1">
        <v>42688</v>
      </c>
      <c r="B6146" s="3">
        <f t="shared" ref="B6146:B6209" si="192">MONTH(A:A)</f>
        <v>11</v>
      </c>
      <c r="C6146" s="3">
        <f t="shared" ref="C6146:C6209" si="193">YEAR(A:A)</f>
        <v>2016</v>
      </c>
      <c r="D6146" t="s">
        <v>1083</v>
      </c>
      <c r="E6146" t="s">
        <v>148</v>
      </c>
      <c r="F6146" t="s">
        <v>10</v>
      </c>
      <c r="G6146" t="s">
        <v>17</v>
      </c>
      <c r="H6146" t="s">
        <v>2091</v>
      </c>
      <c r="I6146">
        <v>40.44</v>
      </c>
      <c r="J6146">
        <v>3</v>
      </c>
      <c r="K6146">
        <v>10.51</v>
      </c>
    </row>
    <row r="6147" spans="1:11" x14ac:dyDescent="0.3">
      <c r="A6147" s="1">
        <v>42688</v>
      </c>
      <c r="B6147" s="3">
        <f t="shared" si="192"/>
        <v>11</v>
      </c>
      <c r="C6147" s="3">
        <f t="shared" si="193"/>
        <v>2016</v>
      </c>
      <c r="D6147" t="s">
        <v>2016</v>
      </c>
      <c r="E6147" t="s">
        <v>22</v>
      </c>
      <c r="F6147" t="s">
        <v>33</v>
      </c>
      <c r="G6147" t="s">
        <v>34</v>
      </c>
      <c r="H6147" t="s">
        <v>2181</v>
      </c>
      <c r="I6147">
        <v>380.06</v>
      </c>
      <c r="J6147">
        <v>3</v>
      </c>
      <c r="K6147">
        <v>-21.72</v>
      </c>
    </row>
    <row r="6148" spans="1:11" x14ac:dyDescent="0.3">
      <c r="A6148" s="1">
        <v>42688</v>
      </c>
      <c r="B6148" s="3">
        <f t="shared" si="192"/>
        <v>11</v>
      </c>
      <c r="C6148" s="3">
        <f t="shared" si="193"/>
        <v>2016</v>
      </c>
      <c r="D6148" t="s">
        <v>2016</v>
      </c>
      <c r="E6148" t="s">
        <v>22</v>
      </c>
      <c r="F6148" t="s">
        <v>38</v>
      </c>
      <c r="G6148" t="s">
        <v>602</v>
      </c>
      <c r="H6148" t="s">
        <v>1080</v>
      </c>
      <c r="I6148">
        <v>1199.98</v>
      </c>
      <c r="J6148">
        <v>4</v>
      </c>
      <c r="K6148">
        <v>180</v>
      </c>
    </row>
    <row r="6149" spans="1:11" x14ac:dyDescent="0.3">
      <c r="A6149" s="1">
        <v>42688</v>
      </c>
      <c r="B6149" s="3">
        <f t="shared" si="192"/>
        <v>11</v>
      </c>
      <c r="C6149" s="3">
        <f t="shared" si="193"/>
        <v>2016</v>
      </c>
      <c r="D6149" t="s">
        <v>2016</v>
      </c>
      <c r="E6149" t="s">
        <v>22</v>
      </c>
      <c r="F6149" t="s">
        <v>33</v>
      </c>
      <c r="G6149" t="s">
        <v>46</v>
      </c>
      <c r="H6149" t="s">
        <v>380</v>
      </c>
      <c r="I6149">
        <v>48.58</v>
      </c>
      <c r="J6149">
        <v>3</v>
      </c>
      <c r="K6149">
        <v>9.7200000000000006</v>
      </c>
    </row>
    <row r="6150" spans="1:11" x14ac:dyDescent="0.3">
      <c r="A6150" s="1">
        <v>42688</v>
      </c>
      <c r="B6150" s="3">
        <f t="shared" si="192"/>
        <v>11</v>
      </c>
      <c r="C6150" s="3">
        <f t="shared" si="193"/>
        <v>2016</v>
      </c>
      <c r="D6150" t="s">
        <v>1761</v>
      </c>
      <c r="E6150" t="s">
        <v>26</v>
      </c>
      <c r="F6150" t="s">
        <v>10</v>
      </c>
      <c r="G6150" t="s">
        <v>23</v>
      </c>
      <c r="H6150" t="s">
        <v>316</v>
      </c>
      <c r="I6150">
        <v>9.84</v>
      </c>
      <c r="J6150">
        <v>3</v>
      </c>
      <c r="K6150">
        <v>2.85</v>
      </c>
    </row>
    <row r="6151" spans="1:11" x14ac:dyDescent="0.3">
      <c r="A6151" s="1">
        <v>42688</v>
      </c>
      <c r="B6151" s="3">
        <f t="shared" si="192"/>
        <v>11</v>
      </c>
      <c r="C6151" s="3">
        <f t="shared" si="193"/>
        <v>2016</v>
      </c>
      <c r="D6151" t="s">
        <v>598</v>
      </c>
      <c r="E6151" t="s">
        <v>58</v>
      </c>
      <c r="F6151" t="s">
        <v>10</v>
      </c>
      <c r="G6151" t="s">
        <v>11</v>
      </c>
      <c r="H6151" t="s">
        <v>1672</v>
      </c>
      <c r="I6151">
        <v>16.45</v>
      </c>
      <c r="J6151">
        <v>5</v>
      </c>
      <c r="K6151">
        <v>7.57</v>
      </c>
    </row>
    <row r="6152" spans="1:11" x14ac:dyDescent="0.3">
      <c r="A6152" s="1">
        <v>42688</v>
      </c>
      <c r="B6152" s="3">
        <f t="shared" si="192"/>
        <v>11</v>
      </c>
      <c r="C6152" s="3">
        <f t="shared" si="193"/>
        <v>2016</v>
      </c>
      <c r="D6152" t="s">
        <v>598</v>
      </c>
      <c r="E6152" t="s">
        <v>58</v>
      </c>
      <c r="F6152" t="s">
        <v>33</v>
      </c>
      <c r="G6152" t="s">
        <v>46</v>
      </c>
      <c r="H6152" t="s">
        <v>848</v>
      </c>
      <c r="I6152">
        <v>19.920000000000002</v>
      </c>
      <c r="J6152">
        <v>4</v>
      </c>
      <c r="K6152">
        <v>6.57</v>
      </c>
    </row>
    <row r="6153" spans="1:11" x14ac:dyDescent="0.3">
      <c r="A6153" s="1">
        <v>42688</v>
      </c>
      <c r="B6153" s="3">
        <f t="shared" si="192"/>
        <v>11</v>
      </c>
      <c r="C6153" s="3">
        <f t="shared" si="193"/>
        <v>2016</v>
      </c>
      <c r="D6153" t="s">
        <v>1163</v>
      </c>
      <c r="E6153" t="s">
        <v>530</v>
      </c>
      <c r="F6153" t="s">
        <v>38</v>
      </c>
      <c r="G6153" t="s">
        <v>39</v>
      </c>
      <c r="H6153" t="s">
        <v>1728</v>
      </c>
      <c r="I6153">
        <v>89.97</v>
      </c>
      <c r="J6153">
        <v>3</v>
      </c>
      <c r="K6153">
        <v>25.19</v>
      </c>
    </row>
    <row r="6154" spans="1:11" x14ac:dyDescent="0.3">
      <c r="A6154" s="1">
        <v>42688</v>
      </c>
      <c r="B6154" s="3">
        <f t="shared" si="192"/>
        <v>11</v>
      </c>
      <c r="C6154" s="3">
        <f t="shared" si="193"/>
        <v>2016</v>
      </c>
      <c r="D6154" t="s">
        <v>8</v>
      </c>
      <c r="E6154" t="s">
        <v>148</v>
      </c>
      <c r="F6154" t="s">
        <v>38</v>
      </c>
      <c r="G6154" t="s">
        <v>39</v>
      </c>
      <c r="H6154" t="s">
        <v>1946</v>
      </c>
      <c r="I6154">
        <v>13.98</v>
      </c>
      <c r="J6154">
        <v>2</v>
      </c>
      <c r="K6154">
        <v>3.91</v>
      </c>
    </row>
    <row r="6155" spans="1:11" x14ac:dyDescent="0.3">
      <c r="A6155" s="1">
        <v>42688</v>
      </c>
      <c r="B6155" s="3">
        <f t="shared" si="192"/>
        <v>11</v>
      </c>
      <c r="C6155" s="3">
        <f t="shared" si="193"/>
        <v>2016</v>
      </c>
      <c r="D6155" t="s">
        <v>8</v>
      </c>
      <c r="E6155" t="s">
        <v>148</v>
      </c>
      <c r="F6155" t="s">
        <v>10</v>
      </c>
      <c r="G6155" t="s">
        <v>23</v>
      </c>
      <c r="H6155" t="s">
        <v>483</v>
      </c>
      <c r="I6155">
        <v>23.65</v>
      </c>
      <c r="J6155">
        <v>1</v>
      </c>
      <c r="K6155">
        <v>6.15</v>
      </c>
    </row>
    <row r="6156" spans="1:11" x14ac:dyDescent="0.3">
      <c r="A6156" s="1">
        <v>42689</v>
      </c>
      <c r="B6156" s="3">
        <f t="shared" si="192"/>
        <v>11</v>
      </c>
      <c r="C6156" s="3">
        <f t="shared" si="193"/>
        <v>2016</v>
      </c>
      <c r="D6156" t="s">
        <v>2123</v>
      </c>
      <c r="E6156" t="s">
        <v>26</v>
      </c>
      <c r="F6156" t="s">
        <v>38</v>
      </c>
      <c r="G6156" t="s">
        <v>51</v>
      </c>
      <c r="H6156" t="s">
        <v>1614</v>
      </c>
      <c r="I6156">
        <v>99.39</v>
      </c>
      <c r="J6156">
        <v>3</v>
      </c>
      <c r="K6156">
        <v>40.75</v>
      </c>
    </row>
    <row r="6157" spans="1:11" x14ac:dyDescent="0.3">
      <c r="A6157" s="1">
        <v>42689</v>
      </c>
      <c r="B6157" s="3">
        <f t="shared" si="192"/>
        <v>11</v>
      </c>
      <c r="C6157" s="3">
        <f t="shared" si="193"/>
        <v>2016</v>
      </c>
      <c r="D6157" t="s">
        <v>1944</v>
      </c>
      <c r="E6157" t="s">
        <v>26</v>
      </c>
      <c r="F6157" t="s">
        <v>10</v>
      </c>
      <c r="G6157" t="s">
        <v>19</v>
      </c>
      <c r="H6157" t="s">
        <v>1605</v>
      </c>
      <c r="I6157">
        <v>1016.79</v>
      </c>
      <c r="J6157">
        <v>1</v>
      </c>
      <c r="K6157">
        <v>381.3</v>
      </c>
    </row>
    <row r="6158" spans="1:11" x14ac:dyDescent="0.3">
      <c r="A6158" s="1">
        <v>42689</v>
      </c>
      <c r="B6158" s="3">
        <f t="shared" si="192"/>
        <v>11</v>
      </c>
      <c r="C6158" s="3">
        <f t="shared" si="193"/>
        <v>2016</v>
      </c>
      <c r="D6158" t="s">
        <v>1944</v>
      </c>
      <c r="E6158" t="s">
        <v>26</v>
      </c>
      <c r="F6158" t="s">
        <v>10</v>
      </c>
      <c r="G6158" t="s">
        <v>19</v>
      </c>
      <c r="H6158" t="s">
        <v>1376</v>
      </c>
      <c r="I6158">
        <v>38.14</v>
      </c>
      <c r="J6158">
        <v>7</v>
      </c>
      <c r="K6158">
        <v>13.35</v>
      </c>
    </row>
    <row r="6159" spans="1:11" x14ac:dyDescent="0.3">
      <c r="A6159" s="1">
        <v>42689</v>
      </c>
      <c r="B6159" s="3">
        <f t="shared" si="192"/>
        <v>11</v>
      </c>
      <c r="C6159" s="3">
        <f t="shared" si="193"/>
        <v>2016</v>
      </c>
      <c r="D6159" t="s">
        <v>442</v>
      </c>
      <c r="E6159" t="s">
        <v>26</v>
      </c>
      <c r="F6159" t="s">
        <v>38</v>
      </c>
      <c r="G6159" t="s">
        <v>39</v>
      </c>
      <c r="H6159" t="s">
        <v>1265</v>
      </c>
      <c r="I6159">
        <v>361.38</v>
      </c>
      <c r="J6159">
        <v>2</v>
      </c>
      <c r="K6159">
        <v>27.1</v>
      </c>
    </row>
    <row r="6160" spans="1:11" x14ac:dyDescent="0.3">
      <c r="A6160" s="1">
        <v>42689</v>
      </c>
      <c r="B6160" s="3">
        <f t="shared" si="192"/>
        <v>11</v>
      </c>
      <c r="C6160" s="3">
        <f t="shared" si="193"/>
        <v>2016</v>
      </c>
      <c r="D6160" t="s">
        <v>1288</v>
      </c>
      <c r="E6160" t="s">
        <v>244</v>
      </c>
      <c r="F6160" t="s">
        <v>33</v>
      </c>
      <c r="G6160" t="s">
        <v>144</v>
      </c>
      <c r="H6160" t="s">
        <v>1552</v>
      </c>
      <c r="I6160">
        <v>630.02</v>
      </c>
      <c r="J6160">
        <v>4</v>
      </c>
      <c r="K6160">
        <v>-199.51</v>
      </c>
    </row>
    <row r="6161" spans="1:11" x14ac:dyDescent="0.3">
      <c r="A6161" s="1">
        <v>42690</v>
      </c>
      <c r="B6161" s="3">
        <f t="shared" si="192"/>
        <v>11</v>
      </c>
      <c r="C6161" s="3">
        <f t="shared" si="193"/>
        <v>2016</v>
      </c>
      <c r="D6161" t="s">
        <v>464</v>
      </c>
      <c r="E6161" t="s">
        <v>398</v>
      </c>
      <c r="F6161" t="s">
        <v>10</v>
      </c>
      <c r="G6161" t="s">
        <v>62</v>
      </c>
      <c r="H6161" t="s">
        <v>63</v>
      </c>
      <c r="I6161">
        <v>28.4</v>
      </c>
      <c r="J6161">
        <v>5</v>
      </c>
      <c r="K6161">
        <v>13.35</v>
      </c>
    </row>
    <row r="6162" spans="1:11" x14ac:dyDescent="0.3">
      <c r="A6162" s="1">
        <v>42690</v>
      </c>
      <c r="B6162" s="3">
        <f t="shared" si="192"/>
        <v>11</v>
      </c>
      <c r="C6162" s="3">
        <f t="shared" si="193"/>
        <v>2016</v>
      </c>
      <c r="D6162" t="s">
        <v>124</v>
      </c>
      <c r="E6162" t="s">
        <v>26</v>
      </c>
      <c r="F6162" t="s">
        <v>10</v>
      </c>
      <c r="G6162" t="s">
        <v>19</v>
      </c>
      <c r="H6162" t="s">
        <v>2266</v>
      </c>
      <c r="I6162">
        <v>8.32</v>
      </c>
      <c r="J6162">
        <v>5</v>
      </c>
      <c r="K6162">
        <v>2.81</v>
      </c>
    </row>
    <row r="6163" spans="1:11" x14ac:dyDescent="0.3">
      <c r="A6163" s="1">
        <v>42691</v>
      </c>
      <c r="B6163" s="3">
        <f t="shared" si="192"/>
        <v>11</v>
      </c>
      <c r="C6163" s="3">
        <f t="shared" si="193"/>
        <v>2016</v>
      </c>
      <c r="D6163" t="s">
        <v>1257</v>
      </c>
      <c r="E6163" t="s">
        <v>398</v>
      </c>
      <c r="F6163" t="s">
        <v>10</v>
      </c>
      <c r="G6163" t="s">
        <v>19</v>
      </c>
      <c r="H6163" t="s">
        <v>450</v>
      </c>
      <c r="I6163">
        <v>10.78</v>
      </c>
      <c r="J6163">
        <v>3</v>
      </c>
      <c r="K6163">
        <v>3.37</v>
      </c>
    </row>
    <row r="6164" spans="1:11" x14ac:dyDescent="0.3">
      <c r="A6164" s="1">
        <v>42691</v>
      </c>
      <c r="B6164" s="3">
        <f t="shared" si="192"/>
        <v>11</v>
      </c>
      <c r="C6164" s="3">
        <f t="shared" si="193"/>
        <v>2016</v>
      </c>
      <c r="D6164" t="s">
        <v>1573</v>
      </c>
      <c r="E6164" t="s">
        <v>9</v>
      </c>
      <c r="F6164" t="s">
        <v>38</v>
      </c>
      <c r="G6164" t="s">
        <v>39</v>
      </c>
      <c r="H6164" t="s">
        <v>2361</v>
      </c>
      <c r="I6164">
        <v>67.180000000000007</v>
      </c>
      <c r="J6164">
        <v>3</v>
      </c>
      <c r="K6164">
        <v>6.72</v>
      </c>
    </row>
    <row r="6165" spans="1:11" x14ac:dyDescent="0.3">
      <c r="A6165" s="1">
        <v>42691</v>
      </c>
      <c r="B6165" s="3">
        <f t="shared" si="192"/>
        <v>11</v>
      </c>
      <c r="C6165" s="3">
        <f t="shared" si="193"/>
        <v>2016</v>
      </c>
      <c r="D6165" t="s">
        <v>1573</v>
      </c>
      <c r="E6165" t="s">
        <v>9</v>
      </c>
      <c r="F6165" t="s">
        <v>10</v>
      </c>
      <c r="G6165" t="s">
        <v>11</v>
      </c>
      <c r="H6165" t="s">
        <v>2522</v>
      </c>
      <c r="I6165">
        <v>15.23</v>
      </c>
      <c r="J6165">
        <v>4</v>
      </c>
      <c r="K6165">
        <v>5.52</v>
      </c>
    </row>
    <row r="6166" spans="1:11" x14ac:dyDescent="0.3">
      <c r="A6166" s="1">
        <v>42691</v>
      </c>
      <c r="B6166" s="3">
        <f t="shared" si="192"/>
        <v>11</v>
      </c>
      <c r="C6166" s="3">
        <f t="shared" si="193"/>
        <v>2016</v>
      </c>
      <c r="D6166" t="s">
        <v>2012</v>
      </c>
      <c r="E6166" t="s">
        <v>26</v>
      </c>
      <c r="F6166" t="s">
        <v>10</v>
      </c>
      <c r="G6166" t="s">
        <v>199</v>
      </c>
      <c r="H6166" t="s">
        <v>2206</v>
      </c>
      <c r="I6166">
        <v>49.5</v>
      </c>
      <c r="J6166">
        <v>5</v>
      </c>
      <c r="K6166">
        <v>13.37</v>
      </c>
    </row>
    <row r="6167" spans="1:11" x14ac:dyDescent="0.3">
      <c r="A6167" s="1">
        <v>42692</v>
      </c>
      <c r="B6167" s="3">
        <f t="shared" si="192"/>
        <v>11</v>
      </c>
      <c r="C6167" s="3">
        <f t="shared" si="193"/>
        <v>2016</v>
      </c>
      <c r="D6167" t="s">
        <v>950</v>
      </c>
      <c r="E6167" t="s">
        <v>839</v>
      </c>
      <c r="F6167" t="s">
        <v>10</v>
      </c>
      <c r="G6167" t="s">
        <v>17</v>
      </c>
      <c r="H6167" t="s">
        <v>794</v>
      </c>
      <c r="I6167">
        <v>1117.92</v>
      </c>
      <c r="J6167">
        <v>4</v>
      </c>
      <c r="K6167">
        <v>55.9</v>
      </c>
    </row>
    <row r="6168" spans="1:11" x14ac:dyDescent="0.3">
      <c r="A6168" s="1">
        <v>42692</v>
      </c>
      <c r="B6168" s="3">
        <f t="shared" si="192"/>
        <v>11</v>
      </c>
      <c r="C6168" s="3">
        <f t="shared" si="193"/>
        <v>2016</v>
      </c>
      <c r="D6168" t="s">
        <v>627</v>
      </c>
      <c r="E6168" t="s">
        <v>9</v>
      </c>
      <c r="F6168" t="s">
        <v>10</v>
      </c>
      <c r="G6168" t="s">
        <v>23</v>
      </c>
      <c r="H6168" t="s">
        <v>75</v>
      </c>
      <c r="I6168">
        <v>6.37</v>
      </c>
      <c r="J6168">
        <v>2</v>
      </c>
      <c r="K6168">
        <v>1.03</v>
      </c>
    </row>
    <row r="6169" spans="1:11" x14ac:dyDescent="0.3">
      <c r="A6169" s="1">
        <v>42692</v>
      </c>
      <c r="B6169" s="3">
        <f t="shared" si="192"/>
        <v>11</v>
      </c>
      <c r="C6169" s="3">
        <f t="shared" si="193"/>
        <v>2016</v>
      </c>
      <c r="D6169" t="s">
        <v>627</v>
      </c>
      <c r="E6169" t="s">
        <v>9</v>
      </c>
      <c r="F6169" t="s">
        <v>10</v>
      </c>
      <c r="G6169" t="s">
        <v>15</v>
      </c>
      <c r="H6169" t="s">
        <v>1499</v>
      </c>
      <c r="I6169">
        <v>48.85</v>
      </c>
      <c r="J6169">
        <v>2</v>
      </c>
      <c r="K6169">
        <v>15.88</v>
      </c>
    </row>
    <row r="6170" spans="1:11" x14ac:dyDescent="0.3">
      <c r="A6170" s="1">
        <v>42692</v>
      </c>
      <c r="B6170" s="3">
        <f t="shared" si="192"/>
        <v>11</v>
      </c>
      <c r="C6170" s="3">
        <f t="shared" si="193"/>
        <v>2016</v>
      </c>
      <c r="D6170" t="s">
        <v>627</v>
      </c>
      <c r="E6170" t="s">
        <v>9</v>
      </c>
      <c r="F6170" t="s">
        <v>10</v>
      </c>
      <c r="G6170" t="s">
        <v>11</v>
      </c>
      <c r="H6170" t="s">
        <v>935</v>
      </c>
      <c r="I6170">
        <v>19.649999999999999</v>
      </c>
      <c r="J6170">
        <v>2</v>
      </c>
      <c r="K6170">
        <v>6.63</v>
      </c>
    </row>
    <row r="6171" spans="1:11" x14ac:dyDescent="0.3">
      <c r="A6171" s="1">
        <v>42692</v>
      </c>
      <c r="B6171" s="3">
        <f t="shared" si="192"/>
        <v>11</v>
      </c>
      <c r="C6171" s="3">
        <f t="shared" si="193"/>
        <v>2016</v>
      </c>
      <c r="D6171" t="s">
        <v>627</v>
      </c>
      <c r="E6171" t="s">
        <v>9</v>
      </c>
      <c r="F6171" t="s">
        <v>33</v>
      </c>
      <c r="G6171" t="s">
        <v>34</v>
      </c>
      <c r="H6171" t="s">
        <v>1065</v>
      </c>
      <c r="I6171">
        <v>255.11</v>
      </c>
      <c r="J6171">
        <v>6</v>
      </c>
      <c r="K6171">
        <v>-18.22</v>
      </c>
    </row>
    <row r="6172" spans="1:11" x14ac:dyDescent="0.3">
      <c r="A6172" s="1">
        <v>42692</v>
      </c>
      <c r="B6172" s="3">
        <f t="shared" si="192"/>
        <v>11</v>
      </c>
      <c r="C6172" s="3">
        <f t="shared" si="193"/>
        <v>2016</v>
      </c>
      <c r="D6172" t="s">
        <v>636</v>
      </c>
      <c r="E6172" t="s">
        <v>77</v>
      </c>
      <c r="F6172" t="s">
        <v>10</v>
      </c>
      <c r="G6172" t="s">
        <v>91</v>
      </c>
      <c r="H6172" t="s">
        <v>1842</v>
      </c>
      <c r="I6172">
        <v>103.97</v>
      </c>
      <c r="J6172">
        <v>6</v>
      </c>
      <c r="K6172">
        <v>16.89</v>
      </c>
    </row>
    <row r="6173" spans="1:11" x14ac:dyDescent="0.3">
      <c r="A6173" s="1">
        <v>42692</v>
      </c>
      <c r="B6173" s="3">
        <f t="shared" si="192"/>
        <v>11</v>
      </c>
      <c r="C6173" s="3">
        <f t="shared" si="193"/>
        <v>2016</v>
      </c>
      <c r="D6173" t="s">
        <v>1556</v>
      </c>
      <c r="E6173" t="s">
        <v>26</v>
      </c>
      <c r="F6173" t="s">
        <v>38</v>
      </c>
      <c r="G6173" t="s">
        <v>39</v>
      </c>
      <c r="H6173" t="s">
        <v>2034</v>
      </c>
      <c r="I6173">
        <v>61.19</v>
      </c>
      <c r="J6173">
        <v>1</v>
      </c>
      <c r="K6173">
        <v>6.12</v>
      </c>
    </row>
    <row r="6174" spans="1:11" x14ac:dyDescent="0.3">
      <c r="A6174" s="1">
        <v>42692</v>
      </c>
      <c r="B6174" s="3">
        <f t="shared" si="192"/>
        <v>11</v>
      </c>
      <c r="C6174" s="3">
        <f t="shared" si="193"/>
        <v>2016</v>
      </c>
      <c r="D6174" t="s">
        <v>1556</v>
      </c>
      <c r="E6174" t="s">
        <v>26</v>
      </c>
      <c r="F6174" t="s">
        <v>10</v>
      </c>
      <c r="G6174" t="s">
        <v>91</v>
      </c>
      <c r="H6174" t="s">
        <v>2353</v>
      </c>
      <c r="I6174">
        <v>67.84</v>
      </c>
      <c r="J6174">
        <v>1</v>
      </c>
      <c r="K6174">
        <v>18.32</v>
      </c>
    </row>
    <row r="6175" spans="1:11" x14ac:dyDescent="0.3">
      <c r="A6175" s="1">
        <v>42692</v>
      </c>
      <c r="B6175" s="3">
        <f t="shared" si="192"/>
        <v>11</v>
      </c>
      <c r="C6175" s="3">
        <f t="shared" si="193"/>
        <v>2016</v>
      </c>
      <c r="D6175" t="s">
        <v>243</v>
      </c>
      <c r="E6175" t="s">
        <v>109</v>
      </c>
      <c r="F6175" t="s">
        <v>33</v>
      </c>
      <c r="G6175" t="s">
        <v>34</v>
      </c>
      <c r="H6175" t="s">
        <v>230</v>
      </c>
      <c r="I6175">
        <v>301.95999999999998</v>
      </c>
      <c r="J6175">
        <v>2</v>
      </c>
      <c r="K6175">
        <v>33.22</v>
      </c>
    </row>
    <row r="6176" spans="1:11" x14ac:dyDescent="0.3">
      <c r="A6176" s="1">
        <v>42692</v>
      </c>
      <c r="B6176" s="3">
        <f t="shared" si="192"/>
        <v>11</v>
      </c>
      <c r="C6176" s="3">
        <f t="shared" si="193"/>
        <v>2016</v>
      </c>
      <c r="D6176" t="s">
        <v>1241</v>
      </c>
      <c r="E6176" t="s">
        <v>487</v>
      </c>
      <c r="F6176" t="s">
        <v>38</v>
      </c>
      <c r="G6176" t="s">
        <v>51</v>
      </c>
      <c r="H6176" t="s">
        <v>2101</v>
      </c>
      <c r="I6176">
        <v>1319.96</v>
      </c>
      <c r="J6176">
        <v>4</v>
      </c>
      <c r="K6176">
        <v>527.98</v>
      </c>
    </row>
    <row r="6177" spans="1:11" x14ac:dyDescent="0.3">
      <c r="A6177" s="1">
        <v>42692</v>
      </c>
      <c r="B6177" s="3">
        <f t="shared" si="192"/>
        <v>11</v>
      </c>
      <c r="C6177" s="3">
        <f t="shared" si="193"/>
        <v>2016</v>
      </c>
      <c r="D6177" t="s">
        <v>634</v>
      </c>
      <c r="E6177" t="s">
        <v>26</v>
      </c>
      <c r="F6177" t="s">
        <v>38</v>
      </c>
      <c r="G6177" t="s">
        <v>51</v>
      </c>
      <c r="H6177" t="s">
        <v>1031</v>
      </c>
      <c r="I6177">
        <v>595</v>
      </c>
      <c r="J6177">
        <v>5</v>
      </c>
      <c r="K6177">
        <v>95.2</v>
      </c>
    </row>
    <row r="6178" spans="1:11" x14ac:dyDescent="0.3">
      <c r="A6178" s="1">
        <v>42692</v>
      </c>
      <c r="B6178" s="3">
        <f t="shared" si="192"/>
        <v>11</v>
      </c>
      <c r="C6178" s="3">
        <f t="shared" si="193"/>
        <v>2016</v>
      </c>
      <c r="D6178" t="s">
        <v>2443</v>
      </c>
      <c r="E6178" t="s">
        <v>26</v>
      </c>
      <c r="F6178" t="s">
        <v>10</v>
      </c>
      <c r="G6178" t="s">
        <v>19</v>
      </c>
      <c r="H6178" t="s">
        <v>2256</v>
      </c>
      <c r="I6178">
        <v>61.12</v>
      </c>
      <c r="J6178">
        <v>5</v>
      </c>
      <c r="K6178">
        <v>22.16</v>
      </c>
    </row>
    <row r="6179" spans="1:11" x14ac:dyDescent="0.3">
      <c r="A6179" s="1">
        <v>42693</v>
      </c>
      <c r="B6179" s="3">
        <f t="shared" si="192"/>
        <v>11</v>
      </c>
      <c r="C6179" s="3">
        <f t="shared" si="193"/>
        <v>2016</v>
      </c>
      <c r="D6179" t="s">
        <v>2395</v>
      </c>
      <c r="E6179" t="s">
        <v>148</v>
      </c>
      <c r="F6179" t="s">
        <v>10</v>
      </c>
      <c r="G6179" t="s">
        <v>19</v>
      </c>
      <c r="H6179" t="s">
        <v>1858</v>
      </c>
      <c r="I6179">
        <v>14.35</v>
      </c>
      <c r="J6179">
        <v>3</v>
      </c>
      <c r="K6179">
        <v>4.66</v>
      </c>
    </row>
    <row r="6180" spans="1:11" x14ac:dyDescent="0.3">
      <c r="A6180" s="1">
        <v>42693</v>
      </c>
      <c r="B6180" s="3">
        <f t="shared" si="192"/>
        <v>11</v>
      </c>
      <c r="C6180" s="3">
        <f t="shared" si="193"/>
        <v>2016</v>
      </c>
      <c r="D6180" t="s">
        <v>2395</v>
      </c>
      <c r="E6180" t="s">
        <v>148</v>
      </c>
      <c r="F6180" t="s">
        <v>10</v>
      </c>
      <c r="G6180" t="s">
        <v>17</v>
      </c>
      <c r="H6180" t="s">
        <v>191</v>
      </c>
      <c r="I6180">
        <v>64.959999999999994</v>
      </c>
      <c r="J6180">
        <v>2</v>
      </c>
      <c r="K6180">
        <v>2.6</v>
      </c>
    </row>
    <row r="6181" spans="1:11" x14ac:dyDescent="0.3">
      <c r="A6181" s="1">
        <v>42693</v>
      </c>
      <c r="B6181" s="3">
        <f t="shared" si="192"/>
        <v>11</v>
      </c>
      <c r="C6181" s="3">
        <f t="shared" si="193"/>
        <v>2016</v>
      </c>
      <c r="D6181" t="s">
        <v>2395</v>
      </c>
      <c r="E6181" t="s">
        <v>148</v>
      </c>
      <c r="F6181" t="s">
        <v>10</v>
      </c>
      <c r="G6181" t="s">
        <v>17</v>
      </c>
      <c r="H6181" t="s">
        <v>1846</v>
      </c>
      <c r="I6181">
        <v>68.599999999999994</v>
      </c>
      <c r="J6181">
        <v>4</v>
      </c>
      <c r="K6181">
        <v>18.52</v>
      </c>
    </row>
    <row r="6182" spans="1:11" x14ac:dyDescent="0.3">
      <c r="A6182" s="1">
        <v>42693</v>
      </c>
      <c r="B6182" s="3">
        <f t="shared" si="192"/>
        <v>11</v>
      </c>
      <c r="C6182" s="3">
        <f t="shared" si="193"/>
        <v>2016</v>
      </c>
      <c r="D6182" t="s">
        <v>899</v>
      </c>
      <c r="E6182" t="s">
        <v>9</v>
      </c>
      <c r="F6182" t="s">
        <v>10</v>
      </c>
      <c r="G6182" t="s">
        <v>17</v>
      </c>
      <c r="H6182" t="s">
        <v>1438</v>
      </c>
      <c r="I6182">
        <v>100.7</v>
      </c>
      <c r="J6182">
        <v>6</v>
      </c>
      <c r="K6182">
        <v>-16.36</v>
      </c>
    </row>
    <row r="6183" spans="1:11" x14ac:dyDescent="0.3">
      <c r="A6183" s="1">
        <v>42693</v>
      </c>
      <c r="B6183" s="3">
        <f t="shared" si="192"/>
        <v>11</v>
      </c>
      <c r="C6183" s="3">
        <f t="shared" si="193"/>
        <v>2016</v>
      </c>
      <c r="D6183" t="s">
        <v>899</v>
      </c>
      <c r="E6183" t="s">
        <v>9</v>
      </c>
      <c r="F6183" t="s">
        <v>33</v>
      </c>
      <c r="G6183" t="s">
        <v>46</v>
      </c>
      <c r="H6183" t="s">
        <v>2492</v>
      </c>
      <c r="I6183">
        <v>2.33</v>
      </c>
      <c r="J6183">
        <v>2</v>
      </c>
      <c r="K6183">
        <v>-0.76</v>
      </c>
    </row>
    <row r="6184" spans="1:11" x14ac:dyDescent="0.3">
      <c r="A6184" s="1">
        <v>42693</v>
      </c>
      <c r="B6184" s="3">
        <f t="shared" si="192"/>
        <v>11</v>
      </c>
      <c r="C6184" s="3">
        <f t="shared" si="193"/>
        <v>2016</v>
      </c>
      <c r="D6184" t="s">
        <v>899</v>
      </c>
      <c r="E6184" t="s">
        <v>9</v>
      </c>
      <c r="F6184" t="s">
        <v>10</v>
      </c>
      <c r="G6184" t="s">
        <v>19</v>
      </c>
      <c r="H6184" t="s">
        <v>95</v>
      </c>
      <c r="I6184">
        <v>10.78</v>
      </c>
      <c r="J6184">
        <v>5</v>
      </c>
      <c r="K6184">
        <v>-17.25</v>
      </c>
    </row>
    <row r="6185" spans="1:11" x14ac:dyDescent="0.3">
      <c r="A6185" s="1">
        <v>42693</v>
      </c>
      <c r="B6185" s="3">
        <f t="shared" si="192"/>
        <v>11</v>
      </c>
      <c r="C6185" s="3">
        <f t="shared" si="193"/>
        <v>2016</v>
      </c>
      <c r="D6185" t="s">
        <v>899</v>
      </c>
      <c r="E6185" t="s">
        <v>9</v>
      </c>
      <c r="F6185" t="s">
        <v>10</v>
      </c>
      <c r="G6185" t="s">
        <v>42</v>
      </c>
      <c r="H6185" t="s">
        <v>159</v>
      </c>
      <c r="I6185">
        <v>58.37</v>
      </c>
      <c r="J6185">
        <v>12</v>
      </c>
      <c r="K6185">
        <v>21.89</v>
      </c>
    </row>
    <row r="6186" spans="1:11" x14ac:dyDescent="0.3">
      <c r="A6186" s="1">
        <v>42693</v>
      </c>
      <c r="B6186" s="3">
        <f t="shared" si="192"/>
        <v>11</v>
      </c>
      <c r="C6186" s="3">
        <f t="shared" si="193"/>
        <v>2016</v>
      </c>
      <c r="D6186" t="s">
        <v>899</v>
      </c>
      <c r="E6186" t="s">
        <v>9</v>
      </c>
      <c r="F6186" t="s">
        <v>10</v>
      </c>
      <c r="G6186" t="s">
        <v>62</v>
      </c>
      <c r="H6186" t="s">
        <v>2408</v>
      </c>
      <c r="I6186">
        <v>40.97</v>
      </c>
      <c r="J6186">
        <v>3</v>
      </c>
      <c r="K6186">
        <v>13.83</v>
      </c>
    </row>
    <row r="6187" spans="1:11" x14ac:dyDescent="0.3">
      <c r="A6187" s="1">
        <v>42693</v>
      </c>
      <c r="B6187" s="3">
        <f t="shared" si="192"/>
        <v>11</v>
      </c>
      <c r="C6187" s="3">
        <f t="shared" si="193"/>
        <v>2016</v>
      </c>
      <c r="D6187" t="s">
        <v>899</v>
      </c>
      <c r="E6187" t="s">
        <v>9</v>
      </c>
      <c r="F6187" t="s">
        <v>38</v>
      </c>
      <c r="G6187" t="s">
        <v>39</v>
      </c>
      <c r="H6187" t="s">
        <v>1214</v>
      </c>
      <c r="I6187">
        <v>71.959999999999994</v>
      </c>
      <c r="J6187">
        <v>5</v>
      </c>
      <c r="K6187">
        <v>25.19</v>
      </c>
    </row>
    <row r="6188" spans="1:11" x14ac:dyDescent="0.3">
      <c r="A6188" s="1">
        <v>42693</v>
      </c>
      <c r="B6188" s="3">
        <f t="shared" si="192"/>
        <v>11</v>
      </c>
      <c r="C6188" s="3">
        <f t="shared" si="193"/>
        <v>2016</v>
      </c>
      <c r="D6188" t="s">
        <v>899</v>
      </c>
      <c r="E6188" t="s">
        <v>9</v>
      </c>
      <c r="F6188" t="s">
        <v>10</v>
      </c>
      <c r="G6188" t="s">
        <v>11</v>
      </c>
      <c r="H6188" t="s">
        <v>2604</v>
      </c>
      <c r="I6188">
        <v>10.37</v>
      </c>
      <c r="J6188">
        <v>2</v>
      </c>
      <c r="K6188">
        <v>3.63</v>
      </c>
    </row>
    <row r="6189" spans="1:11" x14ac:dyDescent="0.3">
      <c r="A6189" s="1">
        <v>42693</v>
      </c>
      <c r="B6189" s="3">
        <f t="shared" si="192"/>
        <v>11</v>
      </c>
      <c r="C6189" s="3">
        <f t="shared" si="193"/>
        <v>2016</v>
      </c>
      <c r="D6189" t="s">
        <v>899</v>
      </c>
      <c r="E6189" t="s">
        <v>9</v>
      </c>
      <c r="F6189" t="s">
        <v>10</v>
      </c>
      <c r="G6189" t="s">
        <v>19</v>
      </c>
      <c r="H6189" t="s">
        <v>928</v>
      </c>
      <c r="I6189">
        <v>1.19</v>
      </c>
      <c r="J6189">
        <v>2</v>
      </c>
      <c r="K6189">
        <v>-2.0299999999999998</v>
      </c>
    </row>
    <row r="6190" spans="1:11" x14ac:dyDescent="0.3">
      <c r="A6190" s="1">
        <v>42693</v>
      </c>
      <c r="B6190" s="3">
        <f t="shared" si="192"/>
        <v>11</v>
      </c>
      <c r="C6190" s="3">
        <f t="shared" si="193"/>
        <v>2016</v>
      </c>
      <c r="D6190" t="s">
        <v>267</v>
      </c>
      <c r="E6190" t="s">
        <v>148</v>
      </c>
      <c r="F6190" t="s">
        <v>10</v>
      </c>
      <c r="G6190" t="s">
        <v>23</v>
      </c>
      <c r="H6190" t="s">
        <v>1181</v>
      </c>
      <c r="I6190">
        <v>17.28</v>
      </c>
      <c r="J6190">
        <v>6</v>
      </c>
      <c r="K6190">
        <v>5.01</v>
      </c>
    </row>
    <row r="6191" spans="1:11" x14ac:dyDescent="0.3">
      <c r="A6191" s="1">
        <v>42693</v>
      </c>
      <c r="B6191" s="3">
        <f t="shared" si="192"/>
        <v>11</v>
      </c>
      <c r="C6191" s="3">
        <f t="shared" si="193"/>
        <v>2016</v>
      </c>
      <c r="D6191" t="s">
        <v>267</v>
      </c>
      <c r="E6191" t="s">
        <v>148</v>
      </c>
      <c r="F6191" t="s">
        <v>10</v>
      </c>
      <c r="G6191" t="s">
        <v>19</v>
      </c>
      <c r="H6191" t="s">
        <v>221</v>
      </c>
      <c r="I6191">
        <v>17.71</v>
      </c>
      <c r="J6191">
        <v>3</v>
      </c>
      <c r="K6191">
        <v>6.42</v>
      </c>
    </row>
    <row r="6192" spans="1:11" x14ac:dyDescent="0.3">
      <c r="A6192" s="1">
        <v>42693</v>
      </c>
      <c r="B6192" s="3">
        <f t="shared" si="192"/>
        <v>11</v>
      </c>
      <c r="C6192" s="3">
        <f t="shared" si="193"/>
        <v>2016</v>
      </c>
      <c r="D6192" t="s">
        <v>2189</v>
      </c>
      <c r="E6192" t="s">
        <v>128</v>
      </c>
      <c r="F6192" t="s">
        <v>10</v>
      </c>
      <c r="G6192" t="s">
        <v>91</v>
      </c>
      <c r="H6192" t="s">
        <v>1982</v>
      </c>
      <c r="I6192">
        <v>54.96</v>
      </c>
      <c r="J6192">
        <v>3</v>
      </c>
      <c r="K6192">
        <v>15.94</v>
      </c>
    </row>
    <row r="6193" spans="1:11" x14ac:dyDescent="0.3">
      <c r="A6193" s="1">
        <v>42693</v>
      </c>
      <c r="B6193" s="3">
        <f t="shared" si="192"/>
        <v>11</v>
      </c>
      <c r="C6193" s="3">
        <f t="shared" si="193"/>
        <v>2016</v>
      </c>
      <c r="D6193" t="s">
        <v>759</v>
      </c>
      <c r="E6193" t="s">
        <v>244</v>
      </c>
      <c r="F6193" t="s">
        <v>10</v>
      </c>
      <c r="G6193" t="s">
        <v>23</v>
      </c>
      <c r="H6193" t="s">
        <v>807</v>
      </c>
      <c r="I6193">
        <v>18.48</v>
      </c>
      <c r="J6193">
        <v>2</v>
      </c>
      <c r="K6193">
        <v>6.01</v>
      </c>
    </row>
    <row r="6194" spans="1:11" x14ac:dyDescent="0.3">
      <c r="A6194" s="1">
        <v>42693</v>
      </c>
      <c r="B6194" s="3">
        <f t="shared" si="192"/>
        <v>11</v>
      </c>
      <c r="C6194" s="3">
        <f t="shared" si="193"/>
        <v>2016</v>
      </c>
      <c r="D6194" t="s">
        <v>68</v>
      </c>
      <c r="E6194" t="s">
        <v>148</v>
      </c>
      <c r="F6194" t="s">
        <v>10</v>
      </c>
      <c r="G6194" t="s">
        <v>91</v>
      </c>
      <c r="H6194" t="s">
        <v>1978</v>
      </c>
      <c r="I6194">
        <v>8.74</v>
      </c>
      <c r="J6194">
        <v>2</v>
      </c>
      <c r="K6194">
        <v>2.27</v>
      </c>
    </row>
    <row r="6195" spans="1:11" x14ac:dyDescent="0.3">
      <c r="A6195" s="1">
        <v>42693</v>
      </c>
      <c r="B6195" s="3">
        <f t="shared" si="192"/>
        <v>11</v>
      </c>
      <c r="C6195" s="3">
        <f t="shared" si="193"/>
        <v>2016</v>
      </c>
      <c r="D6195" t="s">
        <v>68</v>
      </c>
      <c r="E6195" t="s">
        <v>148</v>
      </c>
      <c r="F6195" t="s">
        <v>10</v>
      </c>
      <c r="G6195" t="s">
        <v>11</v>
      </c>
      <c r="H6195" t="s">
        <v>1581</v>
      </c>
      <c r="I6195">
        <v>44.75</v>
      </c>
      <c r="J6195">
        <v>5</v>
      </c>
      <c r="K6195">
        <v>20.59</v>
      </c>
    </row>
    <row r="6196" spans="1:11" x14ac:dyDescent="0.3">
      <c r="A6196" s="1">
        <v>42693</v>
      </c>
      <c r="B6196" s="3">
        <f t="shared" si="192"/>
        <v>11</v>
      </c>
      <c r="C6196" s="3">
        <f t="shared" si="193"/>
        <v>2016</v>
      </c>
      <c r="D6196" t="s">
        <v>1166</v>
      </c>
      <c r="E6196" t="s">
        <v>163</v>
      </c>
      <c r="F6196" t="s">
        <v>33</v>
      </c>
      <c r="G6196" t="s">
        <v>46</v>
      </c>
      <c r="H6196" t="s">
        <v>1511</v>
      </c>
      <c r="I6196">
        <v>31.96</v>
      </c>
      <c r="J6196">
        <v>2</v>
      </c>
      <c r="K6196">
        <v>1.6</v>
      </c>
    </row>
    <row r="6197" spans="1:11" x14ac:dyDescent="0.3">
      <c r="A6197" s="1">
        <v>42694</v>
      </c>
      <c r="B6197" s="3">
        <f t="shared" si="192"/>
        <v>11</v>
      </c>
      <c r="C6197" s="3">
        <f t="shared" si="193"/>
        <v>2016</v>
      </c>
      <c r="D6197" t="s">
        <v>1925</v>
      </c>
      <c r="E6197" t="s">
        <v>839</v>
      </c>
      <c r="F6197" t="s">
        <v>10</v>
      </c>
      <c r="G6197" t="s">
        <v>15</v>
      </c>
      <c r="H6197" t="s">
        <v>1433</v>
      </c>
      <c r="I6197">
        <v>14.62</v>
      </c>
      <c r="J6197">
        <v>2</v>
      </c>
      <c r="K6197">
        <v>6.87</v>
      </c>
    </row>
    <row r="6198" spans="1:11" x14ac:dyDescent="0.3">
      <c r="A6198" s="1">
        <v>42694</v>
      </c>
      <c r="B6198" s="3">
        <f t="shared" si="192"/>
        <v>11</v>
      </c>
      <c r="C6198" s="3">
        <f t="shared" si="193"/>
        <v>2016</v>
      </c>
      <c r="D6198" t="s">
        <v>1925</v>
      </c>
      <c r="E6198" t="s">
        <v>839</v>
      </c>
      <c r="F6198" t="s">
        <v>38</v>
      </c>
      <c r="G6198" t="s">
        <v>39</v>
      </c>
      <c r="H6198" t="s">
        <v>2627</v>
      </c>
      <c r="I6198">
        <v>944.93</v>
      </c>
      <c r="J6198">
        <v>7</v>
      </c>
      <c r="K6198">
        <v>236.23</v>
      </c>
    </row>
    <row r="6199" spans="1:11" x14ac:dyDescent="0.3">
      <c r="A6199" s="1">
        <v>42694</v>
      </c>
      <c r="B6199" s="3">
        <f t="shared" si="192"/>
        <v>11</v>
      </c>
      <c r="C6199" s="3">
        <f t="shared" si="193"/>
        <v>2016</v>
      </c>
      <c r="D6199" t="s">
        <v>1045</v>
      </c>
      <c r="E6199" t="s">
        <v>77</v>
      </c>
      <c r="F6199" t="s">
        <v>10</v>
      </c>
      <c r="G6199" t="s">
        <v>42</v>
      </c>
      <c r="H6199" t="s">
        <v>2586</v>
      </c>
      <c r="I6199">
        <v>19.100000000000001</v>
      </c>
      <c r="J6199">
        <v>7</v>
      </c>
      <c r="K6199">
        <v>6.68</v>
      </c>
    </row>
    <row r="6200" spans="1:11" x14ac:dyDescent="0.3">
      <c r="A6200" s="1">
        <v>42694</v>
      </c>
      <c r="B6200" s="3">
        <f t="shared" si="192"/>
        <v>11</v>
      </c>
      <c r="C6200" s="3">
        <f t="shared" si="193"/>
        <v>2016</v>
      </c>
      <c r="D6200" t="s">
        <v>1045</v>
      </c>
      <c r="E6200" t="s">
        <v>77</v>
      </c>
      <c r="F6200" t="s">
        <v>10</v>
      </c>
      <c r="G6200" t="s">
        <v>15</v>
      </c>
      <c r="H6200" t="s">
        <v>1431</v>
      </c>
      <c r="I6200">
        <v>18.5</v>
      </c>
      <c r="J6200">
        <v>8</v>
      </c>
      <c r="K6200">
        <v>6.24</v>
      </c>
    </row>
    <row r="6201" spans="1:11" x14ac:dyDescent="0.3">
      <c r="A6201" s="1">
        <v>42694</v>
      </c>
      <c r="B6201" s="3">
        <f t="shared" si="192"/>
        <v>11</v>
      </c>
      <c r="C6201" s="3">
        <f t="shared" si="193"/>
        <v>2016</v>
      </c>
      <c r="D6201" t="s">
        <v>1045</v>
      </c>
      <c r="E6201" t="s">
        <v>77</v>
      </c>
      <c r="F6201" t="s">
        <v>38</v>
      </c>
      <c r="G6201" t="s">
        <v>51</v>
      </c>
      <c r="H6201" t="s">
        <v>260</v>
      </c>
      <c r="I6201">
        <v>255.98</v>
      </c>
      <c r="J6201">
        <v>2</v>
      </c>
      <c r="K6201">
        <v>54.4</v>
      </c>
    </row>
    <row r="6202" spans="1:11" x14ac:dyDescent="0.3">
      <c r="A6202" s="1">
        <v>42694</v>
      </c>
      <c r="B6202" s="3">
        <f t="shared" si="192"/>
        <v>11</v>
      </c>
      <c r="C6202" s="3">
        <f t="shared" si="193"/>
        <v>2016</v>
      </c>
      <c r="D6202" t="s">
        <v>1045</v>
      </c>
      <c r="E6202" t="s">
        <v>77</v>
      </c>
      <c r="F6202" t="s">
        <v>33</v>
      </c>
      <c r="G6202" t="s">
        <v>73</v>
      </c>
      <c r="H6202" t="s">
        <v>2160</v>
      </c>
      <c r="I6202">
        <v>86.97</v>
      </c>
      <c r="J6202">
        <v>3</v>
      </c>
      <c r="K6202">
        <v>-48.7</v>
      </c>
    </row>
    <row r="6203" spans="1:11" x14ac:dyDescent="0.3">
      <c r="A6203" s="1">
        <v>42694</v>
      </c>
      <c r="B6203" s="3">
        <f t="shared" si="192"/>
        <v>11</v>
      </c>
      <c r="C6203" s="3">
        <f t="shared" si="193"/>
        <v>2016</v>
      </c>
      <c r="D6203" t="s">
        <v>546</v>
      </c>
      <c r="E6203" t="s">
        <v>77</v>
      </c>
      <c r="F6203" t="s">
        <v>10</v>
      </c>
      <c r="G6203" t="s">
        <v>11</v>
      </c>
      <c r="H6203" t="s">
        <v>44</v>
      </c>
      <c r="I6203">
        <v>15.7</v>
      </c>
      <c r="J6203">
        <v>3</v>
      </c>
      <c r="K6203">
        <v>5.0999999999999996</v>
      </c>
    </row>
    <row r="6204" spans="1:11" x14ac:dyDescent="0.3">
      <c r="A6204" s="1">
        <v>42694</v>
      </c>
      <c r="B6204" s="3">
        <f t="shared" si="192"/>
        <v>11</v>
      </c>
      <c r="C6204" s="3">
        <f t="shared" si="193"/>
        <v>2016</v>
      </c>
      <c r="D6204" t="s">
        <v>546</v>
      </c>
      <c r="E6204" t="s">
        <v>77</v>
      </c>
      <c r="F6204" t="s">
        <v>10</v>
      </c>
      <c r="G6204" t="s">
        <v>19</v>
      </c>
      <c r="H6204" t="s">
        <v>1379</v>
      </c>
      <c r="I6204">
        <v>2.63</v>
      </c>
      <c r="J6204">
        <v>2</v>
      </c>
      <c r="K6204">
        <v>-1.93</v>
      </c>
    </row>
    <row r="6205" spans="1:11" x14ac:dyDescent="0.3">
      <c r="A6205" s="1">
        <v>42694</v>
      </c>
      <c r="B6205" s="3">
        <f t="shared" si="192"/>
        <v>11</v>
      </c>
      <c r="C6205" s="3">
        <f t="shared" si="193"/>
        <v>2016</v>
      </c>
      <c r="D6205" t="s">
        <v>546</v>
      </c>
      <c r="E6205" t="s">
        <v>77</v>
      </c>
      <c r="F6205" t="s">
        <v>10</v>
      </c>
      <c r="G6205" t="s">
        <v>19</v>
      </c>
      <c r="H6205" t="s">
        <v>1227</v>
      </c>
      <c r="I6205">
        <v>14.43</v>
      </c>
      <c r="J6205">
        <v>3</v>
      </c>
      <c r="K6205">
        <v>-10.58</v>
      </c>
    </row>
    <row r="6206" spans="1:11" x14ac:dyDescent="0.3">
      <c r="A6206" s="1">
        <v>42694</v>
      </c>
      <c r="B6206" s="3">
        <f t="shared" si="192"/>
        <v>11</v>
      </c>
      <c r="C6206" s="3">
        <f t="shared" si="193"/>
        <v>2016</v>
      </c>
      <c r="D6206" t="s">
        <v>89</v>
      </c>
      <c r="E6206" t="s">
        <v>9</v>
      </c>
      <c r="F6206" t="s">
        <v>33</v>
      </c>
      <c r="G6206" t="s">
        <v>34</v>
      </c>
      <c r="H6206" t="s">
        <v>1479</v>
      </c>
      <c r="I6206">
        <v>318.43</v>
      </c>
      <c r="J6206">
        <v>5</v>
      </c>
      <c r="K6206">
        <v>-77.33</v>
      </c>
    </row>
    <row r="6207" spans="1:11" x14ac:dyDescent="0.3">
      <c r="A6207" s="1">
        <v>42694</v>
      </c>
      <c r="B6207" s="3">
        <f t="shared" si="192"/>
        <v>11</v>
      </c>
      <c r="C6207" s="3">
        <f t="shared" si="193"/>
        <v>2016</v>
      </c>
      <c r="D6207" t="s">
        <v>89</v>
      </c>
      <c r="E6207" t="s">
        <v>9</v>
      </c>
      <c r="F6207" t="s">
        <v>38</v>
      </c>
      <c r="G6207" t="s">
        <v>39</v>
      </c>
      <c r="H6207" t="s">
        <v>1763</v>
      </c>
      <c r="I6207">
        <v>122.92</v>
      </c>
      <c r="J6207">
        <v>7</v>
      </c>
      <c r="K6207">
        <v>46.1</v>
      </c>
    </row>
    <row r="6208" spans="1:11" x14ac:dyDescent="0.3">
      <c r="A6208" s="1">
        <v>42694</v>
      </c>
      <c r="B6208" s="3">
        <f t="shared" si="192"/>
        <v>11</v>
      </c>
      <c r="C6208" s="3">
        <f t="shared" si="193"/>
        <v>2016</v>
      </c>
      <c r="D6208" t="s">
        <v>89</v>
      </c>
      <c r="E6208" t="s">
        <v>9</v>
      </c>
      <c r="F6208" t="s">
        <v>33</v>
      </c>
      <c r="G6208" t="s">
        <v>46</v>
      </c>
      <c r="H6208" t="s">
        <v>280</v>
      </c>
      <c r="I6208">
        <v>7.07</v>
      </c>
      <c r="J6208">
        <v>3</v>
      </c>
      <c r="K6208">
        <v>-2.83</v>
      </c>
    </row>
    <row r="6209" spans="1:11" x14ac:dyDescent="0.3">
      <c r="A6209" s="1">
        <v>42694</v>
      </c>
      <c r="B6209" s="3">
        <f t="shared" si="192"/>
        <v>11</v>
      </c>
      <c r="C6209" s="3">
        <f t="shared" si="193"/>
        <v>2016</v>
      </c>
      <c r="D6209" t="s">
        <v>958</v>
      </c>
      <c r="E6209" t="s">
        <v>128</v>
      </c>
      <c r="F6209" t="s">
        <v>10</v>
      </c>
      <c r="G6209" t="s">
        <v>11</v>
      </c>
      <c r="H6209" t="s">
        <v>738</v>
      </c>
      <c r="I6209">
        <v>9.08</v>
      </c>
      <c r="J6209">
        <v>2</v>
      </c>
      <c r="K6209">
        <v>4.09</v>
      </c>
    </row>
    <row r="6210" spans="1:11" x14ac:dyDescent="0.3">
      <c r="A6210" s="1">
        <v>42694</v>
      </c>
      <c r="B6210" s="3">
        <f t="shared" ref="B6210:B6273" si="194">MONTH(A:A)</f>
        <v>11</v>
      </c>
      <c r="C6210" s="3">
        <f t="shared" ref="C6210:C6273" si="195">YEAR(A:A)</f>
        <v>2016</v>
      </c>
      <c r="D6210" t="s">
        <v>958</v>
      </c>
      <c r="E6210" t="s">
        <v>128</v>
      </c>
      <c r="F6210" t="s">
        <v>10</v>
      </c>
      <c r="G6210" t="s">
        <v>11</v>
      </c>
      <c r="H6210" t="s">
        <v>978</v>
      </c>
      <c r="I6210">
        <v>314.55</v>
      </c>
      <c r="J6210">
        <v>3</v>
      </c>
      <c r="K6210">
        <v>150.97999999999999</v>
      </c>
    </row>
    <row r="6211" spans="1:11" x14ac:dyDescent="0.3">
      <c r="A6211" s="1">
        <v>42694</v>
      </c>
      <c r="B6211" s="3">
        <f t="shared" si="194"/>
        <v>11</v>
      </c>
      <c r="C6211" s="3">
        <f t="shared" si="195"/>
        <v>2016</v>
      </c>
      <c r="D6211" t="s">
        <v>958</v>
      </c>
      <c r="E6211" t="s">
        <v>128</v>
      </c>
      <c r="F6211" t="s">
        <v>10</v>
      </c>
      <c r="G6211" t="s">
        <v>19</v>
      </c>
      <c r="H6211" t="s">
        <v>149</v>
      </c>
      <c r="I6211">
        <v>4.91</v>
      </c>
      <c r="J6211">
        <v>1</v>
      </c>
      <c r="K6211">
        <v>2.31</v>
      </c>
    </row>
    <row r="6212" spans="1:11" x14ac:dyDescent="0.3">
      <c r="A6212" s="1">
        <v>42694</v>
      </c>
      <c r="B6212" s="3">
        <f t="shared" si="194"/>
        <v>11</v>
      </c>
      <c r="C6212" s="3">
        <f t="shared" si="195"/>
        <v>2016</v>
      </c>
      <c r="D6212" t="s">
        <v>82</v>
      </c>
      <c r="E6212" t="s">
        <v>9</v>
      </c>
      <c r="F6212" t="s">
        <v>38</v>
      </c>
      <c r="G6212" t="s">
        <v>39</v>
      </c>
      <c r="H6212" t="s">
        <v>41</v>
      </c>
      <c r="I6212">
        <v>151.19</v>
      </c>
      <c r="J6212">
        <v>1</v>
      </c>
      <c r="K6212">
        <v>13.23</v>
      </c>
    </row>
    <row r="6213" spans="1:11" x14ac:dyDescent="0.3">
      <c r="A6213" s="1">
        <v>42694</v>
      </c>
      <c r="B6213" s="3">
        <f t="shared" si="194"/>
        <v>11</v>
      </c>
      <c r="C6213" s="3">
        <f t="shared" si="195"/>
        <v>2016</v>
      </c>
      <c r="D6213" t="s">
        <v>345</v>
      </c>
      <c r="E6213" t="s">
        <v>26</v>
      </c>
      <c r="F6213" t="s">
        <v>10</v>
      </c>
      <c r="G6213" t="s">
        <v>91</v>
      </c>
      <c r="H6213" t="s">
        <v>1049</v>
      </c>
      <c r="I6213">
        <v>39</v>
      </c>
      <c r="J6213">
        <v>12</v>
      </c>
      <c r="K6213">
        <v>11.31</v>
      </c>
    </row>
    <row r="6214" spans="1:11" x14ac:dyDescent="0.3">
      <c r="A6214" s="1">
        <v>42694</v>
      </c>
      <c r="B6214" s="3">
        <f t="shared" si="194"/>
        <v>11</v>
      </c>
      <c r="C6214" s="3">
        <f t="shared" si="195"/>
        <v>2016</v>
      </c>
      <c r="D6214" t="s">
        <v>1197</v>
      </c>
      <c r="E6214" t="s">
        <v>58</v>
      </c>
      <c r="F6214" t="s">
        <v>10</v>
      </c>
      <c r="G6214" t="s">
        <v>19</v>
      </c>
      <c r="H6214" t="s">
        <v>1173</v>
      </c>
      <c r="I6214">
        <v>128.4</v>
      </c>
      <c r="J6214">
        <v>3</v>
      </c>
      <c r="K6214">
        <v>62.92</v>
      </c>
    </row>
    <row r="6215" spans="1:11" x14ac:dyDescent="0.3">
      <c r="A6215" s="1">
        <v>42694</v>
      </c>
      <c r="B6215" s="3">
        <f t="shared" si="194"/>
        <v>11</v>
      </c>
      <c r="C6215" s="3">
        <f t="shared" si="195"/>
        <v>2016</v>
      </c>
      <c r="D6215" t="s">
        <v>1326</v>
      </c>
      <c r="E6215" t="s">
        <v>122</v>
      </c>
      <c r="F6215" t="s">
        <v>33</v>
      </c>
      <c r="G6215" t="s">
        <v>73</v>
      </c>
      <c r="H6215" t="s">
        <v>1879</v>
      </c>
      <c r="I6215">
        <v>289.57</v>
      </c>
      <c r="J6215">
        <v>2</v>
      </c>
      <c r="K6215">
        <v>10.86</v>
      </c>
    </row>
    <row r="6216" spans="1:11" x14ac:dyDescent="0.3">
      <c r="A6216" s="1">
        <v>42694</v>
      </c>
      <c r="B6216" s="3">
        <f t="shared" si="194"/>
        <v>11</v>
      </c>
      <c r="C6216" s="3">
        <f t="shared" si="195"/>
        <v>2016</v>
      </c>
      <c r="D6216" t="s">
        <v>1326</v>
      </c>
      <c r="E6216" t="s">
        <v>122</v>
      </c>
      <c r="F6216" t="s">
        <v>10</v>
      </c>
      <c r="G6216" t="s">
        <v>17</v>
      </c>
      <c r="H6216" t="s">
        <v>1228</v>
      </c>
      <c r="I6216">
        <v>39.72</v>
      </c>
      <c r="J6216">
        <v>5</v>
      </c>
      <c r="K6216">
        <v>4.47</v>
      </c>
    </row>
    <row r="6217" spans="1:11" x14ac:dyDescent="0.3">
      <c r="A6217" s="1">
        <v>42694</v>
      </c>
      <c r="B6217" s="3">
        <f t="shared" si="194"/>
        <v>11</v>
      </c>
      <c r="C6217" s="3">
        <f t="shared" si="195"/>
        <v>2016</v>
      </c>
      <c r="D6217" t="s">
        <v>1326</v>
      </c>
      <c r="E6217" t="s">
        <v>122</v>
      </c>
      <c r="F6217" t="s">
        <v>38</v>
      </c>
      <c r="G6217" t="s">
        <v>39</v>
      </c>
      <c r="H6217" t="s">
        <v>2034</v>
      </c>
      <c r="I6217">
        <v>244.77</v>
      </c>
      <c r="J6217">
        <v>4</v>
      </c>
      <c r="K6217">
        <v>24.48</v>
      </c>
    </row>
    <row r="6218" spans="1:11" x14ac:dyDescent="0.3">
      <c r="A6218" s="1">
        <v>42694</v>
      </c>
      <c r="B6218" s="3">
        <f t="shared" si="194"/>
        <v>11</v>
      </c>
      <c r="C6218" s="3">
        <f t="shared" si="195"/>
        <v>2016</v>
      </c>
      <c r="D6218" t="s">
        <v>2243</v>
      </c>
      <c r="E6218" t="s">
        <v>26</v>
      </c>
      <c r="F6218" t="s">
        <v>38</v>
      </c>
      <c r="G6218" t="s">
        <v>51</v>
      </c>
      <c r="H6218" t="s">
        <v>2578</v>
      </c>
      <c r="I6218">
        <v>27.88</v>
      </c>
      <c r="J6218">
        <v>2</v>
      </c>
      <c r="K6218">
        <v>3.9</v>
      </c>
    </row>
    <row r="6219" spans="1:11" x14ac:dyDescent="0.3">
      <c r="A6219" s="1">
        <v>42695</v>
      </c>
      <c r="B6219" s="3">
        <f t="shared" si="194"/>
        <v>11</v>
      </c>
      <c r="C6219" s="3">
        <f t="shared" si="195"/>
        <v>2016</v>
      </c>
      <c r="D6219" t="s">
        <v>2078</v>
      </c>
      <c r="E6219" t="s">
        <v>90</v>
      </c>
      <c r="F6219" t="s">
        <v>33</v>
      </c>
      <c r="G6219" t="s">
        <v>34</v>
      </c>
      <c r="H6219" t="s">
        <v>1127</v>
      </c>
      <c r="I6219">
        <v>195.14</v>
      </c>
      <c r="J6219">
        <v>4</v>
      </c>
      <c r="K6219">
        <v>-12.2</v>
      </c>
    </row>
    <row r="6220" spans="1:11" x14ac:dyDescent="0.3">
      <c r="A6220" s="1">
        <v>42695</v>
      </c>
      <c r="B6220" s="3">
        <f t="shared" si="194"/>
        <v>11</v>
      </c>
      <c r="C6220" s="3">
        <f t="shared" si="195"/>
        <v>2016</v>
      </c>
      <c r="D6220" t="s">
        <v>1554</v>
      </c>
      <c r="E6220" t="s">
        <v>394</v>
      </c>
      <c r="F6220" t="s">
        <v>10</v>
      </c>
      <c r="G6220" t="s">
        <v>11</v>
      </c>
      <c r="H6220" t="s">
        <v>1766</v>
      </c>
      <c r="I6220">
        <v>40.46</v>
      </c>
      <c r="J6220">
        <v>7</v>
      </c>
      <c r="K6220">
        <v>19.829999999999998</v>
      </c>
    </row>
    <row r="6221" spans="1:11" x14ac:dyDescent="0.3">
      <c r="A6221" s="1">
        <v>42695</v>
      </c>
      <c r="B6221" s="3">
        <f t="shared" si="194"/>
        <v>11</v>
      </c>
      <c r="C6221" s="3">
        <f t="shared" si="195"/>
        <v>2016</v>
      </c>
      <c r="D6221" t="s">
        <v>1554</v>
      </c>
      <c r="E6221" t="s">
        <v>394</v>
      </c>
      <c r="F6221" t="s">
        <v>38</v>
      </c>
      <c r="G6221" t="s">
        <v>39</v>
      </c>
      <c r="H6221" t="s">
        <v>1706</v>
      </c>
      <c r="I6221">
        <v>404.94</v>
      </c>
      <c r="J6221">
        <v>3</v>
      </c>
      <c r="K6221">
        <v>109.33</v>
      </c>
    </row>
    <row r="6222" spans="1:11" x14ac:dyDescent="0.3">
      <c r="A6222" s="1">
        <v>42695</v>
      </c>
      <c r="B6222" s="3">
        <f t="shared" si="194"/>
        <v>11</v>
      </c>
      <c r="C6222" s="3">
        <f t="shared" si="195"/>
        <v>2016</v>
      </c>
      <c r="D6222" t="s">
        <v>279</v>
      </c>
      <c r="E6222" t="s">
        <v>77</v>
      </c>
      <c r="F6222" t="s">
        <v>38</v>
      </c>
      <c r="G6222" t="s">
        <v>301</v>
      </c>
      <c r="H6222" t="s">
        <v>2628</v>
      </c>
      <c r="I6222">
        <v>30.35</v>
      </c>
      <c r="J6222">
        <v>7</v>
      </c>
      <c r="K6222">
        <v>-24.28</v>
      </c>
    </row>
    <row r="6223" spans="1:11" x14ac:dyDescent="0.3">
      <c r="A6223" s="1">
        <v>42695</v>
      </c>
      <c r="B6223" s="3">
        <f t="shared" si="194"/>
        <v>11</v>
      </c>
      <c r="C6223" s="3">
        <f t="shared" si="195"/>
        <v>2016</v>
      </c>
      <c r="D6223" t="s">
        <v>279</v>
      </c>
      <c r="E6223" t="s">
        <v>77</v>
      </c>
      <c r="F6223" t="s">
        <v>33</v>
      </c>
      <c r="G6223" t="s">
        <v>34</v>
      </c>
      <c r="H6223" t="s">
        <v>1065</v>
      </c>
      <c r="I6223">
        <v>127.55</v>
      </c>
      <c r="J6223">
        <v>3</v>
      </c>
      <c r="K6223">
        <v>-9.11</v>
      </c>
    </row>
    <row r="6224" spans="1:11" x14ac:dyDescent="0.3">
      <c r="A6224" s="1">
        <v>42695</v>
      </c>
      <c r="B6224" s="3">
        <f t="shared" si="194"/>
        <v>11</v>
      </c>
      <c r="C6224" s="3">
        <f t="shared" si="195"/>
        <v>2016</v>
      </c>
      <c r="D6224" t="s">
        <v>279</v>
      </c>
      <c r="E6224" t="s">
        <v>77</v>
      </c>
      <c r="F6224" t="s">
        <v>33</v>
      </c>
      <c r="G6224" t="s">
        <v>46</v>
      </c>
      <c r="H6224" t="s">
        <v>1361</v>
      </c>
      <c r="I6224">
        <v>77.95</v>
      </c>
      <c r="J6224">
        <v>3</v>
      </c>
      <c r="K6224">
        <v>15.59</v>
      </c>
    </row>
    <row r="6225" spans="1:11" x14ac:dyDescent="0.3">
      <c r="A6225" s="1">
        <v>42695</v>
      </c>
      <c r="B6225" s="3">
        <f t="shared" si="194"/>
        <v>11</v>
      </c>
      <c r="C6225" s="3">
        <f t="shared" si="195"/>
        <v>2016</v>
      </c>
      <c r="D6225" t="s">
        <v>982</v>
      </c>
      <c r="E6225" t="s">
        <v>14</v>
      </c>
      <c r="F6225" t="s">
        <v>10</v>
      </c>
      <c r="G6225" t="s">
        <v>11</v>
      </c>
      <c r="H6225" t="s">
        <v>2332</v>
      </c>
      <c r="I6225">
        <v>38.43</v>
      </c>
      <c r="J6225">
        <v>1</v>
      </c>
      <c r="K6225">
        <v>13.45</v>
      </c>
    </row>
    <row r="6226" spans="1:11" x14ac:dyDescent="0.3">
      <c r="A6226" s="1">
        <v>42695</v>
      </c>
      <c r="B6226" s="3">
        <f t="shared" si="194"/>
        <v>11</v>
      </c>
      <c r="C6226" s="3">
        <f t="shared" si="195"/>
        <v>2016</v>
      </c>
      <c r="D6226" t="s">
        <v>982</v>
      </c>
      <c r="E6226" t="s">
        <v>14</v>
      </c>
      <c r="F6226" t="s">
        <v>10</v>
      </c>
      <c r="G6226" t="s">
        <v>17</v>
      </c>
      <c r="H6226" t="s">
        <v>2091</v>
      </c>
      <c r="I6226">
        <v>21.57</v>
      </c>
      <c r="J6226">
        <v>2</v>
      </c>
      <c r="K6226">
        <v>1.62</v>
      </c>
    </row>
    <row r="6227" spans="1:11" x14ac:dyDescent="0.3">
      <c r="A6227" s="1">
        <v>42695</v>
      </c>
      <c r="B6227" s="3">
        <f t="shared" si="194"/>
        <v>11</v>
      </c>
      <c r="C6227" s="3">
        <f t="shared" si="195"/>
        <v>2016</v>
      </c>
      <c r="D6227" t="s">
        <v>982</v>
      </c>
      <c r="E6227" t="s">
        <v>14</v>
      </c>
      <c r="F6227" t="s">
        <v>38</v>
      </c>
      <c r="G6227" t="s">
        <v>51</v>
      </c>
      <c r="H6227" t="s">
        <v>2112</v>
      </c>
      <c r="I6227">
        <v>81.58</v>
      </c>
      <c r="J6227">
        <v>3</v>
      </c>
      <c r="K6227">
        <v>2.04</v>
      </c>
    </row>
    <row r="6228" spans="1:11" x14ac:dyDescent="0.3">
      <c r="A6228" s="1">
        <v>42695</v>
      </c>
      <c r="B6228" s="3">
        <f t="shared" si="194"/>
        <v>11</v>
      </c>
      <c r="C6228" s="3">
        <f t="shared" si="195"/>
        <v>2016</v>
      </c>
      <c r="D6228" t="s">
        <v>150</v>
      </c>
      <c r="E6228" t="s">
        <v>148</v>
      </c>
      <c r="F6228" t="s">
        <v>10</v>
      </c>
      <c r="G6228" t="s">
        <v>11</v>
      </c>
      <c r="H6228" t="s">
        <v>2546</v>
      </c>
      <c r="I6228">
        <v>12.96</v>
      </c>
      <c r="J6228">
        <v>2</v>
      </c>
      <c r="K6228">
        <v>6.35</v>
      </c>
    </row>
    <row r="6229" spans="1:11" x14ac:dyDescent="0.3">
      <c r="A6229" s="1">
        <v>42695</v>
      </c>
      <c r="B6229" s="3">
        <f t="shared" si="194"/>
        <v>11</v>
      </c>
      <c r="C6229" s="3">
        <f t="shared" si="195"/>
        <v>2016</v>
      </c>
      <c r="D6229" t="s">
        <v>1546</v>
      </c>
      <c r="E6229" t="s">
        <v>148</v>
      </c>
      <c r="F6229" t="s">
        <v>33</v>
      </c>
      <c r="G6229" t="s">
        <v>73</v>
      </c>
      <c r="H6229" t="s">
        <v>1908</v>
      </c>
      <c r="I6229">
        <v>113.57</v>
      </c>
      <c r="J6229">
        <v>2</v>
      </c>
      <c r="K6229">
        <v>12.78</v>
      </c>
    </row>
    <row r="6230" spans="1:11" x14ac:dyDescent="0.3">
      <c r="A6230" s="1">
        <v>42695</v>
      </c>
      <c r="B6230" s="3">
        <f t="shared" si="194"/>
        <v>11</v>
      </c>
      <c r="C6230" s="3">
        <f t="shared" si="195"/>
        <v>2016</v>
      </c>
      <c r="D6230" t="s">
        <v>1567</v>
      </c>
      <c r="E6230" t="s">
        <v>26</v>
      </c>
      <c r="F6230" t="s">
        <v>10</v>
      </c>
      <c r="G6230" t="s">
        <v>11</v>
      </c>
      <c r="H6230" t="s">
        <v>2107</v>
      </c>
      <c r="I6230">
        <v>32.4</v>
      </c>
      <c r="J6230">
        <v>5</v>
      </c>
      <c r="K6230">
        <v>15.55</v>
      </c>
    </row>
    <row r="6231" spans="1:11" x14ac:dyDescent="0.3">
      <c r="A6231" s="1">
        <v>42696</v>
      </c>
      <c r="B6231" s="3">
        <f t="shared" si="194"/>
        <v>11</v>
      </c>
      <c r="C6231" s="3">
        <f t="shared" si="195"/>
        <v>2016</v>
      </c>
      <c r="D6231" t="s">
        <v>2434</v>
      </c>
      <c r="E6231" t="s">
        <v>148</v>
      </c>
      <c r="F6231" t="s">
        <v>33</v>
      </c>
      <c r="G6231" t="s">
        <v>46</v>
      </c>
      <c r="H6231" t="s">
        <v>1585</v>
      </c>
      <c r="I6231">
        <v>39.880000000000003</v>
      </c>
      <c r="J6231">
        <v>2</v>
      </c>
      <c r="K6231">
        <v>11.17</v>
      </c>
    </row>
    <row r="6232" spans="1:11" x14ac:dyDescent="0.3">
      <c r="A6232" s="1">
        <v>42696</v>
      </c>
      <c r="B6232" s="3">
        <f t="shared" si="194"/>
        <v>11</v>
      </c>
      <c r="C6232" s="3">
        <f t="shared" si="195"/>
        <v>2016</v>
      </c>
      <c r="D6232" t="s">
        <v>2434</v>
      </c>
      <c r="E6232" t="s">
        <v>148</v>
      </c>
      <c r="F6232" t="s">
        <v>10</v>
      </c>
      <c r="G6232" t="s">
        <v>19</v>
      </c>
      <c r="H6232" t="s">
        <v>112</v>
      </c>
      <c r="I6232">
        <v>12.19</v>
      </c>
      <c r="J6232">
        <v>4</v>
      </c>
      <c r="K6232">
        <v>4.1100000000000003</v>
      </c>
    </row>
    <row r="6233" spans="1:11" x14ac:dyDescent="0.3">
      <c r="A6233" s="1">
        <v>42696</v>
      </c>
      <c r="B6233" s="3">
        <f t="shared" si="194"/>
        <v>11</v>
      </c>
      <c r="C6233" s="3">
        <f t="shared" si="195"/>
        <v>2016</v>
      </c>
      <c r="D6233" t="s">
        <v>2434</v>
      </c>
      <c r="E6233" t="s">
        <v>148</v>
      </c>
      <c r="F6233" t="s">
        <v>10</v>
      </c>
      <c r="G6233" t="s">
        <v>23</v>
      </c>
      <c r="H6233" t="s">
        <v>2529</v>
      </c>
      <c r="I6233">
        <v>20.82</v>
      </c>
      <c r="J6233">
        <v>3</v>
      </c>
      <c r="K6233">
        <v>7.5</v>
      </c>
    </row>
    <row r="6234" spans="1:11" x14ac:dyDescent="0.3">
      <c r="A6234" s="1">
        <v>42696</v>
      </c>
      <c r="B6234" s="3">
        <f t="shared" si="194"/>
        <v>11</v>
      </c>
      <c r="C6234" s="3">
        <f t="shared" si="195"/>
        <v>2016</v>
      </c>
      <c r="D6234" t="s">
        <v>436</v>
      </c>
      <c r="E6234" t="s">
        <v>109</v>
      </c>
      <c r="F6234" t="s">
        <v>10</v>
      </c>
      <c r="G6234" t="s">
        <v>19</v>
      </c>
      <c r="H6234" t="s">
        <v>468</v>
      </c>
      <c r="I6234">
        <v>49.44</v>
      </c>
      <c r="J6234">
        <v>3</v>
      </c>
      <c r="K6234">
        <v>24.23</v>
      </c>
    </row>
    <row r="6235" spans="1:11" x14ac:dyDescent="0.3">
      <c r="A6235" s="1">
        <v>42696</v>
      </c>
      <c r="B6235" s="3">
        <f t="shared" si="194"/>
        <v>11</v>
      </c>
      <c r="C6235" s="3">
        <f t="shared" si="195"/>
        <v>2016</v>
      </c>
      <c r="D6235" t="s">
        <v>1950</v>
      </c>
      <c r="E6235" t="s">
        <v>9</v>
      </c>
      <c r="F6235" t="s">
        <v>10</v>
      </c>
      <c r="G6235" t="s">
        <v>19</v>
      </c>
      <c r="H6235" t="s">
        <v>1279</v>
      </c>
      <c r="I6235">
        <v>6.22</v>
      </c>
      <c r="J6235">
        <v>6</v>
      </c>
      <c r="K6235">
        <v>-9.6300000000000008</v>
      </c>
    </row>
    <row r="6236" spans="1:11" x14ac:dyDescent="0.3">
      <c r="A6236" s="1">
        <v>42696</v>
      </c>
      <c r="B6236" s="3">
        <f t="shared" si="194"/>
        <v>11</v>
      </c>
      <c r="C6236" s="3">
        <f t="shared" si="195"/>
        <v>2016</v>
      </c>
      <c r="D6236" t="s">
        <v>1950</v>
      </c>
      <c r="E6236" t="s">
        <v>9</v>
      </c>
      <c r="F6236" t="s">
        <v>10</v>
      </c>
      <c r="G6236" t="s">
        <v>23</v>
      </c>
      <c r="H6236" t="s">
        <v>987</v>
      </c>
      <c r="I6236">
        <v>23.62</v>
      </c>
      <c r="J6236">
        <v>9</v>
      </c>
      <c r="K6236">
        <v>2.66</v>
      </c>
    </row>
    <row r="6237" spans="1:11" x14ac:dyDescent="0.3">
      <c r="A6237" s="1">
        <v>42696</v>
      </c>
      <c r="B6237" s="3">
        <f t="shared" si="194"/>
        <v>11</v>
      </c>
      <c r="C6237" s="3">
        <f t="shared" si="195"/>
        <v>2016</v>
      </c>
      <c r="D6237" t="s">
        <v>1950</v>
      </c>
      <c r="E6237" t="s">
        <v>9</v>
      </c>
      <c r="F6237" t="s">
        <v>38</v>
      </c>
      <c r="G6237" t="s">
        <v>51</v>
      </c>
      <c r="H6237" t="s">
        <v>1954</v>
      </c>
      <c r="I6237">
        <v>24.03</v>
      </c>
      <c r="J6237">
        <v>2</v>
      </c>
      <c r="K6237">
        <v>-0.6</v>
      </c>
    </row>
    <row r="6238" spans="1:11" x14ac:dyDescent="0.3">
      <c r="A6238" s="1">
        <v>42696</v>
      </c>
      <c r="B6238" s="3">
        <f t="shared" si="194"/>
        <v>11</v>
      </c>
      <c r="C6238" s="3">
        <f t="shared" si="195"/>
        <v>2016</v>
      </c>
      <c r="D6238" t="s">
        <v>1950</v>
      </c>
      <c r="E6238" t="s">
        <v>9</v>
      </c>
      <c r="F6238" t="s">
        <v>10</v>
      </c>
      <c r="G6238" t="s">
        <v>15</v>
      </c>
      <c r="H6238" t="s">
        <v>1097</v>
      </c>
      <c r="I6238">
        <v>2.09</v>
      </c>
      <c r="J6238">
        <v>1</v>
      </c>
      <c r="K6238">
        <v>0.68</v>
      </c>
    </row>
    <row r="6239" spans="1:11" x14ac:dyDescent="0.3">
      <c r="A6239" s="1">
        <v>42696</v>
      </c>
      <c r="B6239" s="3">
        <f t="shared" si="194"/>
        <v>11</v>
      </c>
      <c r="C6239" s="3">
        <f t="shared" si="195"/>
        <v>2016</v>
      </c>
      <c r="D6239" t="s">
        <v>1950</v>
      </c>
      <c r="E6239" t="s">
        <v>9</v>
      </c>
      <c r="F6239" t="s">
        <v>10</v>
      </c>
      <c r="G6239" t="s">
        <v>19</v>
      </c>
      <c r="H6239" t="s">
        <v>1489</v>
      </c>
      <c r="I6239">
        <v>4.49</v>
      </c>
      <c r="J6239">
        <v>6</v>
      </c>
      <c r="K6239">
        <v>-6.73</v>
      </c>
    </row>
    <row r="6240" spans="1:11" x14ac:dyDescent="0.3">
      <c r="A6240" s="1">
        <v>42696</v>
      </c>
      <c r="B6240" s="3">
        <f t="shared" si="194"/>
        <v>11</v>
      </c>
      <c r="C6240" s="3">
        <f t="shared" si="195"/>
        <v>2016</v>
      </c>
      <c r="D6240" t="s">
        <v>2221</v>
      </c>
      <c r="E6240" t="s">
        <v>148</v>
      </c>
      <c r="F6240" t="s">
        <v>10</v>
      </c>
      <c r="G6240" t="s">
        <v>19</v>
      </c>
      <c r="H6240" t="s">
        <v>1028</v>
      </c>
      <c r="I6240">
        <v>134.27000000000001</v>
      </c>
      <c r="J6240">
        <v>8</v>
      </c>
      <c r="K6240">
        <v>47</v>
      </c>
    </row>
    <row r="6241" spans="1:11" x14ac:dyDescent="0.3">
      <c r="A6241" s="1">
        <v>42697</v>
      </c>
      <c r="B6241" s="3">
        <f t="shared" si="194"/>
        <v>11</v>
      </c>
      <c r="C6241" s="3">
        <f t="shared" si="195"/>
        <v>2016</v>
      </c>
      <c r="D6241" t="s">
        <v>1482</v>
      </c>
      <c r="E6241" t="s">
        <v>22</v>
      </c>
      <c r="F6241" t="s">
        <v>10</v>
      </c>
      <c r="G6241" t="s">
        <v>42</v>
      </c>
      <c r="H6241" t="s">
        <v>1507</v>
      </c>
      <c r="I6241">
        <v>15.8</v>
      </c>
      <c r="J6241">
        <v>5</v>
      </c>
      <c r="K6241">
        <v>2.37</v>
      </c>
    </row>
    <row r="6242" spans="1:11" x14ac:dyDescent="0.3">
      <c r="A6242" s="1">
        <v>42697</v>
      </c>
      <c r="B6242" s="3">
        <f t="shared" si="194"/>
        <v>11</v>
      </c>
      <c r="C6242" s="3">
        <f t="shared" si="195"/>
        <v>2016</v>
      </c>
      <c r="D6242" t="s">
        <v>1482</v>
      </c>
      <c r="E6242" t="s">
        <v>22</v>
      </c>
      <c r="F6242" t="s">
        <v>33</v>
      </c>
      <c r="G6242" t="s">
        <v>46</v>
      </c>
      <c r="H6242" t="s">
        <v>1091</v>
      </c>
      <c r="I6242">
        <v>14.37</v>
      </c>
      <c r="J6242">
        <v>2</v>
      </c>
      <c r="K6242">
        <v>3.95</v>
      </c>
    </row>
    <row r="6243" spans="1:11" x14ac:dyDescent="0.3">
      <c r="A6243" s="1">
        <v>42697</v>
      </c>
      <c r="B6243" s="3">
        <f t="shared" si="194"/>
        <v>11</v>
      </c>
      <c r="C6243" s="3">
        <f t="shared" si="195"/>
        <v>2016</v>
      </c>
      <c r="D6243" t="s">
        <v>1482</v>
      </c>
      <c r="E6243" t="s">
        <v>22</v>
      </c>
      <c r="F6243" t="s">
        <v>33</v>
      </c>
      <c r="G6243" t="s">
        <v>46</v>
      </c>
      <c r="H6243" t="s">
        <v>2556</v>
      </c>
      <c r="I6243">
        <v>70.45</v>
      </c>
      <c r="J6243">
        <v>7</v>
      </c>
      <c r="K6243">
        <v>12.33</v>
      </c>
    </row>
    <row r="6244" spans="1:11" x14ac:dyDescent="0.3">
      <c r="A6244" s="1">
        <v>42698</v>
      </c>
      <c r="B6244" s="3">
        <f t="shared" si="194"/>
        <v>11</v>
      </c>
      <c r="C6244" s="3">
        <f t="shared" si="195"/>
        <v>2016</v>
      </c>
      <c r="D6244" t="s">
        <v>1098</v>
      </c>
      <c r="E6244" t="s">
        <v>22</v>
      </c>
      <c r="F6244" t="s">
        <v>10</v>
      </c>
      <c r="G6244" t="s">
        <v>42</v>
      </c>
      <c r="H6244" t="s">
        <v>2629</v>
      </c>
      <c r="I6244">
        <v>4.42</v>
      </c>
      <c r="J6244">
        <v>3</v>
      </c>
      <c r="K6244">
        <v>1.6</v>
      </c>
    </row>
    <row r="6245" spans="1:11" x14ac:dyDescent="0.3">
      <c r="A6245" s="1">
        <v>42698</v>
      </c>
      <c r="B6245" s="3">
        <f t="shared" si="194"/>
        <v>11</v>
      </c>
      <c r="C6245" s="3">
        <f t="shared" si="195"/>
        <v>2016</v>
      </c>
      <c r="D6245" t="s">
        <v>416</v>
      </c>
      <c r="E6245" t="s">
        <v>148</v>
      </c>
      <c r="F6245" t="s">
        <v>10</v>
      </c>
      <c r="G6245" t="s">
        <v>19</v>
      </c>
      <c r="H6245" t="s">
        <v>1256</v>
      </c>
      <c r="I6245">
        <v>17.22</v>
      </c>
      <c r="J6245">
        <v>4</v>
      </c>
      <c r="K6245">
        <v>6.03</v>
      </c>
    </row>
    <row r="6246" spans="1:11" x14ac:dyDescent="0.3">
      <c r="A6246" s="1">
        <v>42698</v>
      </c>
      <c r="B6246" s="3">
        <f t="shared" si="194"/>
        <v>11</v>
      </c>
      <c r="C6246" s="3">
        <f t="shared" si="195"/>
        <v>2016</v>
      </c>
      <c r="D6246" t="s">
        <v>416</v>
      </c>
      <c r="E6246" t="s">
        <v>148</v>
      </c>
      <c r="F6246" t="s">
        <v>10</v>
      </c>
      <c r="G6246" t="s">
        <v>11</v>
      </c>
      <c r="H6246" t="s">
        <v>2294</v>
      </c>
      <c r="I6246">
        <v>11.56</v>
      </c>
      <c r="J6246">
        <v>2</v>
      </c>
      <c r="K6246">
        <v>5.66</v>
      </c>
    </row>
    <row r="6247" spans="1:11" x14ac:dyDescent="0.3">
      <c r="A6247" s="1">
        <v>42698</v>
      </c>
      <c r="B6247" s="3">
        <f t="shared" si="194"/>
        <v>11</v>
      </c>
      <c r="C6247" s="3">
        <f t="shared" si="195"/>
        <v>2016</v>
      </c>
      <c r="D6247" t="s">
        <v>416</v>
      </c>
      <c r="E6247" t="s">
        <v>148</v>
      </c>
      <c r="F6247" t="s">
        <v>38</v>
      </c>
      <c r="G6247" t="s">
        <v>51</v>
      </c>
      <c r="H6247" t="s">
        <v>387</v>
      </c>
      <c r="I6247">
        <v>88.4</v>
      </c>
      <c r="J6247">
        <v>4</v>
      </c>
      <c r="K6247">
        <v>11.49</v>
      </c>
    </row>
    <row r="6248" spans="1:11" x14ac:dyDescent="0.3">
      <c r="A6248" s="1">
        <v>42698</v>
      </c>
      <c r="B6248" s="3">
        <f t="shared" si="194"/>
        <v>11</v>
      </c>
      <c r="C6248" s="3">
        <f t="shared" si="195"/>
        <v>2016</v>
      </c>
      <c r="D6248" t="s">
        <v>416</v>
      </c>
      <c r="E6248" t="s">
        <v>148</v>
      </c>
      <c r="F6248" t="s">
        <v>10</v>
      </c>
      <c r="G6248" t="s">
        <v>11</v>
      </c>
      <c r="H6248" t="s">
        <v>1364</v>
      </c>
      <c r="I6248">
        <v>6.48</v>
      </c>
      <c r="J6248">
        <v>1</v>
      </c>
      <c r="K6248">
        <v>3.11</v>
      </c>
    </row>
    <row r="6249" spans="1:11" x14ac:dyDescent="0.3">
      <c r="A6249" s="1">
        <v>42698</v>
      </c>
      <c r="B6249" s="3">
        <f t="shared" si="194"/>
        <v>11</v>
      </c>
      <c r="C6249" s="3">
        <f t="shared" si="195"/>
        <v>2016</v>
      </c>
      <c r="D6249" t="s">
        <v>1698</v>
      </c>
      <c r="E6249" t="s">
        <v>26</v>
      </c>
      <c r="F6249" t="s">
        <v>38</v>
      </c>
      <c r="G6249" t="s">
        <v>39</v>
      </c>
      <c r="H6249" t="s">
        <v>2049</v>
      </c>
      <c r="I6249">
        <v>33.520000000000003</v>
      </c>
      <c r="J6249">
        <v>2</v>
      </c>
      <c r="K6249">
        <v>3.35</v>
      </c>
    </row>
    <row r="6250" spans="1:11" x14ac:dyDescent="0.3">
      <c r="A6250" s="1">
        <v>42698</v>
      </c>
      <c r="B6250" s="3">
        <f t="shared" si="194"/>
        <v>11</v>
      </c>
      <c r="C6250" s="3">
        <f t="shared" si="195"/>
        <v>2016</v>
      </c>
      <c r="D6250" t="s">
        <v>1698</v>
      </c>
      <c r="E6250" t="s">
        <v>26</v>
      </c>
      <c r="F6250" t="s">
        <v>33</v>
      </c>
      <c r="G6250" t="s">
        <v>46</v>
      </c>
      <c r="H6250" t="s">
        <v>59</v>
      </c>
      <c r="I6250">
        <v>9.94</v>
      </c>
      <c r="J6250">
        <v>2</v>
      </c>
      <c r="K6250">
        <v>3.08</v>
      </c>
    </row>
    <row r="6251" spans="1:11" x14ac:dyDescent="0.3">
      <c r="A6251" s="1">
        <v>42698</v>
      </c>
      <c r="B6251" s="3">
        <f t="shared" si="194"/>
        <v>11</v>
      </c>
      <c r="C6251" s="3">
        <f t="shared" si="195"/>
        <v>2016</v>
      </c>
      <c r="D6251" t="s">
        <v>2630</v>
      </c>
      <c r="E6251" t="s">
        <v>9</v>
      </c>
      <c r="F6251" t="s">
        <v>10</v>
      </c>
      <c r="G6251" t="s">
        <v>17</v>
      </c>
      <c r="H6251" t="s">
        <v>2218</v>
      </c>
      <c r="I6251">
        <v>41.92</v>
      </c>
      <c r="J6251">
        <v>5</v>
      </c>
      <c r="K6251">
        <v>3.67</v>
      </c>
    </row>
    <row r="6252" spans="1:11" x14ac:dyDescent="0.3">
      <c r="A6252" s="1">
        <v>42698</v>
      </c>
      <c r="B6252" s="3">
        <f t="shared" si="194"/>
        <v>11</v>
      </c>
      <c r="C6252" s="3">
        <f t="shared" si="195"/>
        <v>2016</v>
      </c>
      <c r="D6252" t="s">
        <v>2630</v>
      </c>
      <c r="E6252" t="s">
        <v>9</v>
      </c>
      <c r="F6252" t="s">
        <v>38</v>
      </c>
      <c r="G6252" t="s">
        <v>51</v>
      </c>
      <c r="H6252" t="s">
        <v>2220</v>
      </c>
      <c r="I6252">
        <v>297.58</v>
      </c>
      <c r="J6252">
        <v>3</v>
      </c>
      <c r="K6252">
        <v>-7.44</v>
      </c>
    </row>
    <row r="6253" spans="1:11" x14ac:dyDescent="0.3">
      <c r="A6253" s="1">
        <v>42698</v>
      </c>
      <c r="B6253" s="3">
        <f t="shared" si="194"/>
        <v>11</v>
      </c>
      <c r="C6253" s="3">
        <f t="shared" si="195"/>
        <v>2016</v>
      </c>
      <c r="D6253" t="s">
        <v>2630</v>
      </c>
      <c r="E6253" t="s">
        <v>9</v>
      </c>
      <c r="F6253" t="s">
        <v>10</v>
      </c>
      <c r="G6253" t="s">
        <v>42</v>
      </c>
      <c r="H6253" t="s">
        <v>1132</v>
      </c>
      <c r="I6253">
        <v>4.34</v>
      </c>
      <c r="J6253">
        <v>3</v>
      </c>
      <c r="K6253">
        <v>0.87</v>
      </c>
    </row>
    <row r="6254" spans="1:11" x14ac:dyDescent="0.3">
      <c r="A6254" s="1">
        <v>42698</v>
      </c>
      <c r="B6254" s="3">
        <f t="shared" si="194"/>
        <v>11</v>
      </c>
      <c r="C6254" s="3">
        <f t="shared" si="195"/>
        <v>2016</v>
      </c>
      <c r="D6254" t="s">
        <v>2630</v>
      </c>
      <c r="E6254" t="s">
        <v>9</v>
      </c>
      <c r="F6254" t="s">
        <v>38</v>
      </c>
      <c r="G6254" t="s">
        <v>51</v>
      </c>
      <c r="H6254" t="s">
        <v>1427</v>
      </c>
      <c r="I6254">
        <v>94.99</v>
      </c>
      <c r="J6254">
        <v>2</v>
      </c>
      <c r="K6254">
        <v>-2.37</v>
      </c>
    </row>
    <row r="6255" spans="1:11" x14ac:dyDescent="0.3">
      <c r="A6255" s="1">
        <v>42698</v>
      </c>
      <c r="B6255" s="3">
        <f t="shared" si="194"/>
        <v>11</v>
      </c>
      <c r="C6255" s="3">
        <f t="shared" si="195"/>
        <v>2016</v>
      </c>
      <c r="D6255" t="s">
        <v>2630</v>
      </c>
      <c r="E6255" t="s">
        <v>9</v>
      </c>
      <c r="F6255" t="s">
        <v>10</v>
      </c>
      <c r="G6255" t="s">
        <v>11</v>
      </c>
      <c r="H6255" t="s">
        <v>1125</v>
      </c>
      <c r="I6255">
        <v>74.349999999999994</v>
      </c>
      <c r="J6255">
        <v>3</v>
      </c>
      <c r="K6255">
        <v>23.24</v>
      </c>
    </row>
    <row r="6256" spans="1:11" x14ac:dyDescent="0.3">
      <c r="A6256" s="1">
        <v>42698</v>
      </c>
      <c r="B6256" s="3">
        <f t="shared" si="194"/>
        <v>11</v>
      </c>
      <c r="C6256" s="3">
        <f t="shared" si="195"/>
        <v>2016</v>
      </c>
      <c r="D6256" t="s">
        <v>2630</v>
      </c>
      <c r="E6256" t="s">
        <v>9</v>
      </c>
      <c r="F6256" t="s">
        <v>10</v>
      </c>
      <c r="G6256" t="s">
        <v>23</v>
      </c>
      <c r="H6256" t="s">
        <v>884</v>
      </c>
      <c r="I6256">
        <v>14.04</v>
      </c>
      <c r="J6256">
        <v>3</v>
      </c>
      <c r="K6256">
        <v>1.58</v>
      </c>
    </row>
    <row r="6257" spans="1:11" x14ac:dyDescent="0.3">
      <c r="A6257" s="1">
        <v>42698</v>
      </c>
      <c r="B6257" s="3">
        <f t="shared" si="194"/>
        <v>11</v>
      </c>
      <c r="C6257" s="3">
        <f t="shared" si="195"/>
        <v>2016</v>
      </c>
      <c r="D6257" t="s">
        <v>2631</v>
      </c>
      <c r="E6257" t="s">
        <v>90</v>
      </c>
      <c r="F6257" t="s">
        <v>10</v>
      </c>
      <c r="G6257" t="s">
        <v>11</v>
      </c>
      <c r="H6257" t="s">
        <v>2545</v>
      </c>
      <c r="I6257">
        <v>24.78</v>
      </c>
      <c r="J6257">
        <v>1</v>
      </c>
      <c r="K6257">
        <v>7.75</v>
      </c>
    </row>
    <row r="6258" spans="1:11" x14ac:dyDescent="0.3">
      <c r="A6258" s="1">
        <v>42698</v>
      </c>
      <c r="B6258" s="3">
        <f t="shared" si="194"/>
        <v>11</v>
      </c>
      <c r="C6258" s="3">
        <f t="shared" si="195"/>
        <v>2016</v>
      </c>
      <c r="D6258" t="s">
        <v>679</v>
      </c>
      <c r="E6258" t="s">
        <v>9</v>
      </c>
      <c r="F6258" t="s">
        <v>38</v>
      </c>
      <c r="G6258" t="s">
        <v>39</v>
      </c>
      <c r="H6258" t="s">
        <v>2260</v>
      </c>
      <c r="I6258">
        <v>657.55</v>
      </c>
      <c r="J6258">
        <v>6</v>
      </c>
      <c r="K6258">
        <v>49.32</v>
      </c>
    </row>
    <row r="6259" spans="1:11" x14ac:dyDescent="0.3">
      <c r="A6259" s="1">
        <v>42698</v>
      </c>
      <c r="B6259" s="3">
        <f t="shared" si="194"/>
        <v>11</v>
      </c>
      <c r="C6259" s="3">
        <f t="shared" si="195"/>
        <v>2016</v>
      </c>
      <c r="D6259" t="s">
        <v>1790</v>
      </c>
      <c r="E6259" t="s">
        <v>26</v>
      </c>
      <c r="F6259" t="s">
        <v>38</v>
      </c>
      <c r="G6259" t="s">
        <v>51</v>
      </c>
      <c r="H6259" t="s">
        <v>1786</v>
      </c>
      <c r="I6259">
        <v>659.9</v>
      </c>
      <c r="J6259">
        <v>2</v>
      </c>
      <c r="K6259">
        <v>217.77</v>
      </c>
    </row>
    <row r="6260" spans="1:11" x14ac:dyDescent="0.3">
      <c r="A6260" s="1">
        <v>42698</v>
      </c>
      <c r="B6260" s="3">
        <f t="shared" si="194"/>
        <v>11</v>
      </c>
      <c r="C6260" s="3">
        <f t="shared" si="195"/>
        <v>2016</v>
      </c>
      <c r="D6260" t="s">
        <v>1790</v>
      </c>
      <c r="E6260" t="s">
        <v>26</v>
      </c>
      <c r="F6260" t="s">
        <v>33</v>
      </c>
      <c r="G6260" t="s">
        <v>34</v>
      </c>
      <c r="H6260" t="s">
        <v>593</v>
      </c>
      <c r="I6260">
        <v>1684.75</v>
      </c>
      <c r="J6260">
        <v>6</v>
      </c>
      <c r="K6260">
        <v>210.59</v>
      </c>
    </row>
    <row r="6261" spans="1:11" x14ac:dyDescent="0.3">
      <c r="A6261" s="1">
        <v>42698</v>
      </c>
      <c r="B6261" s="3">
        <f t="shared" si="194"/>
        <v>11</v>
      </c>
      <c r="C6261" s="3">
        <f t="shared" si="195"/>
        <v>2016</v>
      </c>
      <c r="D6261" t="s">
        <v>1790</v>
      </c>
      <c r="E6261" t="s">
        <v>26</v>
      </c>
      <c r="F6261" t="s">
        <v>38</v>
      </c>
      <c r="G6261" t="s">
        <v>51</v>
      </c>
      <c r="H6261" t="s">
        <v>2427</v>
      </c>
      <c r="I6261">
        <v>559.91999999999996</v>
      </c>
      <c r="J6261">
        <v>8</v>
      </c>
      <c r="K6261">
        <v>190.37</v>
      </c>
    </row>
    <row r="6262" spans="1:11" x14ac:dyDescent="0.3">
      <c r="A6262" s="1">
        <v>42698</v>
      </c>
      <c r="B6262" s="3">
        <f t="shared" si="194"/>
        <v>11</v>
      </c>
      <c r="C6262" s="3">
        <f t="shared" si="195"/>
        <v>2016</v>
      </c>
      <c r="D6262" t="s">
        <v>1533</v>
      </c>
      <c r="E6262" t="s">
        <v>163</v>
      </c>
      <c r="F6262" t="s">
        <v>10</v>
      </c>
      <c r="G6262" t="s">
        <v>19</v>
      </c>
      <c r="H6262" t="s">
        <v>36</v>
      </c>
      <c r="I6262">
        <v>1219.96</v>
      </c>
      <c r="J6262">
        <v>5</v>
      </c>
      <c r="K6262">
        <v>381.24</v>
      </c>
    </row>
    <row r="6263" spans="1:11" x14ac:dyDescent="0.3">
      <c r="A6263" s="1">
        <v>42698</v>
      </c>
      <c r="B6263" s="3">
        <f t="shared" si="194"/>
        <v>11</v>
      </c>
      <c r="C6263" s="3">
        <f t="shared" si="195"/>
        <v>2016</v>
      </c>
      <c r="D6263" t="s">
        <v>592</v>
      </c>
      <c r="E6263" t="s">
        <v>530</v>
      </c>
      <c r="F6263" t="s">
        <v>33</v>
      </c>
      <c r="G6263" t="s">
        <v>46</v>
      </c>
      <c r="H6263" t="s">
        <v>56</v>
      </c>
      <c r="I6263">
        <v>207.76</v>
      </c>
      <c r="J6263">
        <v>4</v>
      </c>
      <c r="K6263">
        <v>85.18</v>
      </c>
    </row>
    <row r="6264" spans="1:11" x14ac:dyDescent="0.3">
      <c r="A6264" s="1">
        <v>42698</v>
      </c>
      <c r="B6264" s="3">
        <f t="shared" si="194"/>
        <v>11</v>
      </c>
      <c r="C6264" s="3">
        <f t="shared" si="195"/>
        <v>2016</v>
      </c>
      <c r="D6264" t="s">
        <v>2221</v>
      </c>
      <c r="E6264" t="s">
        <v>77</v>
      </c>
      <c r="F6264" t="s">
        <v>10</v>
      </c>
      <c r="G6264" t="s">
        <v>62</v>
      </c>
      <c r="H6264" t="s">
        <v>64</v>
      </c>
      <c r="I6264">
        <v>40.75</v>
      </c>
      <c r="J6264">
        <v>3</v>
      </c>
      <c r="K6264">
        <v>15.28</v>
      </c>
    </row>
    <row r="6265" spans="1:11" x14ac:dyDescent="0.3">
      <c r="A6265" s="1">
        <v>42698</v>
      </c>
      <c r="B6265" s="3">
        <f t="shared" si="194"/>
        <v>11</v>
      </c>
      <c r="C6265" s="3">
        <f t="shared" si="195"/>
        <v>2016</v>
      </c>
      <c r="D6265" t="s">
        <v>2221</v>
      </c>
      <c r="E6265" t="s">
        <v>77</v>
      </c>
      <c r="F6265" t="s">
        <v>38</v>
      </c>
      <c r="G6265" t="s">
        <v>51</v>
      </c>
      <c r="H6265" t="s">
        <v>2463</v>
      </c>
      <c r="I6265">
        <v>139.96</v>
      </c>
      <c r="J6265">
        <v>5</v>
      </c>
      <c r="K6265">
        <v>-22.74</v>
      </c>
    </row>
    <row r="6266" spans="1:11" x14ac:dyDescent="0.3">
      <c r="A6266" s="1">
        <v>42698</v>
      </c>
      <c r="B6266" s="3">
        <f t="shared" si="194"/>
        <v>11</v>
      </c>
      <c r="C6266" s="3">
        <f t="shared" si="195"/>
        <v>2016</v>
      </c>
      <c r="D6266" t="s">
        <v>2495</v>
      </c>
      <c r="E6266" t="s">
        <v>163</v>
      </c>
      <c r="F6266" t="s">
        <v>10</v>
      </c>
      <c r="G6266" t="s">
        <v>199</v>
      </c>
      <c r="H6266" t="s">
        <v>2250</v>
      </c>
      <c r="I6266">
        <v>25.35</v>
      </c>
      <c r="J6266">
        <v>3</v>
      </c>
      <c r="K6266">
        <v>7.61</v>
      </c>
    </row>
    <row r="6267" spans="1:11" x14ac:dyDescent="0.3">
      <c r="A6267" s="1">
        <v>42698</v>
      </c>
      <c r="B6267" s="3">
        <f t="shared" si="194"/>
        <v>11</v>
      </c>
      <c r="C6267" s="3">
        <f t="shared" si="195"/>
        <v>2016</v>
      </c>
      <c r="D6267" t="s">
        <v>1671</v>
      </c>
      <c r="E6267" t="s">
        <v>163</v>
      </c>
      <c r="F6267" t="s">
        <v>33</v>
      </c>
      <c r="G6267" t="s">
        <v>46</v>
      </c>
      <c r="H6267" t="s">
        <v>2248</v>
      </c>
      <c r="I6267">
        <v>82.26</v>
      </c>
      <c r="J6267">
        <v>3</v>
      </c>
      <c r="K6267">
        <v>33.729999999999997</v>
      </c>
    </row>
    <row r="6268" spans="1:11" x14ac:dyDescent="0.3">
      <c r="A6268" s="1">
        <v>42698</v>
      </c>
      <c r="B6268" s="3">
        <f t="shared" si="194"/>
        <v>11</v>
      </c>
      <c r="C6268" s="3">
        <f t="shared" si="195"/>
        <v>2016</v>
      </c>
      <c r="D6268" t="s">
        <v>342</v>
      </c>
      <c r="E6268" t="s">
        <v>122</v>
      </c>
      <c r="F6268" t="s">
        <v>33</v>
      </c>
      <c r="G6268" t="s">
        <v>73</v>
      </c>
      <c r="H6268" t="s">
        <v>2632</v>
      </c>
      <c r="I6268">
        <v>339.92</v>
      </c>
      <c r="J6268">
        <v>5</v>
      </c>
      <c r="K6268">
        <v>8.5</v>
      </c>
    </row>
    <row r="6269" spans="1:11" x14ac:dyDescent="0.3">
      <c r="A6269" s="1">
        <v>42698</v>
      </c>
      <c r="B6269" s="3">
        <f t="shared" si="194"/>
        <v>11</v>
      </c>
      <c r="C6269" s="3">
        <f t="shared" si="195"/>
        <v>2016</v>
      </c>
      <c r="D6269" t="s">
        <v>342</v>
      </c>
      <c r="E6269" t="s">
        <v>122</v>
      </c>
      <c r="F6269" t="s">
        <v>10</v>
      </c>
      <c r="G6269" t="s">
        <v>11</v>
      </c>
      <c r="H6269" t="s">
        <v>1672</v>
      </c>
      <c r="I6269">
        <v>10.53</v>
      </c>
      <c r="J6269">
        <v>4</v>
      </c>
      <c r="K6269">
        <v>3.42</v>
      </c>
    </row>
    <row r="6270" spans="1:11" x14ac:dyDescent="0.3">
      <c r="A6270" s="1">
        <v>42698</v>
      </c>
      <c r="B6270" s="3">
        <f t="shared" si="194"/>
        <v>11</v>
      </c>
      <c r="C6270" s="3">
        <f t="shared" si="195"/>
        <v>2016</v>
      </c>
      <c r="D6270" t="s">
        <v>342</v>
      </c>
      <c r="E6270" t="s">
        <v>122</v>
      </c>
      <c r="F6270" t="s">
        <v>10</v>
      </c>
      <c r="G6270" t="s">
        <v>91</v>
      </c>
      <c r="H6270" t="s">
        <v>420</v>
      </c>
      <c r="I6270">
        <v>42.38</v>
      </c>
      <c r="J6270">
        <v>2</v>
      </c>
      <c r="K6270">
        <v>4.24</v>
      </c>
    </row>
    <row r="6271" spans="1:11" x14ac:dyDescent="0.3">
      <c r="A6271" s="1">
        <v>42699</v>
      </c>
      <c r="B6271" s="3">
        <f t="shared" si="194"/>
        <v>11</v>
      </c>
      <c r="C6271" s="3">
        <f t="shared" si="195"/>
        <v>2016</v>
      </c>
      <c r="D6271" t="s">
        <v>2012</v>
      </c>
      <c r="E6271" t="s">
        <v>122</v>
      </c>
      <c r="F6271" t="s">
        <v>10</v>
      </c>
      <c r="G6271" t="s">
        <v>11</v>
      </c>
      <c r="H6271" t="s">
        <v>2532</v>
      </c>
      <c r="I6271">
        <v>5.08</v>
      </c>
      <c r="J6271">
        <v>1</v>
      </c>
      <c r="K6271">
        <v>1.65</v>
      </c>
    </row>
    <row r="6272" spans="1:11" x14ac:dyDescent="0.3">
      <c r="A6272" s="1">
        <v>42699</v>
      </c>
      <c r="B6272" s="3">
        <f t="shared" si="194"/>
        <v>11</v>
      </c>
      <c r="C6272" s="3">
        <f t="shared" si="195"/>
        <v>2016</v>
      </c>
      <c r="D6272" t="s">
        <v>1456</v>
      </c>
      <c r="E6272" t="s">
        <v>176</v>
      </c>
      <c r="F6272" t="s">
        <v>10</v>
      </c>
      <c r="G6272" t="s">
        <v>17</v>
      </c>
      <c r="H6272" t="s">
        <v>1853</v>
      </c>
      <c r="I6272">
        <v>563.4</v>
      </c>
      <c r="J6272">
        <v>4</v>
      </c>
      <c r="K6272">
        <v>67.61</v>
      </c>
    </row>
    <row r="6273" spans="1:11" x14ac:dyDescent="0.3">
      <c r="A6273" s="1">
        <v>42699</v>
      </c>
      <c r="B6273" s="3">
        <f t="shared" si="194"/>
        <v>11</v>
      </c>
      <c r="C6273" s="3">
        <f t="shared" si="195"/>
        <v>2016</v>
      </c>
      <c r="D6273" t="s">
        <v>1456</v>
      </c>
      <c r="E6273" t="s">
        <v>176</v>
      </c>
      <c r="F6273" t="s">
        <v>38</v>
      </c>
      <c r="G6273" t="s">
        <v>301</v>
      </c>
      <c r="H6273" t="s">
        <v>2633</v>
      </c>
      <c r="I6273">
        <v>319.92</v>
      </c>
      <c r="J6273">
        <v>8</v>
      </c>
      <c r="K6273">
        <v>118.37</v>
      </c>
    </row>
    <row r="6274" spans="1:11" x14ac:dyDescent="0.3">
      <c r="A6274" s="1">
        <v>42699</v>
      </c>
      <c r="B6274" s="3">
        <f t="shared" ref="B6274:B6337" si="196">MONTH(A:A)</f>
        <v>11</v>
      </c>
      <c r="C6274" s="3">
        <f t="shared" ref="C6274:C6337" si="197">YEAR(A:A)</f>
        <v>2016</v>
      </c>
      <c r="D6274" t="s">
        <v>914</v>
      </c>
      <c r="E6274" t="s">
        <v>100</v>
      </c>
      <c r="F6274" t="s">
        <v>38</v>
      </c>
      <c r="G6274" t="s">
        <v>39</v>
      </c>
      <c r="H6274" t="s">
        <v>2289</v>
      </c>
      <c r="I6274">
        <v>59.98</v>
      </c>
      <c r="J6274">
        <v>2</v>
      </c>
      <c r="K6274">
        <v>17.989999999999998</v>
      </c>
    </row>
    <row r="6275" spans="1:11" x14ac:dyDescent="0.3">
      <c r="A6275" s="1">
        <v>42699</v>
      </c>
      <c r="B6275" s="3">
        <f t="shared" si="196"/>
        <v>11</v>
      </c>
      <c r="C6275" s="3">
        <f t="shared" si="197"/>
        <v>2016</v>
      </c>
      <c r="D6275" t="s">
        <v>2102</v>
      </c>
      <c r="E6275" t="s">
        <v>109</v>
      </c>
      <c r="F6275" t="s">
        <v>33</v>
      </c>
      <c r="G6275" t="s">
        <v>144</v>
      </c>
      <c r="H6275" t="s">
        <v>2065</v>
      </c>
      <c r="I6275">
        <v>1568.61</v>
      </c>
      <c r="J6275">
        <v>9</v>
      </c>
      <c r="K6275">
        <v>329.41</v>
      </c>
    </row>
    <row r="6276" spans="1:11" x14ac:dyDescent="0.3">
      <c r="A6276" s="1">
        <v>42699</v>
      </c>
      <c r="B6276" s="3">
        <f t="shared" si="196"/>
        <v>11</v>
      </c>
      <c r="C6276" s="3">
        <f t="shared" si="197"/>
        <v>2016</v>
      </c>
      <c r="D6276" t="s">
        <v>2102</v>
      </c>
      <c r="E6276" t="s">
        <v>109</v>
      </c>
      <c r="F6276" t="s">
        <v>10</v>
      </c>
      <c r="G6276" t="s">
        <v>19</v>
      </c>
      <c r="H6276" t="s">
        <v>2118</v>
      </c>
      <c r="I6276">
        <v>17.3</v>
      </c>
      <c r="J6276">
        <v>1</v>
      </c>
      <c r="K6276">
        <v>8.3000000000000007</v>
      </c>
    </row>
    <row r="6277" spans="1:11" x14ac:dyDescent="0.3">
      <c r="A6277" s="1">
        <v>42699</v>
      </c>
      <c r="B6277" s="3">
        <f t="shared" si="196"/>
        <v>11</v>
      </c>
      <c r="C6277" s="3">
        <f t="shared" si="197"/>
        <v>2016</v>
      </c>
      <c r="D6277" t="s">
        <v>2102</v>
      </c>
      <c r="E6277" t="s">
        <v>109</v>
      </c>
      <c r="F6277" t="s">
        <v>38</v>
      </c>
      <c r="G6277" t="s">
        <v>51</v>
      </c>
      <c r="H6277" t="s">
        <v>2521</v>
      </c>
      <c r="I6277">
        <v>160</v>
      </c>
      <c r="J6277">
        <v>8</v>
      </c>
      <c r="K6277">
        <v>62.4</v>
      </c>
    </row>
    <row r="6278" spans="1:11" x14ac:dyDescent="0.3">
      <c r="A6278" s="1">
        <v>42699</v>
      </c>
      <c r="B6278" s="3">
        <f t="shared" si="196"/>
        <v>11</v>
      </c>
      <c r="C6278" s="3">
        <f t="shared" si="197"/>
        <v>2016</v>
      </c>
      <c r="D6278" t="s">
        <v>391</v>
      </c>
      <c r="E6278" t="s">
        <v>77</v>
      </c>
      <c r="F6278" t="s">
        <v>10</v>
      </c>
      <c r="G6278" t="s">
        <v>19</v>
      </c>
      <c r="H6278" t="s">
        <v>2126</v>
      </c>
      <c r="I6278">
        <v>456.59</v>
      </c>
      <c r="J6278">
        <v>2</v>
      </c>
      <c r="K6278">
        <v>-304.39</v>
      </c>
    </row>
    <row r="6279" spans="1:11" x14ac:dyDescent="0.3">
      <c r="A6279" s="1">
        <v>42699</v>
      </c>
      <c r="B6279" s="3">
        <f t="shared" si="196"/>
        <v>11</v>
      </c>
      <c r="C6279" s="3">
        <f t="shared" si="197"/>
        <v>2016</v>
      </c>
      <c r="D6279" t="s">
        <v>391</v>
      </c>
      <c r="E6279" t="s">
        <v>77</v>
      </c>
      <c r="F6279" t="s">
        <v>38</v>
      </c>
      <c r="G6279" t="s">
        <v>301</v>
      </c>
      <c r="H6279" t="s">
        <v>2401</v>
      </c>
      <c r="I6279">
        <v>4499.99</v>
      </c>
      <c r="J6279">
        <v>5</v>
      </c>
      <c r="K6279">
        <v>-6599.98</v>
      </c>
    </row>
    <row r="6280" spans="1:11" x14ac:dyDescent="0.3">
      <c r="A6280" s="1">
        <v>42699</v>
      </c>
      <c r="B6280" s="3">
        <f t="shared" si="196"/>
        <v>11</v>
      </c>
      <c r="C6280" s="3">
        <f t="shared" si="197"/>
        <v>2016</v>
      </c>
      <c r="D6280" t="s">
        <v>391</v>
      </c>
      <c r="E6280" t="s">
        <v>77</v>
      </c>
      <c r="F6280" t="s">
        <v>38</v>
      </c>
      <c r="G6280" t="s">
        <v>51</v>
      </c>
      <c r="H6280" t="s">
        <v>2634</v>
      </c>
      <c r="I6280">
        <v>59.98</v>
      </c>
      <c r="J6280">
        <v>3</v>
      </c>
      <c r="K6280">
        <v>12</v>
      </c>
    </row>
    <row r="6281" spans="1:11" x14ac:dyDescent="0.3">
      <c r="A6281" s="1">
        <v>42699</v>
      </c>
      <c r="B6281" s="3">
        <f t="shared" si="196"/>
        <v>11</v>
      </c>
      <c r="C6281" s="3">
        <f t="shared" si="197"/>
        <v>2016</v>
      </c>
      <c r="D6281" t="s">
        <v>504</v>
      </c>
      <c r="E6281" t="s">
        <v>487</v>
      </c>
      <c r="F6281" t="s">
        <v>10</v>
      </c>
      <c r="G6281" t="s">
        <v>17</v>
      </c>
      <c r="H6281" t="s">
        <v>2218</v>
      </c>
      <c r="I6281">
        <v>73.36</v>
      </c>
      <c r="J6281">
        <v>7</v>
      </c>
      <c r="K6281">
        <v>19.809999999999999</v>
      </c>
    </row>
    <row r="6282" spans="1:11" x14ac:dyDescent="0.3">
      <c r="A6282" s="1">
        <v>42699</v>
      </c>
      <c r="B6282" s="3">
        <f t="shared" si="196"/>
        <v>11</v>
      </c>
      <c r="C6282" s="3">
        <f t="shared" si="197"/>
        <v>2016</v>
      </c>
      <c r="D6282" t="s">
        <v>934</v>
      </c>
      <c r="E6282" t="s">
        <v>26</v>
      </c>
      <c r="F6282" t="s">
        <v>33</v>
      </c>
      <c r="G6282" t="s">
        <v>34</v>
      </c>
      <c r="H6282" t="s">
        <v>861</v>
      </c>
      <c r="I6282">
        <v>194.35</v>
      </c>
      <c r="J6282">
        <v>3</v>
      </c>
      <c r="K6282">
        <v>19.440000000000001</v>
      </c>
    </row>
    <row r="6283" spans="1:11" x14ac:dyDescent="0.3">
      <c r="A6283" s="1">
        <v>42700</v>
      </c>
      <c r="B6283" s="3">
        <f t="shared" si="196"/>
        <v>11</v>
      </c>
      <c r="C6283" s="3">
        <f t="shared" si="197"/>
        <v>2016</v>
      </c>
      <c r="D6283" t="s">
        <v>747</v>
      </c>
      <c r="E6283" t="s">
        <v>487</v>
      </c>
      <c r="F6283" t="s">
        <v>10</v>
      </c>
      <c r="G6283" t="s">
        <v>11</v>
      </c>
      <c r="H6283" t="s">
        <v>624</v>
      </c>
      <c r="I6283">
        <v>70.98</v>
      </c>
      <c r="J6283">
        <v>7</v>
      </c>
      <c r="K6283">
        <v>34.78</v>
      </c>
    </row>
    <row r="6284" spans="1:11" x14ac:dyDescent="0.3">
      <c r="A6284" s="1">
        <v>42700</v>
      </c>
      <c r="B6284" s="3">
        <f t="shared" si="196"/>
        <v>11</v>
      </c>
      <c r="C6284" s="3">
        <f t="shared" si="197"/>
        <v>2016</v>
      </c>
      <c r="D6284" t="s">
        <v>747</v>
      </c>
      <c r="E6284" t="s">
        <v>487</v>
      </c>
      <c r="F6284" t="s">
        <v>10</v>
      </c>
      <c r="G6284" t="s">
        <v>19</v>
      </c>
      <c r="H6284" t="s">
        <v>161</v>
      </c>
      <c r="I6284">
        <v>91.68</v>
      </c>
      <c r="J6284">
        <v>3</v>
      </c>
      <c r="K6284">
        <v>45.84</v>
      </c>
    </row>
    <row r="6285" spans="1:11" x14ac:dyDescent="0.3">
      <c r="A6285" s="1">
        <v>42700</v>
      </c>
      <c r="B6285" s="3">
        <f t="shared" si="196"/>
        <v>11</v>
      </c>
      <c r="C6285" s="3">
        <f t="shared" si="197"/>
        <v>2016</v>
      </c>
      <c r="D6285" t="s">
        <v>747</v>
      </c>
      <c r="E6285" t="s">
        <v>487</v>
      </c>
      <c r="F6285" t="s">
        <v>10</v>
      </c>
      <c r="G6285" t="s">
        <v>19</v>
      </c>
      <c r="H6285" t="s">
        <v>2164</v>
      </c>
      <c r="I6285">
        <v>33.75</v>
      </c>
      <c r="J6285">
        <v>5</v>
      </c>
      <c r="K6285">
        <v>16.88</v>
      </c>
    </row>
    <row r="6286" spans="1:11" x14ac:dyDescent="0.3">
      <c r="A6286" s="1">
        <v>42700</v>
      </c>
      <c r="B6286" s="3">
        <f t="shared" si="196"/>
        <v>11</v>
      </c>
      <c r="C6286" s="3">
        <f t="shared" si="197"/>
        <v>2016</v>
      </c>
      <c r="D6286" t="s">
        <v>747</v>
      </c>
      <c r="E6286" t="s">
        <v>487</v>
      </c>
      <c r="F6286" t="s">
        <v>38</v>
      </c>
      <c r="G6286" t="s">
        <v>301</v>
      </c>
      <c r="H6286" t="s">
        <v>2635</v>
      </c>
      <c r="I6286">
        <v>3040</v>
      </c>
      <c r="J6286">
        <v>8</v>
      </c>
      <c r="K6286">
        <v>1459.2</v>
      </c>
    </row>
    <row r="6287" spans="1:11" x14ac:dyDescent="0.3">
      <c r="A6287" s="1">
        <v>42700</v>
      </c>
      <c r="B6287" s="3">
        <f t="shared" si="196"/>
        <v>11</v>
      </c>
      <c r="C6287" s="3">
        <f t="shared" si="197"/>
        <v>2016</v>
      </c>
      <c r="D6287" t="s">
        <v>1575</v>
      </c>
      <c r="E6287" t="s">
        <v>163</v>
      </c>
      <c r="F6287" t="s">
        <v>10</v>
      </c>
      <c r="G6287" t="s">
        <v>19</v>
      </c>
      <c r="H6287" t="s">
        <v>936</v>
      </c>
      <c r="I6287">
        <v>7.31</v>
      </c>
      <c r="J6287">
        <v>2</v>
      </c>
      <c r="K6287">
        <v>2.56</v>
      </c>
    </row>
    <row r="6288" spans="1:11" x14ac:dyDescent="0.3">
      <c r="A6288" s="1">
        <v>42700</v>
      </c>
      <c r="B6288" s="3">
        <f t="shared" si="196"/>
        <v>11</v>
      </c>
      <c r="C6288" s="3">
        <f t="shared" si="197"/>
        <v>2016</v>
      </c>
      <c r="D6288" t="s">
        <v>629</v>
      </c>
      <c r="E6288" t="s">
        <v>22</v>
      </c>
      <c r="F6288" t="s">
        <v>38</v>
      </c>
      <c r="G6288" t="s">
        <v>39</v>
      </c>
      <c r="H6288" t="s">
        <v>2142</v>
      </c>
      <c r="I6288">
        <v>494.98</v>
      </c>
      <c r="J6288">
        <v>3</v>
      </c>
      <c r="K6288">
        <v>-115.5</v>
      </c>
    </row>
    <row r="6289" spans="1:11" x14ac:dyDescent="0.3">
      <c r="A6289" s="1">
        <v>42700</v>
      </c>
      <c r="B6289" s="3">
        <f t="shared" si="196"/>
        <v>11</v>
      </c>
      <c r="C6289" s="3">
        <f t="shared" si="197"/>
        <v>2016</v>
      </c>
      <c r="D6289" t="s">
        <v>673</v>
      </c>
      <c r="E6289" t="s">
        <v>122</v>
      </c>
      <c r="F6289" t="s">
        <v>10</v>
      </c>
      <c r="G6289" t="s">
        <v>19</v>
      </c>
      <c r="H6289" t="s">
        <v>435</v>
      </c>
      <c r="I6289">
        <v>3.74</v>
      </c>
      <c r="J6289">
        <v>4</v>
      </c>
      <c r="K6289">
        <v>-2.62</v>
      </c>
    </row>
    <row r="6290" spans="1:11" x14ac:dyDescent="0.3">
      <c r="A6290" s="1">
        <v>42700</v>
      </c>
      <c r="B6290" s="3">
        <f t="shared" si="196"/>
        <v>11</v>
      </c>
      <c r="C6290" s="3">
        <f t="shared" si="197"/>
        <v>2016</v>
      </c>
      <c r="D6290" t="s">
        <v>290</v>
      </c>
      <c r="E6290" t="s">
        <v>148</v>
      </c>
      <c r="F6290" t="s">
        <v>33</v>
      </c>
      <c r="G6290" t="s">
        <v>144</v>
      </c>
      <c r="H6290" t="s">
        <v>254</v>
      </c>
      <c r="I6290">
        <v>313.18</v>
      </c>
      <c r="J6290">
        <v>2</v>
      </c>
      <c r="K6290">
        <v>-120.05</v>
      </c>
    </row>
    <row r="6291" spans="1:11" x14ac:dyDescent="0.3">
      <c r="A6291" s="1">
        <v>42700</v>
      </c>
      <c r="B6291" s="3">
        <f t="shared" si="196"/>
        <v>11</v>
      </c>
      <c r="C6291" s="3">
        <f t="shared" si="197"/>
        <v>2016</v>
      </c>
      <c r="D6291" t="s">
        <v>679</v>
      </c>
      <c r="E6291" t="s">
        <v>9</v>
      </c>
      <c r="F6291" t="s">
        <v>10</v>
      </c>
      <c r="G6291" t="s">
        <v>23</v>
      </c>
      <c r="H6291" t="s">
        <v>644</v>
      </c>
      <c r="I6291">
        <v>17.86</v>
      </c>
      <c r="J6291">
        <v>4</v>
      </c>
      <c r="K6291">
        <v>4.24</v>
      </c>
    </row>
    <row r="6292" spans="1:11" x14ac:dyDescent="0.3">
      <c r="A6292" s="1">
        <v>42700</v>
      </c>
      <c r="B6292" s="3">
        <f t="shared" si="196"/>
        <v>11</v>
      </c>
      <c r="C6292" s="3">
        <f t="shared" si="197"/>
        <v>2016</v>
      </c>
      <c r="D6292" t="s">
        <v>158</v>
      </c>
      <c r="E6292" t="s">
        <v>612</v>
      </c>
      <c r="F6292" t="s">
        <v>38</v>
      </c>
      <c r="G6292" t="s">
        <v>51</v>
      </c>
      <c r="H6292" t="s">
        <v>1717</v>
      </c>
      <c r="I6292">
        <v>59.97</v>
      </c>
      <c r="J6292">
        <v>3</v>
      </c>
      <c r="K6292">
        <v>14.99</v>
      </c>
    </row>
    <row r="6293" spans="1:11" x14ac:dyDescent="0.3">
      <c r="A6293" s="1">
        <v>42700</v>
      </c>
      <c r="B6293" s="3">
        <f t="shared" si="196"/>
        <v>11</v>
      </c>
      <c r="C6293" s="3">
        <f t="shared" si="197"/>
        <v>2016</v>
      </c>
      <c r="D6293" t="s">
        <v>158</v>
      </c>
      <c r="E6293" t="s">
        <v>612</v>
      </c>
      <c r="F6293" t="s">
        <v>10</v>
      </c>
      <c r="G6293" t="s">
        <v>11</v>
      </c>
      <c r="H6293" t="s">
        <v>1883</v>
      </c>
      <c r="I6293">
        <v>13.36</v>
      </c>
      <c r="J6293">
        <v>2</v>
      </c>
      <c r="K6293">
        <v>6.41</v>
      </c>
    </row>
    <row r="6294" spans="1:11" x14ac:dyDescent="0.3">
      <c r="A6294" s="1">
        <v>42700</v>
      </c>
      <c r="B6294" s="3">
        <f t="shared" si="196"/>
        <v>11</v>
      </c>
      <c r="C6294" s="3">
        <f t="shared" si="197"/>
        <v>2016</v>
      </c>
      <c r="D6294" t="s">
        <v>899</v>
      </c>
      <c r="E6294" t="s">
        <v>22</v>
      </c>
      <c r="F6294" t="s">
        <v>10</v>
      </c>
      <c r="G6294" t="s">
        <v>19</v>
      </c>
      <c r="H6294" t="s">
        <v>1895</v>
      </c>
      <c r="I6294">
        <v>78.760000000000005</v>
      </c>
      <c r="J6294">
        <v>9</v>
      </c>
      <c r="K6294">
        <v>-57.76</v>
      </c>
    </row>
    <row r="6295" spans="1:11" x14ac:dyDescent="0.3">
      <c r="A6295" s="1">
        <v>42700</v>
      </c>
      <c r="B6295" s="3">
        <f t="shared" si="196"/>
        <v>11</v>
      </c>
      <c r="C6295" s="3">
        <f t="shared" si="197"/>
        <v>2016</v>
      </c>
      <c r="D6295" t="s">
        <v>1257</v>
      </c>
      <c r="E6295" t="s">
        <v>26</v>
      </c>
      <c r="F6295" t="s">
        <v>33</v>
      </c>
      <c r="G6295" t="s">
        <v>73</v>
      </c>
      <c r="H6295" t="s">
        <v>1343</v>
      </c>
      <c r="I6295">
        <v>3406.66</v>
      </c>
      <c r="J6295">
        <v>8</v>
      </c>
      <c r="K6295">
        <v>160.31</v>
      </c>
    </row>
    <row r="6296" spans="1:11" x14ac:dyDescent="0.3">
      <c r="A6296" s="1">
        <v>42700</v>
      </c>
      <c r="B6296" s="3">
        <f t="shared" si="196"/>
        <v>11</v>
      </c>
      <c r="C6296" s="3">
        <f t="shared" si="197"/>
        <v>2016</v>
      </c>
      <c r="D6296" t="s">
        <v>1257</v>
      </c>
      <c r="E6296" t="s">
        <v>26</v>
      </c>
      <c r="F6296" t="s">
        <v>10</v>
      </c>
      <c r="G6296" t="s">
        <v>23</v>
      </c>
      <c r="H6296" t="s">
        <v>1814</v>
      </c>
      <c r="I6296">
        <v>37.17</v>
      </c>
      <c r="J6296">
        <v>9</v>
      </c>
      <c r="K6296">
        <v>10.41</v>
      </c>
    </row>
    <row r="6297" spans="1:11" x14ac:dyDescent="0.3">
      <c r="A6297" s="1">
        <v>42700</v>
      </c>
      <c r="B6297" s="3">
        <f t="shared" si="196"/>
        <v>11</v>
      </c>
      <c r="C6297" s="3">
        <f t="shared" si="197"/>
        <v>2016</v>
      </c>
      <c r="D6297" t="s">
        <v>1257</v>
      </c>
      <c r="E6297" t="s">
        <v>26</v>
      </c>
      <c r="F6297" t="s">
        <v>10</v>
      </c>
      <c r="G6297" t="s">
        <v>91</v>
      </c>
      <c r="H6297" t="s">
        <v>2620</v>
      </c>
      <c r="I6297">
        <v>64.959999999999994</v>
      </c>
      <c r="J6297">
        <v>2</v>
      </c>
      <c r="K6297">
        <v>19.489999999999998</v>
      </c>
    </row>
    <row r="6298" spans="1:11" x14ac:dyDescent="0.3">
      <c r="A6298" s="1">
        <v>42700</v>
      </c>
      <c r="B6298" s="3">
        <f t="shared" si="196"/>
        <v>11</v>
      </c>
      <c r="C6298" s="3">
        <f t="shared" si="197"/>
        <v>2016</v>
      </c>
      <c r="D6298" t="s">
        <v>1257</v>
      </c>
      <c r="E6298" t="s">
        <v>26</v>
      </c>
      <c r="F6298" t="s">
        <v>33</v>
      </c>
      <c r="G6298" t="s">
        <v>46</v>
      </c>
      <c r="H6298" t="s">
        <v>2035</v>
      </c>
      <c r="I6298">
        <v>595.38</v>
      </c>
      <c r="J6298">
        <v>6</v>
      </c>
      <c r="K6298">
        <v>297.69</v>
      </c>
    </row>
    <row r="6299" spans="1:11" x14ac:dyDescent="0.3">
      <c r="A6299" s="1">
        <v>42701</v>
      </c>
      <c r="B6299" s="3">
        <f t="shared" si="196"/>
        <v>11</v>
      </c>
      <c r="C6299" s="3">
        <f t="shared" si="197"/>
        <v>2016</v>
      </c>
      <c r="D6299" t="s">
        <v>1520</v>
      </c>
      <c r="E6299" t="s">
        <v>14</v>
      </c>
      <c r="F6299" t="s">
        <v>10</v>
      </c>
      <c r="G6299" t="s">
        <v>17</v>
      </c>
      <c r="H6299" t="s">
        <v>132</v>
      </c>
      <c r="I6299">
        <v>97.98</v>
      </c>
      <c r="J6299">
        <v>2</v>
      </c>
      <c r="K6299">
        <v>-24.5</v>
      </c>
    </row>
    <row r="6300" spans="1:11" x14ac:dyDescent="0.3">
      <c r="A6300" s="1">
        <v>42701</v>
      </c>
      <c r="B6300" s="3">
        <f t="shared" si="196"/>
        <v>11</v>
      </c>
      <c r="C6300" s="3">
        <f t="shared" si="197"/>
        <v>2016</v>
      </c>
      <c r="D6300" t="s">
        <v>1520</v>
      </c>
      <c r="E6300" t="s">
        <v>14</v>
      </c>
      <c r="F6300" t="s">
        <v>38</v>
      </c>
      <c r="G6300" t="s">
        <v>51</v>
      </c>
      <c r="H6300" t="s">
        <v>52</v>
      </c>
      <c r="I6300">
        <v>62.4</v>
      </c>
      <c r="J6300">
        <v>6</v>
      </c>
      <c r="K6300">
        <v>19.5</v>
      </c>
    </row>
    <row r="6301" spans="1:11" x14ac:dyDescent="0.3">
      <c r="A6301" s="1">
        <v>42701</v>
      </c>
      <c r="B6301" s="3">
        <f t="shared" si="196"/>
        <v>11</v>
      </c>
      <c r="C6301" s="3">
        <f t="shared" si="197"/>
        <v>2016</v>
      </c>
      <c r="D6301" t="s">
        <v>1830</v>
      </c>
      <c r="E6301" t="s">
        <v>94</v>
      </c>
      <c r="F6301" t="s">
        <v>38</v>
      </c>
      <c r="G6301" t="s">
        <v>39</v>
      </c>
      <c r="H6301" t="s">
        <v>2636</v>
      </c>
      <c r="I6301">
        <v>271.99</v>
      </c>
      <c r="J6301">
        <v>1</v>
      </c>
      <c r="K6301">
        <v>23.8</v>
      </c>
    </row>
    <row r="6302" spans="1:11" x14ac:dyDescent="0.3">
      <c r="A6302" s="1">
        <v>42701</v>
      </c>
      <c r="B6302" s="3">
        <f t="shared" si="196"/>
        <v>11</v>
      </c>
      <c r="C6302" s="3">
        <f t="shared" si="197"/>
        <v>2016</v>
      </c>
      <c r="D6302" t="s">
        <v>2161</v>
      </c>
      <c r="E6302" t="s">
        <v>109</v>
      </c>
      <c r="F6302" t="s">
        <v>10</v>
      </c>
      <c r="G6302" t="s">
        <v>91</v>
      </c>
      <c r="H6302" t="s">
        <v>439</v>
      </c>
      <c r="I6302">
        <v>167.29</v>
      </c>
      <c r="J6302">
        <v>6</v>
      </c>
      <c r="K6302">
        <v>29.74</v>
      </c>
    </row>
    <row r="6303" spans="1:11" x14ac:dyDescent="0.3">
      <c r="A6303" s="1">
        <v>42701</v>
      </c>
      <c r="B6303" s="3">
        <f t="shared" si="196"/>
        <v>11</v>
      </c>
      <c r="C6303" s="3">
        <f t="shared" si="197"/>
        <v>2016</v>
      </c>
      <c r="D6303" t="s">
        <v>882</v>
      </c>
      <c r="E6303" t="s">
        <v>1282</v>
      </c>
      <c r="F6303" t="s">
        <v>38</v>
      </c>
      <c r="G6303" t="s">
        <v>51</v>
      </c>
      <c r="H6303" t="s">
        <v>1324</v>
      </c>
      <c r="I6303">
        <v>34.950000000000003</v>
      </c>
      <c r="J6303">
        <v>5</v>
      </c>
      <c r="K6303">
        <v>15.38</v>
      </c>
    </row>
    <row r="6304" spans="1:11" x14ac:dyDescent="0.3">
      <c r="A6304" s="1">
        <v>42701</v>
      </c>
      <c r="B6304" s="3">
        <f t="shared" si="196"/>
        <v>11</v>
      </c>
      <c r="C6304" s="3">
        <f t="shared" si="197"/>
        <v>2016</v>
      </c>
      <c r="D6304" t="s">
        <v>882</v>
      </c>
      <c r="E6304" t="s">
        <v>1282</v>
      </c>
      <c r="F6304" t="s">
        <v>10</v>
      </c>
      <c r="G6304" t="s">
        <v>19</v>
      </c>
      <c r="H6304" t="s">
        <v>700</v>
      </c>
      <c r="I6304">
        <v>152</v>
      </c>
      <c r="J6304">
        <v>5</v>
      </c>
      <c r="K6304">
        <v>69.92</v>
      </c>
    </row>
    <row r="6305" spans="1:11" x14ac:dyDescent="0.3">
      <c r="A6305" s="1">
        <v>42701</v>
      </c>
      <c r="B6305" s="3">
        <f t="shared" si="196"/>
        <v>11</v>
      </c>
      <c r="C6305" s="3">
        <f t="shared" si="197"/>
        <v>2016</v>
      </c>
      <c r="D6305" t="s">
        <v>1870</v>
      </c>
      <c r="E6305" t="s">
        <v>176</v>
      </c>
      <c r="F6305" t="s">
        <v>33</v>
      </c>
      <c r="G6305" t="s">
        <v>46</v>
      </c>
      <c r="H6305" t="s">
        <v>123</v>
      </c>
      <c r="I6305">
        <v>31.56</v>
      </c>
      <c r="J6305">
        <v>3</v>
      </c>
      <c r="K6305">
        <v>10.41</v>
      </c>
    </row>
    <row r="6306" spans="1:11" x14ac:dyDescent="0.3">
      <c r="A6306" s="1">
        <v>42701</v>
      </c>
      <c r="B6306" s="3">
        <f t="shared" si="196"/>
        <v>11</v>
      </c>
      <c r="C6306" s="3">
        <f t="shared" si="197"/>
        <v>2016</v>
      </c>
      <c r="D6306" t="s">
        <v>721</v>
      </c>
      <c r="E6306" t="s">
        <v>122</v>
      </c>
      <c r="F6306" t="s">
        <v>38</v>
      </c>
      <c r="G6306" t="s">
        <v>39</v>
      </c>
      <c r="H6306" t="s">
        <v>1806</v>
      </c>
      <c r="I6306">
        <v>116.76</v>
      </c>
      <c r="J6306">
        <v>1</v>
      </c>
      <c r="K6306">
        <v>14.6</v>
      </c>
    </row>
    <row r="6307" spans="1:11" x14ac:dyDescent="0.3">
      <c r="A6307" s="1">
        <v>42701</v>
      </c>
      <c r="B6307" s="3">
        <f t="shared" si="196"/>
        <v>11</v>
      </c>
      <c r="C6307" s="3">
        <f t="shared" si="197"/>
        <v>2016</v>
      </c>
      <c r="D6307" t="s">
        <v>721</v>
      </c>
      <c r="E6307" t="s">
        <v>122</v>
      </c>
      <c r="F6307" t="s">
        <v>33</v>
      </c>
      <c r="G6307" t="s">
        <v>144</v>
      </c>
      <c r="H6307" t="s">
        <v>472</v>
      </c>
      <c r="I6307">
        <v>331.02</v>
      </c>
      <c r="J6307">
        <v>7</v>
      </c>
      <c r="K6307">
        <v>-114.35</v>
      </c>
    </row>
    <row r="6308" spans="1:11" x14ac:dyDescent="0.3">
      <c r="A6308" s="1">
        <v>42701</v>
      </c>
      <c r="B6308" s="3">
        <f t="shared" si="196"/>
        <v>11</v>
      </c>
      <c r="C6308" s="3">
        <f t="shared" si="197"/>
        <v>2016</v>
      </c>
      <c r="D6308" t="s">
        <v>2503</v>
      </c>
      <c r="E6308" t="s">
        <v>94</v>
      </c>
      <c r="F6308" t="s">
        <v>10</v>
      </c>
      <c r="G6308" t="s">
        <v>17</v>
      </c>
      <c r="H6308" t="s">
        <v>515</v>
      </c>
      <c r="I6308">
        <v>39.81</v>
      </c>
      <c r="J6308">
        <v>4</v>
      </c>
      <c r="K6308">
        <v>3.98</v>
      </c>
    </row>
    <row r="6309" spans="1:11" x14ac:dyDescent="0.3">
      <c r="A6309" s="1">
        <v>42701</v>
      </c>
      <c r="B6309" s="3">
        <f t="shared" si="196"/>
        <v>11</v>
      </c>
      <c r="C6309" s="3">
        <f t="shared" si="197"/>
        <v>2016</v>
      </c>
      <c r="D6309" t="s">
        <v>351</v>
      </c>
      <c r="E6309" t="s">
        <v>176</v>
      </c>
      <c r="F6309" t="s">
        <v>10</v>
      </c>
      <c r="G6309" t="s">
        <v>11</v>
      </c>
      <c r="H6309" t="s">
        <v>2637</v>
      </c>
      <c r="I6309">
        <v>25.92</v>
      </c>
      <c r="J6309">
        <v>4</v>
      </c>
      <c r="K6309">
        <v>12.44</v>
      </c>
    </row>
    <row r="6310" spans="1:11" x14ac:dyDescent="0.3">
      <c r="A6310" s="1">
        <v>42701</v>
      </c>
      <c r="B6310" s="3">
        <f t="shared" si="196"/>
        <v>11</v>
      </c>
      <c r="C6310" s="3">
        <f t="shared" si="197"/>
        <v>2016</v>
      </c>
      <c r="D6310" t="s">
        <v>351</v>
      </c>
      <c r="E6310" t="s">
        <v>176</v>
      </c>
      <c r="F6310" t="s">
        <v>10</v>
      </c>
      <c r="G6310" t="s">
        <v>23</v>
      </c>
      <c r="H6310" t="s">
        <v>1005</v>
      </c>
      <c r="I6310">
        <v>34.65</v>
      </c>
      <c r="J6310">
        <v>3</v>
      </c>
      <c r="K6310">
        <v>9.6999999999999993</v>
      </c>
    </row>
    <row r="6311" spans="1:11" x14ac:dyDescent="0.3">
      <c r="A6311" s="1">
        <v>42701</v>
      </c>
      <c r="B6311" s="3">
        <f t="shared" si="196"/>
        <v>11</v>
      </c>
      <c r="C6311" s="3">
        <f t="shared" si="197"/>
        <v>2016</v>
      </c>
      <c r="D6311" t="s">
        <v>351</v>
      </c>
      <c r="E6311" t="s">
        <v>176</v>
      </c>
      <c r="F6311" t="s">
        <v>10</v>
      </c>
      <c r="G6311" t="s">
        <v>11</v>
      </c>
      <c r="H6311" t="s">
        <v>490</v>
      </c>
      <c r="I6311">
        <v>204.95</v>
      </c>
      <c r="J6311">
        <v>5</v>
      </c>
      <c r="K6311">
        <v>100.43</v>
      </c>
    </row>
    <row r="6312" spans="1:11" x14ac:dyDescent="0.3">
      <c r="A6312" s="1">
        <v>42701</v>
      </c>
      <c r="B6312" s="3">
        <f t="shared" si="196"/>
        <v>11</v>
      </c>
      <c r="C6312" s="3">
        <f t="shared" si="197"/>
        <v>2016</v>
      </c>
      <c r="D6312" t="s">
        <v>351</v>
      </c>
      <c r="E6312" t="s">
        <v>176</v>
      </c>
      <c r="F6312" t="s">
        <v>10</v>
      </c>
      <c r="G6312" t="s">
        <v>19</v>
      </c>
      <c r="H6312" t="s">
        <v>743</v>
      </c>
      <c r="I6312">
        <v>79.95</v>
      </c>
      <c r="J6312">
        <v>5</v>
      </c>
      <c r="K6312">
        <v>38.380000000000003</v>
      </c>
    </row>
    <row r="6313" spans="1:11" x14ac:dyDescent="0.3">
      <c r="A6313" s="1">
        <v>42702</v>
      </c>
      <c r="B6313" s="3">
        <f t="shared" si="196"/>
        <v>11</v>
      </c>
      <c r="C6313" s="3">
        <f t="shared" si="197"/>
        <v>2016</v>
      </c>
      <c r="D6313" t="s">
        <v>2638</v>
      </c>
      <c r="E6313" t="s">
        <v>612</v>
      </c>
      <c r="F6313" t="s">
        <v>10</v>
      </c>
      <c r="G6313" t="s">
        <v>19</v>
      </c>
      <c r="H6313" t="s">
        <v>1301</v>
      </c>
      <c r="I6313">
        <v>7.16</v>
      </c>
      <c r="J6313">
        <v>2</v>
      </c>
      <c r="K6313">
        <v>3.44</v>
      </c>
    </row>
    <row r="6314" spans="1:11" x14ac:dyDescent="0.3">
      <c r="A6314" s="1">
        <v>42702</v>
      </c>
      <c r="B6314" s="3">
        <f t="shared" si="196"/>
        <v>11</v>
      </c>
      <c r="C6314" s="3">
        <f t="shared" si="197"/>
        <v>2016</v>
      </c>
      <c r="D6314" t="s">
        <v>53</v>
      </c>
      <c r="E6314" t="s">
        <v>122</v>
      </c>
      <c r="F6314" t="s">
        <v>10</v>
      </c>
      <c r="G6314" t="s">
        <v>19</v>
      </c>
      <c r="H6314" t="s">
        <v>554</v>
      </c>
      <c r="I6314">
        <v>7.43</v>
      </c>
      <c r="J6314">
        <v>6</v>
      </c>
      <c r="K6314">
        <v>-5.7</v>
      </c>
    </row>
    <row r="6315" spans="1:11" x14ac:dyDescent="0.3">
      <c r="A6315" s="1">
        <v>42702</v>
      </c>
      <c r="B6315" s="3">
        <f t="shared" si="196"/>
        <v>11</v>
      </c>
      <c r="C6315" s="3">
        <f t="shared" si="197"/>
        <v>2016</v>
      </c>
      <c r="D6315" t="s">
        <v>683</v>
      </c>
      <c r="E6315" t="s">
        <v>29</v>
      </c>
      <c r="F6315" t="s">
        <v>33</v>
      </c>
      <c r="G6315" t="s">
        <v>34</v>
      </c>
      <c r="H6315" t="s">
        <v>264</v>
      </c>
      <c r="I6315">
        <v>182.67</v>
      </c>
      <c r="J6315">
        <v>3</v>
      </c>
      <c r="K6315">
        <v>52.97</v>
      </c>
    </row>
    <row r="6316" spans="1:11" x14ac:dyDescent="0.3">
      <c r="A6316" s="1">
        <v>42702</v>
      </c>
      <c r="B6316" s="3">
        <f t="shared" si="196"/>
        <v>11</v>
      </c>
      <c r="C6316" s="3">
        <f t="shared" si="197"/>
        <v>2016</v>
      </c>
      <c r="D6316" t="s">
        <v>683</v>
      </c>
      <c r="E6316" t="s">
        <v>29</v>
      </c>
      <c r="F6316" t="s">
        <v>38</v>
      </c>
      <c r="G6316" t="s">
        <v>51</v>
      </c>
      <c r="H6316" t="s">
        <v>476</v>
      </c>
      <c r="I6316">
        <v>101.7</v>
      </c>
      <c r="J6316">
        <v>6</v>
      </c>
      <c r="K6316">
        <v>6.1</v>
      </c>
    </row>
    <row r="6317" spans="1:11" x14ac:dyDescent="0.3">
      <c r="A6317" s="1">
        <v>42702</v>
      </c>
      <c r="B6317" s="3">
        <f t="shared" si="196"/>
        <v>11</v>
      </c>
      <c r="C6317" s="3">
        <f t="shared" si="197"/>
        <v>2016</v>
      </c>
      <c r="D6317" t="s">
        <v>683</v>
      </c>
      <c r="E6317" t="s">
        <v>29</v>
      </c>
      <c r="F6317" t="s">
        <v>10</v>
      </c>
      <c r="G6317" t="s">
        <v>17</v>
      </c>
      <c r="H6317" t="s">
        <v>1109</v>
      </c>
      <c r="I6317">
        <v>1126.02</v>
      </c>
      <c r="J6317">
        <v>3</v>
      </c>
      <c r="K6317">
        <v>56.3</v>
      </c>
    </row>
    <row r="6318" spans="1:11" x14ac:dyDescent="0.3">
      <c r="A6318" s="1">
        <v>42702</v>
      </c>
      <c r="B6318" s="3">
        <f t="shared" si="196"/>
        <v>11</v>
      </c>
      <c r="C6318" s="3">
        <f t="shared" si="197"/>
        <v>2016</v>
      </c>
      <c r="D6318" t="s">
        <v>683</v>
      </c>
      <c r="E6318" t="s">
        <v>29</v>
      </c>
      <c r="F6318" t="s">
        <v>10</v>
      </c>
      <c r="G6318" t="s">
        <v>17</v>
      </c>
      <c r="H6318" t="s">
        <v>1497</v>
      </c>
      <c r="I6318">
        <v>1263.3</v>
      </c>
      <c r="J6318">
        <v>6</v>
      </c>
      <c r="K6318">
        <v>315.83</v>
      </c>
    </row>
    <row r="6319" spans="1:11" x14ac:dyDescent="0.3">
      <c r="A6319" s="1">
        <v>42702</v>
      </c>
      <c r="B6319" s="3">
        <f t="shared" si="196"/>
        <v>11</v>
      </c>
      <c r="C6319" s="3">
        <f t="shared" si="197"/>
        <v>2016</v>
      </c>
      <c r="D6319" t="s">
        <v>588</v>
      </c>
      <c r="E6319" t="s">
        <v>22</v>
      </c>
      <c r="F6319" t="s">
        <v>38</v>
      </c>
      <c r="G6319" t="s">
        <v>39</v>
      </c>
      <c r="H6319" t="s">
        <v>41</v>
      </c>
      <c r="I6319">
        <v>340.18</v>
      </c>
      <c r="J6319">
        <v>3</v>
      </c>
      <c r="K6319">
        <v>-73.709999999999994</v>
      </c>
    </row>
    <row r="6320" spans="1:11" x14ac:dyDescent="0.3">
      <c r="A6320" s="1">
        <v>42702</v>
      </c>
      <c r="B6320" s="3">
        <f t="shared" si="196"/>
        <v>11</v>
      </c>
      <c r="C6320" s="3">
        <f t="shared" si="197"/>
        <v>2016</v>
      </c>
      <c r="D6320" t="s">
        <v>588</v>
      </c>
      <c r="E6320" t="s">
        <v>22</v>
      </c>
      <c r="F6320" t="s">
        <v>10</v>
      </c>
      <c r="G6320" t="s">
        <v>42</v>
      </c>
      <c r="H6320" t="s">
        <v>2552</v>
      </c>
      <c r="I6320">
        <v>12.67</v>
      </c>
      <c r="J6320">
        <v>8</v>
      </c>
      <c r="K6320">
        <v>2.69</v>
      </c>
    </row>
    <row r="6321" spans="1:11" x14ac:dyDescent="0.3">
      <c r="A6321" s="1">
        <v>42702</v>
      </c>
      <c r="B6321" s="3">
        <f t="shared" si="196"/>
        <v>11</v>
      </c>
      <c r="C6321" s="3">
        <f t="shared" si="197"/>
        <v>2016</v>
      </c>
      <c r="D6321" t="s">
        <v>588</v>
      </c>
      <c r="E6321" t="s">
        <v>22</v>
      </c>
      <c r="F6321" t="s">
        <v>10</v>
      </c>
      <c r="G6321" t="s">
        <v>19</v>
      </c>
      <c r="H6321" t="s">
        <v>2225</v>
      </c>
      <c r="I6321">
        <v>6.89</v>
      </c>
      <c r="J6321">
        <v>2</v>
      </c>
      <c r="K6321">
        <v>-5.05</v>
      </c>
    </row>
    <row r="6322" spans="1:11" x14ac:dyDescent="0.3">
      <c r="A6322" s="1">
        <v>42702</v>
      </c>
      <c r="B6322" s="3">
        <f t="shared" si="196"/>
        <v>11</v>
      </c>
      <c r="C6322" s="3">
        <f t="shared" si="197"/>
        <v>2016</v>
      </c>
      <c r="D6322" t="s">
        <v>588</v>
      </c>
      <c r="E6322" t="s">
        <v>22</v>
      </c>
      <c r="F6322" t="s">
        <v>10</v>
      </c>
      <c r="G6322" t="s">
        <v>17</v>
      </c>
      <c r="H6322" t="s">
        <v>355</v>
      </c>
      <c r="I6322">
        <v>32.54</v>
      </c>
      <c r="J6322">
        <v>2</v>
      </c>
      <c r="K6322">
        <v>-7.73</v>
      </c>
    </row>
    <row r="6323" spans="1:11" x14ac:dyDescent="0.3">
      <c r="A6323" s="1">
        <v>42702</v>
      </c>
      <c r="B6323" s="3">
        <f t="shared" si="196"/>
        <v>11</v>
      </c>
      <c r="C6323" s="3">
        <f t="shared" si="197"/>
        <v>2016</v>
      </c>
      <c r="D6323" t="s">
        <v>588</v>
      </c>
      <c r="E6323" t="s">
        <v>22</v>
      </c>
      <c r="F6323" t="s">
        <v>33</v>
      </c>
      <c r="G6323" t="s">
        <v>34</v>
      </c>
      <c r="H6323" t="s">
        <v>792</v>
      </c>
      <c r="I6323">
        <v>347.8</v>
      </c>
      <c r="J6323">
        <v>7</v>
      </c>
      <c r="K6323">
        <v>-24.84</v>
      </c>
    </row>
    <row r="6324" spans="1:11" x14ac:dyDescent="0.3">
      <c r="A6324" s="1">
        <v>42703</v>
      </c>
      <c r="B6324" s="3">
        <f t="shared" si="196"/>
        <v>11</v>
      </c>
      <c r="C6324" s="3">
        <f t="shared" si="197"/>
        <v>2016</v>
      </c>
      <c r="D6324" t="s">
        <v>1008</v>
      </c>
      <c r="E6324" t="s">
        <v>9</v>
      </c>
      <c r="F6324" t="s">
        <v>38</v>
      </c>
      <c r="G6324" t="s">
        <v>51</v>
      </c>
      <c r="H6324" t="s">
        <v>1572</v>
      </c>
      <c r="I6324">
        <v>58.42</v>
      </c>
      <c r="J6324">
        <v>2</v>
      </c>
      <c r="K6324">
        <v>16.79</v>
      </c>
    </row>
    <row r="6325" spans="1:11" x14ac:dyDescent="0.3">
      <c r="A6325" s="1">
        <v>42703</v>
      </c>
      <c r="B6325" s="3">
        <f t="shared" si="196"/>
        <v>11</v>
      </c>
      <c r="C6325" s="3">
        <f t="shared" si="197"/>
        <v>2016</v>
      </c>
      <c r="D6325" t="s">
        <v>397</v>
      </c>
      <c r="E6325" t="s">
        <v>14</v>
      </c>
      <c r="F6325" t="s">
        <v>33</v>
      </c>
      <c r="G6325" t="s">
        <v>46</v>
      </c>
      <c r="H6325" t="s">
        <v>2573</v>
      </c>
      <c r="I6325">
        <v>242.18</v>
      </c>
      <c r="J6325">
        <v>4</v>
      </c>
      <c r="K6325">
        <v>-302.72000000000003</v>
      </c>
    </row>
    <row r="6326" spans="1:11" x14ac:dyDescent="0.3">
      <c r="A6326" s="1">
        <v>42704</v>
      </c>
      <c r="B6326" s="3">
        <f t="shared" si="196"/>
        <v>11</v>
      </c>
      <c r="C6326" s="3">
        <f t="shared" si="197"/>
        <v>2016</v>
      </c>
      <c r="D6326" t="s">
        <v>1967</v>
      </c>
      <c r="E6326" t="s">
        <v>244</v>
      </c>
      <c r="F6326" t="s">
        <v>38</v>
      </c>
      <c r="G6326" t="s">
        <v>39</v>
      </c>
      <c r="H6326" t="s">
        <v>162</v>
      </c>
      <c r="I6326">
        <v>36.19</v>
      </c>
      <c r="J6326">
        <v>1</v>
      </c>
      <c r="K6326">
        <v>2.71</v>
      </c>
    </row>
    <row r="6327" spans="1:11" x14ac:dyDescent="0.3">
      <c r="A6327" s="1">
        <v>42704</v>
      </c>
      <c r="B6327" s="3">
        <f t="shared" si="196"/>
        <v>11</v>
      </c>
      <c r="C6327" s="3">
        <f t="shared" si="197"/>
        <v>2016</v>
      </c>
      <c r="D6327" t="s">
        <v>674</v>
      </c>
      <c r="E6327" t="s">
        <v>109</v>
      </c>
      <c r="F6327" t="s">
        <v>10</v>
      </c>
      <c r="G6327" t="s">
        <v>11</v>
      </c>
      <c r="H6327" t="s">
        <v>134</v>
      </c>
      <c r="I6327">
        <v>33.36</v>
      </c>
      <c r="J6327">
        <v>4</v>
      </c>
      <c r="K6327">
        <v>16.68</v>
      </c>
    </row>
    <row r="6328" spans="1:11" x14ac:dyDescent="0.3">
      <c r="A6328" s="1">
        <v>42704</v>
      </c>
      <c r="B6328" s="3">
        <f t="shared" si="196"/>
        <v>11</v>
      </c>
      <c r="C6328" s="3">
        <f t="shared" si="197"/>
        <v>2016</v>
      </c>
      <c r="D6328" t="s">
        <v>674</v>
      </c>
      <c r="E6328" t="s">
        <v>109</v>
      </c>
      <c r="F6328" t="s">
        <v>10</v>
      </c>
      <c r="G6328" t="s">
        <v>11</v>
      </c>
      <c r="H6328" t="s">
        <v>2386</v>
      </c>
      <c r="I6328">
        <v>13.76</v>
      </c>
      <c r="J6328">
        <v>2</v>
      </c>
      <c r="K6328">
        <v>6.33</v>
      </c>
    </row>
    <row r="6329" spans="1:11" x14ac:dyDescent="0.3">
      <c r="A6329" s="1">
        <v>42704</v>
      </c>
      <c r="B6329" s="3">
        <f t="shared" si="196"/>
        <v>11</v>
      </c>
      <c r="C6329" s="3">
        <f t="shared" si="197"/>
        <v>2016</v>
      </c>
      <c r="D6329" t="s">
        <v>674</v>
      </c>
      <c r="E6329" t="s">
        <v>109</v>
      </c>
      <c r="F6329" t="s">
        <v>10</v>
      </c>
      <c r="G6329" t="s">
        <v>17</v>
      </c>
      <c r="H6329" t="s">
        <v>256</v>
      </c>
      <c r="I6329">
        <v>496.86</v>
      </c>
      <c r="J6329">
        <v>7</v>
      </c>
      <c r="K6329">
        <v>24.84</v>
      </c>
    </row>
    <row r="6330" spans="1:11" x14ac:dyDescent="0.3">
      <c r="A6330" s="1">
        <v>42704</v>
      </c>
      <c r="B6330" s="3">
        <f t="shared" si="196"/>
        <v>11</v>
      </c>
      <c r="C6330" s="3">
        <f t="shared" si="197"/>
        <v>2016</v>
      </c>
      <c r="D6330" t="s">
        <v>674</v>
      </c>
      <c r="E6330" t="s">
        <v>109</v>
      </c>
      <c r="F6330" t="s">
        <v>33</v>
      </c>
      <c r="G6330" t="s">
        <v>34</v>
      </c>
      <c r="H6330" t="s">
        <v>1804</v>
      </c>
      <c r="I6330">
        <v>389.97</v>
      </c>
      <c r="J6330">
        <v>3</v>
      </c>
      <c r="K6330">
        <v>35.1</v>
      </c>
    </row>
    <row r="6331" spans="1:11" x14ac:dyDescent="0.3">
      <c r="A6331" s="1">
        <v>42705</v>
      </c>
      <c r="B6331" s="3">
        <f t="shared" si="196"/>
        <v>12</v>
      </c>
      <c r="C6331" s="3">
        <f t="shared" si="197"/>
        <v>2016</v>
      </c>
      <c r="D6331" t="s">
        <v>1073</v>
      </c>
      <c r="E6331" t="s">
        <v>314</v>
      </c>
      <c r="F6331" t="s">
        <v>10</v>
      </c>
      <c r="G6331" t="s">
        <v>11</v>
      </c>
      <c r="H6331" t="s">
        <v>2132</v>
      </c>
      <c r="I6331">
        <v>23.92</v>
      </c>
      <c r="J6331">
        <v>4</v>
      </c>
      <c r="K6331">
        <v>11.72</v>
      </c>
    </row>
    <row r="6332" spans="1:11" x14ac:dyDescent="0.3">
      <c r="A6332" s="1">
        <v>42705</v>
      </c>
      <c r="B6332" s="3">
        <f t="shared" si="196"/>
        <v>12</v>
      </c>
      <c r="C6332" s="3">
        <f t="shared" si="197"/>
        <v>2016</v>
      </c>
      <c r="D6332" t="s">
        <v>856</v>
      </c>
      <c r="E6332" t="s">
        <v>530</v>
      </c>
      <c r="F6332" t="s">
        <v>33</v>
      </c>
      <c r="G6332" t="s">
        <v>34</v>
      </c>
      <c r="H6332" t="s">
        <v>234</v>
      </c>
      <c r="I6332">
        <v>172.5</v>
      </c>
      <c r="J6332">
        <v>2</v>
      </c>
      <c r="K6332">
        <v>51.75</v>
      </c>
    </row>
    <row r="6333" spans="1:11" x14ac:dyDescent="0.3">
      <c r="A6333" s="1">
        <v>42705</v>
      </c>
      <c r="B6333" s="3">
        <f t="shared" si="196"/>
        <v>12</v>
      </c>
      <c r="C6333" s="3">
        <f t="shared" si="197"/>
        <v>2016</v>
      </c>
      <c r="D6333" t="s">
        <v>856</v>
      </c>
      <c r="E6333" t="s">
        <v>530</v>
      </c>
      <c r="F6333" t="s">
        <v>38</v>
      </c>
      <c r="G6333" t="s">
        <v>39</v>
      </c>
      <c r="H6333" t="s">
        <v>1238</v>
      </c>
      <c r="I6333">
        <v>179.97</v>
      </c>
      <c r="J6333">
        <v>3</v>
      </c>
      <c r="K6333">
        <v>44.99</v>
      </c>
    </row>
    <row r="6334" spans="1:11" x14ac:dyDescent="0.3">
      <c r="A6334" s="1">
        <v>42705</v>
      </c>
      <c r="B6334" s="3">
        <f t="shared" si="196"/>
        <v>12</v>
      </c>
      <c r="C6334" s="3">
        <f t="shared" si="197"/>
        <v>2016</v>
      </c>
      <c r="D6334" t="s">
        <v>793</v>
      </c>
      <c r="E6334" t="s">
        <v>128</v>
      </c>
      <c r="F6334" t="s">
        <v>33</v>
      </c>
      <c r="G6334" t="s">
        <v>46</v>
      </c>
      <c r="H6334" t="s">
        <v>1449</v>
      </c>
      <c r="I6334">
        <v>17.309999999999999</v>
      </c>
      <c r="J6334">
        <v>3</v>
      </c>
      <c r="K6334">
        <v>5.19</v>
      </c>
    </row>
    <row r="6335" spans="1:11" x14ac:dyDescent="0.3">
      <c r="A6335" s="1">
        <v>42705</v>
      </c>
      <c r="B6335" s="3">
        <f t="shared" si="196"/>
        <v>12</v>
      </c>
      <c r="C6335" s="3">
        <f t="shared" si="197"/>
        <v>2016</v>
      </c>
      <c r="D6335" t="s">
        <v>546</v>
      </c>
      <c r="E6335" t="s">
        <v>119</v>
      </c>
      <c r="F6335" t="s">
        <v>10</v>
      </c>
      <c r="G6335" t="s">
        <v>23</v>
      </c>
      <c r="H6335" t="s">
        <v>1568</v>
      </c>
      <c r="I6335">
        <v>4.7</v>
      </c>
      <c r="J6335">
        <v>2</v>
      </c>
      <c r="K6335">
        <v>0.41</v>
      </c>
    </row>
    <row r="6336" spans="1:11" x14ac:dyDescent="0.3">
      <c r="A6336" s="1">
        <v>42705</v>
      </c>
      <c r="B6336" s="3">
        <f t="shared" si="196"/>
        <v>12</v>
      </c>
      <c r="C6336" s="3">
        <f t="shared" si="197"/>
        <v>2016</v>
      </c>
      <c r="D6336" t="s">
        <v>1015</v>
      </c>
      <c r="E6336" t="s">
        <v>26</v>
      </c>
      <c r="F6336" t="s">
        <v>33</v>
      </c>
      <c r="G6336" t="s">
        <v>46</v>
      </c>
      <c r="H6336" t="s">
        <v>974</v>
      </c>
      <c r="I6336">
        <v>16.739999999999998</v>
      </c>
      <c r="J6336">
        <v>2</v>
      </c>
      <c r="K6336">
        <v>4.3499999999999996</v>
      </c>
    </row>
    <row r="6337" spans="1:11" x14ac:dyDescent="0.3">
      <c r="A6337" s="1">
        <v>42705</v>
      </c>
      <c r="B6337" s="3">
        <f t="shared" si="196"/>
        <v>12</v>
      </c>
      <c r="C6337" s="3">
        <f t="shared" si="197"/>
        <v>2016</v>
      </c>
      <c r="D6337" t="s">
        <v>1197</v>
      </c>
      <c r="E6337" t="s">
        <v>612</v>
      </c>
      <c r="F6337" t="s">
        <v>10</v>
      </c>
      <c r="G6337" t="s">
        <v>19</v>
      </c>
      <c r="H6337" t="s">
        <v>1926</v>
      </c>
      <c r="I6337">
        <v>88.08</v>
      </c>
      <c r="J6337">
        <v>6</v>
      </c>
      <c r="K6337">
        <v>40.520000000000003</v>
      </c>
    </row>
    <row r="6338" spans="1:11" x14ac:dyDescent="0.3">
      <c r="A6338" s="1">
        <v>42705</v>
      </c>
      <c r="B6338" s="3">
        <f t="shared" ref="B6338:B6401" si="198">MONTH(A:A)</f>
        <v>12</v>
      </c>
      <c r="C6338" s="3">
        <f t="shared" ref="C6338:C6401" si="199">YEAR(A:A)</f>
        <v>2016</v>
      </c>
      <c r="D6338" t="s">
        <v>1197</v>
      </c>
      <c r="E6338" t="s">
        <v>612</v>
      </c>
      <c r="F6338" t="s">
        <v>33</v>
      </c>
      <c r="G6338" t="s">
        <v>34</v>
      </c>
      <c r="H6338" t="s">
        <v>993</v>
      </c>
      <c r="I6338">
        <v>751.92</v>
      </c>
      <c r="J6338">
        <v>4</v>
      </c>
      <c r="K6338">
        <v>150.38</v>
      </c>
    </row>
    <row r="6339" spans="1:11" x14ac:dyDescent="0.3">
      <c r="A6339" s="1">
        <v>42705</v>
      </c>
      <c r="B6339" s="3">
        <f t="shared" si="198"/>
        <v>12</v>
      </c>
      <c r="C6339" s="3">
        <f t="shared" si="199"/>
        <v>2016</v>
      </c>
      <c r="D6339" t="s">
        <v>150</v>
      </c>
      <c r="E6339" t="s">
        <v>244</v>
      </c>
      <c r="F6339" t="s">
        <v>38</v>
      </c>
      <c r="G6339" t="s">
        <v>39</v>
      </c>
      <c r="H6339" t="s">
        <v>1742</v>
      </c>
      <c r="I6339">
        <v>863.93</v>
      </c>
      <c r="J6339">
        <v>9</v>
      </c>
      <c r="K6339">
        <v>86.39</v>
      </c>
    </row>
    <row r="6340" spans="1:11" x14ac:dyDescent="0.3">
      <c r="A6340" s="1">
        <v>42705</v>
      </c>
      <c r="B6340" s="3">
        <f t="shared" si="198"/>
        <v>12</v>
      </c>
      <c r="C6340" s="3">
        <f t="shared" si="199"/>
        <v>2016</v>
      </c>
      <c r="D6340" t="s">
        <v>1660</v>
      </c>
      <c r="E6340" t="s">
        <v>9</v>
      </c>
      <c r="F6340" t="s">
        <v>33</v>
      </c>
      <c r="G6340" t="s">
        <v>34</v>
      </c>
      <c r="H6340" t="s">
        <v>792</v>
      </c>
      <c r="I6340">
        <v>248.43</v>
      </c>
      <c r="J6340">
        <v>5</v>
      </c>
      <c r="K6340">
        <v>-17.75</v>
      </c>
    </row>
    <row r="6341" spans="1:11" x14ac:dyDescent="0.3">
      <c r="A6341" s="1">
        <v>42705</v>
      </c>
      <c r="B6341" s="3">
        <f t="shared" si="198"/>
        <v>12</v>
      </c>
      <c r="C6341" s="3">
        <f t="shared" si="199"/>
        <v>2016</v>
      </c>
      <c r="D6341" t="s">
        <v>1660</v>
      </c>
      <c r="E6341" t="s">
        <v>9</v>
      </c>
      <c r="F6341" t="s">
        <v>10</v>
      </c>
      <c r="G6341" t="s">
        <v>91</v>
      </c>
      <c r="H6341" t="s">
        <v>763</v>
      </c>
      <c r="I6341">
        <v>11.65</v>
      </c>
      <c r="J6341">
        <v>4</v>
      </c>
      <c r="K6341">
        <v>-30.87</v>
      </c>
    </row>
    <row r="6342" spans="1:11" x14ac:dyDescent="0.3">
      <c r="A6342" s="1">
        <v>42705</v>
      </c>
      <c r="B6342" s="3">
        <f t="shared" si="198"/>
        <v>12</v>
      </c>
      <c r="C6342" s="3">
        <f t="shared" si="199"/>
        <v>2016</v>
      </c>
      <c r="D6342" t="s">
        <v>1660</v>
      </c>
      <c r="E6342" t="s">
        <v>9</v>
      </c>
      <c r="F6342" t="s">
        <v>33</v>
      </c>
      <c r="G6342" t="s">
        <v>34</v>
      </c>
      <c r="H6342" t="s">
        <v>264</v>
      </c>
      <c r="I6342">
        <v>85.25</v>
      </c>
      <c r="J6342">
        <v>2</v>
      </c>
      <c r="K6342">
        <v>-1.22</v>
      </c>
    </row>
    <row r="6343" spans="1:11" x14ac:dyDescent="0.3">
      <c r="A6343" s="1">
        <v>42705</v>
      </c>
      <c r="B6343" s="3">
        <f t="shared" si="198"/>
        <v>12</v>
      </c>
      <c r="C6343" s="3">
        <f t="shared" si="199"/>
        <v>2016</v>
      </c>
      <c r="D6343" t="s">
        <v>253</v>
      </c>
      <c r="E6343" t="s">
        <v>433</v>
      </c>
      <c r="F6343" t="s">
        <v>38</v>
      </c>
      <c r="G6343" t="s">
        <v>39</v>
      </c>
      <c r="H6343" t="s">
        <v>2378</v>
      </c>
      <c r="I6343">
        <v>137.94</v>
      </c>
      <c r="J6343">
        <v>3</v>
      </c>
      <c r="K6343">
        <v>35.86</v>
      </c>
    </row>
    <row r="6344" spans="1:11" x14ac:dyDescent="0.3">
      <c r="A6344" s="1">
        <v>42705</v>
      </c>
      <c r="B6344" s="3">
        <f t="shared" si="198"/>
        <v>12</v>
      </c>
      <c r="C6344" s="3">
        <f t="shared" si="199"/>
        <v>2016</v>
      </c>
      <c r="D6344" t="s">
        <v>253</v>
      </c>
      <c r="E6344" t="s">
        <v>433</v>
      </c>
      <c r="F6344" t="s">
        <v>33</v>
      </c>
      <c r="G6344" t="s">
        <v>46</v>
      </c>
      <c r="H6344" t="s">
        <v>1697</v>
      </c>
      <c r="I6344">
        <v>111.15</v>
      </c>
      <c r="J6344">
        <v>5</v>
      </c>
      <c r="K6344">
        <v>48.91</v>
      </c>
    </row>
    <row r="6345" spans="1:11" x14ac:dyDescent="0.3">
      <c r="A6345" s="1">
        <v>42705</v>
      </c>
      <c r="B6345" s="3">
        <f t="shared" si="198"/>
        <v>12</v>
      </c>
      <c r="C6345" s="3">
        <f t="shared" si="199"/>
        <v>2016</v>
      </c>
      <c r="D6345" t="s">
        <v>253</v>
      </c>
      <c r="E6345" t="s">
        <v>433</v>
      </c>
      <c r="F6345" t="s">
        <v>10</v>
      </c>
      <c r="G6345" t="s">
        <v>91</v>
      </c>
      <c r="H6345" t="s">
        <v>754</v>
      </c>
      <c r="I6345">
        <v>901.95</v>
      </c>
      <c r="J6345">
        <v>3</v>
      </c>
      <c r="K6345">
        <v>297.64</v>
      </c>
    </row>
    <row r="6346" spans="1:11" x14ac:dyDescent="0.3">
      <c r="A6346" s="1">
        <v>42705</v>
      </c>
      <c r="B6346" s="3">
        <f t="shared" si="198"/>
        <v>12</v>
      </c>
      <c r="C6346" s="3">
        <f t="shared" si="199"/>
        <v>2016</v>
      </c>
      <c r="D6346" t="s">
        <v>253</v>
      </c>
      <c r="E6346" t="s">
        <v>433</v>
      </c>
      <c r="F6346" t="s">
        <v>33</v>
      </c>
      <c r="G6346" t="s">
        <v>144</v>
      </c>
      <c r="H6346" t="s">
        <v>2065</v>
      </c>
      <c r="I6346">
        <v>366.01</v>
      </c>
      <c r="J6346">
        <v>3</v>
      </c>
      <c r="K6346">
        <v>-47.06</v>
      </c>
    </row>
    <row r="6347" spans="1:11" x14ac:dyDescent="0.3">
      <c r="A6347" s="1">
        <v>42705</v>
      </c>
      <c r="B6347" s="3">
        <f t="shared" si="198"/>
        <v>12</v>
      </c>
      <c r="C6347" s="3">
        <f t="shared" si="199"/>
        <v>2016</v>
      </c>
      <c r="D6347" t="s">
        <v>386</v>
      </c>
      <c r="E6347" t="s">
        <v>54</v>
      </c>
      <c r="F6347" t="s">
        <v>10</v>
      </c>
      <c r="G6347" t="s">
        <v>91</v>
      </c>
      <c r="H6347" t="s">
        <v>754</v>
      </c>
      <c r="I6347">
        <v>2104.5500000000002</v>
      </c>
      <c r="J6347">
        <v>7</v>
      </c>
      <c r="K6347">
        <v>694.5</v>
      </c>
    </row>
    <row r="6348" spans="1:11" x14ac:dyDescent="0.3">
      <c r="A6348" s="1">
        <v>42705</v>
      </c>
      <c r="B6348" s="3">
        <f t="shared" si="198"/>
        <v>12</v>
      </c>
      <c r="C6348" s="3">
        <f t="shared" si="199"/>
        <v>2016</v>
      </c>
      <c r="D6348" t="s">
        <v>386</v>
      </c>
      <c r="E6348" t="s">
        <v>54</v>
      </c>
      <c r="F6348" t="s">
        <v>10</v>
      </c>
      <c r="G6348" t="s">
        <v>199</v>
      </c>
      <c r="H6348" t="s">
        <v>1009</v>
      </c>
      <c r="I6348">
        <v>40.700000000000003</v>
      </c>
      <c r="J6348">
        <v>5</v>
      </c>
      <c r="K6348">
        <v>11.8</v>
      </c>
    </row>
    <row r="6349" spans="1:11" x14ac:dyDescent="0.3">
      <c r="A6349" s="1">
        <v>42705</v>
      </c>
      <c r="B6349" s="3">
        <f t="shared" si="198"/>
        <v>12</v>
      </c>
      <c r="C6349" s="3">
        <f t="shared" si="199"/>
        <v>2016</v>
      </c>
      <c r="D6349" t="s">
        <v>561</v>
      </c>
      <c r="E6349" t="s">
        <v>26</v>
      </c>
      <c r="F6349" t="s">
        <v>33</v>
      </c>
      <c r="G6349" t="s">
        <v>46</v>
      </c>
      <c r="H6349" t="s">
        <v>1511</v>
      </c>
      <c r="I6349">
        <v>31.96</v>
      </c>
      <c r="J6349">
        <v>2</v>
      </c>
      <c r="K6349">
        <v>1.6</v>
      </c>
    </row>
    <row r="6350" spans="1:11" x14ac:dyDescent="0.3">
      <c r="A6350" s="1">
        <v>42705</v>
      </c>
      <c r="B6350" s="3">
        <f t="shared" si="198"/>
        <v>12</v>
      </c>
      <c r="C6350" s="3">
        <f t="shared" si="199"/>
        <v>2016</v>
      </c>
      <c r="D6350" t="s">
        <v>561</v>
      </c>
      <c r="E6350" t="s">
        <v>26</v>
      </c>
      <c r="F6350" t="s">
        <v>10</v>
      </c>
      <c r="G6350" t="s">
        <v>11</v>
      </c>
      <c r="H6350" t="s">
        <v>2185</v>
      </c>
      <c r="I6350">
        <v>47.9</v>
      </c>
      <c r="J6350">
        <v>1</v>
      </c>
      <c r="K6350">
        <v>22.99</v>
      </c>
    </row>
    <row r="6351" spans="1:11" x14ac:dyDescent="0.3">
      <c r="A6351" s="1">
        <v>42705</v>
      </c>
      <c r="B6351" s="3">
        <f t="shared" si="198"/>
        <v>12</v>
      </c>
      <c r="C6351" s="3">
        <f t="shared" si="199"/>
        <v>2016</v>
      </c>
      <c r="D6351" t="s">
        <v>561</v>
      </c>
      <c r="E6351" t="s">
        <v>26</v>
      </c>
      <c r="F6351" t="s">
        <v>10</v>
      </c>
      <c r="G6351" t="s">
        <v>17</v>
      </c>
      <c r="H6351" t="s">
        <v>2568</v>
      </c>
      <c r="I6351">
        <v>1112.94</v>
      </c>
      <c r="J6351">
        <v>3</v>
      </c>
      <c r="K6351">
        <v>222.59</v>
      </c>
    </row>
    <row r="6352" spans="1:11" x14ac:dyDescent="0.3">
      <c r="A6352" s="1">
        <v>42705</v>
      </c>
      <c r="B6352" s="3">
        <f t="shared" si="198"/>
        <v>12</v>
      </c>
      <c r="C6352" s="3">
        <f t="shared" si="199"/>
        <v>2016</v>
      </c>
      <c r="D6352" t="s">
        <v>561</v>
      </c>
      <c r="E6352" t="s">
        <v>26</v>
      </c>
      <c r="F6352" t="s">
        <v>10</v>
      </c>
      <c r="G6352" t="s">
        <v>62</v>
      </c>
      <c r="H6352" t="s">
        <v>1443</v>
      </c>
      <c r="I6352">
        <v>22.92</v>
      </c>
      <c r="J6352">
        <v>3</v>
      </c>
      <c r="K6352">
        <v>11.23</v>
      </c>
    </row>
    <row r="6353" spans="1:11" x14ac:dyDescent="0.3">
      <c r="A6353" s="1">
        <v>42705</v>
      </c>
      <c r="B6353" s="3">
        <f t="shared" si="198"/>
        <v>12</v>
      </c>
      <c r="C6353" s="3">
        <f t="shared" si="199"/>
        <v>2016</v>
      </c>
      <c r="D6353" t="s">
        <v>1494</v>
      </c>
      <c r="E6353" t="s">
        <v>26</v>
      </c>
      <c r="F6353" t="s">
        <v>10</v>
      </c>
      <c r="G6353" t="s">
        <v>23</v>
      </c>
      <c r="H6353" t="s">
        <v>1914</v>
      </c>
      <c r="I6353">
        <v>23.04</v>
      </c>
      <c r="J6353">
        <v>8</v>
      </c>
      <c r="K6353">
        <v>6.91</v>
      </c>
    </row>
    <row r="6354" spans="1:11" x14ac:dyDescent="0.3">
      <c r="A6354" s="1">
        <v>42706</v>
      </c>
      <c r="B6354" s="3">
        <f t="shared" si="198"/>
        <v>12</v>
      </c>
      <c r="C6354" s="3">
        <f t="shared" si="199"/>
        <v>2016</v>
      </c>
      <c r="D6354" t="s">
        <v>1800</v>
      </c>
      <c r="E6354" t="s">
        <v>26</v>
      </c>
      <c r="F6354" t="s">
        <v>10</v>
      </c>
      <c r="G6354" t="s">
        <v>11</v>
      </c>
      <c r="H6354" t="s">
        <v>1621</v>
      </c>
      <c r="I6354">
        <v>25.92</v>
      </c>
      <c r="J6354">
        <v>4</v>
      </c>
      <c r="K6354">
        <v>12.44</v>
      </c>
    </row>
    <row r="6355" spans="1:11" x14ac:dyDescent="0.3">
      <c r="A6355" s="1">
        <v>42706</v>
      </c>
      <c r="B6355" s="3">
        <f t="shared" si="198"/>
        <v>12</v>
      </c>
      <c r="C6355" s="3">
        <f t="shared" si="199"/>
        <v>2016</v>
      </c>
      <c r="D6355" t="s">
        <v>1800</v>
      </c>
      <c r="E6355" t="s">
        <v>26</v>
      </c>
      <c r="F6355" t="s">
        <v>10</v>
      </c>
      <c r="G6355" t="s">
        <v>11</v>
      </c>
      <c r="H6355" t="s">
        <v>2239</v>
      </c>
      <c r="I6355">
        <v>40.46</v>
      </c>
      <c r="J6355">
        <v>7</v>
      </c>
      <c r="K6355">
        <v>19.829999999999998</v>
      </c>
    </row>
    <row r="6356" spans="1:11" x14ac:dyDescent="0.3">
      <c r="A6356" s="1">
        <v>42706</v>
      </c>
      <c r="B6356" s="3">
        <f t="shared" si="198"/>
        <v>12</v>
      </c>
      <c r="C6356" s="3">
        <f t="shared" si="199"/>
        <v>2016</v>
      </c>
      <c r="D6356" t="s">
        <v>1800</v>
      </c>
      <c r="E6356" t="s">
        <v>26</v>
      </c>
      <c r="F6356" t="s">
        <v>10</v>
      </c>
      <c r="G6356" t="s">
        <v>17</v>
      </c>
      <c r="H6356" t="s">
        <v>584</v>
      </c>
      <c r="I6356">
        <v>33.869999999999997</v>
      </c>
      <c r="J6356">
        <v>3</v>
      </c>
      <c r="K6356">
        <v>8.81</v>
      </c>
    </row>
    <row r="6357" spans="1:11" x14ac:dyDescent="0.3">
      <c r="A6357" s="1">
        <v>42706</v>
      </c>
      <c r="B6357" s="3">
        <f t="shared" si="198"/>
        <v>12</v>
      </c>
      <c r="C6357" s="3">
        <f t="shared" si="199"/>
        <v>2016</v>
      </c>
      <c r="D6357" t="s">
        <v>1393</v>
      </c>
      <c r="E6357" t="s">
        <v>26</v>
      </c>
      <c r="F6357" t="s">
        <v>10</v>
      </c>
      <c r="G6357" t="s">
        <v>19</v>
      </c>
      <c r="H6357" t="s">
        <v>1508</v>
      </c>
      <c r="I6357">
        <v>24.7</v>
      </c>
      <c r="J6357">
        <v>2</v>
      </c>
      <c r="K6357">
        <v>9.26</v>
      </c>
    </row>
    <row r="6358" spans="1:11" x14ac:dyDescent="0.3">
      <c r="A6358" s="1">
        <v>42706</v>
      </c>
      <c r="B6358" s="3">
        <f t="shared" si="198"/>
        <v>12</v>
      </c>
      <c r="C6358" s="3">
        <f t="shared" si="199"/>
        <v>2016</v>
      </c>
      <c r="D6358" t="s">
        <v>1393</v>
      </c>
      <c r="E6358" t="s">
        <v>26</v>
      </c>
      <c r="F6358" t="s">
        <v>10</v>
      </c>
      <c r="G6358" t="s">
        <v>91</v>
      </c>
      <c r="H6358" t="s">
        <v>205</v>
      </c>
      <c r="I6358">
        <v>59.7</v>
      </c>
      <c r="J6358">
        <v>3</v>
      </c>
      <c r="K6358">
        <v>26.87</v>
      </c>
    </row>
    <row r="6359" spans="1:11" x14ac:dyDescent="0.3">
      <c r="A6359" s="1">
        <v>42706</v>
      </c>
      <c r="B6359" s="3">
        <f t="shared" si="198"/>
        <v>12</v>
      </c>
      <c r="C6359" s="3">
        <f t="shared" si="199"/>
        <v>2016</v>
      </c>
      <c r="D6359" t="s">
        <v>1393</v>
      </c>
      <c r="E6359" t="s">
        <v>26</v>
      </c>
      <c r="F6359" t="s">
        <v>33</v>
      </c>
      <c r="G6359" t="s">
        <v>46</v>
      </c>
      <c r="H6359" t="s">
        <v>2302</v>
      </c>
      <c r="I6359">
        <v>14.52</v>
      </c>
      <c r="J6359">
        <v>3</v>
      </c>
      <c r="K6359">
        <v>5.66</v>
      </c>
    </row>
    <row r="6360" spans="1:11" x14ac:dyDescent="0.3">
      <c r="A6360" s="1">
        <v>42706</v>
      </c>
      <c r="B6360" s="3">
        <f t="shared" si="198"/>
        <v>12</v>
      </c>
      <c r="C6360" s="3">
        <f t="shared" si="199"/>
        <v>2016</v>
      </c>
      <c r="D6360" t="s">
        <v>1393</v>
      </c>
      <c r="E6360" t="s">
        <v>26</v>
      </c>
      <c r="F6360" t="s">
        <v>10</v>
      </c>
      <c r="G6360" t="s">
        <v>19</v>
      </c>
      <c r="H6360" t="s">
        <v>1138</v>
      </c>
      <c r="I6360">
        <v>104.18</v>
      </c>
      <c r="J6360">
        <v>3</v>
      </c>
      <c r="K6360">
        <v>33.86</v>
      </c>
    </row>
    <row r="6361" spans="1:11" x14ac:dyDescent="0.3">
      <c r="A6361" s="1">
        <v>42706</v>
      </c>
      <c r="B6361" s="3">
        <f t="shared" si="198"/>
        <v>12</v>
      </c>
      <c r="C6361" s="3">
        <f t="shared" si="199"/>
        <v>2016</v>
      </c>
      <c r="D6361" t="s">
        <v>166</v>
      </c>
      <c r="E6361" t="s">
        <v>1528</v>
      </c>
      <c r="F6361" t="s">
        <v>10</v>
      </c>
      <c r="G6361" t="s">
        <v>17</v>
      </c>
      <c r="H6361" t="s">
        <v>1957</v>
      </c>
      <c r="I6361">
        <v>2079.4</v>
      </c>
      <c r="J6361">
        <v>5</v>
      </c>
      <c r="K6361">
        <v>582.23</v>
      </c>
    </row>
    <row r="6362" spans="1:11" x14ac:dyDescent="0.3">
      <c r="A6362" s="1">
        <v>42706</v>
      </c>
      <c r="B6362" s="3">
        <f t="shared" si="198"/>
        <v>12</v>
      </c>
      <c r="C6362" s="3">
        <f t="shared" si="199"/>
        <v>2016</v>
      </c>
      <c r="D6362" t="s">
        <v>166</v>
      </c>
      <c r="E6362" t="s">
        <v>1528</v>
      </c>
      <c r="F6362" t="s">
        <v>38</v>
      </c>
      <c r="G6362" t="s">
        <v>39</v>
      </c>
      <c r="H6362" t="s">
        <v>719</v>
      </c>
      <c r="I6362">
        <v>629.95000000000005</v>
      </c>
      <c r="J6362">
        <v>5</v>
      </c>
      <c r="K6362">
        <v>176.39</v>
      </c>
    </row>
    <row r="6363" spans="1:11" x14ac:dyDescent="0.3">
      <c r="A6363" s="1">
        <v>42706</v>
      </c>
      <c r="B6363" s="3">
        <f t="shared" si="198"/>
        <v>12</v>
      </c>
      <c r="C6363" s="3">
        <f t="shared" si="199"/>
        <v>2016</v>
      </c>
      <c r="D6363" t="s">
        <v>166</v>
      </c>
      <c r="E6363" t="s">
        <v>1528</v>
      </c>
      <c r="F6363" t="s">
        <v>33</v>
      </c>
      <c r="G6363" t="s">
        <v>46</v>
      </c>
      <c r="H6363" t="s">
        <v>2575</v>
      </c>
      <c r="I6363">
        <v>72.42</v>
      </c>
      <c r="J6363">
        <v>6</v>
      </c>
      <c r="K6363">
        <v>23.9</v>
      </c>
    </row>
    <row r="6364" spans="1:11" x14ac:dyDescent="0.3">
      <c r="A6364" s="1">
        <v>42706</v>
      </c>
      <c r="B6364" s="3">
        <f t="shared" si="198"/>
        <v>12</v>
      </c>
      <c r="C6364" s="3">
        <f t="shared" si="199"/>
        <v>2016</v>
      </c>
      <c r="D6364" t="s">
        <v>1622</v>
      </c>
      <c r="E6364" t="s">
        <v>148</v>
      </c>
      <c r="F6364" t="s">
        <v>10</v>
      </c>
      <c r="G6364" t="s">
        <v>19</v>
      </c>
      <c r="H6364" t="s">
        <v>2460</v>
      </c>
      <c r="I6364">
        <v>415.18</v>
      </c>
      <c r="J6364">
        <v>3</v>
      </c>
      <c r="K6364">
        <v>134.93</v>
      </c>
    </row>
    <row r="6365" spans="1:11" x14ac:dyDescent="0.3">
      <c r="A6365" s="1">
        <v>42706</v>
      </c>
      <c r="B6365" s="3">
        <f t="shared" si="198"/>
        <v>12</v>
      </c>
      <c r="C6365" s="3">
        <f t="shared" si="199"/>
        <v>2016</v>
      </c>
      <c r="D6365" t="s">
        <v>1622</v>
      </c>
      <c r="E6365" t="s">
        <v>148</v>
      </c>
      <c r="F6365" t="s">
        <v>10</v>
      </c>
      <c r="G6365" t="s">
        <v>19</v>
      </c>
      <c r="H6365" t="s">
        <v>1926</v>
      </c>
      <c r="I6365">
        <v>35.229999999999997</v>
      </c>
      <c r="J6365">
        <v>3</v>
      </c>
      <c r="K6365">
        <v>11.45</v>
      </c>
    </row>
    <row r="6366" spans="1:11" x14ac:dyDescent="0.3">
      <c r="A6366" s="1">
        <v>42706</v>
      </c>
      <c r="B6366" s="3">
        <f t="shared" si="198"/>
        <v>12</v>
      </c>
      <c r="C6366" s="3">
        <f t="shared" si="199"/>
        <v>2016</v>
      </c>
      <c r="D6366" t="s">
        <v>1622</v>
      </c>
      <c r="E6366" t="s">
        <v>148</v>
      </c>
      <c r="F6366" t="s">
        <v>10</v>
      </c>
      <c r="G6366" t="s">
        <v>11</v>
      </c>
      <c r="H6366" t="s">
        <v>1758</v>
      </c>
      <c r="I6366">
        <v>54.96</v>
      </c>
      <c r="J6366">
        <v>1</v>
      </c>
      <c r="K6366">
        <v>26.93</v>
      </c>
    </row>
    <row r="6367" spans="1:11" x14ac:dyDescent="0.3">
      <c r="A6367" s="1">
        <v>42706</v>
      </c>
      <c r="B6367" s="3">
        <f t="shared" si="198"/>
        <v>12</v>
      </c>
      <c r="C6367" s="3">
        <f t="shared" si="199"/>
        <v>2016</v>
      </c>
      <c r="D6367" t="s">
        <v>1477</v>
      </c>
      <c r="E6367" t="s">
        <v>277</v>
      </c>
      <c r="F6367" t="s">
        <v>38</v>
      </c>
      <c r="G6367" t="s">
        <v>51</v>
      </c>
      <c r="H6367" t="s">
        <v>1450</v>
      </c>
      <c r="I6367">
        <v>165.6</v>
      </c>
      <c r="J6367">
        <v>3</v>
      </c>
      <c r="K6367">
        <v>-6.21</v>
      </c>
    </row>
    <row r="6368" spans="1:11" x14ac:dyDescent="0.3">
      <c r="A6368" s="1">
        <v>42706</v>
      </c>
      <c r="B6368" s="3">
        <f t="shared" si="198"/>
        <v>12</v>
      </c>
      <c r="C6368" s="3">
        <f t="shared" si="199"/>
        <v>2016</v>
      </c>
      <c r="D6368" t="s">
        <v>670</v>
      </c>
      <c r="E6368" t="s">
        <v>394</v>
      </c>
      <c r="F6368" t="s">
        <v>10</v>
      </c>
      <c r="G6368" t="s">
        <v>19</v>
      </c>
      <c r="H6368" t="s">
        <v>1648</v>
      </c>
      <c r="I6368">
        <v>115.84</v>
      </c>
      <c r="J6368">
        <v>8</v>
      </c>
      <c r="K6368">
        <v>54.44</v>
      </c>
    </row>
    <row r="6369" spans="1:11" x14ac:dyDescent="0.3">
      <c r="A6369" s="1">
        <v>42706</v>
      </c>
      <c r="B6369" s="3">
        <f t="shared" si="198"/>
        <v>12</v>
      </c>
      <c r="C6369" s="3">
        <f t="shared" si="199"/>
        <v>2016</v>
      </c>
      <c r="D6369" t="s">
        <v>577</v>
      </c>
      <c r="E6369" t="s">
        <v>9</v>
      </c>
      <c r="F6369" t="s">
        <v>33</v>
      </c>
      <c r="G6369" t="s">
        <v>73</v>
      </c>
      <c r="H6369" t="s">
        <v>2202</v>
      </c>
      <c r="I6369">
        <v>781.86</v>
      </c>
      <c r="J6369">
        <v>10</v>
      </c>
      <c r="K6369">
        <v>-137.97999999999999</v>
      </c>
    </row>
    <row r="6370" spans="1:11" x14ac:dyDescent="0.3">
      <c r="A6370" s="1">
        <v>42706</v>
      </c>
      <c r="B6370" s="3">
        <f t="shared" si="198"/>
        <v>12</v>
      </c>
      <c r="C6370" s="3">
        <f t="shared" si="199"/>
        <v>2016</v>
      </c>
      <c r="D6370" t="s">
        <v>577</v>
      </c>
      <c r="E6370" t="s">
        <v>9</v>
      </c>
      <c r="F6370" t="s">
        <v>10</v>
      </c>
      <c r="G6370" t="s">
        <v>11</v>
      </c>
      <c r="H6370" t="s">
        <v>2068</v>
      </c>
      <c r="I6370">
        <v>30.82</v>
      </c>
      <c r="J6370">
        <v>9</v>
      </c>
      <c r="K6370">
        <v>9.6300000000000008</v>
      </c>
    </row>
    <row r="6371" spans="1:11" x14ac:dyDescent="0.3">
      <c r="A6371" s="1">
        <v>42707</v>
      </c>
      <c r="B6371" s="3">
        <f t="shared" si="198"/>
        <v>12</v>
      </c>
      <c r="C6371" s="3">
        <f t="shared" si="199"/>
        <v>2016</v>
      </c>
      <c r="D6371" t="s">
        <v>2312</v>
      </c>
      <c r="E6371" t="s">
        <v>148</v>
      </c>
      <c r="F6371" t="s">
        <v>10</v>
      </c>
      <c r="G6371" t="s">
        <v>11</v>
      </c>
      <c r="H6371" t="s">
        <v>1764</v>
      </c>
      <c r="I6371">
        <v>182.72</v>
      </c>
      <c r="J6371">
        <v>8</v>
      </c>
      <c r="K6371">
        <v>84.05</v>
      </c>
    </row>
    <row r="6372" spans="1:11" x14ac:dyDescent="0.3">
      <c r="A6372" s="1">
        <v>42707</v>
      </c>
      <c r="B6372" s="3">
        <f t="shared" si="198"/>
        <v>12</v>
      </c>
      <c r="C6372" s="3">
        <f t="shared" si="199"/>
        <v>2016</v>
      </c>
      <c r="D6372" t="s">
        <v>2312</v>
      </c>
      <c r="E6372" t="s">
        <v>148</v>
      </c>
      <c r="F6372" t="s">
        <v>33</v>
      </c>
      <c r="G6372" t="s">
        <v>144</v>
      </c>
      <c r="H6372" t="s">
        <v>662</v>
      </c>
      <c r="I6372">
        <v>400.03</v>
      </c>
      <c r="J6372">
        <v>2</v>
      </c>
      <c r="K6372">
        <v>-153.35</v>
      </c>
    </row>
    <row r="6373" spans="1:11" x14ac:dyDescent="0.3">
      <c r="A6373" s="1">
        <v>42707</v>
      </c>
      <c r="B6373" s="3">
        <f t="shared" si="198"/>
        <v>12</v>
      </c>
      <c r="C6373" s="3">
        <f t="shared" si="199"/>
        <v>2016</v>
      </c>
      <c r="D6373" t="s">
        <v>2312</v>
      </c>
      <c r="E6373" t="s">
        <v>148</v>
      </c>
      <c r="F6373" t="s">
        <v>10</v>
      </c>
      <c r="G6373" t="s">
        <v>17</v>
      </c>
      <c r="H6373" t="s">
        <v>550</v>
      </c>
      <c r="I6373">
        <v>33.630000000000003</v>
      </c>
      <c r="J6373">
        <v>3</v>
      </c>
      <c r="K6373">
        <v>10.09</v>
      </c>
    </row>
    <row r="6374" spans="1:11" x14ac:dyDescent="0.3">
      <c r="A6374" s="1">
        <v>42707</v>
      </c>
      <c r="B6374" s="3">
        <f t="shared" si="198"/>
        <v>12</v>
      </c>
      <c r="C6374" s="3">
        <f t="shared" si="199"/>
        <v>2016</v>
      </c>
      <c r="D6374" t="s">
        <v>2312</v>
      </c>
      <c r="E6374" t="s">
        <v>148</v>
      </c>
      <c r="F6374" t="s">
        <v>33</v>
      </c>
      <c r="G6374" t="s">
        <v>34</v>
      </c>
      <c r="H6374" t="s">
        <v>429</v>
      </c>
      <c r="I6374">
        <v>542.65</v>
      </c>
      <c r="J6374">
        <v>3</v>
      </c>
      <c r="K6374">
        <v>102.5</v>
      </c>
    </row>
    <row r="6375" spans="1:11" x14ac:dyDescent="0.3">
      <c r="A6375" s="1">
        <v>42707</v>
      </c>
      <c r="B6375" s="3">
        <f t="shared" si="198"/>
        <v>12</v>
      </c>
      <c r="C6375" s="3">
        <f t="shared" si="199"/>
        <v>2016</v>
      </c>
      <c r="D6375" t="s">
        <v>2312</v>
      </c>
      <c r="E6375" t="s">
        <v>148</v>
      </c>
      <c r="F6375" t="s">
        <v>10</v>
      </c>
      <c r="G6375" t="s">
        <v>15</v>
      </c>
      <c r="H6375" t="s">
        <v>1701</v>
      </c>
      <c r="I6375">
        <v>6.3</v>
      </c>
      <c r="J6375">
        <v>2</v>
      </c>
      <c r="K6375">
        <v>3.02</v>
      </c>
    </row>
    <row r="6376" spans="1:11" x14ac:dyDescent="0.3">
      <c r="A6376" s="1">
        <v>42707</v>
      </c>
      <c r="B6376" s="3">
        <f t="shared" si="198"/>
        <v>12</v>
      </c>
      <c r="C6376" s="3">
        <f t="shared" si="199"/>
        <v>2016</v>
      </c>
      <c r="D6376" t="s">
        <v>2454</v>
      </c>
      <c r="E6376" t="s">
        <v>22</v>
      </c>
      <c r="F6376" t="s">
        <v>10</v>
      </c>
      <c r="G6376" t="s">
        <v>91</v>
      </c>
      <c r="H6376" t="s">
        <v>2003</v>
      </c>
      <c r="I6376">
        <v>394.82</v>
      </c>
      <c r="J6376">
        <v>4</v>
      </c>
      <c r="K6376">
        <v>93.77</v>
      </c>
    </row>
    <row r="6377" spans="1:11" x14ac:dyDescent="0.3">
      <c r="A6377" s="1">
        <v>42707</v>
      </c>
      <c r="B6377" s="3">
        <f t="shared" si="198"/>
        <v>12</v>
      </c>
      <c r="C6377" s="3">
        <f t="shared" si="199"/>
        <v>2016</v>
      </c>
      <c r="D6377" t="s">
        <v>2454</v>
      </c>
      <c r="E6377" t="s">
        <v>22</v>
      </c>
      <c r="F6377" t="s">
        <v>10</v>
      </c>
      <c r="G6377" t="s">
        <v>19</v>
      </c>
      <c r="H6377" t="s">
        <v>757</v>
      </c>
      <c r="I6377">
        <v>18.190000000000001</v>
      </c>
      <c r="J6377">
        <v>4</v>
      </c>
      <c r="K6377">
        <v>-14.55</v>
      </c>
    </row>
    <row r="6378" spans="1:11" x14ac:dyDescent="0.3">
      <c r="A6378" s="1">
        <v>42707</v>
      </c>
      <c r="B6378" s="3">
        <f t="shared" si="198"/>
        <v>12</v>
      </c>
      <c r="C6378" s="3">
        <f t="shared" si="199"/>
        <v>2016</v>
      </c>
      <c r="D6378" t="s">
        <v>2229</v>
      </c>
      <c r="E6378" t="s">
        <v>26</v>
      </c>
      <c r="F6378" t="s">
        <v>38</v>
      </c>
      <c r="G6378" t="s">
        <v>51</v>
      </c>
      <c r="H6378" t="s">
        <v>2101</v>
      </c>
      <c r="I6378">
        <v>1649.95</v>
      </c>
      <c r="J6378">
        <v>5</v>
      </c>
      <c r="K6378">
        <v>659.98</v>
      </c>
    </row>
    <row r="6379" spans="1:11" x14ac:dyDescent="0.3">
      <c r="A6379" s="1">
        <v>42707</v>
      </c>
      <c r="B6379" s="3">
        <f t="shared" si="198"/>
        <v>12</v>
      </c>
      <c r="C6379" s="3">
        <f t="shared" si="199"/>
        <v>2016</v>
      </c>
      <c r="D6379" t="s">
        <v>2229</v>
      </c>
      <c r="E6379" t="s">
        <v>26</v>
      </c>
      <c r="F6379" t="s">
        <v>33</v>
      </c>
      <c r="G6379" t="s">
        <v>46</v>
      </c>
      <c r="H6379" t="s">
        <v>1989</v>
      </c>
      <c r="I6379">
        <v>111.9</v>
      </c>
      <c r="J6379">
        <v>6</v>
      </c>
      <c r="K6379">
        <v>51.47</v>
      </c>
    </row>
    <row r="6380" spans="1:11" x14ac:dyDescent="0.3">
      <c r="A6380" s="1">
        <v>42707</v>
      </c>
      <c r="B6380" s="3">
        <f t="shared" si="198"/>
        <v>12</v>
      </c>
      <c r="C6380" s="3">
        <f t="shared" si="199"/>
        <v>2016</v>
      </c>
      <c r="D6380" t="s">
        <v>76</v>
      </c>
      <c r="E6380" t="s">
        <v>128</v>
      </c>
      <c r="F6380" t="s">
        <v>33</v>
      </c>
      <c r="G6380" t="s">
        <v>144</v>
      </c>
      <c r="H6380" t="s">
        <v>941</v>
      </c>
      <c r="I6380">
        <v>581.96</v>
      </c>
      <c r="J6380">
        <v>2</v>
      </c>
      <c r="K6380">
        <v>104.75</v>
      </c>
    </row>
    <row r="6381" spans="1:11" x14ac:dyDescent="0.3">
      <c r="A6381" s="1">
        <v>42707</v>
      </c>
      <c r="B6381" s="3">
        <f t="shared" si="198"/>
        <v>12</v>
      </c>
      <c r="C6381" s="3">
        <f t="shared" si="199"/>
        <v>2016</v>
      </c>
      <c r="D6381" t="s">
        <v>76</v>
      </c>
      <c r="E6381" t="s">
        <v>128</v>
      </c>
      <c r="F6381" t="s">
        <v>33</v>
      </c>
      <c r="G6381" t="s">
        <v>34</v>
      </c>
      <c r="H6381" t="s">
        <v>1574</v>
      </c>
      <c r="I6381">
        <v>29.98</v>
      </c>
      <c r="J6381">
        <v>1</v>
      </c>
      <c r="K6381">
        <v>8.09</v>
      </c>
    </row>
    <row r="6382" spans="1:11" x14ac:dyDescent="0.3">
      <c r="A6382" s="1">
        <v>42707</v>
      </c>
      <c r="B6382" s="3">
        <f t="shared" si="198"/>
        <v>12</v>
      </c>
      <c r="C6382" s="3">
        <f t="shared" si="199"/>
        <v>2016</v>
      </c>
      <c r="D6382" t="s">
        <v>362</v>
      </c>
      <c r="E6382" t="s">
        <v>26</v>
      </c>
      <c r="F6382" t="s">
        <v>10</v>
      </c>
      <c r="G6382" t="s">
        <v>17</v>
      </c>
      <c r="H6382" t="s">
        <v>1439</v>
      </c>
      <c r="I6382">
        <v>772.68</v>
      </c>
      <c r="J6382">
        <v>4</v>
      </c>
      <c r="K6382">
        <v>108.18</v>
      </c>
    </row>
    <row r="6383" spans="1:11" x14ac:dyDescent="0.3">
      <c r="A6383" s="1">
        <v>42707</v>
      </c>
      <c r="B6383" s="3">
        <f t="shared" si="198"/>
        <v>12</v>
      </c>
      <c r="C6383" s="3">
        <f t="shared" si="199"/>
        <v>2016</v>
      </c>
      <c r="D6383" t="s">
        <v>982</v>
      </c>
      <c r="E6383" t="s">
        <v>26</v>
      </c>
      <c r="F6383" t="s">
        <v>33</v>
      </c>
      <c r="G6383" t="s">
        <v>144</v>
      </c>
      <c r="H6383" t="s">
        <v>873</v>
      </c>
      <c r="I6383">
        <v>268.7</v>
      </c>
      <c r="J6383">
        <v>3</v>
      </c>
      <c r="K6383">
        <v>6.72</v>
      </c>
    </row>
    <row r="6384" spans="1:11" x14ac:dyDescent="0.3">
      <c r="A6384" s="1">
        <v>42707</v>
      </c>
      <c r="B6384" s="3">
        <f t="shared" si="198"/>
        <v>12</v>
      </c>
      <c r="C6384" s="3">
        <f t="shared" si="199"/>
        <v>2016</v>
      </c>
      <c r="D6384" t="s">
        <v>982</v>
      </c>
      <c r="E6384" t="s">
        <v>26</v>
      </c>
      <c r="F6384" t="s">
        <v>10</v>
      </c>
      <c r="G6384" t="s">
        <v>23</v>
      </c>
      <c r="H6384" t="s">
        <v>37</v>
      </c>
      <c r="I6384">
        <v>21.92</v>
      </c>
      <c r="J6384">
        <v>8</v>
      </c>
      <c r="K6384">
        <v>5.92</v>
      </c>
    </row>
    <row r="6385" spans="1:11" x14ac:dyDescent="0.3">
      <c r="A6385" s="1">
        <v>42707</v>
      </c>
      <c r="B6385" s="3">
        <f t="shared" si="198"/>
        <v>12</v>
      </c>
      <c r="C6385" s="3">
        <f t="shared" si="199"/>
        <v>2016</v>
      </c>
      <c r="D6385" t="s">
        <v>982</v>
      </c>
      <c r="E6385" t="s">
        <v>26</v>
      </c>
      <c r="F6385" t="s">
        <v>10</v>
      </c>
      <c r="G6385" t="s">
        <v>17</v>
      </c>
      <c r="H6385" t="s">
        <v>178</v>
      </c>
      <c r="I6385">
        <v>48.72</v>
      </c>
      <c r="J6385">
        <v>3</v>
      </c>
      <c r="K6385">
        <v>7.31</v>
      </c>
    </row>
    <row r="6386" spans="1:11" x14ac:dyDescent="0.3">
      <c r="A6386" s="1">
        <v>42707</v>
      </c>
      <c r="B6386" s="3">
        <f t="shared" si="198"/>
        <v>12</v>
      </c>
      <c r="C6386" s="3">
        <f t="shared" si="199"/>
        <v>2016</v>
      </c>
      <c r="D6386" t="s">
        <v>982</v>
      </c>
      <c r="E6386" t="s">
        <v>26</v>
      </c>
      <c r="F6386" t="s">
        <v>33</v>
      </c>
      <c r="G6386" t="s">
        <v>73</v>
      </c>
      <c r="H6386" t="s">
        <v>411</v>
      </c>
      <c r="I6386">
        <v>205.67</v>
      </c>
      <c r="J6386">
        <v>2</v>
      </c>
      <c r="K6386">
        <v>-12.1</v>
      </c>
    </row>
    <row r="6387" spans="1:11" x14ac:dyDescent="0.3">
      <c r="A6387" s="1">
        <v>42708</v>
      </c>
      <c r="B6387" s="3">
        <f t="shared" si="198"/>
        <v>12</v>
      </c>
      <c r="C6387" s="3">
        <f t="shared" si="199"/>
        <v>2016</v>
      </c>
      <c r="D6387" t="s">
        <v>1233</v>
      </c>
      <c r="E6387" t="s">
        <v>148</v>
      </c>
      <c r="F6387" t="s">
        <v>33</v>
      </c>
      <c r="G6387" t="s">
        <v>46</v>
      </c>
      <c r="H6387" t="s">
        <v>1084</v>
      </c>
      <c r="I6387">
        <v>113.79</v>
      </c>
      <c r="J6387">
        <v>3</v>
      </c>
      <c r="K6387">
        <v>20.48</v>
      </c>
    </row>
    <row r="6388" spans="1:11" x14ac:dyDescent="0.3">
      <c r="A6388" s="1">
        <v>42708</v>
      </c>
      <c r="B6388" s="3">
        <f t="shared" si="198"/>
        <v>12</v>
      </c>
      <c r="C6388" s="3">
        <f t="shared" si="199"/>
        <v>2016</v>
      </c>
      <c r="D6388" t="s">
        <v>1233</v>
      </c>
      <c r="E6388" t="s">
        <v>148</v>
      </c>
      <c r="F6388" t="s">
        <v>38</v>
      </c>
      <c r="G6388" t="s">
        <v>51</v>
      </c>
      <c r="H6388" t="s">
        <v>157</v>
      </c>
      <c r="I6388">
        <v>78.150000000000006</v>
      </c>
      <c r="J6388">
        <v>1</v>
      </c>
      <c r="K6388">
        <v>34.39</v>
      </c>
    </row>
    <row r="6389" spans="1:11" x14ac:dyDescent="0.3">
      <c r="A6389" s="1">
        <v>42708</v>
      </c>
      <c r="B6389" s="3">
        <f t="shared" si="198"/>
        <v>12</v>
      </c>
      <c r="C6389" s="3">
        <f t="shared" si="199"/>
        <v>2016</v>
      </c>
      <c r="D6389" t="s">
        <v>1233</v>
      </c>
      <c r="E6389" t="s">
        <v>148</v>
      </c>
      <c r="F6389" t="s">
        <v>10</v>
      </c>
      <c r="G6389" t="s">
        <v>19</v>
      </c>
      <c r="H6389" t="s">
        <v>1646</v>
      </c>
      <c r="I6389">
        <v>1.73</v>
      </c>
      <c r="J6389">
        <v>1</v>
      </c>
      <c r="K6389">
        <v>0.6</v>
      </c>
    </row>
    <row r="6390" spans="1:11" x14ac:dyDescent="0.3">
      <c r="A6390" s="1">
        <v>42708</v>
      </c>
      <c r="B6390" s="3">
        <f t="shared" si="198"/>
        <v>12</v>
      </c>
      <c r="C6390" s="3">
        <f t="shared" si="199"/>
        <v>2016</v>
      </c>
      <c r="D6390" t="s">
        <v>1233</v>
      </c>
      <c r="E6390" t="s">
        <v>148</v>
      </c>
      <c r="F6390" t="s">
        <v>10</v>
      </c>
      <c r="G6390" t="s">
        <v>11</v>
      </c>
      <c r="H6390" t="s">
        <v>624</v>
      </c>
      <c r="I6390">
        <v>40.56</v>
      </c>
      <c r="J6390">
        <v>4</v>
      </c>
      <c r="K6390">
        <v>19.87</v>
      </c>
    </row>
    <row r="6391" spans="1:11" x14ac:dyDescent="0.3">
      <c r="A6391" s="1">
        <v>42708</v>
      </c>
      <c r="B6391" s="3">
        <f t="shared" si="198"/>
        <v>12</v>
      </c>
      <c r="C6391" s="3">
        <f t="shared" si="199"/>
        <v>2016</v>
      </c>
      <c r="D6391" t="s">
        <v>1233</v>
      </c>
      <c r="E6391" t="s">
        <v>148</v>
      </c>
      <c r="F6391" t="s">
        <v>10</v>
      </c>
      <c r="G6391" t="s">
        <v>17</v>
      </c>
      <c r="H6391" t="s">
        <v>2343</v>
      </c>
      <c r="I6391">
        <v>182.94</v>
      </c>
      <c r="J6391">
        <v>3</v>
      </c>
      <c r="K6391">
        <v>3.66</v>
      </c>
    </row>
    <row r="6392" spans="1:11" x14ac:dyDescent="0.3">
      <c r="A6392" s="1">
        <v>42708</v>
      </c>
      <c r="B6392" s="3">
        <f t="shared" si="198"/>
        <v>12</v>
      </c>
      <c r="C6392" s="3">
        <f t="shared" si="199"/>
        <v>2016</v>
      </c>
      <c r="D6392" t="s">
        <v>1233</v>
      </c>
      <c r="E6392" t="s">
        <v>148</v>
      </c>
      <c r="F6392" t="s">
        <v>10</v>
      </c>
      <c r="G6392" t="s">
        <v>17</v>
      </c>
      <c r="H6392" t="s">
        <v>2609</v>
      </c>
      <c r="I6392">
        <v>193.86</v>
      </c>
      <c r="J6392">
        <v>2</v>
      </c>
      <c r="K6392">
        <v>11.63</v>
      </c>
    </row>
    <row r="6393" spans="1:11" x14ac:dyDescent="0.3">
      <c r="A6393" s="1">
        <v>42708</v>
      </c>
      <c r="B6393" s="3">
        <f t="shared" si="198"/>
        <v>12</v>
      </c>
      <c r="C6393" s="3">
        <f t="shared" si="199"/>
        <v>2016</v>
      </c>
      <c r="D6393" t="s">
        <v>737</v>
      </c>
      <c r="E6393" t="s">
        <v>148</v>
      </c>
      <c r="F6393" t="s">
        <v>10</v>
      </c>
      <c r="G6393" t="s">
        <v>17</v>
      </c>
      <c r="H6393" t="s">
        <v>2639</v>
      </c>
      <c r="I6393">
        <v>212.88</v>
      </c>
      <c r="J6393">
        <v>6</v>
      </c>
      <c r="K6393">
        <v>0</v>
      </c>
    </row>
    <row r="6394" spans="1:11" x14ac:dyDescent="0.3">
      <c r="A6394" s="1">
        <v>42708</v>
      </c>
      <c r="B6394" s="3">
        <f t="shared" si="198"/>
        <v>12</v>
      </c>
      <c r="C6394" s="3">
        <f t="shared" si="199"/>
        <v>2016</v>
      </c>
      <c r="D6394" t="s">
        <v>877</v>
      </c>
      <c r="E6394" t="s">
        <v>148</v>
      </c>
      <c r="F6394" t="s">
        <v>10</v>
      </c>
      <c r="G6394" t="s">
        <v>19</v>
      </c>
      <c r="H6394" t="s">
        <v>1366</v>
      </c>
      <c r="I6394">
        <v>15.53</v>
      </c>
      <c r="J6394">
        <v>3</v>
      </c>
      <c r="K6394">
        <v>5.82</v>
      </c>
    </row>
    <row r="6395" spans="1:11" x14ac:dyDescent="0.3">
      <c r="A6395" s="1">
        <v>42708</v>
      </c>
      <c r="B6395" s="3">
        <f t="shared" si="198"/>
        <v>12</v>
      </c>
      <c r="C6395" s="3">
        <f t="shared" si="199"/>
        <v>2016</v>
      </c>
      <c r="D6395" t="s">
        <v>1253</v>
      </c>
      <c r="E6395" t="s">
        <v>26</v>
      </c>
      <c r="F6395" t="s">
        <v>10</v>
      </c>
      <c r="G6395" t="s">
        <v>11</v>
      </c>
      <c r="H6395" t="s">
        <v>2242</v>
      </c>
      <c r="I6395">
        <v>104.85</v>
      </c>
      <c r="J6395">
        <v>1</v>
      </c>
      <c r="K6395">
        <v>50.33</v>
      </c>
    </row>
    <row r="6396" spans="1:11" x14ac:dyDescent="0.3">
      <c r="A6396" s="1">
        <v>42709</v>
      </c>
      <c r="B6396" s="3">
        <f t="shared" si="198"/>
        <v>12</v>
      </c>
      <c r="C6396" s="3">
        <f t="shared" si="199"/>
        <v>2016</v>
      </c>
      <c r="D6396" t="s">
        <v>1802</v>
      </c>
      <c r="E6396" t="s">
        <v>163</v>
      </c>
      <c r="F6396" t="s">
        <v>10</v>
      </c>
      <c r="G6396" t="s">
        <v>19</v>
      </c>
      <c r="H6396" t="s">
        <v>527</v>
      </c>
      <c r="I6396">
        <v>407.98</v>
      </c>
      <c r="J6396">
        <v>3</v>
      </c>
      <c r="K6396">
        <v>132.59</v>
      </c>
    </row>
    <row r="6397" spans="1:11" x14ac:dyDescent="0.3">
      <c r="A6397" s="1">
        <v>42709</v>
      </c>
      <c r="B6397" s="3">
        <f t="shared" si="198"/>
        <v>12</v>
      </c>
      <c r="C6397" s="3">
        <f t="shared" si="199"/>
        <v>2016</v>
      </c>
      <c r="D6397" t="s">
        <v>2640</v>
      </c>
      <c r="E6397" t="s">
        <v>156</v>
      </c>
      <c r="F6397" t="s">
        <v>38</v>
      </c>
      <c r="G6397" t="s">
        <v>39</v>
      </c>
      <c r="H6397" t="s">
        <v>831</v>
      </c>
      <c r="I6397">
        <v>384.45</v>
      </c>
      <c r="J6397">
        <v>11</v>
      </c>
      <c r="K6397">
        <v>103.8</v>
      </c>
    </row>
    <row r="6398" spans="1:11" x14ac:dyDescent="0.3">
      <c r="A6398" s="1">
        <v>42709</v>
      </c>
      <c r="B6398" s="3">
        <f t="shared" si="198"/>
        <v>12</v>
      </c>
      <c r="C6398" s="3">
        <f t="shared" si="199"/>
        <v>2016</v>
      </c>
      <c r="D6398" t="s">
        <v>2640</v>
      </c>
      <c r="E6398" t="s">
        <v>156</v>
      </c>
      <c r="F6398" t="s">
        <v>38</v>
      </c>
      <c r="G6398" t="s">
        <v>39</v>
      </c>
      <c r="H6398" t="s">
        <v>2442</v>
      </c>
      <c r="I6398">
        <v>149.97</v>
      </c>
      <c r="J6398">
        <v>3</v>
      </c>
      <c r="K6398">
        <v>6</v>
      </c>
    </row>
    <row r="6399" spans="1:11" x14ac:dyDescent="0.3">
      <c r="A6399" s="1">
        <v>42709</v>
      </c>
      <c r="B6399" s="3">
        <f t="shared" si="198"/>
        <v>12</v>
      </c>
      <c r="C6399" s="3">
        <f t="shared" si="199"/>
        <v>2016</v>
      </c>
      <c r="D6399" t="s">
        <v>2640</v>
      </c>
      <c r="E6399" t="s">
        <v>156</v>
      </c>
      <c r="F6399" t="s">
        <v>33</v>
      </c>
      <c r="G6399" t="s">
        <v>34</v>
      </c>
      <c r="H6399" t="s">
        <v>863</v>
      </c>
      <c r="I6399">
        <v>1951.84</v>
      </c>
      <c r="J6399">
        <v>8</v>
      </c>
      <c r="K6399">
        <v>585.54999999999995</v>
      </c>
    </row>
    <row r="6400" spans="1:11" x14ac:dyDescent="0.3">
      <c r="A6400" s="1">
        <v>42709</v>
      </c>
      <c r="B6400" s="3">
        <f t="shared" si="198"/>
        <v>12</v>
      </c>
      <c r="C6400" s="3">
        <f t="shared" si="199"/>
        <v>2016</v>
      </c>
      <c r="D6400" t="s">
        <v>2640</v>
      </c>
      <c r="E6400" t="s">
        <v>156</v>
      </c>
      <c r="F6400" t="s">
        <v>10</v>
      </c>
      <c r="G6400" t="s">
        <v>19</v>
      </c>
      <c r="H6400" t="s">
        <v>367</v>
      </c>
      <c r="I6400">
        <v>171.55</v>
      </c>
      <c r="J6400">
        <v>5</v>
      </c>
      <c r="K6400">
        <v>80.63</v>
      </c>
    </row>
    <row r="6401" spans="1:11" x14ac:dyDescent="0.3">
      <c r="A6401" s="1">
        <v>42709</v>
      </c>
      <c r="B6401" s="3">
        <f t="shared" si="198"/>
        <v>12</v>
      </c>
      <c r="C6401" s="3">
        <f t="shared" si="199"/>
        <v>2016</v>
      </c>
      <c r="D6401" t="s">
        <v>741</v>
      </c>
      <c r="E6401" t="s">
        <v>32</v>
      </c>
      <c r="F6401" t="s">
        <v>33</v>
      </c>
      <c r="G6401" t="s">
        <v>46</v>
      </c>
      <c r="H6401" t="s">
        <v>2223</v>
      </c>
      <c r="I6401">
        <v>191.82</v>
      </c>
      <c r="J6401">
        <v>3</v>
      </c>
      <c r="K6401">
        <v>74.81</v>
      </c>
    </row>
    <row r="6402" spans="1:11" x14ac:dyDescent="0.3">
      <c r="A6402" s="1">
        <v>42709</v>
      </c>
      <c r="B6402" s="3">
        <f t="shared" ref="B6402:B6465" si="200">MONTH(A:A)</f>
        <v>12</v>
      </c>
      <c r="C6402" s="3">
        <f t="shared" ref="C6402:C6465" si="201">YEAR(A:A)</f>
        <v>2016</v>
      </c>
      <c r="D6402" t="s">
        <v>741</v>
      </c>
      <c r="E6402" t="s">
        <v>148</v>
      </c>
      <c r="F6402" t="s">
        <v>10</v>
      </c>
      <c r="G6402" t="s">
        <v>17</v>
      </c>
      <c r="H6402" t="s">
        <v>1383</v>
      </c>
      <c r="I6402">
        <v>465.18</v>
      </c>
      <c r="J6402">
        <v>3</v>
      </c>
      <c r="K6402">
        <v>120.95</v>
      </c>
    </row>
    <row r="6403" spans="1:11" x14ac:dyDescent="0.3">
      <c r="A6403" s="1">
        <v>42709</v>
      </c>
      <c r="B6403" s="3">
        <f t="shared" si="200"/>
        <v>12</v>
      </c>
      <c r="C6403" s="3">
        <f t="shared" si="201"/>
        <v>2016</v>
      </c>
      <c r="D6403" t="s">
        <v>572</v>
      </c>
      <c r="E6403" t="s">
        <v>433</v>
      </c>
      <c r="F6403" t="s">
        <v>33</v>
      </c>
      <c r="G6403" t="s">
        <v>73</v>
      </c>
      <c r="H6403" t="s">
        <v>2420</v>
      </c>
      <c r="I6403">
        <v>81.94</v>
      </c>
      <c r="J6403">
        <v>1</v>
      </c>
      <c r="K6403">
        <v>20.49</v>
      </c>
    </row>
    <row r="6404" spans="1:11" x14ac:dyDescent="0.3">
      <c r="A6404" s="1">
        <v>42709</v>
      </c>
      <c r="B6404" s="3">
        <f t="shared" si="200"/>
        <v>12</v>
      </c>
      <c r="C6404" s="3">
        <f t="shared" si="201"/>
        <v>2016</v>
      </c>
      <c r="D6404" t="s">
        <v>1675</v>
      </c>
      <c r="E6404" t="s">
        <v>2043</v>
      </c>
      <c r="F6404" t="s">
        <v>10</v>
      </c>
      <c r="G6404" t="s">
        <v>23</v>
      </c>
      <c r="H6404" t="s">
        <v>385</v>
      </c>
      <c r="I6404">
        <v>33.92</v>
      </c>
      <c r="J6404">
        <v>8</v>
      </c>
      <c r="K6404">
        <v>13.23</v>
      </c>
    </row>
    <row r="6405" spans="1:11" x14ac:dyDescent="0.3">
      <c r="A6405" s="1">
        <v>42709</v>
      </c>
      <c r="B6405" s="3">
        <f t="shared" si="200"/>
        <v>12</v>
      </c>
      <c r="C6405" s="3">
        <f t="shared" si="201"/>
        <v>2016</v>
      </c>
      <c r="D6405" t="s">
        <v>2020</v>
      </c>
      <c r="E6405" t="s">
        <v>32</v>
      </c>
      <c r="F6405" t="s">
        <v>38</v>
      </c>
      <c r="G6405" t="s">
        <v>39</v>
      </c>
      <c r="H6405" t="s">
        <v>1595</v>
      </c>
      <c r="I6405">
        <v>699.98</v>
      </c>
      <c r="J6405">
        <v>2</v>
      </c>
      <c r="K6405">
        <v>195.99</v>
      </c>
    </row>
    <row r="6406" spans="1:11" x14ac:dyDescent="0.3">
      <c r="A6406" s="1">
        <v>42709</v>
      </c>
      <c r="B6406" s="3">
        <f t="shared" si="200"/>
        <v>12</v>
      </c>
      <c r="C6406" s="3">
        <f t="shared" si="201"/>
        <v>2016</v>
      </c>
      <c r="D6406" t="s">
        <v>2020</v>
      </c>
      <c r="E6406" t="s">
        <v>32</v>
      </c>
      <c r="F6406" t="s">
        <v>10</v>
      </c>
      <c r="G6406" t="s">
        <v>17</v>
      </c>
      <c r="H6406" t="s">
        <v>2358</v>
      </c>
      <c r="I6406">
        <v>584.82000000000005</v>
      </c>
      <c r="J6406">
        <v>9</v>
      </c>
      <c r="K6406">
        <v>70.180000000000007</v>
      </c>
    </row>
    <row r="6407" spans="1:11" x14ac:dyDescent="0.3">
      <c r="A6407" s="1">
        <v>42709</v>
      </c>
      <c r="B6407" s="3">
        <f t="shared" si="200"/>
        <v>12</v>
      </c>
      <c r="C6407" s="3">
        <f t="shared" si="201"/>
        <v>2016</v>
      </c>
      <c r="D6407" t="s">
        <v>683</v>
      </c>
      <c r="E6407" t="s">
        <v>14</v>
      </c>
      <c r="F6407" t="s">
        <v>10</v>
      </c>
      <c r="G6407" t="s">
        <v>15</v>
      </c>
      <c r="H6407" t="s">
        <v>187</v>
      </c>
      <c r="I6407">
        <v>11.95</v>
      </c>
      <c r="J6407">
        <v>3</v>
      </c>
      <c r="K6407">
        <v>3.88</v>
      </c>
    </row>
    <row r="6408" spans="1:11" x14ac:dyDescent="0.3">
      <c r="A6408" s="1">
        <v>42709</v>
      </c>
      <c r="B6408" s="3">
        <f t="shared" si="200"/>
        <v>12</v>
      </c>
      <c r="C6408" s="3">
        <f t="shared" si="201"/>
        <v>2016</v>
      </c>
      <c r="D6408" t="s">
        <v>400</v>
      </c>
      <c r="E6408" t="s">
        <v>14</v>
      </c>
      <c r="F6408" t="s">
        <v>10</v>
      </c>
      <c r="G6408" t="s">
        <v>23</v>
      </c>
      <c r="H6408" t="s">
        <v>2083</v>
      </c>
      <c r="I6408">
        <v>3.54</v>
      </c>
      <c r="J6408">
        <v>2</v>
      </c>
      <c r="K6408">
        <v>0.31</v>
      </c>
    </row>
    <row r="6409" spans="1:11" x14ac:dyDescent="0.3">
      <c r="A6409" s="1">
        <v>42709</v>
      </c>
      <c r="B6409" s="3">
        <f t="shared" si="200"/>
        <v>12</v>
      </c>
      <c r="C6409" s="3">
        <f t="shared" si="201"/>
        <v>2016</v>
      </c>
      <c r="D6409" t="s">
        <v>2438</v>
      </c>
      <c r="E6409" t="s">
        <v>58</v>
      </c>
      <c r="F6409" t="s">
        <v>33</v>
      </c>
      <c r="G6409" t="s">
        <v>46</v>
      </c>
      <c r="H6409" t="s">
        <v>2061</v>
      </c>
      <c r="I6409">
        <v>13.4</v>
      </c>
      <c r="J6409">
        <v>1</v>
      </c>
      <c r="K6409">
        <v>6.43</v>
      </c>
    </row>
    <row r="6410" spans="1:11" x14ac:dyDescent="0.3">
      <c r="A6410" s="1">
        <v>42709</v>
      </c>
      <c r="B6410" s="3">
        <f t="shared" si="200"/>
        <v>12</v>
      </c>
      <c r="C6410" s="3">
        <f t="shared" si="201"/>
        <v>2016</v>
      </c>
      <c r="D6410" t="s">
        <v>2438</v>
      </c>
      <c r="E6410" t="s">
        <v>58</v>
      </c>
      <c r="F6410" t="s">
        <v>10</v>
      </c>
      <c r="G6410" t="s">
        <v>11</v>
      </c>
      <c r="H6410" t="s">
        <v>624</v>
      </c>
      <c r="I6410">
        <v>4.9800000000000004</v>
      </c>
      <c r="J6410">
        <v>1</v>
      </c>
      <c r="K6410">
        <v>2.34</v>
      </c>
    </row>
    <row r="6411" spans="1:11" x14ac:dyDescent="0.3">
      <c r="A6411" s="1">
        <v>42709</v>
      </c>
      <c r="B6411" s="3">
        <f t="shared" si="200"/>
        <v>12</v>
      </c>
      <c r="C6411" s="3">
        <f t="shared" si="201"/>
        <v>2016</v>
      </c>
      <c r="D6411" t="s">
        <v>2438</v>
      </c>
      <c r="E6411" t="s">
        <v>58</v>
      </c>
      <c r="F6411" t="s">
        <v>10</v>
      </c>
      <c r="G6411" t="s">
        <v>62</v>
      </c>
      <c r="H6411" t="s">
        <v>1349</v>
      </c>
      <c r="I6411">
        <v>109.69</v>
      </c>
      <c r="J6411">
        <v>7</v>
      </c>
      <c r="K6411">
        <v>51.55</v>
      </c>
    </row>
    <row r="6412" spans="1:11" x14ac:dyDescent="0.3">
      <c r="A6412" s="1">
        <v>42710</v>
      </c>
      <c r="B6412" s="3">
        <f t="shared" si="200"/>
        <v>12</v>
      </c>
      <c r="C6412" s="3">
        <f t="shared" si="201"/>
        <v>2016</v>
      </c>
      <c r="D6412" t="s">
        <v>1520</v>
      </c>
      <c r="E6412" t="s">
        <v>26</v>
      </c>
      <c r="F6412" t="s">
        <v>10</v>
      </c>
      <c r="G6412" t="s">
        <v>11</v>
      </c>
      <c r="H6412" t="s">
        <v>1202</v>
      </c>
      <c r="I6412">
        <v>19.440000000000001</v>
      </c>
      <c r="J6412">
        <v>3</v>
      </c>
      <c r="K6412">
        <v>9.33</v>
      </c>
    </row>
    <row r="6413" spans="1:11" x14ac:dyDescent="0.3">
      <c r="A6413" s="1">
        <v>42710</v>
      </c>
      <c r="B6413" s="3">
        <f t="shared" si="200"/>
        <v>12</v>
      </c>
      <c r="C6413" s="3">
        <f t="shared" si="201"/>
        <v>2016</v>
      </c>
      <c r="D6413" t="s">
        <v>708</v>
      </c>
      <c r="E6413" t="s">
        <v>163</v>
      </c>
      <c r="F6413" t="s">
        <v>38</v>
      </c>
      <c r="G6413" t="s">
        <v>39</v>
      </c>
      <c r="H6413" t="s">
        <v>2025</v>
      </c>
      <c r="I6413">
        <v>156.79</v>
      </c>
      <c r="J6413">
        <v>1</v>
      </c>
      <c r="K6413">
        <v>13.72</v>
      </c>
    </row>
    <row r="6414" spans="1:11" x14ac:dyDescent="0.3">
      <c r="A6414" s="1">
        <v>42710</v>
      </c>
      <c r="B6414" s="3">
        <f t="shared" si="200"/>
        <v>12</v>
      </c>
      <c r="C6414" s="3">
        <f t="shared" si="201"/>
        <v>2016</v>
      </c>
      <c r="D6414" t="s">
        <v>708</v>
      </c>
      <c r="E6414" t="s">
        <v>163</v>
      </c>
      <c r="F6414" t="s">
        <v>38</v>
      </c>
      <c r="G6414" t="s">
        <v>39</v>
      </c>
      <c r="H6414" t="s">
        <v>1916</v>
      </c>
      <c r="I6414">
        <v>431.98</v>
      </c>
      <c r="J6414">
        <v>3</v>
      </c>
      <c r="K6414">
        <v>27</v>
      </c>
    </row>
    <row r="6415" spans="1:11" x14ac:dyDescent="0.3">
      <c r="A6415" s="1">
        <v>42710</v>
      </c>
      <c r="B6415" s="3">
        <f t="shared" si="200"/>
        <v>12</v>
      </c>
      <c r="C6415" s="3">
        <f t="shared" si="201"/>
        <v>2016</v>
      </c>
      <c r="D6415" t="s">
        <v>708</v>
      </c>
      <c r="E6415" t="s">
        <v>163</v>
      </c>
      <c r="F6415" t="s">
        <v>10</v>
      </c>
      <c r="G6415" t="s">
        <v>62</v>
      </c>
      <c r="H6415" t="s">
        <v>2071</v>
      </c>
      <c r="I6415">
        <v>35.89</v>
      </c>
      <c r="J6415">
        <v>1</v>
      </c>
      <c r="K6415">
        <v>16.149999999999999</v>
      </c>
    </row>
    <row r="6416" spans="1:11" x14ac:dyDescent="0.3">
      <c r="A6416" s="1">
        <v>42710</v>
      </c>
      <c r="B6416" s="3">
        <f t="shared" si="200"/>
        <v>12</v>
      </c>
      <c r="C6416" s="3">
        <f t="shared" si="201"/>
        <v>2016</v>
      </c>
      <c r="D6416" t="s">
        <v>708</v>
      </c>
      <c r="E6416" t="s">
        <v>163</v>
      </c>
      <c r="F6416" t="s">
        <v>10</v>
      </c>
      <c r="G6416" t="s">
        <v>19</v>
      </c>
      <c r="H6416" t="s">
        <v>430</v>
      </c>
      <c r="I6416">
        <v>47.21</v>
      </c>
      <c r="J6416">
        <v>7</v>
      </c>
      <c r="K6416">
        <v>15.34</v>
      </c>
    </row>
    <row r="6417" spans="1:11" x14ac:dyDescent="0.3">
      <c r="A6417" s="1">
        <v>42710</v>
      </c>
      <c r="B6417" s="3">
        <f t="shared" si="200"/>
        <v>12</v>
      </c>
      <c r="C6417" s="3">
        <f t="shared" si="201"/>
        <v>2016</v>
      </c>
      <c r="D6417" t="s">
        <v>708</v>
      </c>
      <c r="E6417" t="s">
        <v>163</v>
      </c>
      <c r="F6417" t="s">
        <v>10</v>
      </c>
      <c r="G6417" t="s">
        <v>11</v>
      </c>
      <c r="H6417" t="s">
        <v>1983</v>
      </c>
      <c r="I6417">
        <v>248.08</v>
      </c>
      <c r="J6417">
        <v>7</v>
      </c>
      <c r="K6417">
        <v>116.6</v>
      </c>
    </row>
    <row r="6418" spans="1:11" x14ac:dyDescent="0.3">
      <c r="A6418" s="1">
        <v>42710</v>
      </c>
      <c r="B6418" s="3">
        <f t="shared" si="200"/>
        <v>12</v>
      </c>
      <c r="C6418" s="3">
        <f t="shared" si="201"/>
        <v>2016</v>
      </c>
      <c r="D6418" t="s">
        <v>708</v>
      </c>
      <c r="E6418" t="s">
        <v>163</v>
      </c>
      <c r="F6418" t="s">
        <v>10</v>
      </c>
      <c r="G6418" t="s">
        <v>11</v>
      </c>
      <c r="H6418" t="s">
        <v>1254</v>
      </c>
      <c r="I6418">
        <v>189.7</v>
      </c>
      <c r="J6418">
        <v>5</v>
      </c>
      <c r="K6418">
        <v>89.16</v>
      </c>
    </row>
    <row r="6419" spans="1:11" x14ac:dyDescent="0.3">
      <c r="A6419" s="1">
        <v>42710</v>
      </c>
      <c r="B6419" s="3">
        <f t="shared" si="200"/>
        <v>12</v>
      </c>
      <c r="C6419" s="3">
        <f t="shared" si="201"/>
        <v>2016</v>
      </c>
      <c r="D6419" t="s">
        <v>708</v>
      </c>
      <c r="E6419" t="s">
        <v>163</v>
      </c>
      <c r="F6419" t="s">
        <v>10</v>
      </c>
      <c r="G6419" t="s">
        <v>19</v>
      </c>
      <c r="H6419" t="s">
        <v>764</v>
      </c>
      <c r="I6419">
        <v>59.81</v>
      </c>
      <c r="J6419">
        <v>3</v>
      </c>
      <c r="K6419">
        <v>19.440000000000001</v>
      </c>
    </row>
    <row r="6420" spans="1:11" x14ac:dyDescent="0.3">
      <c r="A6420" s="1">
        <v>42710</v>
      </c>
      <c r="B6420" s="3">
        <f t="shared" si="200"/>
        <v>12</v>
      </c>
      <c r="C6420" s="3">
        <f t="shared" si="201"/>
        <v>2016</v>
      </c>
      <c r="D6420" t="s">
        <v>2204</v>
      </c>
      <c r="E6420" t="s">
        <v>148</v>
      </c>
      <c r="F6420" t="s">
        <v>10</v>
      </c>
      <c r="G6420" t="s">
        <v>19</v>
      </c>
      <c r="H6420" t="s">
        <v>2460</v>
      </c>
      <c r="I6420">
        <v>968.74</v>
      </c>
      <c r="J6420">
        <v>7</v>
      </c>
      <c r="K6420">
        <v>314.83999999999997</v>
      </c>
    </row>
    <row r="6421" spans="1:11" x14ac:dyDescent="0.3">
      <c r="A6421" s="1">
        <v>42710</v>
      </c>
      <c r="B6421" s="3">
        <f t="shared" si="200"/>
        <v>12</v>
      </c>
      <c r="C6421" s="3">
        <f t="shared" si="201"/>
        <v>2016</v>
      </c>
      <c r="D6421" t="s">
        <v>2204</v>
      </c>
      <c r="E6421" t="s">
        <v>148</v>
      </c>
      <c r="F6421" t="s">
        <v>10</v>
      </c>
      <c r="G6421" t="s">
        <v>19</v>
      </c>
      <c r="H6421" t="s">
        <v>1308</v>
      </c>
      <c r="I6421">
        <v>222.35</v>
      </c>
      <c r="J6421">
        <v>13</v>
      </c>
      <c r="K6421">
        <v>77.819999999999993</v>
      </c>
    </row>
    <row r="6422" spans="1:11" x14ac:dyDescent="0.3">
      <c r="A6422" s="1">
        <v>42710</v>
      </c>
      <c r="B6422" s="3">
        <f t="shared" si="200"/>
        <v>12</v>
      </c>
      <c r="C6422" s="3">
        <f t="shared" si="201"/>
        <v>2016</v>
      </c>
      <c r="D6422" t="s">
        <v>2204</v>
      </c>
      <c r="E6422" t="s">
        <v>148</v>
      </c>
      <c r="F6422" t="s">
        <v>38</v>
      </c>
      <c r="G6422" t="s">
        <v>602</v>
      </c>
      <c r="H6422" t="s">
        <v>603</v>
      </c>
      <c r="I6422">
        <v>479.98</v>
      </c>
      <c r="J6422">
        <v>2</v>
      </c>
      <c r="K6422">
        <v>90</v>
      </c>
    </row>
    <row r="6423" spans="1:11" x14ac:dyDescent="0.3">
      <c r="A6423" s="1">
        <v>42710</v>
      </c>
      <c r="B6423" s="3">
        <f t="shared" si="200"/>
        <v>12</v>
      </c>
      <c r="C6423" s="3">
        <f t="shared" si="201"/>
        <v>2016</v>
      </c>
      <c r="D6423" t="s">
        <v>245</v>
      </c>
      <c r="E6423" t="s">
        <v>26</v>
      </c>
      <c r="F6423" t="s">
        <v>38</v>
      </c>
      <c r="G6423" t="s">
        <v>39</v>
      </c>
      <c r="H6423" t="s">
        <v>2426</v>
      </c>
      <c r="I6423">
        <v>271.95999999999998</v>
      </c>
      <c r="J6423">
        <v>5</v>
      </c>
      <c r="K6423">
        <v>27.2</v>
      </c>
    </row>
    <row r="6424" spans="1:11" x14ac:dyDescent="0.3">
      <c r="A6424" s="1">
        <v>42710</v>
      </c>
      <c r="B6424" s="3">
        <f t="shared" si="200"/>
        <v>12</v>
      </c>
      <c r="C6424" s="3">
        <f t="shared" si="201"/>
        <v>2016</v>
      </c>
      <c r="D6424" t="s">
        <v>245</v>
      </c>
      <c r="E6424" t="s">
        <v>26</v>
      </c>
      <c r="F6424" t="s">
        <v>10</v>
      </c>
      <c r="G6424" t="s">
        <v>23</v>
      </c>
      <c r="H6424" t="s">
        <v>580</v>
      </c>
      <c r="I6424">
        <v>18.690000000000001</v>
      </c>
      <c r="J6424">
        <v>7</v>
      </c>
      <c r="K6424">
        <v>5.23</v>
      </c>
    </row>
    <row r="6425" spans="1:11" x14ac:dyDescent="0.3">
      <c r="A6425" s="1">
        <v>42710</v>
      </c>
      <c r="B6425" s="3">
        <f t="shared" si="200"/>
        <v>12</v>
      </c>
      <c r="C6425" s="3">
        <f t="shared" si="201"/>
        <v>2016</v>
      </c>
      <c r="D6425" t="s">
        <v>245</v>
      </c>
      <c r="E6425" t="s">
        <v>26</v>
      </c>
      <c r="F6425" t="s">
        <v>10</v>
      </c>
      <c r="G6425" t="s">
        <v>11</v>
      </c>
      <c r="H6425" t="s">
        <v>1980</v>
      </c>
      <c r="I6425">
        <v>13.36</v>
      </c>
      <c r="J6425">
        <v>2</v>
      </c>
      <c r="K6425">
        <v>6.41</v>
      </c>
    </row>
    <row r="6426" spans="1:11" x14ac:dyDescent="0.3">
      <c r="A6426" s="1">
        <v>42710</v>
      </c>
      <c r="B6426" s="3">
        <f t="shared" si="200"/>
        <v>12</v>
      </c>
      <c r="C6426" s="3">
        <f t="shared" si="201"/>
        <v>2016</v>
      </c>
      <c r="D6426" t="s">
        <v>245</v>
      </c>
      <c r="E6426" t="s">
        <v>26</v>
      </c>
      <c r="F6426" t="s">
        <v>38</v>
      </c>
      <c r="G6426" t="s">
        <v>39</v>
      </c>
      <c r="H6426" t="s">
        <v>2108</v>
      </c>
      <c r="I6426">
        <v>249.58</v>
      </c>
      <c r="J6426">
        <v>2</v>
      </c>
      <c r="K6426">
        <v>31.2</v>
      </c>
    </row>
    <row r="6427" spans="1:11" x14ac:dyDescent="0.3">
      <c r="A6427" s="1">
        <v>42710</v>
      </c>
      <c r="B6427" s="3">
        <f t="shared" si="200"/>
        <v>12</v>
      </c>
      <c r="C6427" s="3">
        <f t="shared" si="201"/>
        <v>2016</v>
      </c>
      <c r="D6427" t="s">
        <v>245</v>
      </c>
      <c r="E6427" t="s">
        <v>26</v>
      </c>
      <c r="F6427" t="s">
        <v>10</v>
      </c>
      <c r="G6427" t="s">
        <v>42</v>
      </c>
      <c r="H6427" t="s">
        <v>129</v>
      </c>
      <c r="I6427">
        <v>13.86</v>
      </c>
      <c r="J6427">
        <v>7</v>
      </c>
      <c r="K6427">
        <v>0</v>
      </c>
    </row>
    <row r="6428" spans="1:11" x14ac:dyDescent="0.3">
      <c r="A6428" s="1">
        <v>42710</v>
      </c>
      <c r="B6428" s="3">
        <f t="shared" si="200"/>
        <v>12</v>
      </c>
      <c r="C6428" s="3">
        <f t="shared" si="201"/>
        <v>2016</v>
      </c>
      <c r="D6428" t="s">
        <v>245</v>
      </c>
      <c r="E6428" t="s">
        <v>26</v>
      </c>
      <c r="F6428" t="s">
        <v>10</v>
      </c>
      <c r="G6428" t="s">
        <v>19</v>
      </c>
      <c r="H6428" t="s">
        <v>1490</v>
      </c>
      <c r="I6428">
        <v>13.38</v>
      </c>
      <c r="J6428">
        <v>4</v>
      </c>
      <c r="K6428">
        <v>4.68</v>
      </c>
    </row>
    <row r="6429" spans="1:11" x14ac:dyDescent="0.3">
      <c r="A6429" s="1">
        <v>42710</v>
      </c>
      <c r="B6429" s="3">
        <f t="shared" si="200"/>
        <v>12</v>
      </c>
      <c r="C6429" s="3">
        <f t="shared" si="201"/>
        <v>2016</v>
      </c>
      <c r="D6429" t="s">
        <v>245</v>
      </c>
      <c r="E6429" t="s">
        <v>26</v>
      </c>
      <c r="F6429" t="s">
        <v>10</v>
      </c>
      <c r="G6429" t="s">
        <v>19</v>
      </c>
      <c r="H6429" t="s">
        <v>2060</v>
      </c>
      <c r="I6429">
        <v>437.47</v>
      </c>
      <c r="J6429">
        <v>14</v>
      </c>
      <c r="K6429">
        <v>153.12</v>
      </c>
    </row>
    <row r="6430" spans="1:11" x14ac:dyDescent="0.3">
      <c r="A6430" s="1">
        <v>42712</v>
      </c>
      <c r="B6430" s="3">
        <f t="shared" si="200"/>
        <v>12</v>
      </c>
      <c r="C6430" s="3">
        <f t="shared" si="201"/>
        <v>2016</v>
      </c>
      <c r="D6430" t="s">
        <v>2281</v>
      </c>
      <c r="E6430" t="s">
        <v>9</v>
      </c>
      <c r="F6430" t="s">
        <v>38</v>
      </c>
      <c r="G6430" t="s">
        <v>39</v>
      </c>
      <c r="H6430" t="s">
        <v>40</v>
      </c>
      <c r="I6430">
        <v>1097.54</v>
      </c>
      <c r="J6430">
        <v>7</v>
      </c>
      <c r="K6430">
        <v>123.47</v>
      </c>
    </row>
    <row r="6431" spans="1:11" x14ac:dyDescent="0.3">
      <c r="A6431" s="1">
        <v>42712</v>
      </c>
      <c r="B6431" s="3">
        <f t="shared" si="200"/>
        <v>12</v>
      </c>
      <c r="C6431" s="3">
        <f t="shared" si="201"/>
        <v>2016</v>
      </c>
      <c r="D6431" t="s">
        <v>2281</v>
      </c>
      <c r="E6431" t="s">
        <v>9</v>
      </c>
      <c r="F6431" t="s">
        <v>33</v>
      </c>
      <c r="G6431" t="s">
        <v>46</v>
      </c>
      <c r="H6431" t="s">
        <v>2598</v>
      </c>
      <c r="I6431">
        <v>190.92</v>
      </c>
      <c r="J6431">
        <v>5</v>
      </c>
      <c r="K6431">
        <v>-147.96</v>
      </c>
    </row>
    <row r="6432" spans="1:11" x14ac:dyDescent="0.3">
      <c r="A6432" s="1">
        <v>42712</v>
      </c>
      <c r="B6432" s="3">
        <f t="shared" si="200"/>
        <v>12</v>
      </c>
      <c r="C6432" s="3">
        <f t="shared" si="201"/>
        <v>2016</v>
      </c>
      <c r="D6432" t="s">
        <v>333</v>
      </c>
      <c r="E6432" t="s">
        <v>314</v>
      </c>
      <c r="F6432" t="s">
        <v>38</v>
      </c>
      <c r="G6432" t="s">
        <v>39</v>
      </c>
      <c r="H6432" t="s">
        <v>2274</v>
      </c>
      <c r="I6432">
        <v>114.95</v>
      </c>
      <c r="J6432">
        <v>5</v>
      </c>
      <c r="K6432">
        <v>2.2999999999999998</v>
      </c>
    </row>
    <row r="6433" spans="1:11" x14ac:dyDescent="0.3">
      <c r="A6433" s="1">
        <v>42712</v>
      </c>
      <c r="B6433" s="3">
        <f t="shared" si="200"/>
        <v>12</v>
      </c>
      <c r="C6433" s="3">
        <f t="shared" si="201"/>
        <v>2016</v>
      </c>
      <c r="D6433" t="s">
        <v>1368</v>
      </c>
      <c r="E6433" t="s">
        <v>77</v>
      </c>
      <c r="F6433" t="s">
        <v>10</v>
      </c>
      <c r="G6433" t="s">
        <v>19</v>
      </c>
      <c r="H6433" t="s">
        <v>1598</v>
      </c>
      <c r="I6433">
        <v>12.96</v>
      </c>
      <c r="J6433">
        <v>7</v>
      </c>
      <c r="K6433">
        <v>-9.5</v>
      </c>
    </row>
    <row r="6434" spans="1:11" x14ac:dyDescent="0.3">
      <c r="A6434" s="1">
        <v>42712</v>
      </c>
      <c r="B6434" s="3">
        <f t="shared" si="200"/>
        <v>12</v>
      </c>
      <c r="C6434" s="3">
        <f t="shared" si="201"/>
        <v>2016</v>
      </c>
      <c r="D6434" t="s">
        <v>1248</v>
      </c>
      <c r="E6434" t="s">
        <v>26</v>
      </c>
      <c r="F6434" t="s">
        <v>10</v>
      </c>
      <c r="G6434" t="s">
        <v>23</v>
      </c>
      <c r="H6434" t="s">
        <v>844</v>
      </c>
      <c r="I6434">
        <v>8.56</v>
      </c>
      <c r="J6434">
        <v>2</v>
      </c>
      <c r="K6434">
        <v>2.48</v>
      </c>
    </row>
    <row r="6435" spans="1:11" x14ac:dyDescent="0.3">
      <c r="A6435" s="1">
        <v>42712</v>
      </c>
      <c r="B6435" s="3">
        <f t="shared" si="200"/>
        <v>12</v>
      </c>
      <c r="C6435" s="3">
        <f t="shared" si="201"/>
        <v>2016</v>
      </c>
      <c r="D6435" t="s">
        <v>1248</v>
      </c>
      <c r="E6435" t="s">
        <v>26</v>
      </c>
      <c r="F6435" t="s">
        <v>10</v>
      </c>
      <c r="G6435" t="s">
        <v>11</v>
      </c>
      <c r="H6435" t="s">
        <v>215</v>
      </c>
      <c r="I6435">
        <v>45.36</v>
      </c>
      <c r="J6435">
        <v>7</v>
      </c>
      <c r="K6435">
        <v>21.77</v>
      </c>
    </row>
    <row r="6436" spans="1:11" x14ac:dyDescent="0.3">
      <c r="A6436" s="1">
        <v>42712</v>
      </c>
      <c r="B6436" s="3">
        <f t="shared" si="200"/>
        <v>12</v>
      </c>
      <c r="C6436" s="3">
        <f t="shared" si="201"/>
        <v>2016</v>
      </c>
      <c r="D6436" t="s">
        <v>1248</v>
      </c>
      <c r="E6436" t="s">
        <v>26</v>
      </c>
      <c r="F6436" t="s">
        <v>33</v>
      </c>
      <c r="G6436" t="s">
        <v>144</v>
      </c>
      <c r="H6436" t="s">
        <v>396</v>
      </c>
      <c r="I6436">
        <v>1421.66</v>
      </c>
      <c r="J6436">
        <v>6</v>
      </c>
      <c r="K6436">
        <v>-195.48</v>
      </c>
    </row>
    <row r="6437" spans="1:11" x14ac:dyDescent="0.3">
      <c r="A6437" s="1">
        <v>42712</v>
      </c>
      <c r="B6437" s="3">
        <f t="shared" si="200"/>
        <v>12</v>
      </c>
      <c r="C6437" s="3">
        <f t="shared" si="201"/>
        <v>2016</v>
      </c>
      <c r="D6437" t="s">
        <v>1412</v>
      </c>
      <c r="E6437" t="s">
        <v>26</v>
      </c>
      <c r="F6437" t="s">
        <v>10</v>
      </c>
      <c r="G6437" t="s">
        <v>17</v>
      </c>
      <c r="H6437" t="s">
        <v>1471</v>
      </c>
      <c r="I6437">
        <v>34.049999999999997</v>
      </c>
      <c r="J6437">
        <v>3</v>
      </c>
      <c r="K6437">
        <v>9.5299999999999994</v>
      </c>
    </row>
    <row r="6438" spans="1:11" x14ac:dyDescent="0.3">
      <c r="A6438" s="1">
        <v>42712</v>
      </c>
      <c r="B6438" s="3">
        <f t="shared" si="200"/>
        <v>12</v>
      </c>
      <c r="C6438" s="3">
        <f t="shared" si="201"/>
        <v>2016</v>
      </c>
      <c r="D6438" t="s">
        <v>1412</v>
      </c>
      <c r="E6438" t="s">
        <v>26</v>
      </c>
      <c r="F6438" t="s">
        <v>10</v>
      </c>
      <c r="G6438" t="s">
        <v>17</v>
      </c>
      <c r="H6438" t="s">
        <v>1448</v>
      </c>
      <c r="I6438">
        <v>352.38</v>
      </c>
      <c r="J6438">
        <v>2</v>
      </c>
      <c r="K6438">
        <v>81.05</v>
      </c>
    </row>
    <row r="6439" spans="1:11" x14ac:dyDescent="0.3">
      <c r="A6439" s="1">
        <v>42712</v>
      </c>
      <c r="B6439" s="3">
        <f t="shared" si="200"/>
        <v>12</v>
      </c>
      <c r="C6439" s="3">
        <f t="shared" si="201"/>
        <v>2016</v>
      </c>
      <c r="D6439" t="s">
        <v>1137</v>
      </c>
      <c r="E6439" t="s">
        <v>244</v>
      </c>
      <c r="F6439" t="s">
        <v>38</v>
      </c>
      <c r="G6439" t="s">
        <v>39</v>
      </c>
      <c r="H6439" t="s">
        <v>2108</v>
      </c>
      <c r="I6439">
        <v>249.58</v>
      </c>
      <c r="J6439">
        <v>2</v>
      </c>
      <c r="K6439">
        <v>31.2</v>
      </c>
    </row>
    <row r="6440" spans="1:11" x14ac:dyDescent="0.3">
      <c r="A6440" s="1">
        <v>42712</v>
      </c>
      <c r="B6440" s="3">
        <f t="shared" si="200"/>
        <v>12</v>
      </c>
      <c r="C6440" s="3">
        <f t="shared" si="201"/>
        <v>2016</v>
      </c>
      <c r="D6440" t="s">
        <v>1137</v>
      </c>
      <c r="E6440" t="s">
        <v>244</v>
      </c>
      <c r="F6440" t="s">
        <v>38</v>
      </c>
      <c r="G6440" t="s">
        <v>51</v>
      </c>
      <c r="H6440" t="s">
        <v>1062</v>
      </c>
      <c r="I6440">
        <v>68.11</v>
      </c>
      <c r="J6440">
        <v>3</v>
      </c>
      <c r="K6440">
        <v>17.88</v>
      </c>
    </row>
    <row r="6441" spans="1:11" x14ac:dyDescent="0.3">
      <c r="A6441" s="1">
        <v>42712</v>
      </c>
      <c r="B6441" s="3">
        <f t="shared" si="200"/>
        <v>12</v>
      </c>
      <c r="C6441" s="3">
        <f t="shared" si="201"/>
        <v>2016</v>
      </c>
      <c r="D6441" t="s">
        <v>1137</v>
      </c>
      <c r="E6441" t="s">
        <v>244</v>
      </c>
      <c r="F6441" t="s">
        <v>38</v>
      </c>
      <c r="G6441" t="s">
        <v>51</v>
      </c>
      <c r="H6441" t="s">
        <v>297</v>
      </c>
      <c r="I6441">
        <v>16.559999999999999</v>
      </c>
      <c r="J6441">
        <v>3</v>
      </c>
      <c r="K6441">
        <v>-2.48</v>
      </c>
    </row>
    <row r="6442" spans="1:11" x14ac:dyDescent="0.3">
      <c r="A6442" s="1">
        <v>42712</v>
      </c>
      <c r="B6442" s="3">
        <f t="shared" si="200"/>
        <v>12</v>
      </c>
      <c r="C6442" s="3">
        <f t="shared" si="201"/>
        <v>2016</v>
      </c>
      <c r="D6442" t="s">
        <v>2056</v>
      </c>
      <c r="E6442" t="s">
        <v>77</v>
      </c>
      <c r="F6442" t="s">
        <v>10</v>
      </c>
      <c r="G6442" t="s">
        <v>11</v>
      </c>
      <c r="H6442" t="s">
        <v>1986</v>
      </c>
      <c r="I6442">
        <v>10.58</v>
      </c>
      <c r="J6442">
        <v>3</v>
      </c>
      <c r="K6442">
        <v>3.44</v>
      </c>
    </row>
    <row r="6443" spans="1:11" x14ac:dyDescent="0.3">
      <c r="A6443" s="1">
        <v>42712</v>
      </c>
      <c r="B6443" s="3">
        <f t="shared" si="200"/>
        <v>12</v>
      </c>
      <c r="C6443" s="3">
        <f t="shared" si="201"/>
        <v>2016</v>
      </c>
      <c r="D6443" t="s">
        <v>1004</v>
      </c>
      <c r="E6443" t="s">
        <v>156</v>
      </c>
      <c r="F6443" t="s">
        <v>33</v>
      </c>
      <c r="G6443" t="s">
        <v>73</v>
      </c>
      <c r="H6443" t="s">
        <v>2388</v>
      </c>
      <c r="I6443">
        <v>405.86</v>
      </c>
      <c r="J6443">
        <v>7</v>
      </c>
      <c r="K6443">
        <v>32.47</v>
      </c>
    </row>
    <row r="6444" spans="1:11" x14ac:dyDescent="0.3">
      <c r="A6444" s="1">
        <v>42712</v>
      </c>
      <c r="B6444" s="3">
        <f t="shared" si="200"/>
        <v>12</v>
      </c>
      <c r="C6444" s="3">
        <f t="shared" si="201"/>
        <v>2016</v>
      </c>
      <c r="D6444" t="s">
        <v>1004</v>
      </c>
      <c r="E6444" t="s">
        <v>156</v>
      </c>
      <c r="F6444" t="s">
        <v>33</v>
      </c>
      <c r="G6444" t="s">
        <v>34</v>
      </c>
      <c r="H6444" t="s">
        <v>1071</v>
      </c>
      <c r="I6444">
        <v>680.01</v>
      </c>
      <c r="J6444">
        <v>3</v>
      </c>
      <c r="K6444">
        <v>176.8</v>
      </c>
    </row>
    <row r="6445" spans="1:11" x14ac:dyDescent="0.3">
      <c r="A6445" s="1">
        <v>42713</v>
      </c>
      <c r="B6445" s="3">
        <f t="shared" si="200"/>
        <v>12</v>
      </c>
      <c r="C6445" s="3">
        <f t="shared" si="201"/>
        <v>2016</v>
      </c>
      <c r="D6445" t="s">
        <v>451</v>
      </c>
      <c r="E6445" t="s">
        <v>995</v>
      </c>
      <c r="F6445" t="s">
        <v>10</v>
      </c>
      <c r="G6445" t="s">
        <v>23</v>
      </c>
      <c r="H6445" t="s">
        <v>2641</v>
      </c>
      <c r="I6445">
        <v>19.46</v>
      </c>
      <c r="J6445">
        <v>7</v>
      </c>
      <c r="K6445">
        <v>5.0599999999999996</v>
      </c>
    </row>
    <row r="6446" spans="1:11" x14ac:dyDescent="0.3">
      <c r="A6446" s="1">
        <v>42713</v>
      </c>
      <c r="B6446" s="3">
        <f t="shared" si="200"/>
        <v>12</v>
      </c>
      <c r="C6446" s="3">
        <f t="shared" si="201"/>
        <v>2016</v>
      </c>
      <c r="D6446" t="s">
        <v>451</v>
      </c>
      <c r="E6446" t="s">
        <v>995</v>
      </c>
      <c r="F6446" t="s">
        <v>10</v>
      </c>
      <c r="G6446" t="s">
        <v>91</v>
      </c>
      <c r="H6446" t="s">
        <v>1386</v>
      </c>
      <c r="I6446">
        <v>60.34</v>
      </c>
      <c r="J6446">
        <v>7</v>
      </c>
      <c r="K6446">
        <v>15.69</v>
      </c>
    </row>
    <row r="6447" spans="1:11" x14ac:dyDescent="0.3">
      <c r="A6447" s="1">
        <v>42713</v>
      </c>
      <c r="B6447" s="3">
        <f t="shared" si="200"/>
        <v>12</v>
      </c>
      <c r="C6447" s="3">
        <f t="shared" si="201"/>
        <v>2016</v>
      </c>
      <c r="D6447" t="s">
        <v>2155</v>
      </c>
      <c r="E6447" t="s">
        <v>433</v>
      </c>
      <c r="F6447" t="s">
        <v>10</v>
      </c>
      <c r="G6447" t="s">
        <v>15</v>
      </c>
      <c r="H6447" t="s">
        <v>2642</v>
      </c>
      <c r="I6447">
        <v>3.69</v>
      </c>
      <c r="J6447">
        <v>1</v>
      </c>
      <c r="K6447">
        <v>1.73</v>
      </c>
    </row>
    <row r="6448" spans="1:11" x14ac:dyDescent="0.3">
      <c r="A6448" s="1">
        <v>42713</v>
      </c>
      <c r="B6448" s="3">
        <f t="shared" si="200"/>
        <v>12</v>
      </c>
      <c r="C6448" s="3">
        <f t="shared" si="201"/>
        <v>2016</v>
      </c>
      <c r="D6448" t="s">
        <v>2155</v>
      </c>
      <c r="E6448" t="s">
        <v>433</v>
      </c>
      <c r="F6448" t="s">
        <v>10</v>
      </c>
      <c r="G6448" t="s">
        <v>15</v>
      </c>
      <c r="H6448" t="s">
        <v>1859</v>
      </c>
      <c r="I6448">
        <v>122.12</v>
      </c>
      <c r="J6448">
        <v>4</v>
      </c>
      <c r="K6448">
        <v>56.18</v>
      </c>
    </row>
    <row r="6449" spans="1:11" x14ac:dyDescent="0.3">
      <c r="A6449" s="1">
        <v>42713</v>
      </c>
      <c r="B6449" s="3">
        <f t="shared" si="200"/>
        <v>12</v>
      </c>
      <c r="C6449" s="3">
        <f t="shared" si="201"/>
        <v>2016</v>
      </c>
      <c r="D6449" t="s">
        <v>582</v>
      </c>
      <c r="E6449" t="s">
        <v>9</v>
      </c>
      <c r="F6449" t="s">
        <v>10</v>
      </c>
      <c r="G6449" t="s">
        <v>11</v>
      </c>
      <c r="H6449" t="s">
        <v>2075</v>
      </c>
      <c r="I6449">
        <v>9.39</v>
      </c>
      <c r="J6449">
        <v>2</v>
      </c>
      <c r="K6449">
        <v>3.29</v>
      </c>
    </row>
    <row r="6450" spans="1:11" x14ac:dyDescent="0.3">
      <c r="A6450" s="1">
        <v>42713</v>
      </c>
      <c r="B6450" s="3">
        <f t="shared" si="200"/>
        <v>12</v>
      </c>
      <c r="C6450" s="3">
        <f t="shared" si="201"/>
        <v>2016</v>
      </c>
      <c r="D6450" t="s">
        <v>582</v>
      </c>
      <c r="E6450" t="s">
        <v>9</v>
      </c>
      <c r="F6450" t="s">
        <v>10</v>
      </c>
      <c r="G6450" t="s">
        <v>23</v>
      </c>
      <c r="H6450" t="s">
        <v>876</v>
      </c>
      <c r="I6450">
        <v>9.33</v>
      </c>
      <c r="J6450">
        <v>1</v>
      </c>
      <c r="K6450">
        <v>0.82</v>
      </c>
    </row>
    <row r="6451" spans="1:11" x14ac:dyDescent="0.3">
      <c r="A6451" s="1">
        <v>42713</v>
      </c>
      <c r="B6451" s="3">
        <f t="shared" si="200"/>
        <v>12</v>
      </c>
      <c r="C6451" s="3">
        <f t="shared" si="201"/>
        <v>2016</v>
      </c>
      <c r="D6451" t="s">
        <v>388</v>
      </c>
      <c r="E6451" t="s">
        <v>119</v>
      </c>
      <c r="F6451" t="s">
        <v>33</v>
      </c>
      <c r="G6451" t="s">
        <v>144</v>
      </c>
      <c r="H6451" t="s">
        <v>1829</v>
      </c>
      <c r="I6451">
        <v>79.97</v>
      </c>
      <c r="J6451">
        <v>3</v>
      </c>
      <c r="K6451">
        <v>-29.32</v>
      </c>
    </row>
    <row r="6452" spans="1:11" x14ac:dyDescent="0.3">
      <c r="A6452" s="1">
        <v>42713</v>
      </c>
      <c r="B6452" s="3">
        <f t="shared" si="200"/>
        <v>12</v>
      </c>
      <c r="C6452" s="3">
        <f t="shared" si="201"/>
        <v>2016</v>
      </c>
      <c r="D6452" t="s">
        <v>388</v>
      </c>
      <c r="E6452" t="s">
        <v>119</v>
      </c>
      <c r="F6452" t="s">
        <v>10</v>
      </c>
      <c r="G6452" t="s">
        <v>19</v>
      </c>
      <c r="H6452" t="s">
        <v>1312</v>
      </c>
      <c r="I6452">
        <v>2.95</v>
      </c>
      <c r="J6452">
        <v>2</v>
      </c>
      <c r="K6452">
        <v>-2.06</v>
      </c>
    </row>
    <row r="6453" spans="1:11" x14ac:dyDescent="0.3">
      <c r="A6453" s="1">
        <v>42713</v>
      </c>
      <c r="B6453" s="3">
        <f t="shared" si="200"/>
        <v>12</v>
      </c>
      <c r="C6453" s="3">
        <f t="shared" si="201"/>
        <v>2016</v>
      </c>
      <c r="D6453" t="s">
        <v>1777</v>
      </c>
      <c r="E6453" t="s">
        <v>109</v>
      </c>
      <c r="F6453" t="s">
        <v>38</v>
      </c>
      <c r="G6453" t="s">
        <v>39</v>
      </c>
      <c r="H6453" t="s">
        <v>641</v>
      </c>
      <c r="I6453">
        <v>10.9</v>
      </c>
      <c r="J6453">
        <v>1</v>
      </c>
      <c r="K6453">
        <v>3.05</v>
      </c>
    </row>
    <row r="6454" spans="1:11" x14ac:dyDescent="0.3">
      <c r="A6454" s="1">
        <v>42713</v>
      </c>
      <c r="B6454" s="3">
        <f t="shared" si="200"/>
        <v>12</v>
      </c>
      <c r="C6454" s="3">
        <f t="shared" si="201"/>
        <v>2016</v>
      </c>
      <c r="D6454" t="s">
        <v>1777</v>
      </c>
      <c r="E6454" t="s">
        <v>109</v>
      </c>
      <c r="F6454" t="s">
        <v>38</v>
      </c>
      <c r="G6454" t="s">
        <v>51</v>
      </c>
      <c r="H6454" t="s">
        <v>1313</v>
      </c>
      <c r="I6454">
        <v>59.98</v>
      </c>
      <c r="J6454">
        <v>2</v>
      </c>
      <c r="K6454">
        <v>25.19</v>
      </c>
    </row>
    <row r="6455" spans="1:11" x14ac:dyDescent="0.3">
      <c r="A6455" s="1">
        <v>42713</v>
      </c>
      <c r="B6455" s="3">
        <f t="shared" si="200"/>
        <v>12</v>
      </c>
      <c r="C6455" s="3">
        <f t="shared" si="201"/>
        <v>2016</v>
      </c>
      <c r="D6455" t="s">
        <v>1777</v>
      </c>
      <c r="E6455" t="s">
        <v>109</v>
      </c>
      <c r="F6455" t="s">
        <v>10</v>
      </c>
      <c r="G6455" t="s">
        <v>91</v>
      </c>
      <c r="H6455" t="s">
        <v>113</v>
      </c>
      <c r="I6455">
        <v>61.93</v>
      </c>
      <c r="J6455">
        <v>1</v>
      </c>
      <c r="K6455">
        <v>23.4</v>
      </c>
    </row>
    <row r="6456" spans="1:11" x14ac:dyDescent="0.3">
      <c r="A6456" s="1">
        <v>42713</v>
      </c>
      <c r="B6456" s="3">
        <f t="shared" si="200"/>
        <v>12</v>
      </c>
      <c r="C6456" s="3">
        <f t="shared" si="201"/>
        <v>2016</v>
      </c>
      <c r="D6456" t="s">
        <v>621</v>
      </c>
      <c r="E6456" t="s">
        <v>119</v>
      </c>
      <c r="F6456" t="s">
        <v>38</v>
      </c>
      <c r="G6456" t="s">
        <v>39</v>
      </c>
      <c r="H6456" t="s">
        <v>1788</v>
      </c>
      <c r="I6456">
        <v>40.68</v>
      </c>
      <c r="J6456">
        <v>3</v>
      </c>
      <c r="K6456">
        <v>-9.15</v>
      </c>
    </row>
    <row r="6457" spans="1:11" x14ac:dyDescent="0.3">
      <c r="A6457" s="1">
        <v>42713</v>
      </c>
      <c r="B6457" s="3">
        <f t="shared" si="200"/>
        <v>12</v>
      </c>
      <c r="C6457" s="3">
        <f t="shared" si="201"/>
        <v>2016</v>
      </c>
      <c r="D6457" t="s">
        <v>882</v>
      </c>
      <c r="E6457" t="s">
        <v>14</v>
      </c>
      <c r="F6457" t="s">
        <v>10</v>
      </c>
      <c r="G6457" t="s">
        <v>199</v>
      </c>
      <c r="H6457" t="s">
        <v>781</v>
      </c>
      <c r="I6457">
        <v>20.57</v>
      </c>
      <c r="J6457">
        <v>3</v>
      </c>
      <c r="K6457">
        <v>1.54</v>
      </c>
    </row>
    <row r="6458" spans="1:11" x14ac:dyDescent="0.3">
      <c r="A6458" s="1">
        <v>42713</v>
      </c>
      <c r="B6458" s="3">
        <f t="shared" si="200"/>
        <v>12</v>
      </c>
      <c r="C6458" s="3">
        <f t="shared" si="201"/>
        <v>2016</v>
      </c>
      <c r="D6458" t="s">
        <v>882</v>
      </c>
      <c r="E6458" t="s">
        <v>14</v>
      </c>
      <c r="F6458" t="s">
        <v>10</v>
      </c>
      <c r="G6458" t="s">
        <v>91</v>
      </c>
      <c r="H6458" t="s">
        <v>332</v>
      </c>
      <c r="I6458">
        <v>4.3600000000000003</v>
      </c>
      <c r="J6458">
        <v>2</v>
      </c>
      <c r="K6458">
        <v>-11.76</v>
      </c>
    </row>
    <row r="6459" spans="1:11" x14ac:dyDescent="0.3">
      <c r="A6459" s="1">
        <v>42713</v>
      </c>
      <c r="B6459" s="3">
        <f t="shared" si="200"/>
        <v>12</v>
      </c>
      <c r="C6459" s="3">
        <f t="shared" si="201"/>
        <v>2016</v>
      </c>
      <c r="D6459" t="s">
        <v>882</v>
      </c>
      <c r="E6459" t="s">
        <v>14</v>
      </c>
      <c r="F6459" t="s">
        <v>38</v>
      </c>
      <c r="G6459" t="s">
        <v>51</v>
      </c>
      <c r="H6459" t="s">
        <v>1741</v>
      </c>
      <c r="I6459">
        <v>19.04</v>
      </c>
      <c r="J6459">
        <v>4</v>
      </c>
      <c r="K6459">
        <v>-1.43</v>
      </c>
    </row>
    <row r="6460" spans="1:11" x14ac:dyDescent="0.3">
      <c r="A6460" s="1">
        <v>42713</v>
      </c>
      <c r="B6460" s="3">
        <f t="shared" si="200"/>
        <v>12</v>
      </c>
      <c r="C6460" s="3">
        <f t="shared" si="201"/>
        <v>2016</v>
      </c>
      <c r="D6460" t="s">
        <v>535</v>
      </c>
      <c r="E6460" t="s">
        <v>26</v>
      </c>
      <c r="F6460" t="s">
        <v>10</v>
      </c>
      <c r="G6460" t="s">
        <v>19</v>
      </c>
      <c r="H6460" t="s">
        <v>1173</v>
      </c>
      <c r="I6460">
        <v>273.92</v>
      </c>
      <c r="J6460">
        <v>8</v>
      </c>
      <c r="K6460">
        <v>99.3</v>
      </c>
    </row>
    <row r="6461" spans="1:11" x14ac:dyDescent="0.3">
      <c r="A6461" s="1">
        <v>42713</v>
      </c>
      <c r="B6461" s="3">
        <f t="shared" si="200"/>
        <v>12</v>
      </c>
      <c r="C6461" s="3">
        <f t="shared" si="201"/>
        <v>2016</v>
      </c>
      <c r="D6461" t="s">
        <v>609</v>
      </c>
      <c r="E6461" t="s">
        <v>54</v>
      </c>
      <c r="F6461" t="s">
        <v>33</v>
      </c>
      <c r="G6461" t="s">
        <v>144</v>
      </c>
      <c r="H6461" t="s">
        <v>2017</v>
      </c>
      <c r="I6461">
        <v>1056.8599999999999</v>
      </c>
      <c r="J6461">
        <v>7</v>
      </c>
      <c r="K6461">
        <v>158.53</v>
      </c>
    </row>
    <row r="6462" spans="1:11" x14ac:dyDescent="0.3">
      <c r="A6462" s="1">
        <v>42714</v>
      </c>
      <c r="B6462" s="3">
        <f t="shared" si="200"/>
        <v>12</v>
      </c>
      <c r="C6462" s="3">
        <f t="shared" si="201"/>
        <v>2016</v>
      </c>
      <c r="D6462" t="s">
        <v>1777</v>
      </c>
      <c r="E6462" t="s">
        <v>26</v>
      </c>
      <c r="F6462" t="s">
        <v>33</v>
      </c>
      <c r="G6462" t="s">
        <v>34</v>
      </c>
      <c r="H6462" t="s">
        <v>429</v>
      </c>
      <c r="I6462">
        <v>321.57</v>
      </c>
      <c r="J6462">
        <v>2</v>
      </c>
      <c r="K6462">
        <v>28.14</v>
      </c>
    </row>
    <row r="6463" spans="1:11" x14ac:dyDescent="0.3">
      <c r="A6463" s="1">
        <v>42714</v>
      </c>
      <c r="B6463" s="3">
        <f t="shared" si="200"/>
        <v>12</v>
      </c>
      <c r="C6463" s="3">
        <f t="shared" si="201"/>
        <v>2016</v>
      </c>
      <c r="D6463" t="s">
        <v>84</v>
      </c>
      <c r="E6463" t="s">
        <v>148</v>
      </c>
      <c r="F6463" t="s">
        <v>10</v>
      </c>
      <c r="G6463" t="s">
        <v>17</v>
      </c>
      <c r="H6463" t="s">
        <v>1012</v>
      </c>
      <c r="I6463">
        <v>80.58</v>
      </c>
      <c r="J6463">
        <v>6</v>
      </c>
      <c r="K6463">
        <v>22.56</v>
      </c>
    </row>
    <row r="6464" spans="1:11" x14ac:dyDescent="0.3">
      <c r="A6464" s="1">
        <v>42714</v>
      </c>
      <c r="B6464" s="3">
        <f t="shared" si="200"/>
        <v>12</v>
      </c>
      <c r="C6464" s="3">
        <f t="shared" si="201"/>
        <v>2016</v>
      </c>
      <c r="D6464" t="s">
        <v>84</v>
      </c>
      <c r="E6464" t="s">
        <v>148</v>
      </c>
      <c r="F6464" t="s">
        <v>10</v>
      </c>
      <c r="G6464" t="s">
        <v>62</v>
      </c>
      <c r="H6464" t="s">
        <v>2037</v>
      </c>
      <c r="I6464">
        <v>361.92</v>
      </c>
      <c r="J6464">
        <v>4</v>
      </c>
      <c r="K6464">
        <v>162.86000000000001</v>
      </c>
    </row>
    <row r="6465" spans="1:11" x14ac:dyDescent="0.3">
      <c r="A6465" s="1">
        <v>42714</v>
      </c>
      <c r="B6465" s="3">
        <f t="shared" si="200"/>
        <v>12</v>
      </c>
      <c r="C6465" s="3">
        <f t="shared" si="201"/>
        <v>2016</v>
      </c>
      <c r="D6465" t="s">
        <v>1151</v>
      </c>
      <c r="E6465" t="s">
        <v>163</v>
      </c>
      <c r="F6465" t="s">
        <v>10</v>
      </c>
      <c r="G6465" t="s">
        <v>19</v>
      </c>
      <c r="H6465" t="s">
        <v>1135</v>
      </c>
      <c r="I6465">
        <v>153.55000000000001</v>
      </c>
      <c r="J6465">
        <v>3</v>
      </c>
      <c r="K6465">
        <v>51.82</v>
      </c>
    </row>
    <row r="6466" spans="1:11" x14ac:dyDescent="0.3">
      <c r="A6466" s="1">
        <v>42714</v>
      </c>
      <c r="B6466" s="3">
        <f t="shared" ref="B6466:B6529" si="202">MONTH(A:A)</f>
        <v>12</v>
      </c>
      <c r="C6466" s="3">
        <f t="shared" ref="C6466:C6529" si="203">YEAR(A:A)</f>
        <v>2016</v>
      </c>
      <c r="D6466" t="s">
        <v>1151</v>
      </c>
      <c r="E6466" t="s">
        <v>163</v>
      </c>
      <c r="F6466" t="s">
        <v>10</v>
      </c>
      <c r="G6466" t="s">
        <v>91</v>
      </c>
      <c r="H6466" t="s">
        <v>2272</v>
      </c>
      <c r="I6466">
        <v>65.34</v>
      </c>
      <c r="J6466">
        <v>3</v>
      </c>
      <c r="K6466">
        <v>22.87</v>
      </c>
    </row>
    <row r="6467" spans="1:11" x14ac:dyDescent="0.3">
      <c r="A6467" s="1">
        <v>42714</v>
      </c>
      <c r="B6467" s="3">
        <f t="shared" si="202"/>
        <v>12</v>
      </c>
      <c r="C6467" s="3">
        <f t="shared" si="203"/>
        <v>2016</v>
      </c>
      <c r="D6467" t="s">
        <v>1151</v>
      </c>
      <c r="E6467" t="s">
        <v>163</v>
      </c>
      <c r="F6467" t="s">
        <v>10</v>
      </c>
      <c r="G6467" t="s">
        <v>11</v>
      </c>
      <c r="H6467" t="s">
        <v>1157</v>
      </c>
      <c r="I6467">
        <v>123.92</v>
      </c>
      <c r="J6467">
        <v>4</v>
      </c>
      <c r="K6467">
        <v>55.76</v>
      </c>
    </row>
    <row r="6468" spans="1:11" x14ac:dyDescent="0.3">
      <c r="A6468" s="1">
        <v>42714</v>
      </c>
      <c r="B6468" s="3">
        <f t="shared" si="202"/>
        <v>12</v>
      </c>
      <c r="C6468" s="3">
        <f t="shared" si="203"/>
        <v>2016</v>
      </c>
      <c r="D6468" t="s">
        <v>1151</v>
      </c>
      <c r="E6468" t="s">
        <v>163</v>
      </c>
      <c r="F6468" t="s">
        <v>10</v>
      </c>
      <c r="G6468" t="s">
        <v>91</v>
      </c>
      <c r="H6468" t="s">
        <v>2643</v>
      </c>
      <c r="I6468">
        <v>35.1</v>
      </c>
      <c r="J6468">
        <v>3</v>
      </c>
      <c r="K6468">
        <v>12.29</v>
      </c>
    </row>
    <row r="6469" spans="1:11" x14ac:dyDescent="0.3">
      <c r="A6469" s="1">
        <v>42714</v>
      </c>
      <c r="B6469" s="3">
        <f t="shared" si="202"/>
        <v>12</v>
      </c>
      <c r="C6469" s="3">
        <f t="shared" si="203"/>
        <v>2016</v>
      </c>
      <c r="D6469" t="s">
        <v>1151</v>
      </c>
      <c r="E6469" t="s">
        <v>163</v>
      </c>
      <c r="F6469" t="s">
        <v>38</v>
      </c>
      <c r="G6469" t="s">
        <v>51</v>
      </c>
      <c r="H6469" t="s">
        <v>1421</v>
      </c>
      <c r="I6469">
        <v>44.75</v>
      </c>
      <c r="J6469">
        <v>5</v>
      </c>
      <c r="K6469">
        <v>8.5</v>
      </c>
    </row>
    <row r="6470" spans="1:11" x14ac:dyDescent="0.3">
      <c r="A6470" s="1">
        <v>42714</v>
      </c>
      <c r="B6470" s="3">
        <f t="shared" si="202"/>
        <v>12</v>
      </c>
      <c r="C6470" s="3">
        <f t="shared" si="203"/>
        <v>2016</v>
      </c>
      <c r="D6470" t="s">
        <v>934</v>
      </c>
      <c r="E6470" t="s">
        <v>128</v>
      </c>
      <c r="F6470" t="s">
        <v>33</v>
      </c>
      <c r="G6470" t="s">
        <v>34</v>
      </c>
      <c r="H6470" t="s">
        <v>293</v>
      </c>
      <c r="I6470">
        <v>1424.9</v>
      </c>
      <c r="J6470">
        <v>5</v>
      </c>
      <c r="K6470">
        <v>356.23</v>
      </c>
    </row>
    <row r="6471" spans="1:11" x14ac:dyDescent="0.3">
      <c r="A6471" s="1">
        <v>42714</v>
      </c>
      <c r="B6471" s="3">
        <f t="shared" si="202"/>
        <v>12</v>
      </c>
      <c r="C6471" s="3">
        <f t="shared" si="203"/>
        <v>2016</v>
      </c>
      <c r="D6471" t="s">
        <v>2258</v>
      </c>
      <c r="E6471" t="s">
        <v>26</v>
      </c>
      <c r="F6471" t="s">
        <v>10</v>
      </c>
      <c r="G6471" t="s">
        <v>11</v>
      </c>
      <c r="H6471" t="s">
        <v>1700</v>
      </c>
      <c r="I6471">
        <v>80.28</v>
      </c>
      <c r="J6471">
        <v>12</v>
      </c>
      <c r="K6471">
        <v>36.93</v>
      </c>
    </row>
    <row r="6472" spans="1:11" x14ac:dyDescent="0.3">
      <c r="A6472" s="1">
        <v>42714</v>
      </c>
      <c r="B6472" s="3">
        <f t="shared" si="202"/>
        <v>12</v>
      </c>
      <c r="C6472" s="3">
        <f t="shared" si="203"/>
        <v>2016</v>
      </c>
      <c r="D6472" t="s">
        <v>2503</v>
      </c>
      <c r="E6472" t="s">
        <v>148</v>
      </c>
      <c r="F6472" t="s">
        <v>10</v>
      </c>
      <c r="G6472" t="s">
        <v>11</v>
      </c>
      <c r="H6472" t="s">
        <v>1607</v>
      </c>
      <c r="I6472">
        <v>18.54</v>
      </c>
      <c r="J6472">
        <v>2</v>
      </c>
      <c r="K6472">
        <v>8.7100000000000009</v>
      </c>
    </row>
    <row r="6473" spans="1:11" x14ac:dyDescent="0.3">
      <c r="A6473" s="1">
        <v>42714</v>
      </c>
      <c r="B6473" s="3">
        <f t="shared" si="202"/>
        <v>12</v>
      </c>
      <c r="C6473" s="3">
        <f t="shared" si="203"/>
        <v>2016</v>
      </c>
      <c r="D6473" t="s">
        <v>2503</v>
      </c>
      <c r="E6473" t="s">
        <v>148</v>
      </c>
      <c r="F6473" t="s">
        <v>10</v>
      </c>
      <c r="G6473" t="s">
        <v>19</v>
      </c>
      <c r="H6473" t="s">
        <v>527</v>
      </c>
      <c r="I6473">
        <v>679.96</v>
      </c>
      <c r="J6473">
        <v>5</v>
      </c>
      <c r="K6473">
        <v>220.99</v>
      </c>
    </row>
    <row r="6474" spans="1:11" x14ac:dyDescent="0.3">
      <c r="A6474" s="1">
        <v>42714</v>
      </c>
      <c r="B6474" s="3">
        <f t="shared" si="202"/>
        <v>12</v>
      </c>
      <c r="C6474" s="3">
        <f t="shared" si="203"/>
        <v>2016</v>
      </c>
      <c r="D6474" t="s">
        <v>1962</v>
      </c>
      <c r="E6474" t="s">
        <v>148</v>
      </c>
      <c r="F6474" t="s">
        <v>10</v>
      </c>
      <c r="G6474" t="s">
        <v>11</v>
      </c>
      <c r="H6474" t="s">
        <v>1064</v>
      </c>
      <c r="I6474">
        <v>62.82</v>
      </c>
      <c r="J6474">
        <v>9</v>
      </c>
      <c r="K6474">
        <v>29.53</v>
      </c>
    </row>
    <row r="6475" spans="1:11" x14ac:dyDescent="0.3">
      <c r="A6475" s="1">
        <v>42714</v>
      </c>
      <c r="B6475" s="3">
        <f t="shared" si="202"/>
        <v>12</v>
      </c>
      <c r="C6475" s="3">
        <f t="shared" si="203"/>
        <v>2016</v>
      </c>
      <c r="D6475" t="s">
        <v>1356</v>
      </c>
      <c r="E6475" t="s">
        <v>148</v>
      </c>
      <c r="F6475" t="s">
        <v>10</v>
      </c>
      <c r="G6475" t="s">
        <v>11</v>
      </c>
      <c r="H6475" t="s">
        <v>1618</v>
      </c>
      <c r="I6475">
        <v>6.48</v>
      </c>
      <c r="J6475">
        <v>1</v>
      </c>
      <c r="K6475">
        <v>3.11</v>
      </c>
    </row>
    <row r="6476" spans="1:11" x14ac:dyDescent="0.3">
      <c r="A6476" s="1">
        <v>42715</v>
      </c>
      <c r="B6476" s="3">
        <f t="shared" si="202"/>
        <v>12</v>
      </c>
      <c r="C6476" s="3">
        <f t="shared" si="203"/>
        <v>2016</v>
      </c>
      <c r="D6476" t="s">
        <v>1166</v>
      </c>
      <c r="E6476" t="s">
        <v>148</v>
      </c>
      <c r="F6476" t="s">
        <v>10</v>
      </c>
      <c r="G6476" t="s">
        <v>42</v>
      </c>
      <c r="H6476" t="s">
        <v>961</v>
      </c>
      <c r="I6476">
        <v>15.26</v>
      </c>
      <c r="J6476">
        <v>7</v>
      </c>
      <c r="K6476">
        <v>6.26</v>
      </c>
    </row>
    <row r="6477" spans="1:11" x14ac:dyDescent="0.3">
      <c r="A6477" s="1">
        <v>42715</v>
      </c>
      <c r="B6477" s="3">
        <f t="shared" si="202"/>
        <v>12</v>
      </c>
      <c r="C6477" s="3">
        <f t="shared" si="203"/>
        <v>2016</v>
      </c>
      <c r="D6477" t="s">
        <v>1166</v>
      </c>
      <c r="E6477" t="s">
        <v>148</v>
      </c>
      <c r="F6477" t="s">
        <v>38</v>
      </c>
      <c r="G6477" t="s">
        <v>39</v>
      </c>
      <c r="H6477" t="s">
        <v>2596</v>
      </c>
      <c r="I6477">
        <v>1029.95</v>
      </c>
      <c r="J6477">
        <v>5</v>
      </c>
      <c r="K6477">
        <v>298.69</v>
      </c>
    </row>
    <row r="6478" spans="1:11" x14ac:dyDescent="0.3">
      <c r="A6478" s="1">
        <v>42715</v>
      </c>
      <c r="B6478" s="3">
        <f t="shared" si="202"/>
        <v>12</v>
      </c>
      <c r="C6478" s="3">
        <f t="shared" si="203"/>
        <v>2016</v>
      </c>
      <c r="D6478" t="s">
        <v>2155</v>
      </c>
      <c r="E6478" t="s">
        <v>277</v>
      </c>
      <c r="F6478" t="s">
        <v>10</v>
      </c>
      <c r="G6478" t="s">
        <v>17</v>
      </c>
      <c r="H6478" t="s">
        <v>1524</v>
      </c>
      <c r="I6478">
        <v>243.38</v>
      </c>
      <c r="J6478">
        <v>3</v>
      </c>
      <c r="K6478">
        <v>-51.72</v>
      </c>
    </row>
    <row r="6479" spans="1:11" x14ac:dyDescent="0.3">
      <c r="A6479" s="1">
        <v>42715</v>
      </c>
      <c r="B6479" s="3">
        <f t="shared" si="202"/>
        <v>12</v>
      </c>
      <c r="C6479" s="3">
        <f t="shared" si="203"/>
        <v>2016</v>
      </c>
      <c r="D6479" t="s">
        <v>2155</v>
      </c>
      <c r="E6479" t="s">
        <v>277</v>
      </c>
      <c r="F6479" t="s">
        <v>38</v>
      </c>
      <c r="G6479" t="s">
        <v>51</v>
      </c>
      <c r="H6479" t="s">
        <v>1736</v>
      </c>
      <c r="I6479">
        <v>119.8</v>
      </c>
      <c r="J6479">
        <v>5</v>
      </c>
      <c r="K6479">
        <v>29.95</v>
      </c>
    </row>
    <row r="6480" spans="1:11" x14ac:dyDescent="0.3">
      <c r="A6480" s="1">
        <v>42715</v>
      </c>
      <c r="B6480" s="3">
        <f t="shared" si="202"/>
        <v>12</v>
      </c>
      <c r="C6480" s="3">
        <f t="shared" si="203"/>
        <v>2016</v>
      </c>
      <c r="D6480" t="s">
        <v>2155</v>
      </c>
      <c r="E6480" t="s">
        <v>277</v>
      </c>
      <c r="F6480" t="s">
        <v>38</v>
      </c>
      <c r="G6480" t="s">
        <v>39</v>
      </c>
      <c r="H6480" t="s">
        <v>137</v>
      </c>
      <c r="I6480">
        <v>300.77</v>
      </c>
      <c r="J6480">
        <v>4</v>
      </c>
      <c r="K6480">
        <v>30.08</v>
      </c>
    </row>
    <row r="6481" spans="1:11" x14ac:dyDescent="0.3">
      <c r="A6481" s="1">
        <v>42715</v>
      </c>
      <c r="B6481" s="3">
        <f t="shared" si="202"/>
        <v>12</v>
      </c>
      <c r="C6481" s="3">
        <f t="shared" si="203"/>
        <v>2016</v>
      </c>
      <c r="D6481" t="s">
        <v>890</v>
      </c>
      <c r="E6481" t="s">
        <v>163</v>
      </c>
      <c r="F6481" t="s">
        <v>33</v>
      </c>
      <c r="G6481" t="s">
        <v>46</v>
      </c>
      <c r="H6481" t="s">
        <v>760</v>
      </c>
      <c r="I6481">
        <v>14.8</v>
      </c>
      <c r="J6481">
        <v>4</v>
      </c>
      <c r="K6481">
        <v>6.07</v>
      </c>
    </row>
    <row r="6482" spans="1:11" x14ac:dyDescent="0.3">
      <c r="A6482" s="1">
        <v>42715</v>
      </c>
      <c r="B6482" s="3">
        <f t="shared" si="202"/>
        <v>12</v>
      </c>
      <c r="C6482" s="3">
        <f t="shared" si="203"/>
        <v>2016</v>
      </c>
      <c r="D6482" t="s">
        <v>890</v>
      </c>
      <c r="E6482" t="s">
        <v>163</v>
      </c>
      <c r="F6482" t="s">
        <v>38</v>
      </c>
      <c r="G6482" t="s">
        <v>39</v>
      </c>
      <c r="H6482" t="s">
        <v>399</v>
      </c>
      <c r="I6482">
        <v>302.38</v>
      </c>
      <c r="J6482">
        <v>3</v>
      </c>
      <c r="K6482">
        <v>22.68</v>
      </c>
    </row>
    <row r="6483" spans="1:11" x14ac:dyDescent="0.3">
      <c r="A6483" s="1">
        <v>42715</v>
      </c>
      <c r="B6483" s="3">
        <f t="shared" si="202"/>
        <v>12</v>
      </c>
      <c r="C6483" s="3">
        <f t="shared" si="203"/>
        <v>2016</v>
      </c>
      <c r="D6483" t="s">
        <v>890</v>
      </c>
      <c r="E6483" t="s">
        <v>163</v>
      </c>
      <c r="F6483" t="s">
        <v>38</v>
      </c>
      <c r="G6483" t="s">
        <v>51</v>
      </c>
      <c r="H6483" t="s">
        <v>1794</v>
      </c>
      <c r="I6483">
        <v>316</v>
      </c>
      <c r="J6483">
        <v>4</v>
      </c>
      <c r="K6483">
        <v>31.6</v>
      </c>
    </row>
    <row r="6484" spans="1:11" x14ac:dyDescent="0.3">
      <c r="A6484" s="1">
        <v>42715</v>
      </c>
      <c r="B6484" s="3">
        <f t="shared" si="202"/>
        <v>12</v>
      </c>
      <c r="C6484" s="3">
        <f t="shared" si="203"/>
        <v>2016</v>
      </c>
      <c r="D6484" t="s">
        <v>1078</v>
      </c>
      <c r="E6484" t="s">
        <v>122</v>
      </c>
      <c r="F6484" t="s">
        <v>10</v>
      </c>
      <c r="G6484" t="s">
        <v>17</v>
      </c>
      <c r="H6484" t="s">
        <v>2004</v>
      </c>
      <c r="I6484">
        <v>85.22</v>
      </c>
      <c r="J6484">
        <v>3</v>
      </c>
      <c r="K6484">
        <v>7.46</v>
      </c>
    </row>
    <row r="6485" spans="1:11" x14ac:dyDescent="0.3">
      <c r="A6485" s="1">
        <v>42715</v>
      </c>
      <c r="B6485" s="3">
        <f t="shared" si="202"/>
        <v>12</v>
      </c>
      <c r="C6485" s="3">
        <f t="shared" si="203"/>
        <v>2016</v>
      </c>
      <c r="D6485" t="s">
        <v>878</v>
      </c>
      <c r="E6485" t="s">
        <v>119</v>
      </c>
      <c r="F6485" t="s">
        <v>10</v>
      </c>
      <c r="G6485" t="s">
        <v>23</v>
      </c>
      <c r="H6485" t="s">
        <v>868</v>
      </c>
      <c r="I6485">
        <v>6.67</v>
      </c>
      <c r="J6485">
        <v>3</v>
      </c>
      <c r="K6485">
        <v>1.67</v>
      </c>
    </row>
    <row r="6486" spans="1:11" x14ac:dyDescent="0.3">
      <c r="A6486" s="1">
        <v>42715</v>
      </c>
      <c r="B6486" s="3">
        <f t="shared" si="202"/>
        <v>12</v>
      </c>
      <c r="C6486" s="3">
        <f t="shared" si="203"/>
        <v>2016</v>
      </c>
      <c r="D6486" t="s">
        <v>872</v>
      </c>
      <c r="E6486" t="s">
        <v>77</v>
      </c>
      <c r="F6486" t="s">
        <v>10</v>
      </c>
      <c r="G6486" t="s">
        <v>17</v>
      </c>
      <c r="H6486" t="s">
        <v>178</v>
      </c>
      <c r="I6486">
        <v>64.959999999999994</v>
      </c>
      <c r="J6486">
        <v>5</v>
      </c>
      <c r="K6486">
        <v>-4.0599999999999996</v>
      </c>
    </row>
    <row r="6487" spans="1:11" x14ac:dyDescent="0.3">
      <c r="A6487" s="1">
        <v>42715</v>
      </c>
      <c r="B6487" s="3">
        <f t="shared" si="202"/>
        <v>12</v>
      </c>
      <c r="C6487" s="3">
        <f t="shared" si="203"/>
        <v>2016</v>
      </c>
      <c r="D6487" t="s">
        <v>872</v>
      </c>
      <c r="E6487" t="s">
        <v>77</v>
      </c>
      <c r="F6487" t="s">
        <v>10</v>
      </c>
      <c r="G6487" t="s">
        <v>199</v>
      </c>
      <c r="H6487" t="s">
        <v>2250</v>
      </c>
      <c r="I6487">
        <v>13.52</v>
      </c>
      <c r="J6487">
        <v>2</v>
      </c>
      <c r="K6487">
        <v>1.69</v>
      </c>
    </row>
    <row r="6488" spans="1:11" x14ac:dyDescent="0.3">
      <c r="A6488" s="1">
        <v>42715</v>
      </c>
      <c r="B6488" s="3">
        <f t="shared" si="202"/>
        <v>12</v>
      </c>
      <c r="C6488" s="3">
        <f t="shared" si="203"/>
        <v>2016</v>
      </c>
      <c r="D6488" t="s">
        <v>872</v>
      </c>
      <c r="E6488" t="s">
        <v>77</v>
      </c>
      <c r="F6488" t="s">
        <v>33</v>
      </c>
      <c r="G6488" t="s">
        <v>34</v>
      </c>
      <c r="H6488" t="s">
        <v>1434</v>
      </c>
      <c r="I6488">
        <v>458.43</v>
      </c>
      <c r="J6488">
        <v>5</v>
      </c>
      <c r="K6488">
        <v>-137.53</v>
      </c>
    </row>
    <row r="6489" spans="1:11" x14ac:dyDescent="0.3">
      <c r="A6489" s="1">
        <v>42715</v>
      </c>
      <c r="B6489" s="3">
        <f t="shared" si="202"/>
        <v>12</v>
      </c>
      <c r="C6489" s="3">
        <f t="shared" si="203"/>
        <v>2016</v>
      </c>
      <c r="D6489" t="s">
        <v>872</v>
      </c>
      <c r="E6489" t="s">
        <v>77</v>
      </c>
      <c r="F6489" t="s">
        <v>10</v>
      </c>
      <c r="G6489" t="s">
        <v>91</v>
      </c>
      <c r="H6489" t="s">
        <v>2315</v>
      </c>
      <c r="I6489">
        <v>387.14</v>
      </c>
      <c r="J6489">
        <v>4</v>
      </c>
      <c r="K6489">
        <v>24.2</v>
      </c>
    </row>
    <row r="6490" spans="1:11" x14ac:dyDescent="0.3">
      <c r="A6490" s="1">
        <v>42715</v>
      </c>
      <c r="B6490" s="3">
        <f t="shared" si="202"/>
        <v>12</v>
      </c>
      <c r="C6490" s="3">
        <f t="shared" si="203"/>
        <v>2016</v>
      </c>
      <c r="D6490" t="s">
        <v>872</v>
      </c>
      <c r="E6490" t="s">
        <v>77</v>
      </c>
      <c r="F6490" t="s">
        <v>33</v>
      </c>
      <c r="G6490" t="s">
        <v>144</v>
      </c>
      <c r="H6490" t="s">
        <v>1495</v>
      </c>
      <c r="I6490">
        <v>328.59</v>
      </c>
      <c r="J6490">
        <v>3</v>
      </c>
      <c r="K6490">
        <v>-147.87</v>
      </c>
    </row>
    <row r="6491" spans="1:11" x14ac:dyDescent="0.3">
      <c r="A6491" s="1">
        <v>42715</v>
      </c>
      <c r="B6491" s="3">
        <f t="shared" si="202"/>
        <v>12</v>
      </c>
      <c r="C6491" s="3">
        <f t="shared" si="203"/>
        <v>2016</v>
      </c>
      <c r="D6491" t="s">
        <v>166</v>
      </c>
      <c r="E6491" t="s">
        <v>90</v>
      </c>
      <c r="F6491" t="s">
        <v>33</v>
      </c>
      <c r="G6491" t="s">
        <v>34</v>
      </c>
      <c r="H6491" t="s">
        <v>1875</v>
      </c>
      <c r="I6491">
        <v>403.92</v>
      </c>
      <c r="J6491">
        <v>5</v>
      </c>
      <c r="K6491">
        <v>25.25</v>
      </c>
    </row>
    <row r="6492" spans="1:11" x14ac:dyDescent="0.3">
      <c r="A6492" s="1">
        <v>42715</v>
      </c>
      <c r="B6492" s="3">
        <f t="shared" si="202"/>
        <v>12</v>
      </c>
      <c r="C6492" s="3">
        <f t="shared" si="203"/>
        <v>2016</v>
      </c>
      <c r="D6492" t="s">
        <v>1562</v>
      </c>
      <c r="E6492" t="s">
        <v>26</v>
      </c>
      <c r="F6492" t="s">
        <v>10</v>
      </c>
      <c r="G6492" t="s">
        <v>19</v>
      </c>
      <c r="H6492" t="s">
        <v>164</v>
      </c>
      <c r="I6492">
        <v>209.6</v>
      </c>
      <c r="J6492">
        <v>5</v>
      </c>
      <c r="K6492">
        <v>68.12</v>
      </c>
    </row>
    <row r="6493" spans="1:11" x14ac:dyDescent="0.3">
      <c r="A6493" s="1">
        <v>42715</v>
      </c>
      <c r="B6493" s="3">
        <f t="shared" si="202"/>
        <v>12</v>
      </c>
      <c r="C6493" s="3">
        <f t="shared" si="203"/>
        <v>2016</v>
      </c>
      <c r="D6493" t="s">
        <v>1562</v>
      </c>
      <c r="E6493" t="s">
        <v>26</v>
      </c>
      <c r="F6493" t="s">
        <v>10</v>
      </c>
      <c r="G6493" t="s">
        <v>23</v>
      </c>
      <c r="H6493" t="s">
        <v>2570</v>
      </c>
      <c r="I6493">
        <v>23.32</v>
      </c>
      <c r="J6493">
        <v>2</v>
      </c>
      <c r="K6493">
        <v>6.06</v>
      </c>
    </row>
    <row r="6494" spans="1:11" x14ac:dyDescent="0.3">
      <c r="A6494" s="1">
        <v>42715</v>
      </c>
      <c r="B6494" s="3">
        <f t="shared" si="202"/>
        <v>12</v>
      </c>
      <c r="C6494" s="3">
        <f t="shared" si="203"/>
        <v>2016</v>
      </c>
      <c r="D6494" t="s">
        <v>1562</v>
      </c>
      <c r="E6494" t="s">
        <v>26</v>
      </c>
      <c r="F6494" t="s">
        <v>10</v>
      </c>
      <c r="G6494" t="s">
        <v>11</v>
      </c>
      <c r="H6494" t="s">
        <v>2545</v>
      </c>
      <c r="I6494">
        <v>30.98</v>
      </c>
      <c r="J6494">
        <v>1</v>
      </c>
      <c r="K6494">
        <v>13.94</v>
      </c>
    </row>
    <row r="6495" spans="1:11" x14ac:dyDescent="0.3">
      <c r="A6495" s="1">
        <v>42715</v>
      </c>
      <c r="B6495" s="3">
        <f t="shared" si="202"/>
        <v>12</v>
      </c>
      <c r="C6495" s="3">
        <f t="shared" si="203"/>
        <v>2016</v>
      </c>
      <c r="D6495" t="s">
        <v>1562</v>
      </c>
      <c r="E6495" t="s">
        <v>26</v>
      </c>
      <c r="F6495" t="s">
        <v>38</v>
      </c>
      <c r="G6495" t="s">
        <v>51</v>
      </c>
      <c r="H6495" t="s">
        <v>2277</v>
      </c>
      <c r="I6495">
        <v>119.96</v>
      </c>
      <c r="J6495">
        <v>4</v>
      </c>
      <c r="K6495">
        <v>25.19</v>
      </c>
    </row>
    <row r="6496" spans="1:11" x14ac:dyDescent="0.3">
      <c r="A6496" s="1">
        <v>42715</v>
      </c>
      <c r="B6496" s="3">
        <f t="shared" si="202"/>
        <v>12</v>
      </c>
      <c r="C6496" s="3">
        <f t="shared" si="203"/>
        <v>2016</v>
      </c>
      <c r="D6496" t="s">
        <v>1562</v>
      </c>
      <c r="E6496" t="s">
        <v>26</v>
      </c>
      <c r="F6496" t="s">
        <v>33</v>
      </c>
      <c r="G6496" t="s">
        <v>34</v>
      </c>
      <c r="H6496" t="s">
        <v>1479</v>
      </c>
      <c r="I6496">
        <v>363.92</v>
      </c>
      <c r="J6496">
        <v>5</v>
      </c>
      <c r="K6496">
        <v>-31.84</v>
      </c>
    </row>
    <row r="6497" spans="1:11" x14ac:dyDescent="0.3">
      <c r="A6497" s="1">
        <v>42715</v>
      </c>
      <c r="B6497" s="3">
        <f t="shared" si="202"/>
        <v>12</v>
      </c>
      <c r="C6497" s="3">
        <f t="shared" si="203"/>
        <v>2016</v>
      </c>
      <c r="D6497" t="s">
        <v>1562</v>
      </c>
      <c r="E6497" t="s">
        <v>26</v>
      </c>
      <c r="F6497" t="s">
        <v>10</v>
      </c>
      <c r="G6497" t="s">
        <v>19</v>
      </c>
      <c r="H6497" t="s">
        <v>1824</v>
      </c>
      <c r="I6497">
        <v>35.81</v>
      </c>
      <c r="J6497">
        <v>3</v>
      </c>
      <c r="K6497">
        <v>11.19</v>
      </c>
    </row>
    <row r="6498" spans="1:11" x14ac:dyDescent="0.3">
      <c r="A6498" s="1">
        <v>42715</v>
      </c>
      <c r="B6498" s="3">
        <f t="shared" si="202"/>
        <v>12</v>
      </c>
      <c r="C6498" s="3">
        <f t="shared" si="203"/>
        <v>2016</v>
      </c>
      <c r="D6498" t="s">
        <v>1562</v>
      </c>
      <c r="E6498" t="s">
        <v>26</v>
      </c>
      <c r="F6498" t="s">
        <v>10</v>
      </c>
      <c r="G6498" t="s">
        <v>19</v>
      </c>
      <c r="H6498" t="s">
        <v>1532</v>
      </c>
      <c r="I6498">
        <v>122.69</v>
      </c>
      <c r="J6498">
        <v>9</v>
      </c>
      <c r="K6498">
        <v>39.869999999999997</v>
      </c>
    </row>
    <row r="6499" spans="1:11" x14ac:dyDescent="0.3">
      <c r="A6499" s="1">
        <v>42715</v>
      </c>
      <c r="B6499" s="3">
        <f t="shared" si="202"/>
        <v>12</v>
      </c>
      <c r="C6499" s="3">
        <f t="shared" si="203"/>
        <v>2016</v>
      </c>
      <c r="D6499" t="s">
        <v>1562</v>
      </c>
      <c r="E6499" t="s">
        <v>26</v>
      </c>
      <c r="F6499" t="s">
        <v>33</v>
      </c>
      <c r="G6499" t="s">
        <v>144</v>
      </c>
      <c r="H6499" t="s">
        <v>1773</v>
      </c>
      <c r="I6499">
        <v>892.14</v>
      </c>
      <c r="J6499">
        <v>7</v>
      </c>
      <c r="K6499">
        <v>111.52</v>
      </c>
    </row>
    <row r="6500" spans="1:11" x14ac:dyDescent="0.3">
      <c r="A6500" s="1">
        <v>42715</v>
      </c>
      <c r="B6500" s="3">
        <f t="shared" si="202"/>
        <v>12</v>
      </c>
      <c r="C6500" s="3">
        <f t="shared" si="203"/>
        <v>2016</v>
      </c>
      <c r="D6500" t="s">
        <v>1562</v>
      </c>
      <c r="E6500" t="s">
        <v>26</v>
      </c>
      <c r="F6500" t="s">
        <v>10</v>
      </c>
      <c r="G6500" t="s">
        <v>17</v>
      </c>
      <c r="H6500" t="s">
        <v>434</v>
      </c>
      <c r="I6500">
        <v>50.22</v>
      </c>
      <c r="J6500">
        <v>3</v>
      </c>
      <c r="K6500">
        <v>2.0099999999999998</v>
      </c>
    </row>
    <row r="6501" spans="1:11" x14ac:dyDescent="0.3">
      <c r="A6501" s="1">
        <v>42715</v>
      </c>
      <c r="B6501" s="3">
        <f t="shared" si="202"/>
        <v>12</v>
      </c>
      <c r="C6501" s="3">
        <f t="shared" si="203"/>
        <v>2016</v>
      </c>
      <c r="D6501" t="s">
        <v>1562</v>
      </c>
      <c r="E6501" t="s">
        <v>26</v>
      </c>
      <c r="F6501" t="s">
        <v>10</v>
      </c>
      <c r="G6501" t="s">
        <v>91</v>
      </c>
      <c r="H6501" t="s">
        <v>1277</v>
      </c>
      <c r="I6501">
        <v>83.42</v>
      </c>
      <c r="J6501">
        <v>2</v>
      </c>
      <c r="K6501">
        <v>24.19</v>
      </c>
    </row>
    <row r="6502" spans="1:11" x14ac:dyDescent="0.3">
      <c r="A6502" s="1">
        <v>42715</v>
      </c>
      <c r="B6502" s="3">
        <f t="shared" si="202"/>
        <v>12</v>
      </c>
      <c r="C6502" s="3">
        <f t="shared" si="203"/>
        <v>2016</v>
      </c>
      <c r="D6502" t="s">
        <v>1562</v>
      </c>
      <c r="E6502" t="s">
        <v>26</v>
      </c>
      <c r="F6502" t="s">
        <v>10</v>
      </c>
      <c r="G6502" t="s">
        <v>19</v>
      </c>
      <c r="H6502" t="s">
        <v>1917</v>
      </c>
      <c r="I6502">
        <v>5.87</v>
      </c>
      <c r="J6502">
        <v>2</v>
      </c>
      <c r="K6502">
        <v>2.13</v>
      </c>
    </row>
    <row r="6503" spans="1:11" x14ac:dyDescent="0.3">
      <c r="A6503" s="1">
        <v>42715</v>
      </c>
      <c r="B6503" s="3">
        <f t="shared" si="202"/>
        <v>12</v>
      </c>
      <c r="C6503" s="3">
        <f t="shared" si="203"/>
        <v>2016</v>
      </c>
      <c r="D6503" t="s">
        <v>1796</v>
      </c>
      <c r="E6503" t="s">
        <v>77</v>
      </c>
      <c r="F6503" t="s">
        <v>10</v>
      </c>
      <c r="G6503" t="s">
        <v>91</v>
      </c>
      <c r="H6503" t="s">
        <v>800</v>
      </c>
      <c r="I6503">
        <v>73.540000000000006</v>
      </c>
      <c r="J6503">
        <v>4</v>
      </c>
      <c r="K6503">
        <v>9.19</v>
      </c>
    </row>
    <row r="6504" spans="1:11" x14ac:dyDescent="0.3">
      <c r="A6504" s="1">
        <v>42716</v>
      </c>
      <c r="B6504" s="3">
        <f t="shared" si="202"/>
        <v>12</v>
      </c>
      <c r="C6504" s="3">
        <f t="shared" si="203"/>
        <v>2016</v>
      </c>
      <c r="D6504" t="s">
        <v>494</v>
      </c>
      <c r="E6504" t="s">
        <v>77</v>
      </c>
      <c r="F6504" t="s">
        <v>10</v>
      </c>
      <c r="G6504" t="s">
        <v>19</v>
      </c>
      <c r="H6504" t="s">
        <v>780</v>
      </c>
      <c r="I6504">
        <v>18.690000000000001</v>
      </c>
      <c r="J6504">
        <v>3</v>
      </c>
      <c r="K6504">
        <v>-14.33</v>
      </c>
    </row>
    <row r="6505" spans="1:11" x14ac:dyDescent="0.3">
      <c r="A6505" s="1">
        <v>42716</v>
      </c>
      <c r="B6505" s="3">
        <f t="shared" si="202"/>
        <v>12</v>
      </c>
      <c r="C6505" s="3">
        <f t="shared" si="203"/>
        <v>2016</v>
      </c>
      <c r="D6505" t="s">
        <v>494</v>
      </c>
      <c r="E6505" t="s">
        <v>77</v>
      </c>
      <c r="F6505" t="s">
        <v>38</v>
      </c>
      <c r="G6505" t="s">
        <v>51</v>
      </c>
      <c r="H6505" t="s">
        <v>998</v>
      </c>
      <c r="I6505">
        <v>383.95</v>
      </c>
      <c r="J6505">
        <v>6</v>
      </c>
      <c r="K6505">
        <v>76.790000000000006</v>
      </c>
    </row>
    <row r="6506" spans="1:11" x14ac:dyDescent="0.3">
      <c r="A6506" s="1">
        <v>42716</v>
      </c>
      <c r="B6506" s="3">
        <f t="shared" si="202"/>
        <v>12</v>
      </c>
      <c r="C6506" s="3">
        <f t="shared" si="203"/>
        <v>2016</v>
      </c>
      <c r="D6506" t="s">
        <v>1098</v>
      </c>
      <c r="E6506" t="s">
        <v>109</v>
      </c>
      <c r="F6506" t="s">
        <v>38</v>
      </c>
      <c r="G6506" t="s">
        <v>39</v>
      </c>
      <c r="H6506" t="s">
        <v>137</v>
      </c>
      <c r="I6506">
        <v>657.93</v>
      </c>
      <c r="J6506">
        <v>7</v>
      </c>
      <c r="K6506">
        <v>184.22</v>
      </c>
    </row>
    <row r="6507" spans="1:11" x14ac:dyDescent="0.3">
      <c r="A6507" s="1">
        <v>42716</v>
      </c>
      <c r="B6507" s="3">
        <f t="shared" si="202"/>
        <v>12</v>
      </c>
      <c r="C6507" s="3">
        <f t="shared" si="203"/>
        <v>2016</v>
      </c>
      <c r="D6507" t="s">
        <v>1098</v>
      </c>
      <c r="E6507" t="s">
        <v>109</v>
      </c>
      <c r="F6507" t="s">
        <v>33</v>
      </c>
      <c r="G6507" t="s">
        <v>46</v>
      </c>
      <c r="H6507" t="s">
        <v>974</v>
      </c>
      <c r="I6507">
        <v>33.479999999999997</v>
      </c>
      <c r="J6507">
        <v>4</v>
      </c>
      <c r="K6507">
        <v>8.6999999999999993</v>
      </c>
    </row>
    <row r="6508" spans="1:11" x14ac:dyDescent="0.3">
      <c r="A6508" s="1">
        <v>42716</v>
      </c>
      <c r="B6508" s="3">
        <f t="shared" si="202"/>
        <v>12</v>
      </c>
      <c r="C6508" s="3">
        <f t="shared" si="203"/>
        <v>2016</v>
      </c>
      <c r="D6508" t="s">
        <v>1098</v>
      </c>
      <c r="E6508" t="s">
        <v>109</v>
      </c>
      <c r="F6508" t="s">
        <v>10</v>
      </c>
      <c r="G6508" t="s">
        <v>23</v>
      </c>
      <c r="H6508" t="s">
        <v>325</v>
      </c>
      <c r="I6508">
        <v>13.9</v>
      </c>
      <c r="J6508">
        <v>5</v>
      </c>
      <c r="K6508">
        <v>3.61</v>
      </c>
    </row>
    <row r="6509" spans="1:11" x14ac:dyDescent="0.3">
      <c r="A6509" s="1">
        <v>42716</v>
      </c>
      <c r="B6509" s="3">
        <f t="shared" si="202"/>
        <v>12</v>
      </c>
      <c r="C6509" s="3">
        <f t="shared" si="203"/>
        <v>2016</v>
      </c>
      <c r="D6509" t="s">
        <v>1098</v>
      </c>
      <c r="E6509" t="s">
        <v>109</v>
      </c>
      <c r="F6509" t="s">
        <v>10</v>
      </c>
      <c r="G6509" t="s">
        <v>17</v>
      </c>
      <c r="H6509" t="s">
        <v>1655</v>
      </c>
      <c r="I6509">
        <v>26.86</v>
      </c>
      <c r="J6509">
        <v>2</v>
      </c>
      <c r="K6509">
        <v>6.72</v>
      </c>
    </row>
    <row r="6510" spans="1:11" x14ac:dyDescent="0.3">
      <c r="A6510" s="1">
        <v>42716</v>
      </c>
      <c r="B6510" s="3">
        <f t="shared" si="202"/>
        <v>12</v>
      </c>
      <c r="C6510" s="3">
        <f t="shared" si="203"/>
        <v>2016</v>
      </c>
      <c r="D6510" t="s">
        <v>1799</v>
      </c>
      <c r="E6510" t="s">
        <v>29</v>
      </c>
      <c r="F6510" t="s">
        <v>38</v>
      </c>
      <c r="G6510" t="s">
        <v>51</v>
      </c>
      <c r="H6510" t="s">
        <v>1007</v>
      </c>
      <c r="I6510">
        <v>249.95</v>
      </c>
      <c r="J6510">
        <v>5</v>
      </c>
      <c r="K6510">
        <v>20</v>
      </c>
    </row>
    <row r="6511" spans="1:11" x14ac:dyDescent="0.3">
      <c r="A6511" s="1">
        <v>42716</v>
      </c>
      <c r="B6511" s="3">
        <f t="shared" si="202"/>
        <v>12</v>
      </c>
      <c r="C6511" s="3">
        <f t="shared" si="203"/>
        <v>2016</v>
      </c>
      <c r="D6511" t="s">
        <v>1799</v>
      </c>
      <c r="E6511" t="s">
        <v>29</v>
      </c>
      <c r="F6511" t="s">
        <v>10</v>
      </c>
      <c r="G6511" t="s">
        <v>11</v>
      </c>
      <c r="H6511" t="s">
        <v>2644</v>
      </c>
      <c r="I6511">
        <v>49.12</v>
      </c>
      <c r="J6511">
        <v>4</v>
      </c>
      <c r="K6511">
        <v>23.09</v>
      </c>
    </row>
    <row r="6512" spans="1:11" x14ac:dyDescent="0.3">
      <c r="A6512" s="1">
        <v>42716</v>
      </c>
      <c r="B6512" s="3">
        <f t="shared" si="202"/>
        <v>12</v>
      </c>
      <c r="C6512" s="3">
        <f t="shared" si="203"/>
        <v>2016</v>
      </c>
      <c r="D6512" t="s">
        <v>1609</v>
      </c>
      <c r="E6512" t="s">
        <v>26</v>
      </c>
      <c r="F6512" t="s">
        <v>33</v>
      </c>
      <c r="G6512" t="s">
        <v>46</v>
      </c>
      <c r="H6512" t="s">
        <v>47</v>
      </c>
      <c r="I6512">
        <v>383.64</v>
      </c>
      <c r="J6512">
        <v>6</v>
      </c>
      <c r="K6512">
        <v>122.76</v>
      </c>
    </row>
    <row r="6513" spans="1:11" x14ac:dyDescent="0.3">
      <c r="A6513" s="1">
        <v>42716</v>
      </c>
      <c r="B6513" s="3">
        <f t="shared" si="202"/>
        <v>12</v>
      </c>
      <c r="C6513" s="3">
        <f t="shared" si="203"/>
        <v>2016</v>
      </c>
      <c r="D6513" t="s">
        <v>1609</v>
      </c>
      <c r="E6513" t="s">
        <v>26</v>
      </c>
      <c r="F6513" t="s">
        <v>10</v>
      </c>
      <c r="G6513" t="s">
        <v>91</v>
      </c>
      <c r="H6513" t="s">
        <v>1828</v>
      </c>
      <c r="I6513">
        <v>56.52</v>
      </c>
      <c r="J6513">
        <v>3</v>
      </c>
      <c r="K6513">
        <v>15.83</v>
      </c>
    </row>
    <row r="6514" spans="1:11" x14ac:dyDescent="0.3">
      <c r="A6514" s="1">
        <v>42716</v>
      </c>
      <c r="B6514" s="3">
        <f t="shared" si="202"/>
        <v>12</v>
      </c>
      <c r="C6514" s="3">
        <f t="shared" si="203"/>
        <v>2016</v>
      </c>
      <c r="D6514" t="s">
        <v>872</v>
      </c>
      <c r="E6514" t="s">
        <v>148</v>
      </c>
      <c r="F6514" t="s">
        <v>33</v>
      </c>
      <c r="G6514" t="s">
        <v>46</v>
      </c>
      <c r="H6514" t="s">
        <v>2575</v>
      </c>
      <c r="I6514">
        <v>60.35</v>
      </c>
      <c r="J6514">
        <v>5</v>
      </c>
      <c r="K6514">
        <v>19.920000000000002</v>
      </c>
    </row>
    <row r="6515" spans="1:11" x14ac:dyDescent="0.3">
      <c r="A6515" s="1">
        <v>42716</v>
      </c>
      <c r="B6515" s="3">
        <f t="shared" si="202"/>
        <v>12</v>
      </c>
      <c r="C6515" s="3">
        <f t="shared" si="203"/>
        <v>2016</v>
      </c>
      <c r="D6515" t="s">
        <v>872</v>
      </c>
      <c r="E6515" t="s">
        <v>148</v>
      </c>
      <c r="F6515" t="s">
        <v>10</v>
      </c>
      <c r="G6515" t="s">
        <v>199</v>
      </c>
      <c r="H6515" t="s">
        <v>2564</v>
      </c>
      <c r="I6515">
        <v>35.520000000000003</v>
      </c>
      <c r="J6515">
        <v>4</v>
      </c>
      <c r="K6515">
        <v>9.9499999999999993</v>
      </c>
    </row>
    <row r="6516" spans="1:11" x14ac:dyDescent="0.3">
      <c r="A6516" s="1">
        <v>42716</v>
      </c>
      <c r="B6516" s="3">
        <f t="shared" si="202"/>
        <v>12</v>
      </c>
      <c r="C6516" s="3">
        <f t="shared" si="203"/>
        <v>2016</v>
      </c>
      <c r="D6516" t="s">
        <v>872</v>
      </c>
      <c r="E6516" t="s">
        <v>148</v>
      </c>
      <c r="F6516" t="s">
        <v>10</v>
      </c>
      <c r="G6516" t="s">
        <v>23</v>
      </c>
      <c r="H6516" t="s">
        <v>2515</v>
      </c>
      <c r="I6516">
        <v>11.2</v>
      </c>
      <c r="J6516">
        <v>7</v>
      </c>
      <c r="K6516">
        <v>4.82</v>
      </c>
    </row>
    <row r="6517" spans="1:11" x14ac:dyDescent="0.3">
      <c r="A6517" s="1">
        <v>42717</v>
      </c>
      <c r="B6517" s="3">
        <f t="shared" si="202"/>
        <v>12</v>
      </c>
      <c r="C6517" s="3">
        <f t="shared" si="203"/>
        <v>2016</v>
      </c>
      <c r="D6517" t="s">
        <v>1537</v>
      </c>
      <c r="E6517" t="s">
        <v>839</v>
      </c>
      <c r="F6517" t="s">
        <v>38</v>
      </c>
      <c r="G6517" t="s">
        <v>51</v>
      </c>
      <c r="H6517" t="s">
        <v>1689</v>
      </c>
      <c r="I6517">
        <v>63.88</v>
      </c>
      <c r="J6517">
        <v>4</v>
      </c>
      <c r="K6517">
        <v>24.91</v>
      </c>
    </row>
    <row r="6518" spans="1:11" x14ac:dyDescent="0.3">
      <c r="A6518" s="1">
        <v>42717</v>
      </c>
      <c r="B6518" s="3">
        <f t="shared" si="202"/>
        <v>12</v>
      </c>
      <c r="C6518" s="3">
        <f t="shared" si="203"/>
        <v>2016</v>
      </c>
      <c r="D6518" t="s">
        <v>882</v>
      </c>
      <c r="E6518" t="s">
        <v>26</v>
      </c>
      <c r="F6518" t="s">
        <v>10</v>
      </c>
      <c r="G6518" t="s">
        <v>19</v>
      </c>
      <c r="H6518" t="s">
        <v>971</v>
      </c>
      <c r="I6518">
        <v>6.1</v>
      </c>
      <c r="J6518">
        <v>2</v>
      </c>
      <c r="K6518">
        <v>2.21</v>
      </c>
    </row>
    <row r="6519" spans="1:11" x14ac:dyDescent="0.3">
      <c r="A6519" s="1">
        <v>42717</v>
      </c>
      <c r="B6519" s="3">
        <f t="shared" si="202"/>
        <v>12</v>
      </c>
      <c r="C6519" s="3">
        <f t="shared" si="203"/>
        <v>2016</v>
      </c>
      <c r="D6519" t="s">
        <v>882</v>
      </c>
      <c r="E6519" t="s">
        <v>26</v>
      </c>
      <c r="F6519" t="s">
        <v>33</v>
      </c>
      <c r="G6519" t="s">
        <v>144</v>
      </c>
      <c r="H6519" t="s">
        <v>1702</v>
      </c>
      <c r="I6519">
        <v>1114.27</v>
      </c>
      <c r="J6519">
        <v>4</v>
      </c>
      <c r="K6519">
        <v>41.79</v>
      </c>
    </row>
    <row r="6520" spans="1:11" x14ac:dyDescent="0.3">
      <c r="A6520" s="1">
        <v>42717</v>
      </c>
      <c r="B6520" s="3">
        <f t="shared" si="202"/>
        <v>12</v>
      </c>
      <c r="C6520" s="3">
        <f t="shared" si="203"/>
        <v>2016</v>
      </c>
      <c r="D6520" t="s">
        <v>147</v>
      </c>
      <c r="E6520" t="s">
        <v>26</v>
      </c>
      <c r="F6520" t="s">
        <v>10</v>
      </c>
      <c r="G6520" t="s">
        <v>23</v>
      </c>
      <c r="H6520" t="s">
        <v>458</v>
      </c>
      <c r="I6520">
        <v>9.84</v>
      </c>
      <c r="J6520">
        <v>3</v>
      </c>
      <c r="K6520">
        <v>3.25</v>
      </c>
    </row>
    <row r="6521" spans="1:11" x14ac:dyDescent="0.3">
      <c r="A6521" s="1">
        <v>42718</v>
      </c>
      <c r="B6521" s="3">
        <f t="shared" si="202"/>
        <v>12</v>
      </c>
      <c r="C6521" s="3">
        <f t="shared" si="203"/>
        <v>2016</v>
      </c>
      <c r="D6521" t="s">
        <v>903</v>
      </c>
      <c r="E6521" t="s">
        <v>328</v>
      </c>
      <c r="F6521" t="s">
        <v>33</v>
      </c>
      <c r="G6521" t="s">
        <v>46</v>
      </c>
      <c r="H6521" t="s">
        <v>1697</v>
      </c>
      <c r="I6521">
        <v>133.38</v>
      </c>
      <c r="J6521">
        <v>6</v>
      </c>
      <c r="K6521">
        <v>58.69</v>
      </c>
    </row>
    <row r="6522" spans="1:11" x14ac:dyDescent="0.3">
      <c r="A6522" s="1">
        <v>42718</v>
      </c>
      <c r="B6522" s="3">
        <f t="shared" si="202"/>
        <v>12</v>
      </c>
      <c r="C6522" s="3">
        <f t="shared" si="203"/>
        <v>2016</v>
      </c>
      <c r="D6522" t="s">
        <v>1592</v>
      </c>
      <c r="E6522" t="s">
        <v>148</v>
      </c>
      <c r="F6522" t="s">
        <v>10</v>
      </c>
      <c r="G6522" t="s">
        <v>11</v>
      </c>
      <c r="H6522" t="s">
        <v>717</v>
      </c>
      <c r="I6522">
        <v>14.62</v>
      </c>
      <c r="J6522">
        <v>2</v>
      </c>
      <c r="K6522">
        <v>6.73</v>
      </c>
    </row>
    <row r="6523" spans="1:11" x14ac:dyDescent="0.3">
      <c r="A6523" s="1">
        <v>42718</v>
      </c>
      <c r="B6523" s="3">
        <f t="shared" si="202"/>
        <v>12</v>
      </c>
      <c r="C6523" s="3">
        <f t="shared" si="203"/>
        <v>2016</v>
      </c>
      <c r="D6523" t="s">
        <v>1592</v>
      </c>
      <c r="E6523" t="s">
        <v>148</v>
      </c>
      <c r="F6523" t="s">
        <v>10</v>
      </c>
      <c r="G6523" t="s">
        <v>15</v>
      </c>
      <c r="H6523" t="s">
        <v>2209</v>
      </c>
      <c r="I6523">
        <v>5.76</v>
      </c>
      <c r="J6523">
        <v>2</v>
      </c>
      <c r="K6523">
        <v>2.82</v>
      </c>
    </row>
    <row r="6524" spans="1:11" x14ac:dyDescent="0.3">
      <c r="A6524" s="1">
        <v>42718</v>
      </c>
      <c r="B6524" s="3">
        <f t="shared" si="202"/>
        <v>12</v>
      </c>
      <c r="C6524" s="3">
        <f t="shared" si="203"/>
        <v>2016</v>
      </c>
      <c r="D6524" t="s">
        <v>1592</v>
      </c>
      <c r="E6524" t="s">
        <v>148</v>
      </c>
      <c r="F6524" t="s">
        <v>10</v>
      </c>
      <c r="G6524" t="s">
        <v>42</v>
      </c>
      <c r="H6524" t="s">
        <v>1035</v>
      </c>
      <c r="I6524">
        <v>21.48</v>
      </c>
      <c r="J6524">
        <v>6</v>
      </c>
      <c r="K6524">
        <v>10.53</v>
      </c>
    </row>
    <row r="6525" spans="1:11" x14ac:dyDescent="0.3">
      <c r="A6525" s="1">
        <v>42718</v>
      </c>
      <c r="B6525" s="3">
        <f t="shared" si="202"/>
        <v>12</v>
      </c>
      <c r="C6525" s="3">
        <f t="shared" si="203"/>
        <v>2016</v>
      </c>
      <c r="D6525" t="s">
        <v>1592</v>
      </c>
      <c r="E6525" t="s">
        <v>148</v>
      </c>
      <c r="F6525" t="s">
        <v>33</v>
      </c>
      <c r="G6525" t="s">
        <v>46</v>
      </c>
      <c r="H6525" t="s">
        <v>2035</v>
      </c>
      <c r="I6525">
        <v>396.92</v>
      </c>
      <c r="J6525">
        <v>4</v>
      </c>
      <c r="K6525">
        <v>198.46</v>
      </c>
    </row>
    <row r="6526" spans="1:11" x14ac:dyDescent="0.3">
      <c r="A6526" s="1">
        <v>42718</v>
      </c>
      <c r="B6526" s="3">
        <f t="shared" si="202"/>
        <v>12</v>
      </c>
      <c r="C6526" s="3">
        <f t="shared" si="203"/>
        <v>2016</v>
      </c>
      <c r="D6526" t="s">
        <v>1592</v>
      </c>
      <c r="E6526" t="s">
        <v>148</v>
      </c>
      <c r="F6526" t="s">
        <v>10</v>
      </c>
      <c r="G6526" t="s">
        <v>17</v>
      </c>
      <c r="H6526" t="s">
        <v>1846</v>
      </c>
      <c r="I6526">
        <v>17.149999999999999</v>
      </c>
      <c r="J6526">
        <v>1</v>
      </c>
      <c r="K6526">
        <v>4.63</v>
      </c>
    </row>
    <row r="6527" spans="1:11" x14ac:dyDescent="0.3">
      <c r="A6527" s="1">
        <v>42718</v>
      </c>
      <c r="B6527" s="3">
        <f t="shared" si="202"/>
        <v>12</v>
      </c>
      <c r="C6527" s="3">
        <f t="shared" si="203"/>
        <v>2016</v>
      </c>
      <c r="D6527" t="s">
        <v>1592</v>
      </c>
      <c r="E6527" t="s">
        <v>148</v>
      </c>
      <c r="F6527" t="s">
        <v>10</v>
      </c>
      <c r="G6527" t="s">
        <v>19</v>
      </c>
      <c r="H6527" t="s">
        <v>2523</v>
      </c>
      <c r="I6527">
        <v>23.12</v>
      </c>
      <c r="J6527">
        <v>2</v>
      </c>
      <c r="K6527">
        <v>7.8</v>
      </c>
    </row>
    <row r="6528" spans="1:11" x14ac:dyDescent="0.3">
      <c r="A6528" s="1">
        <v>42718</v>
      </c>
      <c r="B6528" s="3">
        <f t="shared" si="202"/>
        <v>12</v>
      </c>
      <c r="C6528" s="3">
        <f t="shared" si="203"/>
        <v>2016</v>
      </c>
      <c r="D6528" t="s">
        <v>588</v>
      </c>
      <c r="E6528" t="s">
        <v>26</v>
      </c>
      <c r="F6528" t="s">
        <v>33</v>
      </c>
      <c r="G6528" t="s">
        <v>34</v>
      </c>
      <c r="H6528" t="s">
        <v>2595</v>
      </c>
      <c r="I6528">
        <v>81.42</v>
      </c>
      <c r="J6528">
        <v>2</v>
      </c>
      <c r="K6528">
        <v>-9.16</v>
      </c>
    </row>
    <row r="6529" spans="1:11" x14ac:dyDescent="0.3">
      <c r="A6529" s="1">
        <v>42718</v>
      </c>
      <c r="B6529" s="3">
        <f t="shared" si="202"/>
        <v>12</v>
      </c>
      <c r="C6529" s="3">
        <f t="shared" si="203"/>
        <v>2016</v>
      </c>
      <c r="D6529" t="s">
        <v>588</v>
      </c>
      <c r="E6529" t="s">
        <v>26</v>
      </c>
      <c r="F6529" t="s">
        <v>10</v>
      </c>
      <c r="G6529" t="s">
        <v>17</v>
      </c>
      <c r="H6529" t="s">
        <v>2091</v>
      </c>
      <c r="I6529">
        <v>134.80000000000001</v>
      </c>
      <c r="J6529">
        <v>10</v>
      </c>
      <c r="K6529">
        <v>35.049999999999997</v>
      </c>
    </row>
    <row r="6530" spans="1:11" x14ac:dyDescent="0.3">
      <c r="A6530" s="1">
        <v>42719</v>
      </c>
      <c r="B6530" s="3">
        <f t="shared" ref="B6530:B6593" si="204">MONTH(A:A)</f>
        <v>12</v>
      </c>
      <c r="C6530" s="3">
        <f t="shared" ref="C6530:C6593" si="205">YEAR(A:A)</f>
        <v>2016</v>
      </c>
      <c r="D6530" t="s">
        <v>2032</v>
      </c>
      <c r="E6530" t="s">
        <v>109</v>
      </c>
      <c r="F6530" t="s">
        <v>33</v>
      </c>
      <c r="G6530" t="s">
        <v>144</v>
      </c>
      <c r="H6530" t="s">
        <v>401</v>
      </c>
      <c r="I6530">
        <v>1652.94</v>
      </c>
      <c r="J6530">
        <v>3</v>
      </c>
      <c r="K6530">
        <v>231.41</v>
      </c>
    </row>
    <row r="6531" spans="1:11" x14ac:dyDescent="0.3">
      <c r="A6531" s="1">
        <v>42719</v>
      </c>
      <c r="B6531" s="3">
        <f t="shared" si="204"/>
        <v>12</v>
      </c>
      <c r="C6531" s="3">
        <f t="shared" si="205"/>
        <v>2016</v>
      </c>
      <c r="D6531" t="s">
        <v>2032</v>
      </c>
      <c r="E6531" t="s">
        <v>109</v>
      </c>
      <c r="F6531" t="s">
        <v>10</v>
      </c>
      <c r="G6531" t="s">
        <v>17</v>
      </c>
      <c r="H6531" t="s">
        <v>1688</v>
      </c>
      <c r="I6531">
        <v>296.37</v>
      </c>
      <c r="J6531">
        <v>3</v>
      </c>
      <c r="K6531">
        <v>80.02</v>
      </c>
    </row>
    <row r="6532" spans="1:11" x14ac:dyDescent="0.3">
      <c r="A6532" s="1">
        <v>42719</v>
      </c>
      <c r="B6532" s="3">
        <f t="shared" si="204"/>
        <v>12</v>
      </c>
      <c r="C6532" s="3">
        <f t="shared" si="205"/>
        <v>2016</v>
      </c>
      <c r="D6532" t="s">
        <v>551</v>
      </c>
      <c r="E6532" t="s">
        <v>26</v>
      </c>
      <c r="F6532" t="s">
        <v>33</v>
      </c>
      <c r="G6532" t="s">
        <v>46</v>
      </c>
      <c r="H6532" t="s">
        <v>1531</v>
      </c>
      <c r="I6532">
        <v>14.76</v>
      </c>
      <c r="J6532">
        <v>2</v>
      </c>
      <c r="K6532">
        <v>4.28</v>
      </c>
    </row>
    <row r="6533" spans="1:11" x14ac:dyDescent="0.3">
      <c r="A6533" s="1">
        <v>42719</v>
      </c>
      <c r="B6533" s="3">
        <f t="shared" si="204"/>
        <v>12</v>
      </c>
      <c r="C6533" s="3">
        <f t="shared" si="205"/>
        <v>2016</v>
      </c>
      <c r="D6533" t="s">
        <v>400</v>
      </c>
      <c r="E6533" t="s">
        <v>90</v>
      </c>
      <c r="F6533" t="s">
        <v>33</v>
      </c>
      <c r="G6533" t="s">
        <v>144</v>
      </c>
      <c r="H6533" t="s">
        <v>319</v>
      </c>
      <c r="I6533">
        <v>564.20000000000005</v>
      </c>
      <c r="J6533">
        <v>3</v>
      </c>
      <c r="K6533">
        <v>-304.67</v>
      </c>
    </row>
    <row r="6534" spans="1:11" x14ac:dyDescent="0.3">
      <c r="A6534" s="1">
        <v>42719</v>
      </c>
      <c r="B6534" s="3">
        <f t="shared" si="204"/>
        <v>12</v>
      </c>
      <c r="C6534" s="3">
        <f t="shared" si="205"/>
        <v>2016</v>
      </c>
      <c r="D6534" t="s">
        <v>400</v>
      </c>
      <c r="E6534" t="s">
        <v>90</v>
      </c>
      <c r="F6534" t="s">
        <v>10</v>
      </c>
      <c r="G6534" t="s">
        <v>91</v>
      </c>
      <c r="H6534" t="s">
        <v>1887</v>
      </c>
      <c r="I6534">
        <v>87.17</v>
      </c>
      <c r="J6534">
        <v>2</v>
      </c>
      <c r="K6534">
        <v>8.7200000000000006</v>
      </c>
    </row>
    <row r="6535" spans="1:11" x14ac:dyDescent="0.3">
      <c r="A6535" s="1">
        <v>42719</v>
      </c>
      <c r="B6535" s="3">
        <f t="shared" si="204"/>
        <v>12</v>
      </c>
      <c r="C6535" s="3">
        <f t="shared" si="205"/>
        <v>2016</v>
      </c>
      <c r="D6535" t="s">
        <v>1547</v>
      </c>
      <c r="E6535" t="s">
        <v>77</v>
      </c>
      <c r="F6535" t="s">
        <v>10</v>
      </c>
      <c r="G6535" t="s">
        <v>19</v>
      </c>
      <c r="H6535" t="s">
        <v>1576</v>
      </c>
      <c r="I6535">
        <v>2.21</v>
      </c>
      <c r="J6535">
        <v>3</v>
      </c>
      <c r="K6535">
        <v>-1.48</v>
      </c>
    </row>
    <row r="6536" spans="1:11" x14ac:dyDescent="0.3">
      <c r="A6536" s="1">
        <v>42719</v>
      </c>
      <c r="B6536" s="3">
        <f t="shared" si="204"/>
        <v>12</v>
      </c>
      <c r="C6536" s="3">
        <f t="shared" si="205"/>
        <v>2016</v>
      </c>
      <c r="D6536" t="s">
        <v>1675</v>
      </c>
      <c r="E6536" t="s">
        <v>100</v>
      </c>
      <c r="F6536" t="s">
        <v>10</v>
      </c>
      <c r="G6536" t="s">
        <v>11</v>
      </c>
      <c r="H6536" t="s">
        <v>2645</v>
      </c>
      <c r="I6536">
        <v>19.440000000000001</v>
      </c>
      <c r="J6536">
        <v>3</v>
      </c>
      <c r="K6536">
        <v>9.33</v>
      </c>
    </row>
    <row r="6537" spans="1:11" x14ac:dyDescent="0.3">
      <c r="A6537" s="1">
        <v>42720</v>
      </c>
      <c r="B6537" s="3">
        <f t="shared" si="204"/>
        <v>12</v>
      </c>
      <c r="C6537" s="3">
        <f t="shared" si="205"/>
        <v>2016</v>
      </c>
      <c r="D6537" t="s">
        <v>1830</v>
      </c>
      <c r="E6537" t="s">
        <v>14</v>
      </c>
      <c r="F6537" t="s">
        <v>10</v>
      </c>
      <c r="G6537" t="s">
        <v>19</v>
      </c>
      <c r="H6537" t="s">
        <v>2176</v>
      </c>
      <c r="I6537">
        <v>4.79</v>
      </c>
      <c r="J6537">
        <v>3</v>
      </c>
      <c r="K6537">
        <v>-7.9</v>
      </c>
    </row>
    <row r="6538" spans="1:11" x14ac:dyDescent="0.3">
      <c r="A6538" s="1">
        <v>42720</v>
      </c>
      <c r="B6538" s="3">
        <f t="shared" si="204"/>
        <v>12</v>
      </c>
      <c r="C6538" s="3">
        <f t="shared" si="205"/>
        <v>2016</v>
      </c>
      <c r="D6538" t="s">
        <v>1393</v>
      </c>
      <c r="E6538" t="s">
        <v>148</v>
      </c>
      <c r="F6538" t="s">
        <v>10</v>
      </c>
      <c r="G6538" t="s">
        <v>42</v>
      </c>
      <c r="H6538" t="s">
        <v>2629</v>
      </c>
      <c r="I6538">
        <v>3.68</v>
      </c>
      <c r="J6538">
        <v>2</v>
      </c>
      <c r="K6538">
        <v>1.8</v>
      </c>
    </row>
    <row r="6539" spans="1:11" x14ac:dyDescent="0.3">
      <c r="A6539" s="1">
        <v>42720</v>
      </c>
      <c r="B6539" s="3">
        <f t="shared" si="204"/>
        <v>12</v>
      </c>
      <c r="C6539" s="3">
        <f t="shared" si="205"/>
        <v>2016</v>
      </c>
      <c r="D6539" t="s">
        <v>1592</v>
      </c>
      <c r="E6539" t="s">
        <v>26</v>
      </c>
      <c r="F6539" t="s">
        <v>33</v>
      </c>
      <c r="G6539" t="s">
        <v>34</v>
      </c>
      <c r="H6539" t="s">
        <v>1771</v>
      </c>
      <c r="I6539">
        <v>563.91999999999996</v>
      </c>
      <c r="J6539">
        <v>5</v>
      </c>
      <c r="K6539">
        <v>7.05</v>
      </c>
    </row>
    <row r="6540" spans="1:11" x14ac:dyDescent="0.3">
      <c r="A6540" s="1">
        <v>42720</v>
      </c>
      <c r="B6540" s="3">
        <f t="shared" si="204"/>
        <v>12</v>
      </c>
      <c r="C6540" s="3">
        <f t="shared" si="205"/>
        <v>2016</v>
      </c>
      <c r="D6540" t="s">
        <v>1272</v>
      </c>
      <c r="E6540" t="s">
        <v>244</v>
      </c>
      <c r="F6540" t="s">
        <v>10</v>
      </c>
      <c r="G6540" t="s">
        <v>91</v>
      </c>
      <c r="H6540" t="s">
        <v>763</v>
      </c>
      <c r="I6540">
        <v>34.94</v>
      </c>
      <c r="J6540">
        <v>3</v>
      </c>
      <c r="K6540">
        <v>3.06</v>
      </c>
    </row>
    <row r="6541" spans="1:11" x14ac:dyDescent="0.3">
      <c r="A6541" s="1">
        <v>42720</v>
      </c>
      <c r="B6541" s="3">
        <f t="shared" si="204"/>
        <v>12</v>
      </c>
      <c r="C6541" s="3">
        <f t="shared" si="205"/>
        <v>2016</v>
      </c>
      <c r="D6541" t="s">
        <v>1442</v>
      </c>
      <c r="E6541" t="s">
        <v>26</v>
      </c>
      <c r="F6541" t="s">
        <v>38</v>
      </c>
      <c r="G6541" t="s">
        <v>51</v>
      </c>
      <c r="H6541" t="s">
        <v>1436</v>
      </c>
      <c r="I6541">
        <v>21.21</v>
      </c>
      <c r="J6541">
        <v>7</v>
      </c>
      <c r="K6541">
        <v>4.45</v>
      </c>
    </row>
    <row r="6542" spans="1:11" x14ac:dyDescent="0.3">
      <c r="A6542" s="1">
        <v>42721</v>
      </c>
      <c r="B6542" s="3">
        <f t="shared" si="204"/>
        <v>12</v>
      </c>
      <c r="C6542" s="3">
        <f t="shared" si="205"/>
        <v>2016</v>
      </c>
      <c r="D6542" t="s">
        <v>2613</v>
      </c>
      <c r="E6542" t="s">
        <v>26</v>
      </c>
      <c r="F6542" t="s">
        <v>33</v>
      </c>
      <c r="G6542" t="s">
        <v>144</v>
      </c>
      <c r="H6542" t="s">
        <v>2440</v>
      </c>
      <c r="I6542">
        <v>2003.52</v>
      </c>
      <c r="J6542">
        <v>6</v>
      </c>
      <c r="K6542">
        <v>-325.57</v>
      </c>
    </row>
    <row r="6543" spans="1:11" x14ac:dyDescent="0.3">
      <c r="A6543" s="1">
        <v>42721</v>
      </c>
      <c r="B6543" s="3">
        <f t="shared" si="204"/>
        <v>12</v>
      </c>
      <c r="C6543" s="3">
        <f t="shared" si="205"/>
        <v>2016</v>
      </c>
      <c r="D6543" t="s">
        <v>1671</v>
      </c>
      <c r="E6543" t="s">
        <v>163</v>
      </c>
      <c r="F6543" t="s">
        <v>10</v>
      </c>
      <c r="G6543" t="s">
        <v>17</v>
      </c>
      <c r="H6543" t="s">
        <v>1610</v>
      </c>
      <c r="I6543">
        <v>46.53</v>
      </c>
      <c r="J6543">
        <v>3</v>
      </c>
      <c r="K6543">
        <v>13.03</v>
      </c>
    </row>
    <row r="6544" spans="1:11" x14ac:dyDescent="0.3">
      <c r="A6544" s="1">
        <v>42721</v>
      </c>
      <c r="B6544" s="3">
        <f t="shared" si="204"/>
        <v>12</v>
      </c>
      <c r="C6544" s="3">
        <f t="shared" si="205"/>
        <v>2016</v>
      </c>
      <c r="D6544" t="s">
        <v>1630</v>
      </c>
      <c r="E6544" t="s">
        <v>9</v>
      </c>
      <c r="F6544" t="s">
        <v>10</v>
      </c>
      <c r="G6544" t="s">
        <v>11</v>
      </c>
      <c r="H6544" t="s">
        <v>1729</v>
      </c>
      <c r="I6544">
        <v>51.84</v>
      </c>
      <c r="J6544">
        <v>10</v>
      </c>
      <c r="K6544">
        <v>18.14</v>
      </c>
    </row>
    <row r="6545" spans="1:11" x14ac:dyDescent="0.3">
      <c r="A6545" s="1">
        <v>42721</v>
      </c>
      <c r="B6545" s="3">
        <f t="shared" si="204"/>
        <v>12</v>
      </c>
      <c r="C6545" s="3">
        <f t="shared" si="205"/>
        <v>2016</v>
      </c>
      <c r="D6545" t="s">
        <v>1630</v>
      </c>
      <c r="E6545" t="s">
        <v>9</v>
      </c>
      <c r="F6545" t="s">
        <v>38</v>
      </c>
      <c r="G6545" t="s">
        <v>51</v>
      </c>
      <c r="H6545" t="s">
        <v>1450</v>
      </c>
      <c r="I6545">
        <v>165.6</v>
      </c>
      <c r="J6545">
        <v>3</v>
      </c>
      <c r="K6545">
        <v>-6.21</v>
      </c>
    </row>
    <row r="6546" spans="1:11" x14ac:dyDescent="0.3">
      <c r="A6546" s="1">
        <v>42721</v>
      </c>
      <c r="B6546" s="3">
        <f t="shared" si="204"/>
        <v>12</v>
      </c>
      <c r="C6546" s="3">
        <f t="shared" si="205"/>
        <v>2016</v>
      </c>
      <c r="D6546" t="s">
        <v>872</v>
      </c>
      <c r="E6546" t="s">
        <v>398</v>
      </c>
      <c r="F6546" t="s">
        <v>10</v>
      </c>
      <c r="G6546" t="s">
        <v>19</v>
      </c>
      <c r="H6546" t="s">
        <v>430</v>
      </c>
      <c r="I6546">
        <v>13.49</v>
      </c>
      <c r="J6546">
        <v>2</v>
      </c>
      <c r="K6546">
        <v>4.38</v>
      </c>
    </row>
    <row r="6547" spans="1:11" x14ac:dyDescent="0.3">
      <c r="A6547" s="1">
        <v>42721</v>
      </c>
      <c r="B6547" s="3">
        <f t="shared" si="204"/>
        <v>12</v>
      </c>
      <c r="C6547" s="3">
        <f t="shared" si="205"/>
        <v>2016</v>
      </c>
      <c r="D6547" t="s">
        <v>872</v>
      </c>
      <c r="E6547" t="s">
        <v>398</v>
      </c>
      <c r="F6547" t="s">
        <v>10</v>
      </c>
      <c r="G6547" t="s">
        <v>19</v>
      </c>
      <c r="H6547" t="s">
        <v>1217</v>
      </c>
      <c r="I6547">
        <v>11.42</v>
      </c>
      <c r="J6547">
        <v>1</v>
      </c>
      <c r="K6547">
        <v>3.85</v>
      </c>
    </row>
    <row r="6548" spans="1:11" x14ac:dyDescent="0.3">
      <c r="A6548" s="1">
        <v>42721</v>
      </c>
      <c r="B6548" s="3">
        <f t="shared" si="204"/>
        <v>12</v>
      </c>
      <c r="C6548" s="3">
        <f t="shared" si="205"/>
        <v>2016</v>
      </c>
      <c r="D6548" t="s">
        <v>1816</v>
      </c>
      <c r="E6548" t="s">
        <v>109</v>
      </c>
      <c r="F6548" t="s">
        <v>10</v>
      </c>
      <c r="G6548" t="s">
        <v>19</v>
      </c>
      <c r="H6548" t="s">
        <v>2126</v>
      </c>
      <c r="I6548">
        <v>9892.74</v>
      </c>
      <c r="J6548">
        <v>13</v>
      </c>
      <c r="K6548">
        <v>4946.37</v>
      </c>
    </row>
    <row r="6549" spans="1:11" x14ac:dyDescent="0.3">
      <c r="A6549" s="1">
        <v>42722</v>
      </c>
      <c r="B6549" s="3">
        <f t="shared" si="204"/>
        <v>12</v>
      </c>
      <c r="C6549" s="3">
        <f t="shared" si="205"/>
        <v>2016</v>
      </c>
      <c r="D6549" t="s">
        <v>1934</v>
      </c>
      <c r="E6549" t="s">
        <v>122</v>
      </c>
      <c r="F6549" t="s">
        <v>10</v>
      </c>
      <c r="G6549" t="s">
        <v>19</v>
      </c>
      <c r="H6549" t="s">
        <v>2268</v>
      </c>
      <c r="I6549">
        <v>254.06</v>
      </c>
      <c r="J6549">
        <v>7</v>
      </c>
      <c r="K6549">
        <v>-169.37</v>
      </c>
    </row>
    <row r="6550" spans="1:11" x14ac:dyDescent="0.3">
      <c r="A6550" s="1">
        <v>42722</v>
      </c>
      <c r="B6550" s="3">
        <f t="shared" si="204"/>
        <v>12</v>
      </c>
      <c r="C6550" s="3">
        <f t="shared" si="205"/>
        <v>2016</v>
      </c>
      <c r="D6550" t="s">
        <v>1934</v>
      </c>
      <c r="E6550" t="s">
        <v>122</v>
      </c>
      <c r="F6550" t="s">
        <v>10</v>
      </c>
      <c r="G6550" t="s">
        <v>91</v>
      </c>
      <c r="H6550" t="s">
        <v>2151</v>
      </c>
      <c r="I6550">
        <v>194.53</v>
      </c>
      <c r="J6550">
        <v>2</v>
      </c>
      <c r="K6550">
        <v>24.32</v>
      </c>
    </row>
    <row r="6551" spans="1:11" x14ac:dyDescent="0.3">
      <c r="A6551" s="1">
        <v>42722</v>
      </c>
      <c r="B6551" s="3">
        <f t="shared" si="204"/>
        <v>12</v>
      </c>
      <c r="C6551" s="3">
        <f t="shared" si="205"/>
        <v>2016</v>
      </c>
      <c r="D6551" t="s">
        <v>1934</v>
      </c>
      <c r="E6551" t="s">
        <v>122</v>
      </c>
      <c r="F6551" t="s">
        <v>10</v>
      </c>
      <c r="G6551" t="s">
        <v>199</v>
      </c>
      <c r="H6551" t="s">
        <v>1515</v>
      </c>
      <c r="I6551">
        <v>961.48</v>
      </c>
      <c r="J6551">
        <v>5</v>
      </c>
      <c r="K6551">
        <v>-204.31</v>
      </c>
    </row>
    <row r="6552" spans="1:11" x14ac:dyDescent="0.3">
      <c r="A6552" s="1">
        <v>42722</v>
      </c>
      <c r="B6552" s="3">
        <f t="shared" si="204"/>
        <v>12</v>
      </c>
      <c r="C6552" s="3">
        <f t="shared" si="205"/>
        <v>2016</v>
      </c>
      <c r="D6552" t="s">
        <v>1634</v>
      </c>
      <c r="E6552" t="s">
        <v>314</v>
      </c>
      <c r="F6552" t="s">
        <v>33</v>
      </c>
      <c r="G6552" t="s">
        <v>46</v>
      </c>
      <c r="H6552" t="s">
        <v>2120</v>
      </c>
      <c r="I6552">
        <v>18.84</v>
      </c>
      <c r="J6552">
        <v>3</v>
      </c>
      <c r="K6552">
        <v>6.03</v>
      </c>
    </row>
    <row r="6553" spans="1:11" x14ac:dyDescent="0.3">
      <c r="A6553" s="1">
        <v>42722</v>
      </c>
      <c r="B6553" s="3">
        <f t="shared" si="204"/>
        <v>12</v>
      </c>
      <c r="C6553" s="3">
        <f t="shared" si="205"/>
        <v>2016</v>
      </c>
      <c r="D6553" t="s">
        <v>1342</v>
      </c>
      <c r="E6553" t="s">
        <v>26</v>
      </c>
      <c r="F6553" t="s">
        <v>10</v>
      </c>
      <c r="G6553" t="s">
        <v>11</v>
      </c>
      <c r="H6553" t="s">
        <v>133</v>
      </c>
      <c r="I6553">
        <v>38.880000000000003</v>
      </c>
      <c r="J6553">
        <v>6</v>
      </c>
      <c r="K6553">
        <v>18.66</v>
      </c>
    </row>
    <row r="6554" spans="1:11" x14ac:dyDescent="0.3">
      <c r="A6554" s="1">
        <v>42722</v>
      </c>
      <c r="B6554" s="3">
        <f t="shared" si="204"/>
        <v>12</v>
      </c>
      <c r="C6554" s="3">
        <f t="shared" si="205"/>
        <v>2016</v>
      </c>
      <c r="D6554" t="s">
        <v>1342</v>
      </c>
      <c r="E6554" t="s">
        <v>26</v>
      </c>
      <c r="F6554" t="s">
        <v>33</v>
      </c>
      <c r="G6554" t="s">
        <v>46</v>
      </c>
      <c r="H6554" t="s">
        <v>2646</v>
      </c>
      <c r="I6554">
        <v>183.84</v>
      </c>
      <c r="J6554">
        <v>8</v>
      </c>
      <c r="K6554">
        <v>62.51</v>
      </c>
    </row>
    <row r="6555" spans="1:11" x14ac:dyDescent="0.3">
      <c r="A6555" s="1">
        <v>42722</v>
      </c>
      <c r="B6555" s="3">
        <f t="shared" si="204"/>
        <v>12</v>
      </c>
      <c r="C6555" s="3">
        <f t="shared" si="205"/>
        <v>2016</v>
      </c>
      <c r="D6555" t="s">
        <v>1342</v>
      </c>
      <c r="E6555" t="s">
        <v>26</v>
      </c>
      <c r="F6555" t="s">
        <v>10</v>
      </c>
      <c r="G6555" t="s">
        <v>199</v>
      </c>
      <c r="H6555" t="s">
        <v>2496</v>
      </c>
      <c r="I6555">
        <v>579.29999999999995</v>
      </c>
      <c r="J6555">
        <v>5</v>
      </c>
      <c r="K6555">
        <v>28.97</v>
      </c>
    </row>
    <row r="6556" spans="1:11" x14ac:dyDescent="0.3">
      <c r="A6556" s="1">
        <v>42722</v>
      </c>
      <c r="B6556" s="3">
        <f t="shared" si="204"/>
        <v>12</v>
      </c>
      <c r="C6556" s="3">
        <f t="shared" si="205"/>
        <v>2016</v>
      </c>
      <c r="D6556" t="s">
        <v>1546</v>
      </c>
      <c r="E6556" t="s">
        <v>148</v>
      </c>
      <c r="F6556" t="s">
        <v>10</v>
      </c>
      <c r="G6556" t="s">
        <v>17</v>
      </c>
      <c r="H6556" t="s">
        <v>1571</v>
      </c>
      <c r="I6556">
        <v>900.08</v>
      </c>
      <c r="J6556">
        <v>4</v>
      </c>
      <c r="K6556">
        <v>117.01</v>
      </c>
    </row>
    <row r="6557" spans="1:11" x14ac:dyDescent="0.3">
      <c r="A6557" s="1">
        <v>42722</v>
      </c>
      <c r="B6557" s="3">
        <f t="shared" si="204"/>
        <v>12</v>
      </c>
      <c r="C6557" s="3">
        <f t="shared" si="205"/>
        <v>2016</v>
      </c>
      <c r="D6557" t="s">
        <v>874</v>
      </c>
      <c r="E6557" t="s">
        <v>176</v>
      </c>
      <c r="F6557" t="s">
        <v>10</v>
      </c>
      <c r="G6557" t="s">
        <v>19</v>
      </c>
      <c r="H6557" t="s">
        <v>1141</v>
      </c>
      <c r="I6557">
        <v>1793.98</v>
      </c>
      <c r="J6557">
        <v>2</v>
      </c>
      <c r="K6557">
        <v>843.17</v>
      </c>
    </row>
    <row r="6558" spans="1:11" x14ac:dyDescent="0.3">
      <c r="A6558" s="1">
        <v>42722</v>
      </c>
      <c r="B6558" s="3">
        <f t="shared" si="204"/>
        <v>12</v>
      </c>
      <c r="C6558" s="3">
        <f t="shared" si="205"/>
        <v>2016</v>
      </c>
      <c r="D6558" t="s">
        <v>1950</v>
      </c>
      <c r="E6558" t="s">
        <v>26</v>
      </c>
      <c r="F6558" t="s">
        <v>38</v>
      </c>
      <c r="G6558" t="s">
        <v>51</v>
      </c>
      <c r="H6558" t="s">
        <v>651</v>
      </c>
      <c r="I6558">
        <v>72.64</v>
      </c>
      <c r="J6558">
        <v>2</v>
      </c>
      <c r="K6558">
        <v>21.79</v>
      </c>
    </row>
    <row r="6559" spans="1:11" x14ac:dyDescent="0.3">
      <c r="A6559" s="1">
        <v>42722</v>
      </c>
      <c r="B6559" s="3">
        <f t="shared" si="204"/>
        <v>12</v>
      </c>
      <c r="C6559" s="3">
        <f t="shared" si="205"/>
        <v>2016</v>
      </c>
      <c r="D6559" t="s">
        <v>1950</v>
      </c>
      <c r="E6559" t="s">
        <v>26</v>
      </c>
      <c r="F6559" t="s">
        <v>38</v>
      </c>
      <c r="G6559" t="s">
        <v>51</v>
      </c>
      <c r="H6559" t="s">
        <v>1627</v>
      </c>
      <c r="I6559">
        <v>772.47</v>
      </c>
      <c r="J6559">
        <v>3</v>
      </c>
      <c r="K6559">
        <v>146.77000000000001</v>
      </c>
    </row>
    <row r="6560" spans="1:11" x14ac:dyDescent="0.3">
      <c r="A6560" s="1">
        <v>42722</v>
      </c>
      <c r="B6560" s="3">
        <f t="shared" si="204"/>
        <v>12</v>
      </c>
      <c r="C6560" s="3">
        <f t="shared" si="205"/>
        <v>2016</v>
      </c>
      <c r="D6560" t="s">
        <v>1950</v>
      </c>
      <c r="E6560" t="s">
        <v>26</v>
      </c>
      <c r="F6560" t="s">
        <v>33</v>
      </c>
      <c r="G6560" t="s">
        <v>46</v>
      </c>
      <c r="H6560" t="s">
        <v>2470</v>
      </c>
      <c r="I6560">
        <v>39.92</v>
      </c>
      <c r="J6560">
        <v>4</v>
      </c>
      <c r="K6560">
        <v>11.18</v>
      </c>
    </row>
    <row r="6561" spans="1:11" x14ac:dyDescent="0.3">
      <c r="A6561" s="1">
        <v>42722</v>
      </c>
      <c r="B6561" s="3">
        <f t="shared" si="204"/>
        <v>12</v>
      </c>
      <c r="C6561" s="3">
        <f t="shared" si="205"/>
        <v>2016</v>
      </c>
      <c r="D6561" t="s">
        <v>962</v>
      </c>
      <c r="E6561" t="s">
        <v>90</v>
      </c>
      <c r="F6561" t="s">
        <v>10</v>
      </c>
      <c r="G6561" t="s">
        <v>19</v>
      </c>
      <c r="H6561" t="s">
        <v>910</v>
      </c>
      <c r="I6561">
        <v>45.24</v>
      </c>
      <c r="J6561">
        <v>4</v>
      </c>
      <c r="K6561">
        <v>-30.16</v>
      </c>
    </row>
    <row r="6562" spans="1:11" x14ac:dyDescent="0.3">
      <c r="A6562" s="1">
        <v>42722</v>
      </c>
      <c r="B6562" s="3">
        <f t="shared" si="204"/>
        <v>12</v>
      </c>
      <c r="C6562" s="3">
        <f t="shared" si="205"/>
        <v>2016</v>
      </c>
      <c r="D6562" t="s">
        <v>962</v>
      </c>
      <c r="E6562" t="s">
        <v>90</v>
      </c>
      <c r="F6562" t="s">
        <v>10</v>
      </c>
      <c r="G6562" t="s">
        <v>23</v>
      </c>
      <c r="H6562" t="s">
        <v>50</v>
      </c>
      <c r="I6562">
        <v>18.690000000000001</v>
      </c>
      <c r="J6562">
        <v>4</v>
      </c>
      <c r="K6562">
        <v>2.34</v>
      </c>
    </row>
    <row r="6563" spans="1:11" x14ac:dyDescent="0.3">
      <c r="A6563" s="1">
        <v>42722</v>
      </c>
      <c r="B6563" s="3">
        <f t="shared" si="204"/>
        <v>12</v>
      </c>
      <c r="C6563" s="3">
        <f t="shared" si="205"/>
        <v>2016</v>
      </c>
      <c r="D6563" t="s">
        <v>962</v>
      </c>
      <c r="E6563" t="s">
        <v>90</v>
      </c>
      <c r="F6563" t="s">
        <v>10</v>
      </c>
      <c r="G6563" t="s">
        <v>11</v>
      </c>
      <c r="H6563" t="s">
        <v>231</v>
      </c>
      <c r="I6563">
        <v>11.65</v>
      </c>
      <c r="J6563">
        <v>2</v>
      </c>
      <c r="K6563">
        <v>3.79</v>
      </c>
    </row>
    <row r="6564" spans="1:11" x14ac:dyDescent="0.3">
      <c r="A6564" s="1">
        <v>42722</v>
      </c>
      <c r="B6564" s="3">
        <f t="shared" si="204"/>
        <v>12</v>
      </c>
      <c r="C6564" s="3">
        <f t="shared" si="205"/>
        <v>2016</v>
      </c>
      <c r="D6564" t="s">
        <v>962</v>
      </c>
      <c r="E6564" t="s">
        <v>90</v>
      </c>
      <c r="F6564" t="s">
        <v>38</v>
      </c>
      <c r="G6564" t="s">
        <v>51</v>
      </c>
      <c r="H6564" t="s">
        <v>2514</v>
      </c>
      <c r="I6564">
        <v>112.78</v>
      </c>
      <c r="J6564">
        <v>3</v>
      </c>
      <c r="K6564">
        <v>-8.4600000000000009</v>
      </c>
    </row>
    <row r="6565" spans="1:11" x14ac:dyDescent="0.3">
      <c r="A6565" s="1">
        <v>42722</v>
      </c>
      <c r="B6565" s="3">
        <f t="shared" si="204"/>
        <v>12</v>
      </c>
      <c r="C6565" s="3">
        <f t="shared" si="205"/>
        <v>2016</v>
      </c>
      <c r="D6565" t="s">
        <v>962</v>
      </c>
      <c r="E6565" t="s">
        <v>90</v>
      </c>
      <c r="F6565" t="s">
        <v>33</v>
      </c>
      <c r="G6565" t="s">
        <v>144</v>
      </c>
      <c r="H6565" t="s">
        <v>2017</v>
      </c>
      <c r="I6565">
        <v>377.45</v>
      </c>
      <c r="J6565">
        <v>5</v>
      </c>
      <c r="K6565">
        <v>-264.22000000000003</v>
      </c>
    </row>
    <row r="6566" spans="1:11" x14ac:dyDescent="0.3">
      <c r="A6566" s="1">
        <v>42722</v>
      </c>
      <c r="B6566" s="3">
        <f t="shared" si="204"/>
        <v>12</v>
      </c>
      <c r="C6566" s="3">
        <f t="shared" si="205"/>
        <v>2016</v>
      </c>
      <c r="D6566" t="s">
        <v>962</v>
      </c>
      <c r="E6566" t="s">
        <v>90</v>
      </c>
      <c r="F6566" t="s">
        <v>10</v>
      </c>
      <c r="G6566" t="s">
        <v>15</v>
      </c>
      <c r="H6566" t="s">
        <v>1587</v>
      </c>
      <c r="I6566">
        <v>15.94</v>
      </c>
      <c r="J6566">
        <v>4</v>
      </c>
      <c r="K6566">
        <v>5.18</v>
      </c>
    </row>
    <row r="6567" spans="1:11" x14ac:dyDescent="0.3">
      <c r="A6567" s="1">
        <v>42722</v>
      </c>
      <c r="B6567" s="3">
        <f t="shared" si="204"/>
        <v>12</v>
      </c>
      <c r="C6567" s="3">
        <f t="shared" si="205"/>
        <v>2016</v>
      </c>
      <c r="D6567" t="s">
        <v>962</v>
      </c>
      <c r="E6567" t="s">
        <v>90</v>
      </c>
      <c r="F6567" t="s">
        <v>38</v>
      </c>
      <c r="G6567" t="s">
        <v>39</v>
      </c>
      <c r="H6567" t="s">
        <v>135</v>
      </c>
      <c r="I6567">
        <v>28.68</v>
      </c>
      <c r="J6567">
        <v>3</v>
      </c>
      <c r="K6567">
        <v>-7.17</v>
      </c>
    </row>
    <row r="6568" spans="1:11" x14ac:dyDescent="0.3">
      <c r="A6568" s="1">
        <v>42722</v>
      </c>
      <c r="B6568" s="3">
        <f t="shared" si="204"/>
        <v>12</v>
      </c>
      <c r="C6568" s="3">
        <f t="shared" si="205"/>
        <v>2016</v>
      </c>
      <c r="D6568" t="s">
        <v>2175</v>
      </c>
      <c r="E6568" t="s">
        <v>995</v>
      </c>
      <c r="F6568" t="s">
        <v>33</v>
      </c>
      <c r="G6568" t="s">
        <v>34</v>
      </c>
      <c r="H6568" t="s">
        <v>993</v>
      </c>
      <c r="I6568">
        <v>563.94000000000005</v>
      </c>
      <c r="J6568">
        <v>3</v>
      </c>
      <c r="K6568">
        <v>112.79</v>
      </c>
    </row>
    <row r="6569" spans="1:11" x14ac:dyDescent="0.3">
      <c r="A6569" s="1">
        <v>42722</v>
      </c>
      <c r="B6569" s="3">
        <f t="shared" si="204"/>
        <v>12</v>
      </c>
      <c r="C6569" s="3">
        <f t="shared" si="205"/>
        <v>2016</v>
      </c>
      <c r="D6569" t="s">
        <v>477</v>
      </c>
      <c r="E6569" t="s">
        <v>26</v>
      </c>
      <c r="F6569" t="s">
        <v>38</v>
      </c>
      <c r="G6569" t="s">
        <v>39</v>
      </c>
      <c r="H6569" t="s">
        <v>734</v>
      </c>
      <c r="I6569">
        <v>66.98</v>
      </c>
      <c r="J6569">
        <v>7</v>
      </c>
      <c r="K6569">
        <v>6.7</v>
      </c>
    </row>
    <row r="6570" spans="1:11" x14ac:dyDescent="0.3">
      <c r="A6570" s="1">
        <v>42723</v>
      </c>
      <c r="B6570" s="3">
        <f t="shared" si="204"/>
        <v>12</v>
      </c>
      <c r="C6570" s="3">
        <f t="shared" si="205"/>
        <v>2016</v>
      </c>
      <c r="D6570" t="s">
        <v>1416</v>
      </c>
      <c r="E6570" t="s">
        <v>94</v>
      </c>
      <c r="F6570" t="s">
        <v>33</v>
      </c>
      <c r="G6570" t="s">
        <v>144</v>
      </c>
      <c r="H6570" t="s">
        <v>498</v>
      </c>
      <c r="I6570">
        <v>455.97</v>
      </c>
      <c r="J6570">
        <v>6</v>
      </c>
      <c r="K6570">
        <v>-218.87</v>
      </c>
    </row>
    <row r="6571" spans="1:11" x14ac:dyDescent="0.3">
      <c r="A6571" s="1">
        <v>42723</v>
      </c>
      <c r="B6571" s="3">
        <f t="shared" si="204"/>
        <v>12</v>
      </c>
      <c r="C6571" s="3">
        <f t="shared" si="205"/>
        <v>2016</v>
      </c>
      <c r="D6571" t="s">
        <v>1416</v>
      </c>
      <c r="E6571" t="s">
        <v>94</v>
      </c>
      <c r="F6571" t="s">
        <v>10</v>
      </c>
      <c r="G6571" t="s">
        <v>19</v>
      </c>
      <c r="H6571" t="s">
        <v>885</v>
      </c>
      <c r="I6571">
        <v>10.44</v>
      </c>
      <c r="J6571">
        <v>6</v>
      </c>
      <c r="K6571">
        <v>-7.66</v>
      </c>
    </row>
    <row r="6572" spans="1:11" x14ac:dyDescent="0.3">
      <c r="A6572" s="1">
        <v>42723</v>
      </c>
      <c r="B6572" s="3">
        <f t="shared" si="204"/>
        <v>12</v>
      </c>
      <c r="C6572" s="3">
        <f t="shared" si="205"/>
        <v>2016</v>
      </c>
      <c r="D6572" t="s">
        <v>1416</v>
      </c>
      <c r="E6572" t="s">
        <v>94</v>
      </c>
      <c r="F6572" t="s">
        <v>10</v>
      </c>
      <c r="G6572" t="s">
        <v>19</v>
      </c>
      <c r="H6572" t="s">
        <v>965</v>
      </c>
      <c r="I6572">
        <v>5.21</v>
      </c>
      <c r="J6572">
        <v>2</v>
      </c>
      <c r="K6572">
        <v>-4.17</v>
      </c>
    </row>
    <row r="6573" spans="1:11" x14ac:dyDescent="0.3">
      <c r="A6573" s="1">
        <v>42723</v>
      </c>
      <c r="B6573" s="3">
        <f t="shared" si="204"/>
        <v>12</v>
      </c>
      <c r="C6573" s="3">
        <f t="shared" si="205"/>
        <v>2016</v>
      </c>
      <c r="D6573" t="s">
        <v>169</v>
      </c>
      <c r="E6573" t="s">
        <v>148</v>
      </c>
      <c r="F6573" t="s">
        <v>10</v>
      </c>
      <c r="G6573" t="s">
        <v>19</v>
      </c>
      <c r="H6573" t="s">
        <v>1217</v>
      </c>
      <c r="I6573">
        <v>34.25</v>
      </c>
      <c r="J6573">
        <v>3</v>
      </c>
      <c r="K6573">
        <v>11.56</v>
      </c>
    </row>
    <row r="6574" spans="1:11" x14ac:dyDescent="0.3">
      <c r="A6574" s="1">
        <v>42723</v>
      </c>
      <c r="B6574" s="3">
        <f t="shared" si="204"/>
        <v>12</v>
      </c>
      <c r="C6574" s="3">
        <f t="shared" si="205"/>
        <v>2016</v>
      </c>
      <c r="D6574" t="s">
        <v>169</v>
      </c>
      <c r="E6574" t="s">
        <v>148</v>
      </c>
      <c r="F6574" t="s">
        <v>10</v>
      </c>
      <c r="G6574" t="s">
        <v>23</v>
      </c>
      <c r="H6574" t="s">
        <v>2389</v>
      </c>
      <c r="I6574">
        <v>3.52</v>
      </c>
      <c r="J6574">
        <v>2</v>
      </c>
      <c r="K6574">
        <v>1.02</v>
      </c>
    </row>
    <row r="6575" spans="1:11" x14ac:dyDescent="0.3">
      <c r="A6575" s="1">
        <v>42723</v>
      </c>
      <c r="B6575" s="3">
        <f t="shared" si="204"/>
        <v>12</v>
      </c>
      <c r="C6575" s="3">
        <f t="shared" si="205"/>
        <v>2016</v>
      </c>
      <c r="D6575" t="s">
        <v>1456</v>
      </c>
      <c r="E6575" t="s">
        <v>14</v>
      </c>
      <c r="F6575" t="s">
        <v>10</v>
      </c>
      <c r="G6575" t="s">
        <v>19</v>
      </c>
      <c r="H6575" t="s">
        <v>204</v>
      </c>
      <c r="I6575">
        <v>1.8</v>
      </c>
      <c r="J6575">
        <v>5</v>
      </c>
      <c r="K6575">
        <v>-2.88</v>
      </c>
    </row>
    <row r="6576" spans="1:11" x14ac:dyDescent="0.3">
      <c r="A6576" s="1">
        <v>42723</v>
      </c>
      <c r="B6576" s="3">
        <f t="shared" si="204"/>
        <v>12</v>
      </c>
      <c r="C6576" s="3">
        <f t="shared" si="205"/>
        <v>2016</v>
      </c>
      <c r="D6576" t="s">
        <v>255</v>
      </c>
      <c r="E6576" t="s">
        <v>22</v>
      </c>
      <c r="F6576" t="s">
        <v>33</v>
      </c>
      <c r="G6576" t="s">
        <v>46</v>
      </c>
      <c r="H6576" t="s">
        <v>1849</v>
      </c>
      <c r="I6576">
        <v>303.92</v>
      </c>
      <c r="J6576">
        <v>5</v>
      </c>
      <c r="K6576">
        <v>-30.39</v>
      </c>
    </row>
    <row r="6577" spans="1:11" x14ac:dyDescent="0.3">
      <c r="A6577" s="1">
        <v>42724</v>
      </c>
      <c r="B6577" s="3">
        <f t="shared" si="204"/>
        <v>12</v>
      </c>
      <c r="C6577" s="3">
        <f t="shared" si="205"/>
        <v>2016</v>
      </c>
      <c r="D6577" t="s">
        <v>2387</v>
      </c>
      <c r="E6577" t="s">
        <v>328</v>
      </c>
      <c r="F6577" t="s">
        <v>38</v>
      </c>
      <c r="G6577" t="s">
        <v>51</v>
      </c>
      <c r="H6577" t="s">
        <v>387</v>
      </c>
      <c r="I6577">
        <v>66.3</v>
      </c>
      <c r="J6577">
        <v>3</v>
      </c>
      <c r="K6577">
        <v>8.6199999999999992</v>
      </c>
    </row>
    <row r="6578" spans="1:11" x14ac:dyDescent="0.3">
      <c r="A6578" s="1">
        <v>42724</v>
      </c>
      <c r="B6578" s="3">
        <f t="shared" si="204"/>
        <v>12</v>
      </c>
      <c r="C6578" s="3">
        <f t="shared" si="205"/>
        <v>2016</v>
      </c>
      <c r="D6578" t="s">
        <v>1002</v>
      </c>
      <c r="E6578" t="s">
        <v>328</v>
      </c>
      <c r="F6578" t="s">
        <v>33</v>
      </c>
      <c r="G6578" t="s">
        <v>46</v>
      </c>
      <c r="H6578" t="s">
        <v>479</v>
      </c>
      <c r="I6578">
        <v>18.920000000000002</v>
      </c>
      <c r="J6578">
        <v>4</v>
      </c>
      <c r="K6578">
        <v>7.38</v>
      </c>
    </row>
    <row r="6579" spans="1:11" x14ac:dyDescent="0.3">
      <c r="A6579" s="1">
        <v>42724</v>
      </c>
      <c r="B6579" s="3">
        <f t="shared" si="204"/>
        <v>12</v>
      </c>
      <c r="C6579" s="3">
        <f t="shared" si="205"/>
        <v>2016</v>
      </c>
      <c r="D6579" t="s">
        <v>1002</v>
      </c>
      <c r="E6579" t="s">
        <v>328</v>
      </c>
      <c r="F6579" t="s">
        <v>10</v>
      </c>
      <c r="G6579" t="s">
        <v>19</v>
      </c>
      <c r="H6579" t="s">
        <v>799</v>
      </c>
      <c r="I6579">
        <v>15.42</v>
      </c>
      <c r="J6579">
        <v>2</v>
      </c>
      <c r="K6579">
        <v>6.94</v>
      </c>
    </row>
    <row r="6580" spans="1:11" x14ac:dyDescent="0.3">
      <c r="A6580" s="1">
        <v>42724</v>
      </c>
      <c r="B6580" s="3">
        <f t="shared" si="204"/>
        <v>12</v>
      </c>
      <c r="C6580" s="3">
        <f t="shared" si="205"/>
        <v>2016</v>
      </c>
      <c r="D6580" t="s">
        <v>1737</v>
      </c>
      <c r="E6580" t="s">
        <v>995</v>
      </c>
      <c r="F6580" t="s">
        <v>10</v>
      </c>
      <c r="G6580" t="s">
        <v>11</v>
      </c>
      <c r="H6580" t="s">
        <v>2647</v>
      </c>
      <c r="I6580">
        <v>33.9</v>
      </c>
      <c r="J6580">
        <v>5</v>
      </c>
      <c r="K6580">
        <v>15.59</v>
      </c>
    </row>
    <row r="6581" spans="1:11" x14ac:dyDescent="0.3">
      <c r="A6581" s="1">
        <v>42726</v>
      </c>
      <c r="B6581" s="3">
        <f t="shared" si="204"/>
        <v>12</v>
      </c>
      <c r="C6581" s="3">
        <f t="shared" si="205"/>
        <v>2016</v>
      </c>
      <c r="D6581" t="s">
        <v>217</v>
      </c>
      <c r="E6581" t="s">
        <v>90</v>
      </c>
      <c r="F6581" t="s">
        <v>10</v>
      </c>
      <c r="G6581" t="s">
        <v>19</v>
      </c>
      <c r="H6581" t="s">
        <v>968</v>
      </c>
      <c r="I6581">
        <v>31.32</v>
      </c>
      <c r="J6581">
        <v>10</v>
      </c>
      <c r="K6581">
        <v>-25.06</v>
      </c>
    </row>
    <row r="6582" spans="1:11" x14ac:dyDescent="0.3">
      <c r="A6582" s="1">
        <v>42726</v>
      </c>
      <c r="B6582" s="3">
        <f t="shared" si="204"/>
        <v>12</v>
      </c>
      <c r="C6582" s="3">
        <f t="shared" si="205"/>
        <v>2016</v>
      </c>
      <c r="D6582" t="s">
        <v>217</v>
      </c>
      <c r="E6582" t="s">
        <v>90</v>
      </c>
      <c r="F6582" t="s">
        <v>33</v>
      </c>
      <c r="G6582" t="s">
        <v>46</v>
      </c>
      <c r="H6582" t="s">
        <v>760</v>
      </c>
      <c r="I6582">
        <v>11.84</v>
      </c>
      <c r="J6582">
        <v>4</v>
      </c>
      <c r="K6582">
        <v>3.11</v>
      </c>
    </row>
    <row r="6583" spans="1:11" x14ac:dyDescent="0.3">
      <c r="A6583" s="1">
        <v>42726</v>
      </c>
      <c r="B6583" s="3">
        <f t="shared" si="204"/>
        <v>12</v>
      </c>
      <c r="C6583" s="3">
        <f t="shared" si="205"/>
        <v>2016</v>
      </c>
      <c r="D6583" t="s">
        <v>217</v>
      </c>
      <c r="E6583" t="s">
        <v>90</v>
      </c>
      <c r="F6583" t="s">
        <v>33</v>
      </c>
      <c r="G6583" t="s">
        <v>46</v>
      </c>
      <c r="H6583" t="s">
        <v>774</v>
      </c>
      <c r="I6583">
        <v>22.78</v>
      </c>
      <c r="J6583">
        <v>1</v>
      </c>
      <c r="K6583">
        <v>4.84</v>
      </c>
    </row>
    <row r="6584" spans="1:11" x14ac:dyDescent="0.3">
      <c r="A6584" s="1">
        <v>42726</v>
      </c>
      <c r="B6584" s="3">
        <f t="shared" si="204"/>
        <v>12</v>
      </c>
      <c r="C6584" s="3">
        <f t="shared" si="205"/>
        <v>2016</v>
      </c>
      <c r="D6584" t="s">
        <v>566</v>
      </c>
      <c r="E6584" t="s">
        <v>148</v>
      </c>
      <c r="F6584" t="s">
        <v>10</v>
      </c>
      <c r="G6584" t="s">
        <v>19</v>
      </c>
      <c r="H6584" t="s">
        <v>743</v>
      </c>
      <c r="I6584">
        <v>25.58</v>
      </c>
      <c r="J6584">
        <v>2</v>
      </c>
      <c r="K6584">
        <v>8.9499999999999993</v>
      </c>
    </row>
    <row r="6585" spans="1:11" x14ac:dyDescent="0.3">
      <c r="A6585" s="1">
        <v>42726</v>
      </c>
      <c r="B6585" s="3">
        <f t="shared" si="204"/>
        <v>12</v>
      </c>
      <c r="C6585" s="3">
        <f t="shared" si="205"/>
        <v>2016</v>
      </c>
      <c r="D6585" t="s">
        <v>1096</v>
      </c>
      <c r="E6585" t="s">
        <v>163</v>
      </c>
      <c r="F6585" t="s">
        <v>10</v>
      </c>
      <c r="G6585" t="s">
        <v>19</v>
      </c>
      <c r="H6585" t="s">
        <v>2118</v>
      </c>
      <c r="I6585">
        <v>55.36</v>
      </c>
      <c r="J6585">
        <v>4</v>
      </c>
      <c r="K6585">
        <v>19.38</v>
      </c>
    </row>
    <row r="6586" spans="1:11" x14ac:dyDescent="0.3">
      <c r="A6586" s="1">
        <v>42726</v>
      </c>
      <c r="B6586" s="3">
        <f t="shared" si="204"/>
        <v>12</v>
      </c>
      <c r="C6586" s="3">
        <f t="shared" si="205"/>
        <v>2016</v>
      </c>
      <c r="D6586" t="s">
        <v>1096</v>
      </c>
      <c r="E6586" t="s">
        <v>163</v>
      </c>
      <c r="F6586" t="s">
        <v>38</v>
      </c>
      <c r="G6586" t="s">
        <v>301</v>
      </c>
      <c r="H6586" t="s">
        <v>2628</v>
      </c>
      <c r="I6586">
        <v>11.56</v>
      </c>
      <c r="J6586">
        <v>1</v>
      </c>
      <c r="K6586">
        <v>3.76</v>
      </c>
    </row>
    <row r="6587" spans="1:11" x14ac:dyDescent="0.3">
      <c r="A6587" s="1">
        <v>42726</v>
      </c>
      <c r="B6587" s="3">
        <f t="shared" si="204"/>
        <v>12</v>
      </c>
      <c r="C6587" s="3">
        <f t="shared" si="205"/>
        <v>2016</v>
      </c>
      <c r="D6587" t="s">
        <v>1338</v>
      </c>
      <c r="E6587" t="s">
        <v>26</v>
      </c>
      <c r="F6587" t="s">
        <v>33</v>
      </c>
      <c r="G6587" t="s">
        <v>46</v>
      </c>
      <c r="H6587" t="s">
        <v>1395</v>
      </c>
      <c r="I6587">
        <v>842.72</v>
      </c>
      <c r="J6587">
        <v>8</v>
      </c>
      <c r="K6587">
        <v>202.25</v>
      </c>
    </row>
    <row r="6588" spans="1:11" x14ac:dyDescent="0.3">
      <c r="A6588" s="1">
        <v>42726</v>
      </c>
      <c r="B6588" s="3">
        <f t="shared" si="204"/>
        <v>12</v>
      </c>
      <c r="C6588" s="3">
        <f t="shared" si="205"/>
        <v>2016</v>
      </c>
      <c r="D6588" t="s">
        <v>1338</v>
      </c>
      <c r="E6588" t="s">
        <v>26</v>
      </c>
      <c r="F6588" t="s">
        <v>33</v>
      </c>
      <c r="G6588" t="s">
        <v>46</v>
      </c>
      <c r="H6588" t="s">
        <v>2622</v>
      </c>
      <c r="I6588">
        <v>41.96</v>
      </c>
      <c r="J6588">
        <v>2</v>
      </c>
      <c r="K6588">
        <v>10.91</v>
      </c>
    </row>
    <row r="6589" spans="1:11" x14ac:dyDescent="0.3">
      <c r="A6589" s="1">
        <v>42727</v>
      </c>
      <c r="B6589" s="3">
        <f t="shared" si="204"/>
        <v>12</v>
      </c>
      <c r="C6589" s="3">
        <f t="shared" si="205"/>
        <v>2016</v>
      </c>
      <c r="D6589" t="s">
        <v>1262</v>
      </c>
      <c r="E6589" t="s">
        <v>54</v>
      </c>
      <c r="F6589" t="s">
        <v>33</v>
      </c>
      <c r="G6589" t="s">
        <v>46</v>
      </c>
      <c r="H6589" t="s">
        <v>2598</v>
      </c>
      <c r="I6589">
        <v>572.76</v>
      </c>
      <c r="J6589">
        <v>6</v>
      </c>
      <c r="K6589">
        <v>166.1</v>
      </c>
    </row>
    <row r="6590" spans="1:11" x14ac:dyDescent="0.3">
      <c r="A6590" s="1">
        <v>42727</v>
      </c>
      <c r="B6590" s="3">
        <f t="shared" si="204"/>
        <v>12</v>
      </c>
      <c r="C6590" s="3">
        <f t="shared" si="205"/>
        <v>2016</v>
      </c>
      <c r="D6590" t="s">
        <v>1262</v>
      </c>
      <c r="E6590" t="s">
        <v>54</v>
      </c>
      <c r="F6590" t="s">
        <v>33</v>
      </c>
      <c r="G6590" t="s">
        <v>46</v>
      </c>
      <c r="H6590" t="s">
        <v>2598</v>
      </c>
      <c r="I6590">
        <v>286.38</v>
      </c>
      <c r="J6590">
        <v>3</v>
      </c>
      <c r="K6590">
        <v>83.05</v>
      </c>
    </row>
    <row r="6591" spans="1:11" x14ac:dyDescent="0.3">
      <c r="A6591" s="1">
        <v>42727</v>
      </c>
      <c r="B6591" s="3">
        <f t="shared" si="204"/>
        <v>12</v>
      </c>
      <c r="C6591" s="3">
        <f t="shared" si="205"/>
        <v>2016</v>
      </c>
      <c r="D6591" t="s">
        <v>1973</v>
      </c>
      <c r="E6591" t="s">
        <v>14</v>
      </c>
      <c r="F6591" t="s">
        <v>33</v>
      </c>
      <c r="G6591" t="s">
        <v>73</v>
      </c>
      <c r="H6591" t="s">
        <v>2493</v>
      </c>
      <c r="I6591">
        <v>141.37</v>
      </c>
      <c r="J6591">
        <v>2</v>
      </c>
      <c r="K6591">
        <v>-14.14</v>
      </c>
    </row>
    <row r="6592" spans="1:11" x14ac:dyDescent="0.3">
      <c r="A6592" s="1">
        <v>42727</v>
      </c>
      <c r="B6592" s="3">
        <f t="shared" si="204"/>
        <v>12</v>
      </c>
      <c r="C6592" s="3">
        <f t="shared" si="205"/>
        <v>2016</v>
      </c>
      <c r="D6592" t="s">
        <v>688</v>
      </c>
      <c r="E6592" t="s">
        <v>109</v>
      </c>
      <c r="F6592" t="s">
        <v>10</v>
      </c>
      <c r="G6592" t="s">
        <v>42</v>
      </c>
      <c r="H6592" t="s">
        <v>1044</v>
      </c>
      <c r="I6592">
        <v>24.85</v>
      </c>
      <c r="J6592">
        <v>7</v>
      </c>
      <c r="K6592">
        <v>11.68</v>
      </c>
    </row>
    <row r="6593" spans="1:11" x14ac:dyDescent="0.3">
      <c r="A6593" s="1">
        <v>42727</v>
      </c>
      <c r="B6593" s="3">
        <f t="shared" si="204"/>
        <v>12</v>
      </c>
      <c r="C6593" s="3">
        <f t="shared" si="205"/>
        <v>2016</v>
      </c>
      <c r="D6593" t="s">
        <v>2229</v>
      </c>
      <c r="E6593" t="s">
        <v>77</v>
      </c>
      <c r="F6593" t="s">
        <v>10</v>
      </c>
      <c r="G6593" t="s">
        <v>19</v>
      </c>
      <c r="H6593" t="s">
        <v>1598</v>
      </c>
      <c r="I6593">
        <v>5.55</v>
      </c>
      <c r="J6593">
        <v>3</v>
      </c>
      <c r="K6593">
        <v>-4.07</v>
      </c>
    </row>
    <row r="6594" spans="1:11" x14ac:dyDescent="0.3">
      <c r="A6594" s="1">
        <v>42727</v>
      </c>
      <c r="B6594" s="3">
        <f t="shared" ref="B6594:B6657" si="206">MONTH(A:A)</f>
        <v>12</v>
      </c>
      <c r="C6594" s="3">
        <f t="shared" ref="C6594:C6657" si="207">YEAR(A:A)</f>
        <v>2016</v>
      </c>
      <c r="D6594" t="s">
        <v>524</v>
      </c>
      <c r="E6594" t="s">
        <v>163</v>
      </c>
      <c r="F6594" t="s">
        <v>10</v>
      </c>
      <c r="G6594" t="s">
        <v>23</v>
      </c>
      <c r="H6594" t="s">
        <v>705</v>
      </c>
      <c r="I6594">
        <v>8.82</v>
      </c>
      <c r="J6594">
        <v>3</v>
      </c>
      <c r="K6594">
        <v>2.56</v>
      </c>
    </row>
    <row r="6595" spans="1:11" x14ac:dyDescent="0.3">
      <c r="A6595" s="1">
        <v>42727</v>
      </c>
      <c r="B6595" s="3">
        <f t="shared" si="206"/>
        <v>12</v>
      </c>
      <c r="C6595" s="3">
        <f t="shared" si="207"/>
        <v>2016</v>
      </c>
      <c r="D6595" t="s">
        <v>524</v>
      </c>
      <c r="E6595" t="s">
        <v>163</v>
      </c>
      <c r="F6595" t="s">
        <v>10</v>
      </c>
      <c r="G6595" t="s">
        <v>11</v>
      </c>
      <c r="H6595" t="s">
        <v>1831</v>
      </c>
      <c r="I6595">
        <v>37.94</v>
      </c>
      <c r="J6595">
        <v>2</v>
      </c>
      <c r="K6595">
        <v>18.21</v>
      </c>
    </row>
    <row r="6596" spans="1:11" x14ac:dyDescent="0.3">
      <c r="A6596" s="1">
        <v>42727</v>
      </c>
      <c r="B6596" s="3">
        <f t="shared" si="206"/>
        <v>12</v>
      </c>
      <c r="C6596" s="3">
        <f t="shared" si="207"/>
        <v>2016</v>
      </c>
      <c r="D6596" t="s">
        <v>524</v>
      </c>
      <c r="E6596" t="s">
        <v>163</v>
      </c>
      <c r="F6596" t="s">
        <v>10</v>
      </c>
      <c r="G6596" t="s">
        <v>23</v>
      </c>
      <c r="H6596" t="s">
        <v>410</v>
      </c>
      <c r="I6596">
        <v>4.2</v>
      </c>
      <c r="J6596">
        <v>2</v>
      </c>
      <c r="K6596">
        <v>1.18</v>
      </c>
    </row>
    <row r="6597" spans="1:11" x14ac:dyDescent="0.3">
      <c r="A6597" s="1">
        <v>42727</v>
      </c>
      <c r="B6597" s="3">
        <f t="shared" si="206"/>
        <v>12</v>
      </c>
      <c r="C6597" s="3">
        <f t="shared" si="207"/>
        <v>2016</v>
      </c>
      <c r="D6597" t="s">
        <v>524</v>
      </c>
      <c r="E6597" t="s">
        <v>163</v>
      </c>
      <c r="F6597" t="s">
        <v>10</v>
      </c>
      <c r="G6597" t="s">
        <v>17</v>
      </c>
      <c r="H6597" t="s">
        <v>18</v>
      </c>
      <c r="I6597">
        <v>227.28</v>
      </c>
      <c r="J6597">
        <v>2</v>
      </c>
      <c r="K6597">
        <v>2.27</v>
      </c>
    </row>
    <row r="6598" spans="1:11" x14ac:dyDescent="0.3">
      <c r="A6598" s="1">
        <v>42727</v>
      </c>
      <c r="B6598" s="3">
        <f t="shared" si="206"/>
        <v>12</v>
      </c>
      <c r="C6598" s="3">
        <f t="shared" si="207"/>
        <v>2016</v>
      </c>
      <c r="D6598" t="s">
        <v>524</v>
      </c>
      <c r="E6598" t="s">
        <v>163</v>
      </c>
      <c r="F6598" t="s">
        <v>10</v>
      </c>
      <c r="G6598" t="s">
        <v>11</v>
      </c>
      <c r="H6598" t="s">
        <v>2489</v>
      </c>
      <c r="I6598">
        <v>47.9</v>
      </c>
      <c r="J6598">
        <v>1</v>
      </c>
      <c r="K6598">
        <v>22.99</v>
      </c>
    </row>
    <row r="6599" spans="1:11" x14ac:dyDescent="0.3">
      <c r="A6599" s="1">
        <v>42727</v>
      </c>
      <c r="B6599" s="3">
        <f t="shared" si="206"/>
        <v>12</v>
      </c>
      <c r="C6599" s="3">
        <f t="shared" si="207"/>
        <v>2016</v>
      </c>
      <c r="D6599" t="s">
        <v>524</v>
      </c>
      <c r="E6599" t="s">
        <v>163</v>
      </c>
      <c r="F6599" t="s">
        <v>10</v>
      </c>
      <c r="G6599" t="s">
        <v>62</v>
      </c>
      <c r="H6599" t="s">
        <v>63</v>
      </c>
      <c r="I6599">
        <v>61.96</v>
      </c>
      <c r="J6599">
        <v>2</v>
      </c>
      <c r="K6599">
        <v>30.36</v>
      </c>
    </row>
    <row r="6600" spans="1:11" x14ac:dyDescent="0.3">
      <c r="A6600" s="1">
        <v>42727</v>
      </c>
      <c r="B6600" s="3">
        <f t="shared" si="206"/>
        <v>12</v>
      </c>
      <c r="C6600" s="3">
        <f t="shared" si="207"/>
        <v>2016</v>
      </c>
      <c r="D6600" t="s">
        <v>524</v>
      </c>
      <c r="E6600" t="s">
        <v>163</v>
      </c>
      <c r="F6600" t="s">
        <v>10</v>
      </c>
      <c r="G6600" t="s">
        <v>17</v>
      </c>
      <c r="H6600" t="s">
        <v>794</v>
      </c>
      <c r="I6600">
        <v>1117.92</v>
      </c>
      <c r="J6600">
        <v>4</v>
      </c>
      <c r="K6600">
        <v>55.9</v>
      </c>
    </row>
    <row r="6601" spans="1:11" x14ac:dyDescent="0.3">
      <c r="A6601" s="1">
        <v>42727</v>
      </c>
      <c r="B6601" s="3">
        <f t="shared" si="206"/>
        <v>12</v>
      </c>
      <c r="C6601" s="3">
        <f t="shared" si="207"/>
        <v>2016</v>
      </c>
      <c r="D6601" t="s">
        <v>138</v>
      </c>
      <c r="E6601" t="s">
        <v>1528</v>
      </c>
      <c r="F6601" t="s">
        <v>38</v>
      </c>
      <c r="G6601" t="s">
        <v>602</v>
      </c>
      <c r="H6601" t="s">
        <v>1468</v>
      </c>
      <c r="I6601">
        <v>1999.96</v>
      </c>
      <c r="J6601">
        <v>4</v>
      </c>
      <c r="K6601">
        <v>899.98</v>
      </c>
    </row>
    <row r="6602" spans="1:11" x14ac:dyDescent="0.3">
      <c r="A6602" s="1">
        <v>42727</v>
      </c>
      <c r="B6602" s="3">
        <f t="shared" si="206"/>
        <v>12</v>
      </c>
      <c r="C6602" s="3">
        <f t="shared" si="207"/>
        <v>2016</v>
      </c>
      <c r="D6602" t="s">
        <v>592</v>
      </c>
      <c r="E6602" t="s">
        <v>9</v>
      </c>
      <c r="F6602" t="s">
        <v>38</v>
      </c>
      <c r="G6602" t="s">
        <v>39</v>
      </c>
      <c r="H6602" t="s">
        <v>41</v>
      </c>
      <c r="I6602">
        <v>453.58</v>
      </c>
      <c r="J6602">
        <v>3</v>
      </c>
      <c r="K6602">
        <v>39.69</v>
      </c>
    </row>
    <row r="6603" spans="1:11" x14ac:dyDescent="0.3">
      <c r="A6603" s="1">
        <v>42727</v>
      </c>
      <c r="B6603" s="3">
        <f t="shared" si="206"/>
        <v>12</v>
      </c>
      <c r="C6603" s="3">
        <f t="shared" si="207"/>
        <v>2016</v>
      </c>
      <c r="D6603" t="s">
        <v>592</v>
      </c>
      <c r="E6603" t="s">
        <v>9</v>
      </c>
      <c r="F6603" t="s">
        <v>10</v>
      </c>
      <c r="G6603" t="s">
        <v>15</v>
      </c>
      <c r="H6603" t="s">
        <v>1401</v>
      </c>
      <c r="I6603">
        <v>45.36</v>
      </c>
      <c r="J6603">
        <v>9</v>
      </c>
      <c r="K6603">
        <v>14.74</v>
      </c>
    </row>
    <row r="6604" spans="1:11" x14ac:dyDescent="0.3">
      <c r="A6604" s="1">
        <v>42727</v>
      </c>
      <c r="B6604" s="3">
        <f t="shared" si="206"/>
        <v>12</v>
      </c>
      <c r="C6604" s="3">
        <f t="shared" si="207"/>
        <v>2016</v>
      </c>
      <c r="D6604" t="s">
        <v>592</v>
      </c>
      <c r="E6604" t="s">
        <v>9</v>
      </c>
      <c r="F6604" t="s">
        <v>38</v>
      </c>
      <c r="G6604" t="s">
        <v>39</v>
      </c>
      <c r="H6604" t="s">
        <v>2418</v>
      </c>
      <c r="I6604">
        <v>287.88</v>
      </c>
      <c r="J6604">
        <v>3</v>
      </c>
      <c r="K6604">
        <v>35.99</v>
      </c>
    </row>
    <row r="6605" spans="1:11" x14ac:dyDescent="0.3">
      <c r="A6605" s="1">
        <v>42727</v>
      </c>
      <c r="B6605" s="3">
        <f t="shared" si="206"/>
        <v>12</v>
      </c>
      <c r="C6605" s="3">
        <f t="shared" si="207"/>
        <v>2016</v>
      </c>
      <c r="D6605" t="s">
        <v>592</v>
      </c>
      <c r="E6605" t="s">
        <v>9</v>
      </c>
      <c r="F6605" t="s">
        <v>38</v>
      </c>
      <c r="G6605" t="s">
        <v>39</v>
      </c>
      <c r="H6605" t="s">
        <v>938</v>
      </c>
      <c r="I6605">
        <v>131.88</v>
      </c>
      <c r="J6605">
        <v>3</v>
      </c>
      <c r="K6605">
        <v>14.84</v>
      </c>
    </row>
    <row r="6606" spans="1:11" x14ac:dyDescent="0.3">
      <c r="A6606" s="1">
        <v>42727</v>
      </c>
      <c r="B6606" s="3">
        <f t="shared" si="206"/>
        <v>12</v>
      </c>
      <c r="C6606" s="3">
        <f t="shared" si="207"/>
        <v>2016</v>
      </c>
      <c r="D6606" t="s">
        <v>592</v>
      </c>
      <c r="E6606" t="s">
        <v>9</v>
      </c>
      <c r="F6606" t="s">
        <v>33</v>
      </c>
      <c r="G6606" t="s">
        <v>46</v>
      </c>
      <c r="H6606" t="s">
        <v>2492</v>
      </c>
      <c r="I6606">
        <v>2.33</v>
      </c>
      <c r="J6606">
        <v>2</v>
      </c>
      <c r="K6606">
        <v>-0.76</v>
      </c>
    </row>
    <row r="6607" spans="1:11" x14ac:dyDescent="0.3">
      <c r="A6607" s="1">
        <v>42727</v>
      </c>
      <c r="B6607" s="3">
        <f t="shared" si="206"/>
        <v>12</v>
      </c>
      <c r="C6607" s="3">
        <f t="shared" si="207"/>
        <v>2016</v>
      </c>
      <c r="D6607" t="s">
        <v>1176</v>
      </c>
      <c r="E6607" t="s">
        <v>22</v>
      </c>
      <c r="F6607" t="s">
        <v>10</v>
      </c>
      <c r="G6607" t="s">
        <v>11</v>
      </c>
      <c r="H6607" t="s">
        <v>1523</v>
      </c>
      <c r="I6607">
        <v>7.97</v>
      </c>
      <c r="J6607">
        <v>2</v>
      </c>
      <c r="K6607">
        <v>2.69</v>
      </c>
    </row>
    <row r="6608" spans="1:11" x14ac:dyDescent="0.3">
      <c r="A6608" s="1">
        <v>42727</v>
      </c>
      <c r="B6608" s="3">
        <f t="shared" si="206"/>
        <v>12</v>
      </c>
      <c r="C6608" s="3">
        <f t="shared" si="207"/>
        <v>2016</v>
      </c>
      <c r="D6608" t="s">
        <v>1176</v>
      </c>
      <c r="E6608" t="s">
        <v>22</v>
      </c>
      <c r="F6608" t="s">
        <v>38</v>
      </c>
      <c r="G6608" t="s">
        <v>39</v>
      </c>
      <c r="H6608" t="s">
        <v>2648</v>
      </c>
      <c r="I6608">
        <v>1499.97</v>
      </c>
      <c r="J6608">
        <v>5</v>
      </c>
      <c r="K6608">
        <v>-374.99</v>
      </c>
    </row>
    <row r="6609" spans="1:11" x14ac:dyDescent="0.3">
      <c r="A6609" s="1">
        <v>42728</v>
      </c>
      <c r="B6609" s="3">
        <f t="shared" si="206"/>
        <v>12</v>
      </c>
      <c r="C6609" s="3">
        <f t="shared" si="207"/>
        <v>2016</v>
      </c>
      <c r="D6609" t="s">
        <v>768</v>
      </c>
      <c r="E6609" t="s">
        <v>244</v>
      </c>
      <c r="F6609" t="s">
        <v>10</v>
      </c>
      <c r="G6609" t="s">
        <v>19</v>
      </c>
      <c r="H6609" t="s">
        <v>87</v>
      </c>
      <c r="I6609">
        <v>27.88</v>
      </c>
      <c r="J6609">
        <v>3</v>
      </c>
      <c r="K6609">
        <v>-20.45</v>
      </c>
    </row>
    <row r="6610" spans="1:11" x14ac:dyDescent="0.3">
      <c r="A6610" s="1">
        <v>42728</v>
      </c>
      <c r="B6610" s="3">
        <f t="shared" si="206"/>
        <v>12</v>
      </c>
      <c r="C6610" s="3">
        <f t="shared" si="207"/>
        <v>2016</v>
      </c>
      <c r="D6610" t="s">
        <v>768</v>
      </c>
      <c r="E6610" t="s">
        <v>244</v>
      </c>
      <c r="F6610" t="s">
        <v>10</v>
      </c>
      <c r="G6610" t="s">
        <v>17</v>
      </c>
      <c r="H6610" t="s">
        <v>1571</v>
      </c>
      <c r="I6610">
        <v>540.04999999999995</v>
      </c>
      <c r="J6610">
        <v>3</v>
      </c>
      <c r="K6610">
        <v>-47.25</v>
      </c>
    </row>
    <row r="6611" spans="1:11" x14ac:dyDescent="0.3">
      <c r="A6611" s="1">
        <v>42728</v>
      </c>
      <c r="B6611" s="3">
        <f t="shared" si="206"/>
        <v>12</v>
      </c>
      <c r="C6611" s="3">
        <f t="shared" si="207"/>
        <v>2016</v>
      </c>
      <c r="D6611" t="s">
        <v>768</v>
      </c>
      <c r="E6611" t="s">
        <v>244</v>
      </c>
      <c r="F6611" t="s">
        <v>38</v>
      </c>
      <c r="G6611" t="s">
        <v>51</v>
      </c>
      <c r="H6611" t="s">
        <v>1938</v>
      </c>
      <c r="I6611">
        <v>255.68</v>
      </c>
      <c r="J6611">
        <v>8</v>
      </c>
      <c r="K6611">
        <v>76.7</v>
      </c>
    </row>
    <row r="6612" spans="1:11" x14ac:dyDescent="0.3">
      <c r="A6612" s="1">
        <v>42728</v>
      </c>
      <c r="B6612" s="3">
        <f t="shared" si="206"/>
        <v>12</v>
      </c>
      <c r="C6612" s="3">
        <f t="shared" si="207"/>
        <v>2016</v>
      </c>
      <c r="D6612" t="s">
        <v>1976</v>
      </c>
      <c r="E6612" t="s">
        <v>163</v>
      </c>
      <c r="F6612" t="s">
        <v>10</v>
      </c>
      <c r="G6612" t="s">
        <v>11</v>
      </c>
      <c r="H6612" t="s">
        <v>440</v>
      </c>
      <c r="I6612">
        <v>33.4</v>
      </c>
      <c r="J6612">
        <v>5</v>
      </c>
      <c r="K6612">
        <v>16.03</v>
      </c>
    </row>
    <row r="6613" spans="1:11" x14ac:dyDescent="0.3">
      <c r="A6613" s="1">
        <v>42728</v>
      </c>
      <c r="B6613" s="3">
        <f t="shared" si="206"/>
        <v>12</v>
      </c>
      <c r="C6613" s="3">
        <f t="shared" si="207"/>
        <v>2016</v>
      </c>
      <c r="D6613" t="s">
        <v>1287</v>
      </c>
      <c r="E6613" t="s">
        <v>148</v>
      </c>
      <c r="F6613" t="s">
        <v>33</v>
      </c>
      <c r="G6613" t="s">
        <v>46</v>
      </c>
      <c r="H6613" t="s">
        <v>443</v>
      </c>
      <c r="I6613">
        <v>799.56</v>
      </c>
      <c r="J6613">
        <v>9</v>
      </c>
      <c r="K6613">
        <v>207.89</v>
      </c>
    </row>
    <row r="6614" spans="1:11" x14ac:dyDescent="0.3">
      <c r="A6614" s="1">
        <v>42728</v>
      </c>
      <c r="B6614" s="3">
        <f t="shared" si="206"/>
        <v>12</v>
      </c>
      <c r="C6614" s="3">
        <f t="shared" si="207"/>
        <v>2016</v>
      </c>
      <c r="D6614" t="s">
        <v>670</v>
      </c>
      <c r="E6614" t="s">
        <v>148</v>
      </c>
      <c r="F6614" t="s">
        <v>38</v>
      </c>
      <c r="G6614" t="s">
        <v>39</v>
      </c>
      <c r="H6614" t="s">
        <v>1550</v>
      </c>
      <c r="I6614">
        <v>197.97</v>
      </c>
      <c r="J6614">
        <v>3</v>
      </c>
      <c r="K6614">
        <v>53.45</v>
      </c>
    </row>
    <row r="6615" spans="1:11" x14ac:dyDescent="0.3">
      <c r="A6615" s="1">
        <v>42728</v>
      </c>
      <c r="B6615" s="3">
        <f t="shared" si="206"/>
        <v>12</v>
      </c>
      <c r="C6615" s="3">
        <f t="shared" si="207"/>
        <v>2016</v>
      </c>
      <c r="D6615" t="s">
        <v>1798</v>
      </c>
      <c r="E6615" t="s">
        <v>26</v>
      </c>
      <c r="F6615" t="s">
        <v>33</v>
      </c>
      <c r="G6615" t="s">
        <v>46</v>
      </c>
      <c r="H6615" t="s">
        <v>1167</v>
      </c>
      <c r="I6615">
        <v>43.96</v>
      </c>
      <c r="J6615">
        <v>7</v>
      </c>
      <c r="K6615">
        <v>18.46</v>
      </c>
    </row>
    <row r="6616" spans="1:11" x14ac:dyDescent="0.3">
      <c r="A6616" s="1">
        <v>42728</v>
      </c>
      <c r="B6616" s="3">
        <f t="shared" si="206"/>
        <v>12</v>
      </c>
      <c r="C6616" s="3">
        <f t="shared" si="207"/>
        <v>2016</v>
      </c>
      <c r="D6616" t="s">
        <v>1798</v>
      </c>
      <c r="E6616" t="s">
        <v>26</v>
      </c>
      <c r="F6616" t="s">
        <v>10</v>
      </c>
      <c r="G6616" t="s">
        <v>62</v>
      </c>
      <c r="H6616" t="s">
        <v>63</v>
      </c>
      <c r="I6616">
        <v>39.76</v>
      </c>
      <c r="J6616">
        <v>7</v>
      </c>
      <c r="K6616">
        <v>18.690000000000001</v>
      </c>
    </row>
    <row r="6617" spans="1:11" x14ac:dyDescent="0.3">
      <c r="A6617" s="1">
        <v>42729</v>
      </c>
      <c r="B6617" s="3">
        <f t="shared" si="206"/>
        <v>12</v>
      </c>
      <c r="C6617" s="3">
        <f t="shared" si="207"/>
        <v>2016</v>
      </c>
      <c r="D6617" t="s">
        <v>874</v>
      </c>
      <c r="E6617" t="s">
        <v>26</v>
      </c>
      <c r="F6617" t="s">
        <v>38</v>
      </c>
      <c r="G6617" t="s">
        <v>39</v>
      </c>
      <c r="H6617" t="s">
        <v>2649</v>
      </c>
      <c r="I6617">
        <v>2575.94</v>
      </c>
      <c r="J6617">
        <v>7</v>
      </c>
      <c r="K6617">
        <v>257.58999999999997</v>
      </c>
    </row>
    <row r="6618" spans="1:11" x14ac:dyDescent="0.3">
      <c r="A6618" s="1">
        <v>42729</v>
      </c>
      <c r="B6618" s="3">
        <f t="shared" si="206"/>
        <v>12</v>
      </c>
      <c r="C6618" s="3">
        <f t="shared" si="207"/>
        <v>2016</v>
      </c>
      <c r="D6618" t="s">
        <v>874</v>
      </c>
      <c r="E6618" t="s">
        <v>26</v>
      </c>
      <c r="F6618" t="s">
        <v>10</v>
      </c>
      <c r="G6618" t="s">
        <v>11</v>
      </c>
      <c r="H6618" t="s">
        <v>27</v>
      </c>
      <c r="I6618">
        <v>45.36</v>
      </c>
      <c r="J6618">
        <v>7</v>
      </c>
      <c r="K6618">
        <v>21.77</v>
      </c>
    </row>
    <row r="6619" spans="1:11" x14ac:dyDescent="0.3">
      <c r="A6619" s="1">
        <v>42729</v>
      </c>
      <c r="B6619" s="3">
        <f t="shared" si="206"/>
        <v>12</v>
      </c>
      <c r="C6619" s="3">
        <f t="shared" si="207"/>
        <v>2016</v>
      </c>
      <c r="D6619" t="s">
        <v>874</v>
      </c>
      <c r="E6619" t="s">
        <v>26</v>
      </c>
      <c r="F6619" t="s">
        <v>38</v>
      </c>
      <c r="G6619" t="s">
        <v>51</v>
      </c>
      <c r="H6619" t="s">
        <v>651</v>
      </c>
      <c r="I6619">
        <v>254.24</v>
      </c>
      <c r="J6619">
        <v>7</v>
      </c>
      <c r="K6619">
        <v>76.27</v>
      </c>
    </row>
    <row r="6620" spans="1:11" x14ac:dyDescent="0.3">
      <c r="A6620" s="1">
        <v>42729</v>
      </c>
      <c r="B6620" s="3">
        <f t="shared" si="206"/>
        <v>12</v>
      </c>
      <c r="C6620" s="3">
        <f t="shared" si="207"/>
        <v>2016</v>
      </c>
      <c r="D6620" t="s">
        <v>894</v>
      </c>
      <c r="E6620" t="s">
        <v>148</v>
      </c>
      <c r="F6620" t="s">
        <v>10</v>
      </c>
      <c r="G6620" t="s">
        <v>19</v>
      </c>
      <c r="H6620" t="s">
        <v>1028</v>
      </c>
      <c r="I6620">
        <v>33.57</v>
      </c>
      <c r="J6620">
        <v>2</v>
      </c>
      <c r="K6620">
        <v>11.75</v>
      </c>
    </row>
    <row r="6621" spans="1:11" x14ac:dyDescent="0.3">
      <c r="A6621" s="1">
        <v>42729</v>
      </c>
      <c r="B6621" s="3">
        <f t="shared" si="206"/>
        <v>12</v>
      </c>
      <c r="C6621" s="3">
        <f t="shared" si="207"/>
        <v>2016</v>
      </c>
      <c r="D6621" t="s">
        <v>1679</v>
      </c>
      <c r="E6621" t="s">
        <v>684</v>
      </c>
      <c r="F6621" t="s">
        <v>33</v>
      </c>
      <c r="G6621" t="s">
        <v>46</v>
      </c>
      <c r="H6621" t="s">
        <v>1542</v>
      </c>
      <c r="I6621">
        <v>21.12</v>
      </c>
      <c r="J6621">
        <v>4</v>
      </c>
      <c r="K6621">
        <v>6.55</v>
      </c>
    </row>
    <row r="6622" spans="1:11" x14ac:dyDescent="0.3">
      <c r="A6622" s="1">
        <v>42729</v>
      </c>
      <c r="B6622" s="3">
        <f t="shared" si="206"/>
        <v>12</v>
      </c>
      <c r="C6622" s="3">
        <f t="shared" si="207"/>
        <v>2016</v>
      </c>
      <c r="D6622" t="s">
        <v>1172</v>
      </c>
      <c r="E6622" t="s">
        <v>163</v>
      </c>
      <c r="F6622" t="s">
        <v>33</v>
      </c>
      <c r="G6622" t="s">
        <v>34</v>
      </c>
      <c r="H6622" t="s">
        <v>1691</v>
      </c>
      <c r="I6622">
        <v>698.35</v>
      </c>
      <c r="J6622">
        <v>3</v>
      </c>
      <c r="K6622">
        <v>52.38</v>
      </c>
    </row>
    <row r="6623" spans="1:11" x14ac:dyDescent="0.3">
      <c r="A6623" s="1">
        <v>42729</v>
      </c>
      <c r="B6623" s="3">
        <f t="shared" si="206"/>
        <v>12</v>
      </c>
      <c r="C6623" s="3">
        <f t="shared" si="207"/>
        <v>2016</v>
      </c>
      <c r="D6623" t="s">
        <v>1172</v>
      </c>
      <c r="E6623" t="s">
        <v>163</v>
      </c>
      <c r="F6623" t="s">
        <v>33</v>
      </c>
      <c r="G6623" t="s">
        <v>144</v>
      </c>
      <c r="H6623" t="s">
        <v>1074</v>
      </c>
      <c r="I6623">
        <v>1747.25</v>
      </c>
      <c r="J6623">
        <v>5</v>
      </c>
      <c r="K6623">
        <v>629.01</v>
      </c>
    </row>
    <row r="6624" spans="1:11" x14ac:dyDescent="0.3">
      <c r="A6624" s="1">
        <v>42729</v>
      </c>
      <c r="B6624" s="3">
        <f t="shared" si="206"/>
        <v>12</v>
      </c>
      <c r="C6624" s="3">
        <f t="shared" si="207"/>
        <v>2016</v>
      </c>
      <c r="D6624" t="s">
        <v>742</v>
      </c>
      <c r="E6624" t="s">
        <v>94</v>
      </c>
      <c r="F6624" t="s">
        <v>33</v>
      </c>
      <c r="G6624" t="s">
        <v>144</v>
      </c>
      <c r="H6624" t="s">
        <v>727</v>
      </c>
      <c r="I6624">
        <v>35.450000000000003</v>
      </c>
      <c r="J6624">
        <v>1</v>
      </c>
      <c r="K6624">
        <v>-24.1</v>
      </c>
    </row>
    <row r="6625" spans="1:11" x14ac:dyDescent="0.3">
      <c r="A6625" s="1">
        <v>42729</v>
      </c>
      <c r="B6625" s="3">
        <f t="shared" si="206"/>
        <v>12</v>
      </c>
      <c r="C6625" s="3">
        <f t="shared" si="207"/>
        <v>2016</v>
      </c>
      <c r="D6625" t="s">
        <v>742</v>
      </c>
      <c r="E6625" t="s">
        <v>94</v>
      </c>
      <c r="F6625" t="s">
        <v>38</v>
      </c>
      <c r="G6625" t="s">
        <v>301</v>
      </c>
      <c r="H6625" t="s">
        <v>2535</v>
      </c>
      <c r="I6625">
        <v>269.97000000000003</v>
      </c>
      <c r="J6625">
        <v>2</v>
      </c>
      <c r="K6625">
        <v>-386.96</v>
      </c>
    </row>
    <row r="6626" spans="1:11" x14ac:dyDescent="0.3">
      <c r="A6626" s="1">
        <v>42729</v>
      </c>
      <c r="B6626" s="3">
        <f t="shared" si="206"/>
        <v>12</v>
      </c>
      <c r="C6626" s="3">
        <f t="shared" si="207"/>
        <v>2016</v>
      </c>
      <c r="D6626" t="s">
        <v>742</v>
      </c>
      <c r="E6626" t="s">
        <v>94</v>
      </c>
      <c r="F6626" t="s">
        <v>38</v>
      </c>
      <c r="G6626" t="s">
        <v>51</v>
      </c>
      <c r="H6626" t="s">
        <v>672</v>
      </c>
      <c r="I6626">
        <v>45.12</v>
      </c>
      <c r="J6626">
        <v>3</v>
      </c>
      <c r="K6626">
        <v>-7.9</v>
      </c>
    </row>
    <row r="6627" spans="1:11" x14ac:dyDescent="0.3">
      <c r="A6627" s="1">
        <v>42729</v>
      </c>
      <c r="B6627" s="3">
        <f t="shared" si="206"/>
        <v>12</v>
      </c>
      <c r="C6627" s="3">
        <f t="shared" si="207"/>
        <v>2016</v>
      </c>
      <c r="D6627" t="s">
        <v>742</v>
      </c>
      <c r="E6627" t="s">
        <v>94</v>
      </c>
      <c r="F6627" t="s">
        <v>38</v>
      </c>
      <c r="G6627" t="s">
        <v>51</v>
      </c>
      <c r="H6627" t="s">
        <v>242</v>
      </c>
      <c r="I6627">
        <v>100.8</v>
      </c>
      <c r="J6627">
        <v>2</v>
      </c>
      <c r="K6627">
        <v>21.42</v>
      </c>
    </row>
    <row r="6628" spans="1:11" x14ac:dyDescent="0.3">
      <c r="A6628" s="1">
        <v>42729</v>
      </c>
      <c r="B6628" s="3">
        <f t="shared" si="206"/>
        <v>12</v>
      </c>
      <c r="C6628" s="3">
        <f t="shared" si="207"/>
        <v>2016</v>
      </c>
      <c r="D6628" t="s">
        <v>742</v>
      </c>
      <c r="E6628" t="s">
        <v>94</v>
      </c>
      <c r="F6628" t="s">
        <v>33</v>
      </c>
      <c r="G6628" t="s">
        <v>34</v>
      </c>
      <c r="H6628" t="s">
        <v>1574</v>
      </c>
      <c r="I6628">
        <v>47.97</v>
      </c>
      <c r="J6628">
        <v>2</v>
      </c>
      <c r="K6628">
        <v>4.2</v>
      </c>
    </row>
    <row r="6629" spans="1:11" x14ac:dyDescent="0.3">
      <c r="A6629" s="1">
        <v>42729</v>
      </c>
      <c r="B6629" s="3">
        <f t="shared" si="206"/>
        <v>12</v>
      </c>
      <c r="C6629" s="3">
        <f t="shared" si="207"/>
        <v>2016</v>
      </c>
      <c r="D6629" t="s">
        <v>1613</v>
      </c>
      <c r="E6629" t="s">
        <v>148</v>
      </c>
      <c r="F6629" t="s">
        <v>33</v>
      </c>
      <c r="G6629" t="s">
        <v>144</v>
      </c>
      <c r="H6629" t="s">
        <v>254</v>
      </c>
      <c r="I6629">
        <v>313.18</v>
      </c>
      <c r="J6629">
        <v>2</v>
      </c>
      <c r="K6629">
        <v>-120.05</v>
      </c>
    </row>
    <row r="6630" spans="1:11" x14ac:dyDescent="0.3">
      <c r="A6630" s="1">
        <v>42729</v>
      </c>
      <c r="B6630" s="3">
        <f t="shared" si="206"/>
        <v>12</v>
      </c>
      <c r="C6630" s="3">
        <f t="shared" si="207"/>
        <v>2016</v>
      </c>
      <c r="D6630" t="s">
        <v>1613</v>
      </c>
      <c r="E6630" t="s">
        <v>148</v>
      </c>
      <c r="F6630" t="s">
        <v>33</v>
      </c>
      <c r="G6630" t="s">
        <v>34</v>
      </c>
      <c r="H6630" t="s">
        <v>1730</v>
      </c>
      <c r="I6630">
        <v>866.65</v>
      </c>
      <c r="J6630">
        <v>3</v>
      </c>
      <c r="K6630">
        <v>173.33</v>
      </c>
    </row>
    <row r="6631" spans="1:11" x14ac:dyDescent="0.3">
      <c r="A6631" s="1">
        <v>42729</v>
      </c>
      <c r="B6631" s="3">
        <f t="shared" si="206"/>
        <v>12</v>
      </c>
      <c r="C6631" s="3">
        <f t="shared" si="207"/>
        <v>2016</v>
      </c>
      <c r="D6631" t="s">
        <v>1909</v>
      </c>
      <c r="E6631" t="s">
        <v>100</v>
      </c>
      <c r="F6631" t="s">
        <v>10</v>
      </c>
      <c r="G6631" t="s">
        <v>23</v>
      </c>
      <c r="H6631" t="s">
        <v>104</v>
      </c>
      <c r="I6631">
        <v>19.89</v>
      </c>
      <c r="J6631">
        <v>9</v>
      </c>
      <c r="K6631">
        <v>5.37</v>
      </c>
    </row>
    <row r="6632" spans="1:11" x14ac:dyDescent="0.3">
      <c r="A6632" s="1">
        <v>42729</v>
      </c>
      <c r="B6632" s="3">
        <f t="shared" si="206"/>
        <v>12</v>
      </c>
      <c r="C6632" s="3">
        <f t="shared" si="207"/>
        <v>2016</v>
      </c>
      <c r="D6632" t="s">
        <v>1909</v>
      </c>
      <c r="E6632" t="s">
        <v>100</v>
      </c>
      <c r="F6632" t="s">
        <v>38</v>
      </c>
      <c r="G6632" t="s">
        <v>51</v>
      </c>
      <c r="H6632" t="s">
        <v>2124</v>
      </c>
      <c r="I6632">
        <v>399.98</v>
      </c>
      <c r="J6632">
        <v>2</v>
      </c>
      <c r="K6632">
        <v>171.99</v>
      </c>
    </row>
    <row r="6633" spans="1:11" x14ac:dyDescent="0.3">
      <c r="A6633" s="1">
        <v>42729</v>
      </c>
      <c r="B6633" s="3">
        <f t="shared" si="206"/>
        <v>12</v>
      </c>
      <c r="C6633" s="3">
        <f t="shared" si="207"/>
        <v>2016</v>
      </c>
      <c r="D6633" t="s">
        <v>1909</v>
      </c>
      <c r="E6633" t="s">
        <v>100</v>
      </c>
      <c r="F6633" t="s">
        <v>33</v>
      </c>
      <c r="G6633" t="s">
        <v>46</v>
      </c>
      <c r="H6633" t="s">
        <v>1657</v>
      </c>
      <c r="I6633">
        <v>343.85</v>
      </c>
      <c r="J6633">
        <v>5</v>
      </c>
      <c r="K6633">
        <v>137.54</v>
      </c>
    </row>
    <row r="6634" spans="1:11" x14ac:dyDescent="0.3">
      <c r="A6634" s="1">
        <v>42729</v>
      </c>
      <c r="B6634" s="3">
        <f t="shared" si="206"/>
        <v>12</v>
      </c>
      <c r="C6634" s="3">
        <f t="shared" si="207"/>
        <v>2016</v>
      </c>
      <c r="D6634" t="s">
        <v>1909</v>
      </c>
      <c r="E6634" t="s">
        <v>100</v>
      </c>
      <c r="F6634" t="s">
        <v>10</v>
      </c>
      <c r="G6634" t="s">
        <v>11</v>
      </c>
      <c r="H6634" t="s">
        <v>1854</v>
      </c>
      <c r="I6634">
        <v>106.32</v>
      </c>
      <c r="J6634">
        <v>3</v>
      </c>
      <c r="K6634">
        <v>49.97</v>
      </c>
    </row>
    <row r="6635" spans="1:11" x14ac:dyDescent="0.3">
      <c r="A6635" s="1">
        <v>42729</v>
      </c>
      <c r="B6635" s="3">
        <f t="shared" si="206"/>
        <v>12</v>
      </c>
      <c r="C6635" s="3">
        <f t="shared" si="207"/>
        <v>2016</v>
      </c>
      <c r="D6635" t="s">
        <v>1172</v>
      </c>
      <c r="E6635" t="s">
        <v>148</v>
      </c>
      <c r="F6635" t="s">
        <v>33</v>
      </c>
      <c r="G6635" t="s">
        <v>34</v>
      </c>
      <c r="H6635" t="s">
        <v>105</v>
      </c>
      <c r="I6635">
        <v>2563.06</v>
      </c>
      <c r="J6635">
        <v>8</v>
      </c>
      <c r="K6635">
        <v>313.26</v>
      </c>
    </row>
    <row r="6636" spans="1:11" x14ac:dyDescent="0.3">
      <c r="A6636" s="1">
        <v>42730</v>
      </c>
      <c r="B6636" s="3">
        <f t="shared" si="206"/>
        <v>12</v>
      </c>
      <c r="C6636" s="3">
        <f t="shared" si="207"/>
        <v>2016</v>
      </c>
      <c r="D6636" t="s">
        <v>1757</v>
      </c>
      <c r="E6636" t="s">
        <v>163</v>
      </c>
      <c r="F6636" t="s">
        <v>10</v>
      </c>
      <c r="G6636" t="s">
        <v>11</v>
      </c>
      <c r="H6636" t="s">
        <v>2647</v>
      </c>
      <c r="I6636">
        <v>33.9</v>
      </c>
      <c r="J6636">
        <v>5</v>
      </c>
      <c r="K6636">
        <v>15.59</v>
      </c>
    </row>
    <row r="6637" spans="1:11" x14ac:dyDescent="0.3">
      <c r="A6637" s="1">
        <v>42730</v>
      </c>
      <c r="B6637" s="3">
        <f t="shared" si="206"/>
        <v>12</v>
      </c>
      <c r="C6637" s="3">
        <f t="shared" si="207"/>
        <v>2016</v>
      </c>
      <c r="D6637" t="s">
        <v>600</v>
      </c>
      <c r="E6637" t="s">
        <v>148</v>
      </c>
      <c r="F6637" t="s">
        <v>38</v>
      </c>
      <c r="G6637" t="s">
        <v>51</v>
      </c>
      <c r="H6637" t="s">
        <v>1555</v>
      </c>
      <c r="I6637">
        <v>89.97</v>
      </c>
      <c r="J6637">
        <v>3</v>
      </c>
      <c r="K6637">
        <v>18.89</v>
      </c>
    </row>
    <row r="6638" spans="1:11" x14ac:dyDescent="0.3">
      <c r="A6638" s="1">
        <v>42730</v>
      </c>
      <c r="B6638" s="3">
        <f t="shared" si="206"/>
        <v>12</v>
      </c>
      <c r="C6638" s="3">
        <f t="shared" si="207"/>
        <v>2016</v>
      </c>
      <c r="D6638" t="s">
        <v>1770</v>
      </c>
      <c r="E6638" t="s">
        <v>277</v>
      </c>
      <c r="F6638" t="s">
        <v>10</v>
      </c>
      <c r="G6638" t="s">
        <v>91</v>
      </c>
      <c r="H6638" t="s">
        <v>2643</v>
      </c>
      <c r="I6638">
        <v>18.72</v>
      </c>
      <c r="J6638">
        <v>2</v>
      </c>
      <c r="K6638">
        <v>3.51</v>
      </c>
    </row>
    <row r="6639" spans="1:11" x14ac:dyDescent="0.3">
      <c r="A6639" s="1">
        <v>42730</v>
      </c>
      <c r="B6639" s="3">
        <f t="shared" si="206"/>
        <v>12</v>
      </c>
      <c r="C6639" s="3">
        <f t="shared" si="207"/>
        <v>2016</v>
      </c>
      <c r="D6639" t="s">
        <v>1746</v>
      </c>
      <c r="E6639" t="s">
        <v>277</v>
      </c>
      <c r="F6639" t="s">
        <v>10</v>
      </c>
      <c r="G6639" t="s">
        <v>23</v>
      </c>
      <c r="H6639" t="s">
        <v>1205</v>
      </c>
      <c r="I6639">
        <v>11.33</v>
      </c>
      <c r="J6639">
        <v>2</v>
      </c>
      <c r="K6639">
        <v>2.5499999999999998</v>
      </c>
    </row>
    <row r="6640" spans="1:11" x14ac:dyDescent="0.3">
      <c r="A6640" s="1">
        <v>42730</v>
      </c>
      <c r="B6640" s="3">
        <f t="shared" si="206"/>
        <v>12</v>
      </c>
      <c r="C6640" s="3">
        <f t="shared" si="207"/>
        <v>2016</v>
      </c>
      <c r="D6640" t="s">
        <v>1329</v>
      </c>
      <c r="E6640" t="s">
        <v>26</v>
      </c>
      <c r="F6640" t="s">
        <v>10</v>
      </c>
      <c r="G6640" t="s">
        <v>199</v>
      </c>
      <c r="H6640" t="s">
        <v>2564</v>
      </c>
      <c r="I6640">
        <v>17.760000000000002</v>
      </c>
      <c r="J6640">
        <v>2</v>
      </c>
      <c r="K6640">
        <v>4.97</v>
      </c>
    </row>
    <row r="6641" spans="1:11" x14ac:dyDescent="0.3">
      <c r="A6641" s="1">
        <v>42730</v>
      </c>
      <c r="B6641" s="3">
        <f t="shared" si="206"/>
        <v>12</v>
      </c>
      <c r="C6641" s="3">
        <f t="shared" si="207"/>
        <v>2016</v>
      </c>
      <c r="D6641" t="s">
        <v>1329</v>
      </c>
      <c r="E6641" t="s">
        <v>26</v>
      </c>
      <c r="F6641" t="s">
        <v>38</v>
      </c>
      <c r="G6641" t="s">
        <v>39</v>
      </c>
      <c r="H6641" t="s">
        <v>798</v>
      </c>
      <c r="I6641">
        <v>302.38</v>
      </c>
      <c r="J6641">
        <v>2</v>
      </c>
      <c r="K6641">
        <v>30.24</v>
      </c>
    </row>
    <row r="6642" spans="1:11" x14ac:dyDescent="0.3">
      <c r="A6642" s="1">
        <v>42730</v>
      </c>
      <c r="B6642" s="3">
        <f t="shared" si="206"/>
        <v>12</v>
      </c>
      <c r="C6642" s="3">
        <f t="shared" si="207"/>
        <v>2016</v>
      </c>
      <c r="D6642" t="s">
        <v>1329</v>
      </c>
      <c r="E6642" t="s">
        <v>26</v>
      </c>
      <c r="F6642" t="s">
        <v>33</v>
      </c>
      <c r="G6642" t="s">
        <v>34</v>
      </c>
      <c r="H6642" t="s">
        <v>2040</v>
      </c>
      <c r="I6642">
        <v>146.35</v>
      </c>
      <c r="J6642">
        <v>3</v>
      </c>
      <c r="K6642">
        <v>-5.49</v>
      </c>
    </row>
    <row r="6643" spans="1:11" x14ac:dyDescent="0.3">
      <c r="A6643" s="1">
        <v>42730</v>
      </c>
      <c r="B6643" s="3">
        <f t="shared" si="206"/>
        <v>12</v>
      </c>
      <c r="C6643" s="3">
        <f t="shared" si="207"/>
        <v>2016</v>
      </c>
      <c r="D6643" t="s">
        <v>1329</v>
      </c>
      <c r="E6643" t="s">
        <v>26</v>
      </c>
      <c r="F6643" t="s">
        <v>10</v>
      </c>
      <c r="G6643" t="s">
        <v>91</v>
      </c>
      <c r="H6643" t="s">
        <v>1467</v>
      </c>
      <c r="I6643">
        <v>7.9</v>
      </c>
      <c r="J6643">
        <v>2</v>
      </c>
      <c r="K6643">
        <v>2.0499999999999998</v>
      </c>
    </row>
    <row r="6644" spans="1:11" x14ac:dyDescent="0.3">
      <c r="A6644" s="1">
        <v>42730</v>
      </c>
      <c r="B6644" s="3">
        <f t="shared" si="206"/>
        <v>12</v>
      </c>
      <c r="C6644" s="3">
        <f t="shared" si="207"/>
        <v>2016</v>
      </c>
      <c r="D6644" t="s">
        <v>1329</v>
      </c>
      <c r="E6644" t="s">
        <v>26</v>
      </c>
      <c r="F6644" t="s">
        <v>33</v>
      </c>
      <c r="G6644" t="s">
        <v>144</v>
      </c>
      <c r="H6644" t="s">
        <v>319</v>
      </c>
      <c r="I6644">
        <v>902.71</v>
      </c>
      <c r="J6644">
        <v>3</v>
      </c>
      <c r="K6644">
        <v>33.85</v>
      </c>
    </row>
    <row r="6645" spans="1:11" x14ac:dyDescent="0.3">
      <c r="A6645" s="1">
        <v>42730</v>
      </c>
      <c r="B6645" s="3">
        <f t="shared" si="206"/>
        <v>12</v>
      </c>
      <c r="C6645" s="3">
        <f t="shared" si="207"/>
        <v>2016</v>
      </c>
      <c r="D6645" t="s">
        <v>1329</v>
      </c>
      <c r="E6645" t="s">
        <v>26</v>
      </c>
      <c r="F6645" t="s">
        <v>10</v>
      </c>
      <c r="G6645" t="s">
        <v>23</v>
      </c>
      <c r="H6645" t="s">
        <v>628</v>
      </c>
      <c r="I6645">
        <v>53.97</v>
      </c>
      <c r="J6645">
        <v>3</v>
      </c>
      <c r="K6645">
        <v>15.11</v>
      </c>
    </row>
    <row r="6646" spans="1:11" x14ac:dyDescent="0.3">
      <c r="A6646" s="1">
        <v>42730</v>
      </c>
      <c r="B6646" s="3">
        <f t="shared" si="206"/>
        <v>12</v>
      </c>
      <c r="C6646" s="3">
        <f t="shared" si="207"/>
        <v>2016</v>
      </c>
      <c r="D6646" t="s">
        <v>2102</v>
      </c>
      <c r="E6646" t="s">
        <v>176</v>
      </c>
      <c r="F6646" t="s">
        <v>33</v>
      </c>
      <c r="G6646" t="s">
        <v>34</v>
      </c>
      <c r="H6646" t="s">
        <v>2024</v>
      </c>
      <c r="I6646">
        <v>212.94</v>
      </c>
      <c r="J6646">
        <v>3</v>
      </c>
      <c r="K6646">
        <v>25.55</v>
      </c>
    </row>
    <row r="6647" spans="1:11" x14ac:dyDescent="0.3">
      <c r="A6647" s="1">
        <v>42730</v>
      </c>
      <c r="B6647" s="3">
        <f t="shared" si="206"/>
        <v>12</v>
      </c>
      <c r="C6647" s="3">
        <f t="shared" si="207"/>
        <v>2016</v>
      </c>
      <c r="D6647" t="s">
        <v>2102</v>
      </c>
      <c r="E6647" t="s">
        <v>176</v>
      </c>
      <c r="F6647" t="s">
        <v>10</v>
      </c>
      <c r="G6647" t="s">
        <v>91</v>
      </c>
      <c r="H6647" t="s">
        <v>420</v>
      </c>
      <c r="I6647">
        <v>26.49</v>
      </c>
      <c r="J6647">
        <v>1</v>
      </c>
      <c r="K6647">
        <v>7.42</v>
      </c>
    </row>
    <row r="6648" spans="1:11" x14ac:dyDescent="0.3">
      <c r="A6648" s="1">
        <v>42730</v>
      </c>
      <c r="B6648" s="3">
        <f t="shared" si="206"/>
        <v>12</v>
      </c>
      <c r="C6648" s="3">
        <f t="shared" si="207"/>
        <v>2016</v>
      </c>
      <c r="D6648" t="s">
        <v>668</v>
      </c>
      <c r="E6648" t="s">
        <v>148</v>
      </c>
      <c r="F6648" t="s">
        <v>10</v>
      </c>
      <c r="G6648" t="s">
        <v>19</v>
      </c>
      <c r="H6648" t="s">
        <v>2266</v>
      </c>
      <c r="I6648">
        <v>4.99</v>
      </c>
      <c r="J6648">
        <v>3</v>
      </c>
      <c r="K6648">
        <v>1.68</v>
      </c>
    </row>
    <row r="6649" spans="1:11" x14ac:dyDescent="0.3">
      <c r="A6649" s="1">
        <v>42731</v>
      </c>
      <c r="B6649" s="3">
        <f t="shared" si="206"/>
        <v>12</v>
      </c>
      <c r="C6649" s="3">
        <f t="shared" si="207"/>
        <v>2016</v>
      </c>
      <c r="D6649" t="s">
        <v>656</v>
      </c>
      <c r="E6649" t="s">
        <v>14</v>
      </c>
      <c r="F6649" t="s">
        <v>33</v>
      </c>
      <c r="G6649" t="s">
        <v>34</v>
      </c>
      <c r="H6649" t="s">
        <v>2158</v>
      </c>
      <c r="I6649">
        <v>845.49</v>
      </c>
      <c r="J6649">
        <v>8</v>
      </c>
      <c r="K6649">
        <v>-12.08</v>
      </c>
    </row>
    <row r="6650" spans="1:11" x14ac:dyDescent="0.3">
      <c r="A6650" s="1">
        <v>42731</v>
      </c>
      <c r="B6650" s="3">
        <f t="shared" si="206"/>
        <v>12</v>
      </c>
      <c r="C6650" s="3">
        <f t="shared" si="207"/>
        <v>2016</v>
      </c>
      <c r="D6650" t="s">
        <v>2318</v>
      </c>
      <c r="E6650" t="s">
        <v>9</v>
      </c>
      <c r="F6650" t="s">
        <v>10</v>
      </c>
      <c r="G6650" t="s">
        <v>11</v>
      </c>
      <c r="H6650" t="s">
        <v>1729</v>
      </c>
      <c r="I6650">
        <v>10.37</v>
      </c>
      <c r="J6650">
        <v>2</v>
      </c>
      <c r="K6650">
        <v>3.63</v>
      </c>
    </row>
    <row r="6651" spans="1:11" x14ac:dyDescent="0.3">
      <c r="A6651" s="1">
        <v>42731</v>
      </c>
      <c r="B6651" s="3">
        <f t="shared" si="206"/>
        <v>12</v>
      </c>
      <c r="C6651" s="3">
        <f t="shared" si="207"/>
        <v>2016</v>
      </c>
      <c r="D6651" t="s">
        <v>2318</v>
      </c>
      <c r="E6651" t="s">
        <v>9</v>
      </c>
      <c r="F6651" t="s">
        <v>10</v>
      </c>
      <c r="G6651" t="s">
        <v>11</v>
      </c>
      <c r="H6651" t="s">
        <v>1886</v>
      </c>
      <c r="I6651">
        <v>23.68</v>
      </c>
      <c r="J6651">
        <v>4</v>
      </c>
      <c r="K6651">
        <v>7.4</v>
      </c>
    </row>
    <row r="6652" spans="1:11" x14ac:dyDescent="0.3">
      <c r="A6652" s="1">
        <v>42731</v>
      </c>
      <c r="B6652" s="3">
        <f t="shared" si="206"/>
        <v>12</v>
      </c>
      <c r="C6652" s="3">
        <f t="shared" si="207"/>
        <v>2016</v>
      </c>
      <c r="D6652" t="s">
        <v>1171</v>
      </c>
      <c r="E6652" t="s">
        <v>77</v>
      </c>
      <c r="F6652" t="s">
        <v>38</v>
      </c>
      <c r="G6652" t="s">
        <v>51</v>
      </c>
      <c r="H6652" t="s">
        <v>2397</v>
      </c>
      <c r="I6652">
        <v>40</v>
      </c>
      <c r="J6652">
        <v>2</v>
      </c>
      <c r="K6652">
        <v>0.5</v>
      </c>
    </row>
    <row r="6653" spans="1:11" x14ac:dyDescent="0.3">
      <c r="A6653" s="1">
        <v>42731</v>
      </c>
      <c r="B6653" s="3">
        <f t="shared" si="206"/>
        <v>12</v>
      </c>
      <c r="C6653" s="3">
        <f t="shared" si="207"/>
        <v>2016</v>
      </c>
      <c r="D6653" t="s">
        <v>970</v>
      </c>
      <c r="E6653" t="s">
        <v>26</v>
      </c>
      <c r="F6653" t="s">
        <v>10</v>
      </c>
      <c r="G6653" t="s">
        <v>15</v>
      </c>
      <c r="H6653" t="s">
        <v>583</v>
      </c>
      <c r="I6653">
        <v>20.16</v>
      </c>
      <c r="J6653">
        <v>7</v>
      </c>
      <c r="K6653">
        <v>9.8800000000000008</v>
      </c>
    </row>
    <row r="6654" spans="1:11" x14ac:dyDescent="0.3">
      <c r="A6654" s="1">
        <v>42731</v>
      </c>
      <c r="B6654" s="3">
        <f t="shared" si="206"/>
        <v>12</v>
      </c>
      <c r="C6654" s="3">
        <f t="shared" si="207"/>
        <v>2016</v>
      </c>
      <c r="D6654" t="s">
        <v>1512</v>
      </c>
      <c r="E6654" t="s">
        <v>77</v>
      </c>
      <c r="F6654" t="s">
        <v>10</v>
      </c>
      <c r="G6654" t="s">
        <v>42</v>
      </c>
      <c r="H6654" t="s">
        <v>1035</v>
      </c>
      <c r="I6654">
        <v>17.18</v>
      </c>
      <c r="J6654">
        <v>6</v>
      </c>
      <c r="K6654">
        <v>6.23</v>
      </c>
    </row>
    <row r="6655" spans="1:11" x14ac:dyDescent="0.3">
      <c r="A6655" s="1">
        <v>42731</v>
      </c>
      <c r="B6655" s="3">
        <f t="shared" si="206"/>
        <v>12</v>
      </c>
      <c r="C6655" s="3">
        <f t="shared" si="207"/>
        <v>2016</v>
      </c>
      <c r="D6655" t="s">
        <v>2196</v>
      </c>
      <c r="E6655" t="s">
        <v>32</v>
      </c>
      <c r="F6655" t="s">
        <v>10</v>
      </c>
      <c r="G6655" t="s">
        <v>15</v>
      </c>
      <c r="H6655" t="s">
        <v>531</v>
      </c>
      <c r="I6655">
        <v>2.61</v>
      </c>
      <c r="J6655">
        <v>1</v>
      </c>
      <c r="K6655">
        <v>1.2</v>
      </c>
    </row>
    <row r="6656" spans="1:11" x14ac:dyDescent="0.3">
      <c r="A6656" s="1">
        <v>42733</v>
      </c>
      <c r="B6656" s="3">
        <f t="shared" si="206"/>
        <v>12</v>
      </c>
      <c r="C6656" s="3">
        <f t="shared" si="207"/>
        <v>2016</v>
      </c>
      <c r="D6656" t="s">
        <v>207</v>
      </c>
      <c r="E6656" t="s">
        <v>156</v>
      </c>
      <c r="F6656" t="s">
        <v>33</v>
      </c>
      <c r="G6656" t="s">
        <v>34</v>
      </c>
      <c r="H6656" t="s">
        <v>1690</v>
      </c>
      <c r="I6656">
        <v>754.45</v>
      </c>
      <c r="J6656">
        <v>5</v>
      </c>
      <c r="K6656">
        <v>60.36</v>
      </c>
    </row>
    <row r="6657" spans="1:11" x14ac:dyDescent="0.3">
      <c r="A6657" s="1">
        <v>42733</v>
      </c>
      <c r="B6657" s="3">
        <f t="shared" si="206"/>
        <v>12</v>
      </c>
      <c r="C6657" s="3">
        <f t="shared" si="207"/>
        <v>2016</v>
      </c>
      <c r="D6657" t="s">
        <v>282</v>
      </c>
      <c r="E6657" t="s">
        <v>14</v>
      </c>
      <c r="F6657" t="s">
        <v>10</v>
      </c>
      <c r="G6657" t="s">
        <v>11</v>
      </c>
      <c r="H6657" t="s">
        <v>1053</v>
      </c>
      <c r="I6657">
        <v>186.05</v>
      </c>
      <c r="J6657">
        <v>6</v>
      </c>
      <c r="K6657">
        <v>67.44</v>
      </c>
    </row>
    <row r="6658" spans="1:11" x14ac:dyDescent="0.3">
      <c r="A6658" s="1">
        <v>42733</v>
      </c>
      <c r="B6658" s="3">
        <f t="shared" ref="B6658:B6721" si="208">MONTH(A:A)</f>
        <v>12</v>
      </c>
      <c r="C6658" s="3">
        <f t="shared" ref="C6658:C6721" si="209">YEAR(A:A)</f>
        <v>2016</v>
      </c>
      <c r="D6658" t="s">
        <v>2032</v>
      </c>
      <c r="E6658" t="s">
        <v>119</v>
      </c>
      <c r="F6658" t="s">
        <v>10</v>
      </c>
      <c r="G6658" t="s">
        <v>19</v>
      </c>
      <c r="H6658" t="s">
        <v>2227</v>
      </c>
      <c r="I6658">
        <v>38.090000000000003</v>
      </c>
      <c r="J6658">
        <v>4</v>
      </c>
      <c r="K6658">
        <v>-27.93</v>
      </c>
    </row>
    <row r="6659" spans="1:11" x14ac:dyDescent="0.3">
      <c r="A6659" s="1">
        <v>42733</v>
      </c>
      <c r="B6659" s="3">
        <f t="shared" si="208"/>
        <v>12</v>
      </c>
      <c r="C6659" s="3">
        <f t="shared" si="209"/>
        <v>2016</v>
      </c>
      <c r="D6659" t="s">
        <v>2032</v>
      </c>
      <c r="E6659" t="s">
        <v>119</v>
      </c>
      <c r="F6659" t="s">
        <v>10</v>
      </c>
      <c r="G6659" t="s">
        <v>19</v>
      </c>
      <c r="H6659" t="s">
        <v>435</v>
      </c>
      <c r="I6659">
        <v>2.81</v>
      </c>
      <c r="J6659">
        <v>3</v>
      </c>
      <c r="K6659">
        <v>-1.97</v>
      </c>
    </row>
    <row r="6660" spans="1:11" x14ac:dyDescent="0.3">
      <c r="A6660" s="1">
        <v>42733</v>
      </c>
      <c r="B6660" s="3">
        <f t="shared" si="208"/>
        <v>12</v>
      </c>
      <c r="C6660" s="3">
        <f t="shared" si="209"/>
        <v>2016</v>
      </c>
      <c r="D6660" t="s">
        <v>377</v>
      </c>
      <c r="E6660" t="s">
        <v>1282</v>
      </c>
      <c r="F6660" t="s">
        <v>33</v>
      </c>
      <c r="G6660" t="s">
        <v>46</v>
      </c>
      <c r="H6660" t="s">
        <v>1860</v>
      </c>
      <c r="I6660">
        <v>70.56</v>
      </c>
      <c r="J6660">
        <v>6</v>
      </c>
      <c r="K6660">
        <v>23.99</v>
      </c>
    </row>
    <row r="6661" spans="1:11" x14ac:dyDescent="0.3">
      <c r="A6661" s="1">
        <v>42733</v>
      </c>
      <c r="B6661" s="3">
        <f t="shared" si="208"/>
        <v>12</v>
      </c>
      <c r="C6661" s="3">
        <f t="shared" si="209"/>
        <v>2016</v>
      </c>
      <c r="D6661" t="s">
        <v>377</v>
      </c>
      <c r="E6661" t="s">
        <v>1282</v>
      </c>
      <c r="F6661" t="s">
        <v>10</v>
      </c>
      <c r="G6661" t="s">
        <v>91</v>
      </c>
      <c r="H6661" t="s">
        <v>198</v>
      </c>
      <c r="I6661">
        <v>81.96</v>
      </c>
      <c r="J6661">
        <v>2</v>
      </c>
      <c r="K6661">
        <v>22.95</v>
      </c>
    </row>
    <row r="6662" spans="1:11" x14ac:dyDescent="0.3">
      <c r="A6662" s="1">
        <v>42733</v>
      </c>
      <c r="B6662" s="3">
        <f t="shared" si="208"/>
        <v>12</v>
      </c>
      <c r="C6662" s="3">
        <f t="shared" si="209"/>
        <v>2016</v>
      </c>
      <c r="D6662" t="s">
        <v>2557</v>
      </c>
      <c r="E6662" t="s">
        <v>26</v>
      </c>
      <c r="F6662" t="s">
        <v>10</v>
      </c>
      <c r="G6662" t="s">
        <v>19</v>
      </c>
      <c r="H6662" t="s">
        <v>1119</v>
      </c>
      <c r="I6662">
        <v>11.23</v>
      </c>
      <c r="J6662">
        <v>3</v>
      </c>
      <c r="K6662">
        <v>3.93</v>
      </c>
    </row>
    <row r="6663" spans="1:11" x14ac:dyDescent="0.3">
      <c r="A6663" s="1">
        <v>42733</v>
      </c>
      <c r="B6663" s="3">
        <f t="shared" si="208"/>
        <v>12</v>
      </c>
      <c r="C6663" s="3">
        <f t="shared" si="209"/>
        <v>2016</v>
      </c>
      <c r="D6663" t="s">
        <v>1011</v>
      </c>
      <c r="E6663" t="s">
        <v>90</v>
      </c>
      <c r="F6663" t="s">
        <v>10</v>
      </c>
      <c r="G6663" t="s">
        <v>62</v>
      </c>
      <c r="H6663" t="s">
        <v>1666</v>
      </c>
      <c r="I6663">
        <v>27.79</v>
      </c>
      <c r="J6663">
        <v>3</v>
      </c>
      <c r="K6663">
        <v>10.42</v>
      </c>
    </row>
    <row r="6664" spans="1:11" x14ac:dyDescent="0.3">
      <c r="A6664" s="1">
        <v>42733</v>
      </c>
      <c r="B6664" s="3">
        <f t="shared" si="208"/>
        <v>12</v>
      </c>
      <c r="C6664" s="3">
        <f t="shared" si="209"/>
        <v>2016</v>
      </c>
      <c r="D6664" t="s">
        <v>575</v>
      </c>
      <c r="E6664" t="s">
        <v>122</v>
      </c>
      <c r="F6664" t="s">
        <v>10</v>
      </c>
      <c r="G6664" t="s">
        <v>11</v>
      </c>
      <c r="H6664" t="s">
        <v>440</v>
      </c>
      <c r="I6664">
        <v>37.409999999999997</v>
      </c>
      <c r="J6664">
        <v>7</v>
      </c>
      <c r="K6664">
        <v>13.09</v>
      </c>
    </row>
    <row r="6665" spans="1:11" x14ac:dyDescent="0.3">
      <c r="A6665" s="1">
        <v>42733</v>
      </c>
      <c r="B6665" s="3">
        <f t="shared" si="208"/>
        <v>12</v>
      </c>
      <c r="C6665" s="3">
        <f t="shared" si="209"/>
        <v>2016</v>
      </c>
      <c r="D6665" t="s">
        <v>575</v>
      </c>
      <c r="E6665" t="s">
        <v>122</v>
      </c>
      <c r="F6665" t="s">
        <v>10</v>
      </c>
      <c r="G6665" t="s">
        <v>11</v>
      </c>
      <c r="H6665" t="s">
        <v>1767</v>
      </c>
      <c r="I6665">
        <v>25.34</v>
      </c>
      <c r="J6665">
        <v>6</v>
      </c>
      <c r="K6665">
        <v>8.8699999999999992</v>
      </c>
    </row>
    <row r="6666" spans="1:11" x14ac:dyDescent="0.3">
      <c r="A6666" s="1">
        <v>42733</v>
      </c>
      <c r="B6666" s="3">
        <f t="shared" si="208"/>
        <v>12</v>
      </c>
      <c r="C6666" s="3">
        <f t="shared" si="209"/>
        <v>2016</v>
      </c>
      <c r="D6666" t="s">
        <v>808</v>
      </c>
      <c r="E6666" t="s">
        <v>26</v>
      </c>
      <c r="F6666" t="s">
        <v>10</v>
      </c>
      <c r="G6666" t="s">
        <v>17</v>
      </c>
      <c r="H6666" t="s">
        <v>1327</v>
      </c>
      <c r="I6666">
        <v>14.03</v>
      </c>
      <c r="J6666">
        <v>1</v>
      </c>
      <c r="K6666">
        <v>4.07</v>
      </c>
    </row>
    <row r="6667" spans="1:11" x14ac:dyDescent="0.3">
      <c r="A6667" s="1">
        <v>42733</v>
      </c>
      <c r="B6667" s="3">
        <f t="shared" si="208"/>
        <v>12</v>
      </c>
      <c r="C6667" s="3">
        <f t="shared" si="209"/>
        <v>2016</v>
      </c>
      <c r="D6667" t="s">
        <v>808</v>
      </c>
      <c r="E6667" t="s">
        <v>26</v>
      </c>
      <c r="F6667" t="s">
        <v>10</v>
      </c>
      <c r="G6667" t="s">
        <v>199</v>
      </c>
      <c r="H6667" t="s">
        <v>2079</v>
      </c>
      <c r="I6667">
        <v>27.96</v>
      </c>
      <c r="J6667">
        <v>2</v>
      </c>
      <c r="K6667">
        <v>7.27</v>
      </c>
    </row>
    <row r="6668" spans="1:11" x14ac:dyDescent="0.3">
      <c r="A6668" s="1">
        <v>42734</v>
      </c>
      <c r="B6668" s="3">
        <f t="shared" si="208"/>
        <v>12</v>
      </c>
      <c r="C6668" s="3">
        <f t="shared" si="209"/>
        <v>2016</v>
      </c>
      <c r="D6668" t="s">
        <v>1393</v>
      </c>
      <c r="E6668" t="s">
        <v>9</v>
      </c>
      <c r="F6668" t="s">
        <v>10</v>
      </c>
      <c r="G6668" t="s">
        <v>19</v>
      </c>
      <c r="H6668" t="s">
        <v>1369</v>
      </c>
      <c r="I6668">
        <v>6.92</v>
      </c>
      <c r="J6668">
        <v>6</v>
      </c>
      <c r="K6668">
        <v>-10.39</v>
      </c>
    </row>
    <row r="6669" spans="1:11" x14ac:dyDescent="0.3">
      <c r="A6669" s="1">
        <v>42734</v>
      </c>
      <c r="B6669" s="3">
        <f t="shared" si="208"/>
        <v>12</v>
      </c>
      <c r="C6669" s="3">
        <f t="shared" si="209"/>
        <v>2016</v>
      </c>
      <c r="D6669" t="s">
        <v>777</v>
      </c>
      <c r="E6669" t="s">
        <v>77</v>
      </c>
      <c r="F6669" t="s">
        <v>10</v>
      </c>
      <c r="G6669" t="s">
        <v>15</v>
      </c>
      <c r="H6669" t="s">
        <v>1817</v>
      </c>
      <c r="I6669">
        <v>5.9</v>
      </c>
      <c r="J6669">
        <v>2</v>
      </c>
      <c r="K6669">
        <v>1.99</v>
      </c>
    </row>
    <row r="6670" spans="1:11" x14ac:dyDescent="0.3">
      <c r="A6670" s="1">
        <v>42734</v>
      </c>
      <c r="B6670" s="3">
        <f t="shared" si="208"/>
        <v>12</v>
      </c>
      <c r="C6670" s="3">
        <f t="shared" si="209"/>
        <v>2016</v>
      </c>
      <c r="D6670" t="s">
        <v>777</v>
      </c>
      <c r="E6670" t="s">
        <v>77</v>
      </c>
      <c r="F6670" t="s">
        <v>10</v>
      </c>
      <c r="G6670" t="s">
        <v>199</v>
      </c>
      <c r="H6670" t="s">
        <v>781</v>
      </c>
      <c r="I6670">
        <v>13.71</v>
      </c>
      <c r="J6670">
        <v>2</v>
      </c>
      <c r="K6670">
        <v>1.03</v>
      </c>
    </row>
    <row r="6671" spans="1:11" x14ac:dyDescent="0.3">
      <c r="A6671" s="1">
        <v>42734</v>
      </c>
      <c r="B6671" s="3">
        <f t="shared" si="208"/>
        <v>12</v>
      </c>
      <c r="C6671" s="3">
        <f t="shared" si="209"/>
        <v>2016</v>
      </c>
      <c r="D6671" t="s">
        <v>1368</v>
      </c>
      <c r="E6671" t="s">
        <v>26</v>
      </c>
      <c r="F6671" t="s">
        <v>10</v>
      </c>
      <c r="G6671" t="s">
        <v>17</v>
      </c>
      <c r="H6671" t="s">
        <v>2147</v>
      </c>
      <c r="I6671">
        <v>481.32</v>
      </c>
      <c r="J6671">
        <v>4</v>
      </c>
      <c r="K6671">
        <v>125.14</v>
      </c>
    </row>
    <row r="6672" spans="1:11" x14ac:dyDescent="0.3">
      <c r="A6672" s="1">
        <v>42734</v>
      </c>
      <c r="B6672" s="3">
        <f t="shared" si="208"/>
        <v>12</v>
      </c>
      <c r="C6672" s="3">
        <f t="shared" si="209"/>
        <v>2016</v>
      </c>
      <c r="D6672" t="s">
        <v>1368</v>
      </c>
      <c r="E6672" t="s">
        <v>26</v>
      </c>
      <c r="F6672" t="s">
        <v>10</v>
      </c>
      <c r="G6672" t="s">
        <v>19</v>
      </c>
      <c r="H6672" t="s">
        <v>2176</v>
      </c>
      <c r="I6672">
        <v>6.38</v>
      </c>
      <c r="J6672">
        <v>1</v>
      </c>
      <c r="K6672">
        <v>2.15</v>
      </c>
    </row>
    <row r="6673" spans="1:11" x14ac:dyDescent="0.3">
      <c r="A6673" s="1">
        <v>42734</v>
      </c>
      <c r="B6673" s="3">
        <f t="shared" si="208"/>
        <v>12</v>
      </c>
      <c r="C6673" s="3">
        <f t="shared" si="209"/>
        <v>2016</v>
      </c>
      <c r="D6673" t="s">
        <v>71</v>
      </c>
      <c r="E6673" t="s">
        <v>22</v>
      </c>
      <c r="F6673" t="s">
        <v>33</v>
      </c>
      <c r="G6673" t="s">
        <v>34</v>
      </c>
      <c r="H6673" t="s">
        <v>863</v>
      </c>
      <c r="I6673">
        <v>170.79</v>
      </c>
      <c r="J6673">
        <v>1</v>
      </c>
      <c r="K6673">
        <v>0</v>
      </c>
    </row>
    <row r="6674" spans="1:11" x14ac:dyDescent="0.3">
      <c r="A6674" s="1">
        <v>42734</v>
      </c>
      <c r="B6674" s="3">
        <f t="shared" si="208"/>
        <v>12</v>
      </c>
      <c r="C6674" s="3">
        <f t="shared" si="209"/>
        <v>2016</v>
      </c>
      <c r="D6674" t="s">
        <v>2650</v>
      </c>
      <c r="E6674" t="s">
        <v>22</v>
      </c>
      <c r="F6674" t="s">
        <v>10</v>
      </c>
      <c r="G6674" t="s">
        <v>23</v>
      </c>
      <c r="H6674" t="s">
        <v>1814</v>
      </c>
      <c r="I6674">
        <v>16.52</v>
      </c>
      <c r="J6674">
        <v>5</v>
      </c>
      <c r="K6674">
        <v>1.65</v>
      </c>
    </row>
    <row r="6675" spans="1:11" x14ac:dyDescent="0.3">
      <c r="A6675" s="1">
        <v>42734</v>
      </c>
      <c r="B6675" s="3">
        <f t="shared" si="208"/>
        <v>12</v>
      </c>
      <c r="C6675" s="3">
        <f t="shared" si="209"/>
        <v>2016</v>
      </c>
      <c r="D6675" t="s">
        <v>701</v>
      </c>
      <c r="E6675" t="s">
        <v>122</v>
      </c>
      <c r="F6675" t="s">
        <v>10</v>
      </c>
      <c r="G6675" t="s">
        <v>11</v>
      </c>
      <c r="H6675" t="s">
        <v>2499</v>
      </c>
      <c r="I6675">
        <v>72.22</v>
      </c>
      <c r="J6675">
        <v>4</v>
      </c>
      <c r="K6675">
        <v>25.28</v>
      </c>
    </row>
    <row r="6676" spans="1:11" x14ac:dyDescent="0.3">
      <c r="A6676" s="1">
        <v>42735</v>
      </c>
      <c r="B6676" s="3">
        <f t="shared" si="208"/>
        <v>12</v>
      </c>
      <c r="C6676" s="3">
        <f t="shared" si="209"/>
        <v>2016</v>
      </c>
      <c r="D6676" t="s">
        <v>816</v>
      </c>
      <c r="E6676" t="s">
        <v>125</v>
      </c>
      <c r="F6676" t="s">
        <v>10</v>
      </c>
      <c r="G6676" t="s">
        <v>23</v>
      </c>
      <c r="H6676" t="s">
        <v>2350</v>
      </c>
      <c r="I6676">
        <v>3.64</v>
      </c>
      <c r="J6676">
        <v>2</v>
      </c>
      <c r="K6676">
        <v>1.64</v>
      </c>
    </row>
    <row r="6677" spans="1:11" x14ac:dyDescent="0.3">
      <c r="A6677" s="1">
        <v>42735</v>
      </c>
      <c r="B6677" s="3">
        <f t="shared" si="208"/>
        <v>12</v>
      </c>
      <c r="C6677" s="3">
        <f t="shared" si="209"/>
        <v>2016</v>
      </c>
      <c r="D6677" t="s">
        <v>816</v>
      </c>
      <c r="E6677" t="s">
        <v>125</v>
      </c>
      <c r="F6677" t="s">
        <v>10</v>
      </c>
      <c r="G6677" t="s">
        <v>19</v>
      </c>
      <c r="H6677" t="s">
        <v>1826</v>
      </c>
      <c r="I6677">
        <v>159.77000000000001</v>
      </c>
      <c r="J6677">
        <v>7</v>
      </c>
      <c r="K6677">
        <v>53.92</v>
      </c>
    </row>
    <row r="6678" spans="1:11" x14ac:dyDescent="0.3">
      <c r="A6678" s="1">
        <v>42735</v>
      </c>
      <c r="B6678" s="3">
        <f t="shared" si="208"/>
        <v>12</v>
      </c>
      <c r="C6678" s="3">
        <f t="shared" si="209"/>
        <v>2016</v>
      </c>
      <c r="D6678" t="s">
        <v>894</v>
      </c>
      <c r="E6678" t="s">
        <v>26</v>
      </c>
      <c r="F6678" t="s">
        <v>38</v>
      </c>
      <c r="G6678" t="s">
        <v>39</v>
      </c>
      <c r="H6678" t="s">
        <v>761</v>
      </c>
      <c r="I6678">
        <v>302.38</v>
      </c>
      <c r="J6678">
        <v>3</v>
      </c>
      <c r="K6678">
        <v>22.68</v>
      </c>
    </row>
    <row r="6679" spans="1:11" x14ac:dyDescent="0.3">
      <c r="A6679" s="1">
        <v>42735</v>
      </c>
      <c r="B6679" s="3">
        <f t="shared" si="208"/>
        <v>12</v>
      </c>
      <c r="C6679" s="3">
        <f t="shared" si="209"/>
        <v>2016</v>
      </c>
      <c r="D6679" t="s">
        <v>914</v>
      </c>
      <c r="E6679" t="s">
        <v>122</v>
      </c>
      <c r="F6679" t="s">
        <v>10</v>
      </c>
      <c r="G6679" t="s">
        <v>23</v>
      </c>
      <c r="H6679" t="s">
        <v>259</v>
      </c>
      <c r="I6679">
        <v>47.62</v>
      </c>
      <c r="J6679">
        <v>3</v>
      </c>
      <c r="K6679">
        <v>3.57</v>
      </c>
    </row>
    <row r="6680" spans="1:11" x14ac:dyDescent="0.3">
      <c r="A6680" s="1">
        <v>42735</v>
      </c>
      <c r="B6680" s="3">
        <f t="shared" si="208"/>
        <v>12</v>
      </c>
      <c r="C6680" s="3">
        <f t="shared" si="209"/>
        <v>2016</v>
      </c>
      <c r="D6680" t="s">
        <v>914</v>
      </c>
      <c r="E6680" t="s">
        <v>122</v>
      </c>
      <c r="F6680" t="s">
        <v>10</v>
      </c>
      <c r="G6680" t="s">
        <v>11</v>
      </c>
      <c r="H6680" t="s">
        <v>2075</v>
      </c>
      <c r="I6680">
        <v>23.48</v>
      </c>
      <c r="J6680">
        <v>5</v>
      </c>
      <c r="K6680">
        <v>8.2200000000000006</v>
      </c>
    </row>
    <row r="6681" spans="1:11" x14ac:dyDescent="0.3">
      <c r="A6681" s="1">
        <v>42735</v>
      </c>
      <c r="B6681" s="3">
        <f t="shared" si="208"/>
        <v>12</v>
      </c>
      <c r="C6681" s="3">
        <f t="shared" si="209"/>
        <v>2016</v>
      </c>
      <c r="D6681" t="s">
        <v>2100</v>
      </c>
      <c r="E6681" t="s">
        <v>26</v>
      </c>
      <c r="F6681" t="s">
        <v>10</v>
      </c>
      <c r="G6681" t="s">
        <v>19</v>
      </c>
      <c r="H6681" t="s">
        <v>743</v>
      </c>
      <c r="I6681">
        <v>38.380000000000003</v>
      </c>
      <c r="J6681">
        <v>3</v>
      </c>
      <c r="K6681">
        <v>13.43</v>
      </c>
    </row>
    <row r="6682" spans="1:11" x14ac:dyDescent="0.3">
      <c r="A6682" s="1">
        <v>42735</v>
      </c>
      <c r="B6682" s="3">
        <f t="shared" si="208"/>
        <v>12</v>
      </c>
      <c r="C6682" s="3">
        <f t="shared" si="209"/>
        <v>2016</v>
      </c>
      <c r="D6682" t="s">
        <v>823</v>
      </c>
      <c r="E6682" t="s">
        <v>77</v>
      </c>
      <c r="F6682" t="s">
        <v>10</v>
      </c>
      <c r="G6682" t="s">
        <v>17</v>
      </c>
      <c r="H6682" t="s">
        <v>1869</v>
      </c>
      <c r="I6682">
        <v>156.51</v>
      </c>
      <c r="J6682">
        <v>4</v>
      </c>
      <c r="K6682">
        <v>-35.22</v>
      </c>
    </row>
    <row r="6683" spans="1:11" x14ac:dyDescent="0.3">
      <c r="A6683" s="1">
        <v>42736</v>
      </c>
      <c r="B6683" s="3">
        <f t="shared" si="208"/>
        <v>1</v>
      </c>
      <c r="C6683" s="3">
        <f t="shared" si="209"/>
        <v>2017</v>
      </c>
      <c r="D6683" t="s">
        <v>184</v>
      </c>
      <c r="E6683" t="s">
        <v>77</v>
      </c>
      <c r="F6683" t="s">
        <v>33</v>
      </c>
      <c r="G6683" t="s">
        <v>46</v>
      </c>
      <c r="H6683" t="s">
        <v>1731</v>
      </c>
      <c r="I6683">
        <v>48.9</v>
      </c>
      <c r="J6683">
        <v>4</v>
      </c>
      <c r="K6683">
        <v>8.56</v>
      </c>
    </row>
    <row r="6684" spans="1:11" x14ac:dyDescent="0.3">
      <c r="A6684" s="1">
        <v>42736</v>
      </c>
      <c r="B6684" s="3">
        <f t="shared" si="208"/>
        <v>1</v>
      </c>
      <c r="C6684" s="3">
        <f t="shared" si="209"/>
        <v>2017</v>
      </c>
      <c r="D6684" t="s">
        <v>767</v>
      </c>
      <c r="E6684" t="s">
        <v>26</v>
      </c>
      <c r="F6684" t="s">
        <v>33</v>
      </c>
      <c r="G6684" t="s">
        <v>46</v>
      </c>
      <c r="H6684" t="s">
        <v>1951</v>
      </c>
      <c r="I6684">
        <v>474.43</v>
      </c>
      <c r="J6684">
        <v>11</v>
      </c>
      <c r="K6684">
        <v>199.26</v>
      </c>
    </row>
    <row r="6685" spans="1:11" x14ac:dyDescent="0.3">
      <c r="A6685" s="1">
        <v>42736</v>
      </c>
      <c r="B6685" s="3">
        <f t="shared" si="208"/>
        <v>1</v>
      </c>
      <c r="C6685" s="3">
        <f t="shared" si="209"/>
        <v>2017</v>
      </c>
      <c r="D6685" t="s">
        <v>909</v>
      </c>
      <c r="E6685" t="s">
        <v>156</v>
      </c>
      <c r="F6685" t="s">
        <v>10</v>
      </c>
      <c r="G6685" t="s">
        <v>19</v>
      </c>
      <c r="H6685" t="s">
        <v>204</v>
      </c>
      <c r="I6685">
        <v>3.6</v>
      </c>
      <c r="J6685">
        <v>2</v>
      </c>
      <c r="K6685">
        <v>1.73</v>
      </c>
    </row>
    <row r="6686" spans="1:11" x14ac:dyDescent="0.3">
      <c r="A6686" s="1">
        <v>42736</v>
      </c>
      <c r="B6686" s="3">
        <f t="shared" si="208"/>
        <v>1</v>
      </c>
      <c r="C6686" s="3">
        <f t="shared" si="209"/>
        <v>2017</v>
      </c>
      <c r="D6686" t="s">
        <v>2471</v>
      </c>
      <c r="E6686" t="s">
        <v>9</v>
      </c>
      <c r="F6686" t="s">
        <v>10</v>
      </c>
      <c r="G6686" t="s">
        <v>17</v>
      </c>
      <c r="H6686" t="s">
        <v>18</v>
      </c>
      <c r="I6686">
        <v>454.56</v>
      </c>
      <c r="J6686">
        <v>5</v>
      </c>
      <c r="K6686">
        <v>-107.96</v>
      </c>
    </row>
    <row r="6687" spans="1:11" x14ac:dyDescent="0.3">
      <c r="A6687" s="1">
        <v>42736</v>
      </c>
      <c r="B6687" s="3">
        <f t="shared" si="208"/>
        <v>1</v>
      </c>
      <c r="C6687" s="3">
        <f t="shared" si="209"/>
        <v>2017</v>
      </c>
      <c r="D6687" t="s">
        <v>2471</v>
      </c>
      <c r="E6687" t="s">
        <v>9</v>
      </c>
      <c r="F6687" t="s">
        <v>33</v>
      </c>
      <c r="G6687" t="s">
        <v>46</v>
      </c>
      <c r="H6687" t="s">
        <v>1204</v>
      </c>
      <c r="I6687">
        <v>141.41999999999999</v>
      </c>
      <c r="J6687">
        <v>5</v>
      </c>
      <c r="K6687">
        <v>-187.38</v>
      </c>
    </row>
    <row r="6688" spans="1:11" x14ac:dyDescent="0.3">
      <c r="A6688" s="1">
        <v>42736</v>
      </c>
      <c r="B6688" s="3">
        <f t="shared" si="208"/>
        <v>1</v>
      </c>
      <c r="C6688" s="3">
        <f t="shared" si="209"/>
        <v>2017</v>
      </c>
      <c r="D6688" t="s">
        <v>2471</v>
      </c>
      <c r="E6688" t="s">
        <v>9</v>
      </c>
      <c r="F6688" t="s">
        <v>33</v>
      </c>
      <c r="G6688" t="s">
        <v>34</v>
      </c>
      <c r="H6688" t="s">
        <v>2131</v>
      </c>
      <c r="I6688">
        <v>310.74</v>
      </c>
      <c r="J6688">
        <v>4</v>
      </c>
      <c r="K6688">
        <v>-26.64</v>
      </c>
    </row>
    <row r="6689" spans="1:11" x14ac:dyDescent="0.3">
      <c r="A6689" s="1">
        <v>42736</v>
      </c>
      <c r="B6689" s="3">
        <f t="shared" si="208"/>
        <v>1</v>
      </c>
      <c r="C6689" s="3">
        <f t="shared" si="209"/>
        <v>2017</v>
      </c>
      <c r="D6689" t="s">
        <v>2471</v>
      </c>
      <c r="E6689" t="s">
        <v>9</v>
      </c>
      <c r="F6689" t="s">
        <v>10</v>
      </c>
      <c r="G6689" t="s">
        <v>23</v>
      </c>
      <c r="H6689" t="s">
        <v>948</v>
      </c>
      <c r="I6689">
        <v>12.74</v>
      </c>
      <c r="J6689">
        <v>4</v>
      </c>
      <c r="K6689">
        <v>2.23</v>
      </c>
    </row>
    <row r="6690" spans="1:11" x14ac:dyDescent="0.3">
      <c r="A6690" s="1">
        <v>42736</v>
      </c>
      <c r="B6690" s="3">
        <f t="shared" si="208"/>
        <v>1</v>
      </c>
      <c r="C6690" s="3">
        <f t="shared" si="209"/>
        <v>2017</v>
      </c>
      <c r="D6690" t="s">
        <v>2471</v>
      </c>
      <c r="E6690" t="s">
        <v>9</v>
      </c>
      <c r="F6690" t="s">
        <v>10</v>
      </c>
      <c r="G6690" t="s">
        <v>19</v>
      </c>
      <c r="H6690" t="s">
        <v>1366</v>
      </c>
      <c r="I6690">
        <v>6.47</v>
      </c>
      <c r="J6690">
        <v>5</v>
      </c>
      <c r="K6690">
        <v>-9.7100000000000009</v>
      </c>
    </row>
    <row r="6691" spans="1:11" x14ac:dyDescent="0.3">
      <c r="A6691" s="1">
        <v>42736</v>
      </c>
      <c r="B6691" s="3">
        <f t="shared" si="208"/>
        <v>1</v>
      </c>
      <c r="C6691" s="3">
        <f t="shared" si="209"/>
        <v>2017</v>
      </c>
      <c r="D6691" t="s">
        <v>2471</v>
      </c>
      <c r="E6691" t="s">
        <v>9</v>
      </c>
      <c r="F6691" t="s">
        <v>10</v>
      </c>
      <c r="G6691" t="s">
        <v>19</v>
      </c>
      <c r="H6691" t="s">
        <v>149</v>
      </c>
      <c r="I6691">
        <v>13.75</v>
      </c>
      <c r="J6691">
        <v>14</v>
      </c>
      <c r="K6691">
        <v>-22.68</v>
      </c>
    </row>
    <row r="6692" spans="1:11" x14ac:dyDescent="0.3">
      <c r="A6692" s="1">
        <v>42736</v>
      </c>
      <c r="B6692" s="3">
        <f t="shared" si="208"/>
        <v>1</v>
      </c>
      <c r="C6692" s="3">
        <f t="shared" si="209"/>
        <v>2017</v>
      </c>
      <c r="D6692" t="s">
        <v>2471</v>
      </c>
      <c r="E6692" t="s">
        <v>9</v>
      </c>
      <c r="F6692" t="s">
        <v>10</v>
      </c>
      <c r="G6692" t="s">
        <v>91</v>
      </c>
      <c r="H6692" t="s">
        <v>1079</v>
      </c>
      <c r="I6692">
        <v>15.22</v>
      </c>
      <c r="J6692">
        <v>2</v>
      </c>
      <c r="K6692">
        <v>-38.82</v>
      </c>
    </row>
    <row r="6693" spans="1:11" x14ac:dyDescent="0.3">
      <c r="A6693" s="1">
        <v>42737</v>
      </c>
      <c r="B6693" s="3">
        <f t="shared" si="208"/>
        <v>1</v>
      </c>
      <c r="C6693" s="3">
        <f t="shared" si="209"/>
        <v>2017</v>
      </c>
      <c r="D6693" t="s">
        <v>1032</v>
      </c>
      <c r="E6693" t="s">
        <v>244</v>
      </c>
      <c r="F6693" t="s">
        <v>38</v>
      </c>
      <c r="G6693" t="s">
        <v>301</v>
      </c>
      <c r="H6693" t="s">
        <v>2541</v>
      </c>
      <c r="I6693">
        <v>695.7</v>
      </c>
      <c r="J6693">
        <v>2</v>
      </c>
      <c r="K6693">
        <v>-27.83</v>
      </c>
    </row>
    <row r="6694" spans="1:11" x14ac:dyDescent="0.3">
      <c r="A6694" s="1">
        <v>42737</v>
      </c>
      <c r="B6694" s="3">
        <f t="shared" si="208"/>
        <v>1</v>
      </c>
      <c r="C6694" s="3">
        <f t="shared" si="209"/>
        <v>2017</v>
      </c>
      <c r="D6694" t="s">
        <v>1032</v>
      </c>
      <c r="E6694" t="s">
        <v>244</v>
      </c>
      <c r="F6694" t="s">
        <v>10</v>
      </c>
      <c r="G6694" t="s">
        <v>19</v>
      </c>
      <c r="H6694" t="s">
        <v>968</v>
      </c>
      <c r="I6694">
        <v>15.66</v>
      </c>
      <c r="J6694">
        <v>5</v>
      </c>
      <c r="K6694">
        <v>-12.53</v>
      </c>
    </row>
    <row r="6695" spans="1:11" x14ac:dyDescent="0.3">
      <c r="A6695" s="1">
        <v>42737</v>
      </c>
      <c r="B6695" s="3">
        <f t="shared" si="208"/>
        <v>1</v>
      </c>
      <c r="C6695" s="3">
        <f t="shared" si="209"/>
        <v>2017</v>
      </c>
      <c r="D6695" t="s">
        <v>1032</v>
      </c>
      <c r="E6695" t="s">
        <v>244</v>
      </c>
      <c r="F6695" t="s">
        <v>10</v>
      </c>
      <c r="G6695" t="s">
        <v>19</v>
      </c>
      <c r="H6695" t="s">
        <v>1227</v>
      </c>
      <c r="I6695">
        <v>28.85</v>
      </c>
      <c r="J6695">
        <v>6</v>
      </c>
      <c r="K6695">
        <v>-21.16</v>
      </c>
    </row>
    <row r="6696" spans="1:11" x14ac:dyDescent="0.3">
      <c r="A6696" s="1">
        <v>42737</v>
      </c>
      <c r="B6696" s="3">
        <f t="shared" si="208"/>
        <v>1</v>
      </c>
      <c r="C6696" s="3">
        <f t="shared" si="209"/>
        <v>2017</v>
      </c>
      <c r="D6696" t="s">
        <v>1909</v>
      </c>
      <c r="E6696" t="s">
        <v>9</v>
      </c>
      <c r="F6696" t="s">
        <v>10</v>
      </c>
      <c r="G6696" t="s">
        <v>23</v>
      </c>
      <c r="H6696" t="s">
        <v>448</v>
      </c>
      <c r="I6696">
        <v>31.74</v>
      </c>
      <c r="J6696">
        <v>2</v>
      </c>
      <c r="K6696">
        <v>3.97</v>
      </c>
    </row>
    <row r="6697" spans="1:11" x14ac:dyDescent="0.3">
      <c r="A6697" s="1">
        <v>42737</v>
      </c>
      <c r="B6697" s="3">
        <f t="shared" si="208"/>
        <v>1</v>
      </c>
      <c r="C6697" s="3">
        <f t="shared" si="209"/>
        <v>2017</v>
      </c>
      <c r="D6697" t="s">
        <v>1909</v>
      </c>
      <c r="E6697" t="s">
        <v>9</v>
      </c>
      <c r="F6697" t="s">
        <v>10</v>
      </c>
      <c r="G6697" t="s">
        <v>91</v>
      </c>
      <c r="H6697" t="s">
        <v>2651</v>
      </c>
      <c r="I6697">
        <v>5.43</v>
      </c>
      <c r="J6697">
        <v>2</v>
      </c>
      <c r="K6697">
        <v>-13.58</v>
      </c>
    </row>
    <row r="6698" spans="1:11" x14ac:dyDescent="0.3">
      <c r="A6698" s="1">
        <v>42737</v>
      </c>
      <c r="B6698" s="3">
        <f t="shared" si="208"/>
        <v>1</v>
      </c>
      <c r="C6698" s="3">
        <f t="shared" si="209"/>
        <v>2017</v>
      </c>
      <c r="D6698" t="s">
        <v>1909</v>
      </c>
      <c r="E6698" t="s">
        <v>9</v>
      </c>
      <c r="F6698" t="s">
        <v>33</v>
      </c>
      <c r="G6698" t="s">
        <v>144</v>
      </c>
      <c r="H6698" t="s">
        <v>254</v>
      </c>
      <c r="I6698">
        <v>913.43</v>
      </c>
      <c r="J6698">
        <v>5</v>
      </c>
      <c r="K6698">
        <v>-169.64</v>
      </c>
    </row>
    <row r="6699" spans="1:11" x14ac:dyDescent="0.3">
      <c r="A6699" s="1">
        <v>42737</v>
      </c>
      <c r="B6699" s="3">
        <f t="shared" si="208"/>
        <v>1</v>
      </c>
      <c r="C6699" s="3">
        <f t="shared" si="209"/>
        <v>2017</v>
      </c>
      <c r="D6699" t="s">
        <v>1909</v>
      </c>
      <c r="E6699" t="s">
        <v>9</v>
      </c>
      <c r="F6699" t="s">
        <v>10</v>
      </c>
      <c r="G6699" t="s">
        <v>17</v>
      </c>
      <c r="H6699" t="s">
        <v>1383</v>
      </c>
      <c r="I6699">
        <v>372.14</v>
      </c>
      <c r="J6699">
        <v>3</v>
      </c>
      <c r="K6699">
        <v>27.91</v>
      </c>
    </row>
    <row r="6700" spans="1:11" x14ac:dyDescent="0.3">
      <c r="A6700" s="1">
        <v>42737</v>
      </c>
      <c r="B6700" s="3">
        <f t="shared" si="208"/>
        <v>1</v>
      </c>
      <c r="C6700" s="3">
        <f t="shared" si="209"/>
        <v>2017</v>
      </c>
      <c r="D6700" t="s">
        <v>1970</v>
      </c>
      <c r="E6700" t="s">
        <v>26</v>
      </c>
      <c r="F6700" t="s">
        <v>38</v>
      </c>
      <c r="G6700" t="s">
        <v>51</v>
      </c>
      <c r="H6700" t="s">
        <v>2254</v>
      </c>
      <c r="I6700">
        <v>16.59</v>
      </c>
      <c r="J6700">
        <v>1</v>
      </c>
      <c r="K6700">
        <v>5.81</v>
      </c>
    </row>
    <row r="6701" spans="1:11" x14ac:dyDescent="0.3">
      <c r="A6701" s="1">
        <v>42738</v>
      </c>
      <c r="B6701" s="3">
        <f t="shared" si="208"/>
        <v>1</v>
      </c>
      <c r="C6701" s="3">
        <f t="shared" si="209"/>
        <v>2017</v>
      </c>
      <c r="D6701" t="s">
        <v>84</v>
      </c>
      <c r="E6701" t="s">
        <v>26</v>
      </c>
      <c r="F6701" t="s">
        <v>10</v>
      </c>
      <c r="G6701" t="s">
        <v>11</v>
      </c>
      <c r="H6701" t="s">
        <v>2604</v>
      </c>
      <c r="I6701">
        <v>38.880000000000003</v>
      </c>
      <c r="J6701">
        <v>6</v>
      </c>
      <c r="K6701">
        <v>18.66</v>
      </c>
    </row>
    <row r="6702" spans="1:11" x14ac:dyDescent="0.3">
      <c r="A6702" s="1">
        <v>42738</v>
      </c>
      <c r="B6702" s="3">
        <f t="shared" si="208"/>
        <v>1</v>
      </c>
      <c r="C6702" s="3">
        <f t="shared" si="209"/>
        <v>2017</v>
      </c>
      <c r="D6702" t="s">
        <v>1947</v>
      </c>
      <c r="E6702" t="s">
        <v>26</v>
      </c>
      <c r="F6702" t="s">
        <v>10</v>
      </c>
      <c r="G6702" t="s">
        <v>19</v>
      </c>
      <c r="H6702" t="s">
        <v>2487</v>
      </c>
      <c r="I6702">
        <v>2022.27</v>
      </c>
      <c r="J6702">
        <v>8</v>
      </c>
      <c r="K6702">
        <v>682.52</v>
      </c>
    </row>
    <row r="6703" spans="1:11" x14ac:dyDescent="0.3">
      <c r="A6703" s="1">
        <v>42738</v>
      </c>
      <c r="B6703" s="3">
        <f t="shared" si="208"/>
        <v>1</v>
      </c>
      <c r="C6703" s="3">
        <f t="shared" si="209"/>
        <v>2017</v>
      </c>
      <c r="D6703" t="s">
        <v>1947</v>
      </c>
      <c r="E6703" t="s">
        <v>26</v>
      </c>
      <c r="F6703" t="s">
        <v>10</v>
      </c>
      <c r="G6703" t="s">
        <v>23</v>
      </c>
      <c r="H6703" t="s">
        <v>2232</v>
      </c>
      <c r="I6703">
        <v>9.1199999999999992</v>
      </c>
      <c r="J6703">
        <v>3</v>
      </c>
      <c r="K6703">
        <v>3.1</v>
      </c>
    </row>
    <row r="6704" spans="1:11" x14ac:dyDescent="0.3">
      <c r="A6704" s="1">
        <v>42741</v>
      </c>
      <c r="B6704" s="3">
        <f t="shared" si="208"/>
        <v>1</v>
      </c>
      <c r="C6704" s="3">
        <f t="shared" si="209"/>
        <v>2017</v>
      </c>
      <c r="D6704" t="s">
        <v>909</v>
      </c>
      <c r="E6704" t="s">
        <v>487</v>
      </c>
      <c r="F6704" t="s">
        <v>10</v>
      </c>
      <c r="G6704" t="s">
        <v>19</v>
      </c>
      <c r="H6704" t="s">
        <v>188</v>
      </c>
      <c r="I6704">
        <v>33.74</v>
      </c>
      <c r="J6704">
        <v>7</v>
      </c>
      <c r="K6704">
        <v>15.52</v>
      </c>
    </row>
    <row r="6705" spans="1:11" x14ac:dyDescent="0.3">
      <c r="A6705" s="1">
        <v>42742</v>
      </c>
      <c r="B6705" s="3">
        <f t="shared" si="208"/>
        <v>1</v>
      </c>
      <c r="C6705" s="3">
        <f t="shared" si="209"/>
        <v>2017</v>
      </c>
      <c r="D6705" t="s">
        <v>1962</v>
      </c>
      <c r="E6705" t="s">
        <v>109</v>
      </c>
      <c r="F6705" t="s">
        <v>38</v>
      </c>
      <c r="G6705" t="s">
        <v>301</v>
      </c>
      <c r="H6705" t="s">
        <v>1235</v>
      </c>
      <c r="I6705">
        <v>3059.98</v>
      </c>
      <c r="J6705">
        <v>2</v>
      </c>
      <c r="K6705">
        <v>680</v>
      </c>
    </row>
    <row r="6706" spans="1:11" x14ac:dyDescent="0.3">
      <c r="A6706" s="1">
        <v>42742</v>
      </c>
      <c r="B6706" s="3">
        <f t="shared" si="208"/>
        <v>1</v>
      </c>
      <c r="C6706" s="3">
        <f t="shared" si="209"/>
        <v>2017</v>
      </c>
      <c r="D6706" t="s">
        <v>2163</v>
      </c>
      <c r="E6706" t="s">
        <v>122</v>
      </c>
      <c r="F6706" t="s">
        <v>10</v>
      </c>
      <c r="G6706" t="s">
        <v>19</v>
      </c>
      <c r="H6706" t="s">
        <v>435</v>
      </c>
      <c r="I6706">
        <v>2.81</v>
      </c>
      <c r="J6706">
        <v>3</v>
      </c>
      <c r="K6706">
        <v>-1.97</v>
      </c>
    </row>
    <row r="6707" spans="1:11" x14ac:dyDescent="0.3">
      <c r="A6707" s="1">
        <v>42742</v>
      </c>
      <c r="B6707" s="3">
        <f t="shared" si="208"/>
        <v>1</v>
      </c>
      <c r="C6707" s="3">
        <f t="shared" si="209"/>
        <v>2017</v>
      </c>
      <c r="D6707" t="s">
        <v>1622</v>
      </c>
      <c r="E6707" t="s">
        <v>26</v>
      </c>
      <c r="F6707" t="s">
        <v>10</v>
      </c>
      <c r="G6707" t="s">
        <v>17</v>
      </c>
      <c r="H6707" t="s">
        <v>110</v>
      </c>
      <c r="I6707">
        <v>153.78</v>
      </c>
      <c r="J6707">
        <v>11</v>
      </c>
      <c r="K6707">
        <v>44.6</v>
      </c>
    </row>
    <row r="6708" spans="1:11" x14ac:dyDescent="0.3">
      <c r="A6708" s="1">
        <v>42742</v>
      </c>
      <c r="B6708" s="3">
        <f t="shared" si="208"/>
        <v>1</v>
      </c>
      <c r="C6708" s="3">
        <f t="shared" si="209"/>
        <v>2017</v>
      </c>
      <c r="D6708" t="s">
        <v>1622</v>
      </c>
      <c r="E6708" t="s">
        <v>26</v>
      </c>
      <c r="F6708" t="s">
        <v>10</v>
      </c>
      <c r="G6708" t="s">
        <v>17</v>
      </c>
      <c r="H6708" t="s">
        <v>355</v>
      </c>
      <c r="I6708">
        <v>61.02</v>
      </c>
      <c r="J6708">
        <v>3</v>
      </c>
      <c r="K6708">
        <v>0.61</v>
      </c>
    </row>
    <row r="6709" spans="1:11" x14ac:dyDescent="0.3">
      <c r="A6709" s="1">
        <v>42742</v>
      </c>
      <c r="B6709" s="3">
        <f t="shared" si="208"/>
        <v>1</v>
      </c>
      <c r="C6709" s="3">
        <f t="shared" si="209"/>
        <v>2017</v>
      </c>
      <c r="D6709" t="s">
        <v>1622</v>
      </c>
      <c r="E6709" t="s">
        <v>26</v>
      </c>
      <c r="F6709" t="s">
        <v>10</v>
      </c>
      <c r="G6709" t="s">
        <v>199</v>
      </c>
      <c r="H6709" t="s">
        <v>2273</v>
      </c>
      <c r="I6709">
        <v>110.11</v>
      </c>
      <c r="J6709">
        <v>7</v>
      </c>
      <c r="K6709">
        <v>31.93</v>
      </c>
    </row>
    <row r="6710" spans="1:11" x14ac:dyDescent="0.3">
      <c r="A6710" s="1">
        <v>42742</v>
      </c>
      <c r="B6710" s="3">
        <f t="shared" si="208"/>
        <v>1</v>
      </c>
      <c r="C6710" s="3">
        <f t="shared" si="209"/>
        <v>2017</v>
      </c>
      <c r="D6710" t="s">
        <v>1622</v>
      </c>
      <c r="E6710" t="s">
        <v>26</v>
      </c>
      <c r="F6710" t="s">
        <v>10</v>
      </c>
      <c r="G6710" t="s">
        <v>42</v>
      </c>
      <c r="H6710" t="s">
        <v>159</v>
      </c>
      <c r="I6710">
        <v>7.89</v>
      </c>
      <c r="J6710">
        <v>1</v>
      </c>
      <c r="K6710">
        <v>3.55</v>
      </c>
    </row>
    <row r="6711" spans="1:11" x14ac:dyDescent="0.3">
      <c r="A6711" s="1">
        <v>42743</v>
      </c>
      <c r="B6711" s="3">
        <f t="shared" si="208"/>
        <v>1</v>
      </c>
      <c r="C6711" s="3">
        <f t="shared" si="209"/>
        <v>2017</v>
      </c>
      <c r="D6711" t="s">
        <v>1069</v>
      </c>
      <c r="E6711" t="s">
        <v>163</v>
      </c>
      <c r="F6711" t="s">
        <v>33</v>
      </c>
      <c r="G6711" t="s">
        <v>144</v>
      </c>
      <c r="H6711" t="s">
        <v>320</v>
      </c>
      <c r="I6711">
        <v>892.98</v>
      </c>
      <c r="J6711">
        <v>2</v>
      </c>
      <c r="K6711">
        <v>80.37</v>
      </c>
    </row>
    <row r="6712" spans="1:11" x14ac:dyDescent="0.3">
      <c r="A6712" s="1">
        <v>42744</v>
      </c>
      <c r="B6712" s="3">
        <f t="shared" si="208"/>
        <v>1</v>
      </c>
      <c r="C6712" s="3">
        <f t="shared" si="209"/>
        <v>2017</v>
      </c>
      <c r="D6712" t="s">
        <v>1422</v>
      </c>
      <c r="E6712" t="s">
        <v>22</v>
      </c>
      <c r="F6712" t="s">
        <v>10</v>
      </c>
      <c r="G6712" t="s">
        <v>19</v>
      </c>
      <c r="H6712" t="s">
        <v>36</v>
      </c>
      <c r="I6712">
        <v>274.49</v>
      </c>
      <c r="J6712">
        <v>3</v>
      </c>
      <c r="K6712">
        <v>-228.74</v>
      </c>
    </row>
    <row r="6713" spans="1:11" x14ac:dyDescent="0.3">
      <c r="A6713" s="1">
        <v>42747</v>
      </c>
      <c r="B6713" s="3">
        <f t="shared" si="208"/>
        <v>1</v>
      </c>
      <c r="C6713" s="3">
        <f t="shared" si="209"/>
        <v>2017</v>
      </c>
      <c r="D6713" t="s">
        <v>563</v>
      </c>
      <c r="E6713" t="s">
        <v>2043</v>
      </c>
      <c r="F6713" t="s">
        <v>10</v>
      </c>
      <c r="G6713" t="s">
        <v>11</v>
      </c>
      <c r="H6713" t="s">
        <v>126</v>
      </c>
      <c r="I6713">
        <v>40.08</v>
      </c>
      <c r="J6713">
        <v>6</v>
      </c>
      <c r="K6713">
        <v>19.239999999999998</v>
      </c>
    </row>
    <row r="6714" spans="1:11" x14ac:dyDescent="0.3">
      <c r="A6714" s="1">
        <v>42747</v>
      </c>
      <c r="B6714" s="3">
        <f t="shared" si="208"/>
        <v>1</v>
      </c>
      <c r="C6714" s="3">
        <f t="shared" si="209"/>
        <v>2017</v>
      </c>
      <c r="D6714" t="s">
        <v>563</v>
      </c>
      <c r="E6714" t="s">
        <v>2043</v>
      </c>
      <c r="F6714" t="s">
        <v>33</v>
      </c>
      <c r="G6714" t="s">
        <v>46</v>
      </c>
      <c r="H6714" t="s">
        <v>2014</v>
      </c>
      <c r="I6714">
        <v>37.68</v>
      </c>
      <c r="J6714">
        <v>2</v>
      </c>
      <c r="K6714">
        <v>15.83</v>
      </c>
    </row>
    <row r="6715" spans="1:11" x14ac:dyDescent="0.3">
      <c r="A6715" s="1">
        <v>42747</v>
      </c>
      <c r="B6715" s="3">
        <f t="shared" si="208"/>
        <v>1</v>
      </c>
      <c r="C6715" s="3">
        <f t="shared" si="209"/>
        <v>2017</v>
      </c>
      <c r="D6715" t="s">
        <v>2041</v>
      </c>
      <c r="E6715" t="s">
        <v>26</v>
      </c>
      <c r="F6715" t="s">
        <v>10</v>
      </c>
      <c r="G6715" t="s">
        <v>62</v>
      </c>
      <c r="H6715" t="s">
        <v>63</v>
      </c>
      <c r="I6715">
        <v>9.7799999999999994</v>
      </c>
      <c r="J6715">
        <v>1</v>
      </c>
      <c r="K6715">
        <v>4.8899999999999997</v>
      </c>
    </row>
    <row r="6716" spans="1:11" x14ac:dyDescent="0.3">
      <c r="A6716" s="1">
        <v>42747</v>
      </c>
      <c r="B6716" s="3">
        <f t="shared" si="208"/>
        <v>1</v>
      </c>
      <c r="C6716" s="3">
        <f t="shared" si="209"/>
        <v>2017</v>
      </c>
      <c r="D6716" t="s">
        <v>2052</v>
      </c>
      <c r="E6716" t="s">
        <v>9</v>
      </c>
      <c r="F6716" t="s">
        <v>10</v>
      </c>
      <c r="G6716" t="s">
        <v>19</v>
      </c>
      <c r="H6716" t="s">
        <v>2126</v>
      </c>
      <c r="I6716">
        <v>760.98</v>
      </c>
      <c r="J6716">
        <v>5</v>
      </c>
      <c r="K6716">
        <v>-1141.47</v>
      </c>
    </row>
    <row r="6717" spans="1:11" x14ac:dyDescent="0.3">
      <c r="A6717" s="1">
        <v>42748</v>
      </c>
      <c r="B6717" s="3">
        <f t="shared" si="208"/>
        <v>1</v>
      </c>
      <c r="C6717" s="3">
        <f t="shared" si="209"/>
        <v>2017</v>
      </c>
      <c r="D6717" t="s">
        <v>1743</v>
      </c>
      <c r="E6717" t="s">
        <v>185</v>
      </c>
      <c r="F6717" t="s">
        <v>10</v>
      </c>
      <c r="G6717" t="s">
        <v>11</v>
      </c>
      <c r="H6717" t="s">
        <v>1169</v>
      </c>
      <c r="I6717">
        <v>32.4</v>
      </c>
      <c r="J6717">
        <v>5</v>
      </c>
      <c r="K6717">
        <v>15.55</v>
      </c>
    </row>
    <row r="6718" spans="1:11" x14ac:dyDescent="0.3">
      <c r="A6718" s="1">
        <v>42748</v>
      </c>
      <c r="B6718" s="3">
        <f t="shared" si="208"/>
        <v>1</v>
      </c>
      <c r="C6718" s="3">
        <f t="shared" si="209"/>
        <v>2017</v>
      </c>
      <c r="D6718" t="s">
        <v>1743</v>
      </c>
      <c r="E6718" t="s">
        <v>185</v>
      </c>
      <c r="F6718" t="s">
        <v>10</v>
      </c>
      <c r="G6718" t="s">
        <v>23</v>
      </c>
      <c r="H6718" t="s">
        <v>599</v>
      </c>
      <c r="I6718">
        <v>209.94</v>
      </c>
      <c r="J6718">
        <v>6</v>
      </c>
      <c r="K6718">
        <v>54.58</v>
      </c>
    </row>
    <row r="6719" spans="1:11" x14ac:dyDescent="0.3">
      <c r="A6719" s="1">
        <v>42748</v>
      </c>
      <c r="B6719" s="3">
        <f t="shared" si="208"/>
        <v>1</v>
      </c>
      <c r="C6719" s="3">
        <f t="shared" si="209"/>
        <v>2017</v>
      </c>
      <c r="D6719" t="s">
        <v>1743</v>
      </c>
      <c r="E6719" t="s">
        <v>185</v>
      </c>
      <c r="F6719" t="s">
        <v>10</v>
      </c>
      <c r="G6719" t="s">
        <v>199</v>
      </c>
      <c r="H6719" t="s">
        <v>460</v>
      </c>
      <c r="I6719">
        <v>4164.05</v>
      </c>
      <c r="J6719">
        <v>5</v>
      </c>
      <c r="K6719">
        <v>83.28</v>
      </c>
    </row>
    <row r="6720" spans="1:11" x14ac:dyDescent="0.3">
      <c r="A6720" s="1">
        <v>42748</v>
      </c>
      <c r="B6720" s="3">
        <f t="shared" si="208"/>
        <v>1</v>
      </c>
      <c r="C6720" s="3">
        <f t="shared" si="209"/>
        <v>2017</v>
      </c>
      <c r="D6720" t="s">
        <v>1743</v>
      </c>
      <c r="E6720" t="s">
        <v>185</v>
      </c>
      <c r="F6720" t="s">
        <v>33</v>
      </c>
      <c r="G6720" t="s">
        <v>73</v>
      </c>
      <c r="H6720" t="s">
        <v>834</v>
      </c>
      <c r="I6720">
        <v>212.94</v>
      </c>
      <c r="J6720">
        <v>3</v>
      </c>
      <c r="K6720">
        <v>53.24</v>
      </c>
    </row>
    <row r="6721" spans="1:11" x14ac:dyDescent="0.3">
      <c r="A6721" s="1">
        <v>42749</v>
      </c>
      <c r="B6721" s="3">
        <f t="shared" si="208"/>
        <v>1</v>
      </c>
      <c r="C6721" s="3">
        <f t="shared" si="209"/>
        <v>2017</v>
      </c>
      <c r="D6721" t="s">
        <v>2502</v>
      </c>
      <c r="E6721" t="s">
        <v>244</v>
      </c>
      <c r="F6721" t="s">
        <v>10</v>
      </c>
      <c r="G6721" t="s">
        <v>62</v>
      </c>
      <c r="H6721" t="s">
        <v>97</v>
      </c>
      <c r="I6721">
        <v>21.74</v>
      </c>
      <c r="J6721">
        <v>1</v>
      </c>
      <c r="K6721">
        <v>7.34</v>
      </c>
    </row>
    <row r="6722" spans="1:11" x14ac:dyDescent="0.3">
      <c r="A6722" s="1">
        <v>42749</v>
      </c>
      <c r="B6722" s="3">
        <f t="shared" ref="B6722:B6785" si="210">MONTH(A:A)</f>
        <v>1</v>
      </c>
      <c r="C6722" s="3">
        <f t="shared" ref="C6722:C6785" si="211">YEAR(A:A)</f>
        <v>2017</v>
      </c>
      <c r="D6722" t="s">
        <v>2502</v>
      </c>
      <c r="E6722" t="s">
        <v>244</v>
      </c>
      <c r="F6722" t="s">
        <v>38</v>
      </c>
      <c r="G6722" t="s">
        <v>39</v>
      </c>
      <c r="H6722" t="s">
        <v>228</v>
      </c>
      <c r="I6722">
        <v>7.92</v>
      </c>
      <c r="J6722">
        <v>5</v>
      </c>
      <c r="K6722">
        <v>0.69</v>
      </c>
    </row>
    <row r="6723" spans="1:11" x14ac:dyDescent="0.3">
      <c r="A6723" s="1">
        <v>42749</v>
      </c>
      <c r="B6723" s="3">
        <f t="shared" si="210"/>
        <v>1</v>
      </c>
      <c r="C6723" s="3">
        <f t="shared" si="211"/>
        <v>2017</v>
      </c>
      <c r="D6723" t="s">
        <v>1930</v>
      </c>
      <c r="E6723" t="s">
        <v>277</v>
      </c>
      <c r="F6723" t="s">
        <v>38</v>
      </c>
      <c r="G6723" t="s">
        <v>51</v>
      </c>
      <c r="H6723" t="s">
        <v>2432</v>
      </c>
      <c r="I6723">
        <v>169.06</v>
      </c>
      <c r="J6723">
        <v>7</v>
      </c>
      <c r="K6723">
        <v>-14.79</v>
      </c>
    </row>
    <row r="6724" spans="1:11" x14ac:dyDescent="0.3">
      <c r="A6724" s="1">
        <v>42749</v>
      </c>
      <c r="B6724" s="3">
        <f t="shared" si="210"/>
        <v>1</v>
      </c>
      <c r="C6724" s="3">
        <f t="shared" si="211"/>
        <v>2017</v>
      </c>
      <c r="D6724" t="s">
        <v>1930</v>
      </c>
      <c r="E6724" t="s">
        <v>277</v>
      </c>
      <c r="F6724" t="s">
        <v>10</v>
      </c>
      <c r="G6724" t="s">
        <v>17</v>
      </c>
      <c r="H6724" t="s">
        <v>2190</v>
      </c>
      <c r="I6724">
        <v>168.62</v>
      </c>
      <c r="J6724">
        <v>9</v>
      </c>
      <c r="K6724">
        <v>14.75</v>
      </c>
    </row>
    <row r="6725" spans="1:11" x14ac:dyDescent="0.3">
      <c r="A6725" s="1">
        <v>42749</v>
      </c>
      <c r="B6725" s="3">
        <f t="shared" si="210"/>
        <v>1</v>
      </c>
      <c r="C6725" s="3">
        <f t="shared" si="211"/>
        <v>2017</v>
      </c>
      <c r="D6725" t="s">
        <v>795</v>
      </c>
      <c r="E6725" t="s">
        <v>119</v>
      </c>
      <c r="F6725" t="s">
        <v>10</v>
      </c>
      <c r="G6725" t="s">
        <v>62</v>
      </c>
      <c r="H6725" t="s">
        <v>1443</v>
      </c>
      <c r="I6725">
        <v>18.34</v>
      </c>
      <c r="J6725">
        <v>3</v>
      </c>
      <c r="K6725">
        <v>6.65</v>
      </c>
    </row>
    <row r="6726" spans="1:11" x14ac:dyDescent="0.3">
      <c r="A6726" s="1">
        <v>42749</v>
      </c>
      <c r="B6726" s="3">
        <f t="shared" si="210"/>
        <v>1</v>
      </c>
      <c r="C6726" s="3">
        <f t="shared" si="211"/>
        <v>2017</v>
      </c>
      <c r="D6726" t="s">
        <v>795</v>
      </c>
      <c r="E6726" t="s">
        <v>119</v>
      </c>
      <c r="F6726" t="s">
        <v>10</v>
      </c>
      <c r="G6726" t="s">
        <v>11</v>
      </c>
      <c r="H6726" t="s">
        <v>1156</v>
      </c>
      <c r="I6726">
        <v>36.29</v>
      </c>
      <c r="J6726">
        <v>7</v>
      </c>
      <c r="K6726">
        <v>12.7</v>
      </c>
    </row>
    <row r="6727" spans="1:11" x14ac:dyDescent="0.3">
      <c r="A6727" s="1">
        <v>42749</v>
      </c>
      <c r="B6727" s="3">
        <f t="shared" si="210"/>
        <v>1</v>
      </c>
      <c r="C6727" s="3">
        <f t="shared" si="211"/>
        <v>2017</v>
      </c>
      <c r="D6727" t="s">
        <v>795</v>
      </c>
      <c r="E6727" t="s">
        <v>119</v>
      </c>
      <c r="F6727" t="s">
        <v>38</v>
      </c>
      <c r="G6727" t="s">
        <v>39</v>
      </c>
      <c r="H6727" t="s">
        <v>2569</v>
      </c>
      <c r="I6727">
        <v>111.98</v>
      </c>
      <c r="J6727">
        <v>2</v>
      </c>
      <c r="K6727">
        <v>7</v>
      </c>
    </row>
    <row r="6728" spans="1:11" x14ac:dyDescent="0.3">
      <c r="A6728" s="1">
        <v>42749</v>
      </c>
      <c r="B6728" s="3">
        <f t="shared" si="210"/>
        <v>1</v>
      </c>
      <c r="C6728" s="3">
        <f t="shared" si="211"/>
        <v>2017</v>
      </c>
      <c r="D6728" t="s">
        <v>795</v>
      </c>
      <c r="E6728" t="s">
        <v>119</v>
      </c>
      <c r="F6728" t="s">
        <v>10</v>
      </c>
      <c r="G6728" t="s">
        <v>19</v>
      </c>
      <c r="H6728" t="s">
        <v>2172</v>
      </c>
      <c r="I6728">
        <v>5.97</v>
      </c>
      <c r="J6728">
        <v>5</v>
      </c>
      <c r="K6728">
        <v>-4.58</v>
      </c>
    </row>
    <row r="6729" spans="1:11" x14ac:dyDescent="0.3">
      <c r="A6729" s="1">
        <v>42749</v>
      </c>
      <c r="B6729" s="3">
        <f t="shared" si="210"/>
        <v>1</v>
      </c>
      <c r="C6729" s="3">
        <f t="shared" si="211"/>
        <v>2017</v>
      </c>
      <c r="D6729" t="s">
        <v>795</v>
      </c>
      <c r="E6729" t="s">
        <v>119</v>
      </c>
      <c r="F6729" t="s">
        <v>10</v>
      </c>
      <c r="G6729" t="s">
        <v>19</v>
      </c>
      <c r="H6729" t="s">
        <v>1490</v>
      </c>
      <c r="I6729">
        <v>2.5099999999999998</v>
      </c>
      <c r="J6729">
        <v>2</v>
      </c>
      <c r="K6729">
        <v>-1.84</v>
      </c>
    </row>
    <row r="6730" spans="1:11" x14ac:dyDescent="0.3">
      <c r="A6730" s="1">
        <v>42749</v>
      </c>
      <c r="B6730" s="3">
        <f t="shared" si="210"/>
        <v>1</v>
      </c>
      <c r="C6730" s="3">
        <f t="shared" si="211"/>
        <v>2017</v>
      </c>
      <c r="D6730" t="s">
        <v>2283</v>
      </c>
      <c r="E6730" t="s">
        <v>26</v>
      </c>
      <c r="F6730" t="s">
        <v>10</v>
      </c>
      <c r="G6730" t="s">
        <v>11</v>
      </c>
      <c r="H6730" t="s">
        <v>2031</v>
      </c>
      <c r="I6730">
        <v>154.9</v>
      </c>
      <c r="J6730">
        <v>5</v>
      </c>
      <c r="K6730">
        <v>69.709999999999994</v>
      </c>
    </row>
    <row r="6731" spans="1:11" x14ac:dyDescent="0.3">
      <c r="A6731" s="1">
        <v>42749</v>
      </c>
      <c r="B6731" s="3">
        <f t="shared" si="210"/>
        <v>1</v>
      </c>
      <c r="C6731" s="3">
        <f t="shared" si="211"/>
        <v>2017</v>
      </c>
      <c r="D6731" t="s">
        <v>227</v>
      </c>
      <c r="E6731" t="s">
        <v>128</v>
      </c>
      <c r="F6731" t="s">
        <v>10</v>
      </c>
      <c r="G6731" t="s">
        <v>17</v>
      </c>
      <c r="H6731" t="s">
        <v>2091</v>
      </c>
      <c r="I6731">
        <v>67.400000000000006</v>
      </c>
      <c r="J6731">
        <v>5</v>
      </c>
      <c r="K6731">
        <v>17.52</v>
      </c>
    </row>
    <row r="6732" spans="1:11" x14ac:dyDescent="0.3">
      <c r="A6732" s="1">
        <v>42749</v>
      </c>
      <c r="B6732" s="3">
        <f t="shared" si="210"/>
        <v>1</v>
      </c>
      <c r="C6732" s="3">
        <f t="shared" si="211"/>
        <v>2017</v>
      </c>
      <c r="D6732" t="s">
        <v>227</v>
      </c>
      <c r="E6732" t="s">
        <v>128</v>
      </c>
      <c r="F6732" t="s">
        <v>10</v>
      </c>
      <c r="G6732" t="s">
        <v>42</v>
      </c>
      <c r="H6732" t="s">
        <v>2095</v>
      </c>
      <c r="I6732">
        <v>2.52</v>
      </c>
      <c r="J6732">
        <v>2</v>
      </c>
      <c r="K6732">
        <v>0.1</v>
      </c>
    </row>
    <row r="6733" spans="1:11" x14ac:dyDescent="0.3">
      <c r="A6733" s="1">
        <v>42749</v>
      </c>
      <c r="B6733" s="3">
        <f t="shared" si="210"/>
        <v>1</v>
      </c>
      <c r="C6733" s="3">
        <f t="shared" si="211"/>
        <v>2017</v>
      </c>
      <c r="D6733" t="s">
        <v>227</v>
      </c>
      <c r="E6733" t="s">
        <v>128</v>
      </c>
      <c r="F6733" t="s">
        <v>38</v>
      </c>
      <c r="G6733" t="s">
        <v>39</v>
      </c>
      <c r="H6733" t="s">
        <v>1788</v>
      </c>
      <c r="I6733">
        <v>67.8</v>
      </c>
      <c r="J6733">
        <v>4</v>
      </c>
      <c r="K6733">
        <v>1.36</v>
      </c>
    </row>
    <row r="6734" spans="1:11" x14ac:dyDescent="0.3">
      <c r="A6734" s="1">
        <v>42749</v>
      </c>
      <c r="B6734" s="3">
        <f t="shared" si="210"/>
        <v>1</v>
      </c>
      <c r="C6734" s="3">
        <f t="shared" si="211"/>
        <v>2017</v>
      </c>
      <c r="D6734" t="s">
        <v>227</v>
      </c>
      <c r="E6734" t="s">
        <v>128</v>
      </c>
      <c r="F6734" t="s">
        <v>10</v>
      </c>
      <c r="G6734" t="s">
        <v>17</v>
      </c>
      <c r="H6734" t="s">
        <v>298</v>
      </c>
      <c r="I6734">
        <v>18.760000000000002</v>
      </c>
      <c r="J6734">
        <v>2</v>
      </c>
      <c r="K6734">
        <v>5.25</v>
      </c>
    </row>
    <row r="6735" spans="1:11" x14ac:dyDescent="0.3">
      <c r="A6735" s="1">
        <v>42749</v>
      </c>
      <c r="B6735" s="3">
        <f t="shared" si="210"/>
        <v>1</v>
      </c>
      <c r="C6735" s="3">
        <f t="shared" si="211"/>
        <v>2017</v>
      </c>
      <c r="D6735" t="s">
        <v>227</v>
      </c>
      <c r="E6735" t="s">
        <v>128</v>
      </c>
      <c r="F6735" t="s">
        <v>38</v>
      </c>
      <c r="G6735" t="s">
        <v>51</v>
      </c>
      <c r="H6735" t="s">
        <v>1436</v>
      </c>
      <c r="I6735">
        <v>12.12</v>
      </c>
      <c r="J6735">
        <v>4</v>
      </c>
      <c r="K6735">
        <v>2.5499999999999998</v>
      </c>
    </row>
    <row r="6736" spans="1:11" x14ac:dyDescent="0.3">
      <c r="A6736" s="1">
        <v>42749</v>
      </c>
      <c r="B6736" s="3">
        <f t="shared" si="210"/>
        <v>1</v>
      </c>
      <c r="C6736" s="3">
        <f t="shared" si="211"/>
        <v>2017</v>
      </c>
      <c r="D6736" t="s">
        <v>227</v>
      </c>
      <c r="E6736" t="s">
        <v>128</v>
      </c>
      <c r="F6736" t="s">
        <v>10</v>
      </c>
      <c r="G6736" t="s">
        <v>11</v>
      </c>
      <c r="H6736" t="s">
        <v>2115</v>
      </c>
      <c r="I6736">
        <v>11.34</v>
      </c>
      <c r="J6736">
        <v>1</v>
      </c>
      <c r="K6736">
        <v>5.56</v>
      </c>
    </row>
    <row r="6737" spans="1:11" x14ac:dyDescent="0.3">
      <c r="A6737" s="1">
        <v>42749</v>
      </c>
      <c r="B6737" s="3">
        <f t="shared" si="210"/>
        <v>1</v>
      </c>
      <c r="C6737" s="3">
        <f t="shared" si="211"/>
        <v>2017</v>
      </c>
      <c r="D6737" t="s">
        <v>227</v>
      </c>
      <c r="E6737" t="s">
        <v>128</v>
      </c>
      <c r="F6737" t="s">
        <v>38</v>
      </c>
      <c r="G6737" t="s">
        <v>51</v>
      </c>
      <c r="H6737" t="s">
        <v>1938</v>
      </c>
      <c r="I6737">
        <v>159.80000000000001</v>
      </c>
      <c r="J6737">
        <v>4</v>
      </c>
      <c r="K6737">
        <v>70.31</v>
      </c>
    </row>
    <row r="6738" spans="1:11" x14ac:dyDescent="0.3">
      <c r="A6738" s="1">
        <v>42749</v>
      </c>
      <c r="B6738" s="3">
        <f t="shared" si="210"/>
        <v>1</v>
      </c>
      <c r="C6738" s="3">
        <f t="shared" si="211"/>
        <v>2017</v>
      </c>
      <c r="D6738" t="s">
        <v>227</v>
      </c>
      <c r="E6738" t="s">
        <v>128</v>
      </c>
      <c r="F6738" t="s">
        <v>33</v>
      </c>
      <c r="G6738" t="s">
        <v>46</v>
      </c>
      <c r="H6738" t="s">
        <v>1999</v>
      </c>
      <c r="I6738">
        <v>18.96</v>
      </c>
      <c r="J6738">
        <v>2</v>
      </c>
      <c r="K6738">
        <v>8.5299999999999994</v>
      </c>
    </row>
    <row r="6739" spans="1:11" x14ac:dyDescent="0.3">
      <c r="A6739" s="1">
        <v>42750</v>
      </c>
      <c r="B6739" s="3">
        <f t="shared" si="210"/>
        <v>1</v>
      </c>
      <c r="C6739" s="3">
        <f t="shared" si="211"/>
        <v>2017</v>
      </c>
      <c r="D6739" t="s">
        <v>2533</v>
      </c>
      <c r="E6739" t="s">
        <v>22</v>
      </c>
      <c r="F6739" t="s">
        <v>10</v>
      </c>
      <c r="G6739" t="s">
        <v>91</v>
      </c>
      <c r="H6739" t="s">
        <v>2590</v>
      </c>
      <c r="I6739">
        <v>34.380000000000003</v>
      </c>
      <c r="J6739">
        <v>1</v>
      </c>
      <c r="K6739">
        <v>3.87</v>
      </c>
    </row>
    <row r="6740" spans="1:11" x14ac:dyDescent="0.3">
      <c r="A6740" s="1">
        <v>42750</v>
      </c>
      <c r="B6740" s="3">
        <f t="shared" si="210"/>
        <v>1</v>
      </c>
      <c r="C6740" s="3">
        <f t="shared" si="211"/>
        <v>2017</v>
      </c>
      <c r="D6740" t="s">
        <v>2533</v>
      </c>
      <c r="E6740" t="s">
        <v>22</v>
      </c>
      <c r="F6740" t="s">
        <v>10</v>
      </c>
      <c r="G6740" t="s">
        <v>91</v>
      </c>
      <c r="H6740" t="s">
        <v>754</v>
      </c>
      <c r="I6740">
        <v>1924.16</v>
      </c>
      <c r="J6740">
        <v>8</v>
      </c>
      <c r="K6740">
        <v>312.68</v>
      </c>
    </row>
    <row r="6741" spans="1:11" x14ac:dyDescent="0.3">
      <c r="A6741" s="1">
        <v>42750</v>
      </c>
      <c r="B6741" s="3">
        <f t="shared" si="210"/>
        <v>1</v>
      </c>
      <c r="C6741" s="3">
        <f t="shared" si="211"/>
        <v>2017</v>
      </c>
      <c r="D6741" t="s">
        <v>192</v>
      </c>
      <c r="E6741" t="s">
        <v>433</v>
      </c>
      <c r="F6741" t="s">
        <v>10</v>
      </c>
      <c r="G6741" t="s">
        <v>11</v>
      </c>
      <c r="H6741" t="s">
        <v>2532</v>
      </c>
      <c r="I6741">
        <v>12.7</v>
      </c>
      <c r="J6741">
        <v>2</v>
      </c>
      <c r="K6741">
        <v>5.84</v>
      </c>
    </row>
    <row r="6742" spans="1:11" x14ac:dyDescent="0.3">
      <c r="A6742" s="1">
        <v>42750</v>
      </c>
      <c r="B6742" s="3">
        <f t="shared" si="210"/>
        <v>1</v>
      </c>
      <c r="C6742" s="3">
        <f t="shared" si="211"/>
        <v>2017</v>
      </c>
      <c r="D6742" t="s">
        <v>2384</v>
      </c>
      <c r="E6742" t="s">
        <v>26</v>
      </c>
      <c r="F6742" t="s">
        <v>10</v>
      </c>
      <c r="G6742" t="s">
        <v>23</v>
      </c>
      <c r="H6742" t="s">
        <v>576</v>
      </c>
      <c r="I6742">
        <v>21.4</v>
      </c>
      <c r="J6742">
        <v>5</v>
      </c>
      <c r="K6742">
        <v>6.21</v>
      </c>
    </row>
    <row r="6743" spans="1:11" x14ac:dyDescent="0.3">
      <c r="A6743" s="1">
        <v>42750</v>
      </c>
      <c r="B6743" s="3">
        <f t="shared" si="210"/>
        <v>1</v>
      </c>
      <c r="C6743" s="3">
        <f t="shared" si="211"/>
        <v>2017</v>
      </c>
      <c r="D6743" t="s">
        <v>1761</v>
      </c>
      <c r="E6743" t="s">
        <v>9</v>
      </c>
      <c r="F6743" t="s">
        <v>10</v>
      </c>
      <c r="G6743" t="s">
        <v>19</v>
      </c>
      <c r="H6743" t="s">
        <v>361</v>
      </c>
      <c r="I6743">
        <v>32.78</v>
      </c>
      <c r="J6743">
        <v>4</v>
      </c>
      <c r="K6743">
        <v>-52.45</v>
      </c>
    </row>
    <row r="6744" spans="1:11" x14ac:dyDescent="0.3">
      <c r="A6744" s="1">
        <v>42750</v>
      </c>
      <c r="B6744" s="3">
        <f t="shared" si="210"/>
        <v>1</v>
      </c>
      <c r="C6744" s="3">
        <f t="shared" si="211"/>
        <v>2017</v>
      </c>
      <c r="D6744" t="s">
        <v>1761</v>
      </c>
      <c r="E6744" t="s">
        <v>9</v>
      </c>
      <c r="F6744" t="s">
        <v>38</v>
      </c>
      <c r="G6744" t="s">
        <v>51</v>
      </c>
      <c r="H6744" t="s">
        <v>83</v>
      </c>
      <c r="I6744">
        <v>47.98</v>
      </c>
      <c r="J6744">
        <v>2</v>
      </c>
      <c r="K6744">
        <v>14.4</v>
      </c>
    </row>
    <row r="6745" spans="1:11" x14ac:dyDescent="0.3">
      <c r="A6745" s="1">
        <v>42750</v>
      </c>
      <c r="B6745" s="3">
        <f t="shared" si="210"/>
        <v>1</v>
      </c>
      <c r="C6745" s="3">
        <f t="shared" si="211"/>
        <v>2017</v>
      </c>
      <c r="D6745" t="s">
        <v>1761</v>
      </c>
      <c r="E6745" t="s">
        <v>9</v>
      </c>
      <c r="F6745" t="s">
        <v>38</v>
      </c>
      <c r="G6745" t="s">
        <v>51</v>
      </c>
      <c r="H6745" t="s">
        <v>1440</v>
      </c>
      <c r="I6745">
        <v>62.59</v>
      </c>
      <c r="J6745">
        <v>8</v>
      </c>
      <c r="K6745">
        <v>13.3</v>
      </c>
    </row>
    <row r="6746" spans="1:11" x14ac:dyDescent="0.3">
      <c r="A6746" s="1">
        <v>42750</v>
      </c>
      <c r="B6746" s="3">
        <f t="shared" si="210"/>
        <v>1</v>
      </c>
      <c r="C6746" s="3">
        <f t="shared" si="211"/>
        <v>2017</v>
      </c>
      <c r="D6746" t="s">
        <v>1761</v>
      </c>
      <c r="E6746" t="s">
        <v>9</v>
      </c>
      <c r="F6746" t="s">
        <v>10</v>
      </c>
      <c r="G6746" t="s">
        <v>19</v>
      </c>
      <c r="H6746" t="s">
        <v>951</v>
      </c>
      <c r="I6746">
        <v>4.28</v>
      </c>
      <c r="J6746">
        <v>1</v>
      </c>
      <c r="K6746">
        <v>-6.63</v>
      </c>
    </row>
    <row r="6747" spans="1:11" x14ac:dyDescent="0.3">
      <c r="A6747" s="1">
        <v>42751</v>
      </c>
      <c r="B6747" s="3">
        <f t="shared" si="210"/>
        <v>1</v>
      </c>
      <c r="C6747" s="3">
        <f t="shared" si="211"/>
        <v>2017</v>
      </c>
      <c r="D6747" t="s">
        <v>28</v>
      </c>
      <c r="E6747" t="s">
        <v>26</v>
      </c>
      <c r="F6747" t="s">
        <v>33</v>
      </c>
      <c r="G6747" t="s">
        <v>46</v>
      </c>
      <c r="H6747" t="s">
        <v>796</v>
      </c>
      <c r="I6747">
        <v>27.92</v>
      </c>
      <c r="J6747">
        <v>4</v>
      </c>
      <c r="K6747">
        <v>8.1</v>
      </c>
    </row>
    <row r="6748" spans="1:11" x14ac:dyDescent="0.3">
      <c r="A6748" s="1">
        <v>42751</v>
      </c>
      <c r="B6748" s="3">
        <f t="shared" si="210"/>
        <v>1</v>
      </c>
      <c r="C6748" s="3">
        <f t="shared" si="211"/>
        <v>2017</v>
      </c>
      <c r="D6748" t="s">
        <v>28</v>
      </c>
      <c r="E6748" t="s">
        <v>26</v>
      </c>
      <c r="F6748" t="s">
        <v>33</v>
      </c>
      <c r="G6748" t="s">
        <v>144</v>
      </c>
      <c r="H6748" t="s">
        <v>817</v>
      </c>
      <c r="I6748">
        <v>399.67</v>
      </c>
      <c r="J6748">
        <v>7</v>
      </c>
      <c r="K6748">
        <v>-14.99</v>
      </c>
    </row>
    <row r="6749" spans="1:11" x14ac:dyDescent="0.3">
      <c r="A6749" s="1">
        <v>42751</v>
      </c>
      <c r="B6749" s="3">
        <f t="shared" si="210"/>
        <v>1</v>
      </c>
      <c r="C6749" s="3">
        <f t="shared" si="211"/>
        <v>2017</v>
      </c>
      <c r="D6749" t="s">
        <v>1704</v>
      </c>
      <c r="E6749" t="s">
        <v>109</v>
      </c>
      <c r="F6749" t="s">
        <v>10</v>
      </c>
      <c r="G6749" t="s">
        <v>19</v>
      </c>
      <c r="H6749" t="s">
        <v>827</v>
      </c>
      <c r="I6749">
        <v>5443.96</v>
      </c>
      <c r="J6749">
        <v>4</v>
      </c>
      <c r="K6749">
        <v>2504.2199999999998</v>
      </c>
    </row>
    <row r="6750" spans="1:11" x14ac:dyDescent="0.3">
      <c r="A6750" s="1">
        <v>42751</v>
      </c>
      <c r="B6750" s="3">
        <f t="shared" si="210"/>
        <v>1</v>
      </c>
      <c r="C6750" s="3">
        <f t="shared" si="211"/>
        <v>2017</v>
      </c>
      <c r="D6750" t="s">
        <v>1704</v>
      </c>
      <c r="E6750" t="s">
        <v>109</v>
      </c>
      <c r="F6750" t="s">
        <v>33</v>
      </c>
      <c r="G6750" t="s">
        <v>34</v>
      </c>
      <c r="H6750" t="s">
        <v>1483</v>
      </c>
      <c r="I6750">
        <v>302.67</v>
      </c>
      <c r="J6750">
        <v>3</v>
      </c>
      <c r="K6750">
        <v>72.64</v>
      </c>
    </row>
    <row r="6751" spans="1:11" x14ac:dyDescent="0.3">
      <c r="A6751" s="1">
        <v>42751</v>
      </c>
      <c r="B6751" s="3">
        <f t="shared" si="210"/>
        <v>1</v>
      </c>
      <c r="C6751" s="3">
        <f t="shared" si="211"/>
        <v>2017</v>
      </c>
      <c r="D6751" t="s">
        <v>1704</v>
      </c>
      <c r="E6751" t="s">
        <v>109</v>
      </c>
      <c r="F6751" t="s">
        <v>10</v>
      </c>
      <c r="G6751" t="s">
        <v>11</v>
      </c>
      <c r="H6751" t="s">
        <v>2516</v>
      </c>
      <c r="I6751">
        <v>56.07</v>
      </c>
      <c r="J6751">
        <v>7</v>
      </c>
      <c r="K6751">
        <v>25.23</v>
      </c>
    </row>
    <row r="6752" spans="1:11" x14ac:dyDescent="0.3">
      <c r="A6752" s="1">
        <v>42754</v>
      </c>
      <c r="B6752" s="3">
        <f t="shared" si="210"/>
        <v>1</v>
      </c>
      <c r="C6752" s="3">
        <f t="shared" si="211"/>
        <v>2017</v>
      </c>
      <c r="D6752" t="s">
        <v>883</v>
      </c>
      <c r="E6752" t="s">
        <v>9</v>
      </c>
      <c r="F6752" t="s">
        <v>10</v>
      </c>
      <c r="G6752" t="s">
        <v>15</v>
      </c>
      <c r="H6752" t="s">
        <v>2259</v>
      </c>
      <c r="I6752">
        <v>6</v>
      </c>
      <c r="J6752">
        <v>2</v>
      </c>
      <c r="K6752">
        <v>2.1</v>
      </c>
    </row>
    <row r="6753" spans="1:11" x14ac:dyDescent="0.3">
      <c r="A6753" s="1">
        <v>42754</v>
      </c>
      <c r="B6753" s="3">
        <f t="shared" si="210"/>
        <v>1</v>
      </c>
      <c r="C6753" s="3">
        <f t="shared" si="211"/>
        <v>2017</v>
      </c>
      <c r="D6753" t="s">
        <v>2630</v>
      </c>
      <c r="E6753" t="s">
        <v>22</v>
      </c>
      <c r="F6753" t="s">
        <v>38</v>
      </c>
      <c r="G6753" t="s">
        <v>39</v>
      </c>
      <c r="H6753" t="s">
        <v>647</v>
      </c>
      <c r="I6753">
        <v>429.6</v>
      </c>
      <c r="J6753">
        <v>2</v>
      </c>
      <c r="K6753">
        <v>-93.08</v>
      </c>
    </row>
    <row r="6754" spans="1:11" x14ac:dyDescent="0.3">
      <c r="A6754" s="1">
        <v>42754</v>
      </c>
      <c r="B6754" s="3">
        <f t="shared" si="210"/>
        <v>1</v>
      </c>
      <c r="C6754" s="3">
        <f t="shared" si="211"/>
        <v>2017</v>
      </c>
      <c r="D6754" t="s">
        <v>2630</v>
      </c>
      <c r="E6754" t="s">
        <v>22</v>
      </c>
      <c r="F6754" t="s">
        <v>33</v>
      </c>
      <c r="G6754" t="s">
        <v>46</v>
      </c>
      <c r="H6754" t="s">
        <v>1734</v>
      </c>
      <c r="I6754">
        <v>31.97</v>
      </c>
      <c r="J6754">
        <v>2</v>
      </c>
      <c r="K6754">
        <v>6.39</v>
      </c>
    </row>
    <row r="6755" spans="1:11" x14ac:dyDescent="0.3">
      <c r="A6755" s="1">
        <v>42754</v>
      </c>
      <c r="B6755" s="3">
        <f t="shared" si="210"/>
        <v>1</v>
      </c>
      <c r="C6755" s="3">
        <f t="shared" si="211"/>
        <v>2017</v>
      </c>
      <c r="D6755" t="s">
        <v>2630</v>
      </c>
      <c r="E6755" t="s">
        <v>22</v>
      </c>
      <c r="F6755" t="s">
        <v>33</v>
      </c>
      <c r="G6755" t="s">
        <v>34</v>
      </c>
      <c r="H6755" t="s">
        <v>2044</v>
      </c>
      <c r="I6755">
        <v>887.27</v>
      </c>
      <c r="J6755">
        <v>3</v>
      </c>
      <c r="K6755">
        <v>-63.38</v>
      </c>
    </row>
    <row r="6756" spans="1:11" x14ac:dyDescent="0.3">
      <c r="A6756" s="1">
        <v>42754</v>
      </c>
      <c r="B6756" s="3">
        <f t="shared" si="210"/>
        <v>1</v>
      </c>
      <c r="C6756" s="3">
        <f t="shared" si="211"/>
        <v>2017</v>
      </c>
      <c r="D6756" t="s">
        <v>2630</v>
      </c>
      <c r="E6756" t="s">
        <v>22</v>
      </c>
      <c r="F6756" t="s">
        <v>10</v>
      </c>
      <c r="G6756" t="s">
        <v>11</v>
      </c>
      <c r="H6756" t="s">
        <v>2647</v>
      </c>
      <c r="I6756">
        <v>21.7</v>
      </c>
      <c r="J6756">
        <v>4</v>
      </c>
      <c r="K6756">
        <v>7.05</v>
      </c>
    </row>
    <row r="6757" spans="1:11" x14ac:dyDescent="0.3">
      <c r="A6757" s="1">
        <v>42754</v>
      </c>
      <c r="B6757" s="3">
        <f t="shared" si="210"/>
        <v>1</v>
      </c>
      <c r="C6757" s="3">
        <f t="shared" si="211"/>
        <v>2017</v>
      </c>
      <c r="D6757" t="s">
        <v>654</v>
      </c>
      <c r="E6757" t="s">
        <v>2321</v>
      </c>
      <c r="F6757" t="s">
        <v>10</v>
      </c>
      <c r="G6757" t="s">
        <v>11</v>
      </c>
      <c r="H6757" t="s">
        <v>2201</v>
      </c>
      <c r="I6757">
        <v>79.92</v>
      </c>
      <c r="J6757">
        <v>4</v>
      </c>
      <c r="K6757">
        <v>37.56</v>
      </c>
    </row>
    <row r="6758" spans="1:11" x14ac:dyDescent="0.3">
      <c r="A6758" s="1">
        <v>42754</v>
      </c>
      <c r="B6758" s="3">
        <f t="shared" si="210"/>
        <v>1</v>
      </c>
      <c r="C6758" s="3">
        <f t="shared" si="211"/>
        <v>2017</v>
      </c>
      <c r="D6758" t="s">
        <v>654</v>
      </c>
      <c r="E6758" t="s">
        <v>2321</v>
      </c>
      <c r="F6758" t="s">
        <v>10</v>
      </c>
      <c r="G6758" t="s">
        <v>11</v>
      </c>
      <c r="H6758" t="s">
        <v>935</v>
      </c>
      <c r="I6758">
        <v>12.28</v>
      </c>
      <c r="J6758">
        <v>1</v>
      </c>
      <c r="K6758">
        <v>5.77</v>
      </c>
    </row>
    <row r="6759" spans="1:11" x14ac:dyDescent="0.3">
      <c r="A6759" s="1">
        <v>42754</v>
      </c>
      <c r="B6759" s="3">
        <f t="shared" si="210"/>
        <v>1</v>
      </c>
      <c r="C6759" s="3">
        <f t="shared" si="211"/>
        <v>2017</v>
      </c>
      <c r="D6759" t="s">
        <v>654</v>
      </c>
      <c r="E6759" t="s">
        <v>2321</v>
      </c>
      <c r="F6759" t="s">
        <v>10</v>
      </c>
      <c r="G6759" t="s">
        <v>91</v>
      </c>
      <c r="H6759" t="s">
        <v>1834</v>
      </c>
      <c r="I6759">
        <v>542.94000000000005</v>
      </c>
      <c r="J6759">
        <v>3</v>
      </c>
      <c r="K6759">
        <v>152.02000000000001</v>
      </c>
    </row>
    <row r="6760" spans="1:11" x14ac:dyDescent="0.3">
      <c r="A6760" s="1">
        <v>42754</v>
      </c>
      <c r="B6760" s="3">
        <f t="shared" si="210"/>
        <v>1</v>
      </c>
      <c r="C6760" s="3">
        <f t="shared" si="211"/>
        <v>2017</v>
      </c>
      <c r="D6760" t="s">
        <v>654</v>
      </c>
      <c r="E6760" t="s">
        <v>2321</v>
      </c>
      <c r="F6760" t="s">
        <v>10</v>
      </c>
      <c r="G6760" t="s">
        <v>62</v>
      </c>
      <c r="H6760" t="s">
        <v>395</v>
      </c>
      <c r="I6760">
        <v>2.04</v>
      </c>
      <c r="J6760">
        <v>1</v>
      </c>
      <c r="K6760">
        <v>0.96</v>
      </c>
    </row>
    <row r="6761" spans="1:11" x14ac:dyDescent="0.3">
      <c r="A6761" s="1">
        <v>42755</v>
      </c>
      <c r="B6761" s="3">
        <f t="shared" si="210"/>
        <v>1</v>
      </c>
      <c r="C6761" s="3">
        <f t="shared" si="211"/>
        <v>2017</v>
      </c>
      <c r="D6761" t="s">
        <v>2517</v>
      </c>
      <c r="E6761" t="s">
        <v>148</v>
      </c>
      <c r="F6761" t="s">
        <v>33</v>
      </c>
      <c r="G6761" t="s">
        <v>34</v>
      </c>
      <c r="H6761" t="s">
        <v>698</v>
      </c>
      <c r="I6761">
        <v>207.85</v>
      </c>
      <c r="J6761">
        <v>3</v>
      </c>
      <c r="K6761">
        <v>2.31</v>
      </c>
    </row>
    <row r="6762" spans="1:11" x14ac:dyDescent="0.3">
      <c r="A6762" s="1">
        <v>42755</v>
      </c>
      <c r="B6762" s="3">
        <f t="shared" si="210"/>
        <v>1</v>
      </c>
      <c r="C6762" s="3">
        <f t="shared" si="211"/>
        <v>2017</v>
      </c>
      <c r="D6762" t="s">
        <v>1391</v>
      </c>
      <c r="E6762" t="s">
        <v>26</v>
      </c>
      <c r="F6762" t="s">
        <v>38</v>
      </c>
      <c r="G6762" t="s">
        <v>39</v>
      </c>
      <c r="H6762" t="s">
        <v>493</v>
      </c>
      <c r="I6762">
        <v>160.78</v>
      </c>
      <c r="J6762">
        <v>3</v>
      </c>
      <c r="K6762">
        <v>10.050000000000001</v>
      </c>
    </row>
    <row r="6763" spans="1:11" x14ac:dyDescent="0.3">
      <c r="A6763" s="1">
        <v>42755</v>
      </c>
      <c r="B6763" s="3">
        <f t="shared" si="210"/>
        <v>1</v>
      </c>
      <c r="C6763" s="3">
        <f t="shared" si="211"/>
        <v>2017</v>
      </c>
      <c r="D6763" t="s">
        <v>216</v>
      </c>
      <c r="E6763" t="s">
        <v>26</v>
      </c>
      <c r="F6763" t="s">
        <v>10</v>
      </c>
      <c r="G6763" t="s">
        <v>23</v>
      </c>
      <c r="H6763" t="s">
        <v>206</v>
      </c>
      <c r="I6763">
        <v>24.2</v>
      </c>
      <c r="J6763">
        <v>5</v>
      </c>
      <c r="K6763">
        <v>7.99</v>
      </c>
    </row>
    <row r="6764" spans="1:11" x14ac:dyDescent="0.3">
      <c r="A6764" s="1">
        <v>42755</v>
      </c>
      <c r="B6764" s="3">
        <f t="shared" si="210"/>
        <v>1</v>
      </c>
      <c r="C6764" s="3">
        <f t="shared" si="211"/>
        <v>2017</v>
      </c>
      <c r="D6764" t="s">
        <v>216</v>
      </c>
      <c r="E6764" t="s">
        <v>26</v>
      </c>
      <c r="F6764" t="s">
        <v>38</v>
      </c>
      <c r="G6764" t="s">
        <v>39</v>
      </c>
      <c r="H6764" t="s">
        <v>1344</v>
      </c>
      <c r="I6764">
        <v>359.98</v>
      </c>
      <c r="J6764">
        <v>3</v>
      </c>
      <c r="K6764">
        <v>130.49</v>
      </c>
    </row>
    <row r="6765" spans="1:11" x14ac:dyDescent="0.3">
      <c r="A6765" s="1">
        <v>42755</v>
      </c>
      <c r="B6765" s="3">
        <f t="shared" si="210"/>
        <v>1</v>
      </c>
      <c r="C6765" s="3">
        <f t="shared" si="211"/>
        <v>2017</v>
      </c>
      <c r="D6765" t="s">
        <v>1486</v>
      </c>
      <c r="E6765" t="s">
        <v>612</v>
      </c>
      <c r="F6765" t="s">
        <v>10</v>
      </c>
      <c r="G6765" t="s">
        <v>23</v>
      </c>
      <c r="H6765" t="s">
        <v>2389</v>
      </c>
      <c r="I6765">
        <v>3.52</v>
      </c>
      <c r="J6765">
        <v>2</v>
      </c>
      <c r="K6765">
        <v>1.02</v>
      </c>
    </row>
    <row r="6766" spans="1:11" x14ac:dyDescent="0.3">
      <c r="A6766" s="1">
        <v>42755</v>
      </c>
      <c r="B6766" s="3">
        <f t="shared" si="210"/>
        <v>1</v>
      </c>
      <c r="C6766" s="3">
        <f t="shared" si="211"/>
        <v>2017</v>
      </c>
      <c r="D6766" t="s">
        <v>1615</v>
      </c>
      <c r="E6766" t="s">
        <v>14</v>
      </c>
      <c r="F6766" t="s">
        <v>10</v>
      </c>
      <c r="G6766" t="s">
        <v>15</v>
      </c>
      <c r="H6766" t="s">
        <v>583</v>
      </c>
      <c r="I6766">
        <v>11.52</v>
      </c>
      <c r="J6766">
        <v>5</v>
      </c>
      <c r="K6766">
        <v>4.18</v>
      </c>
    </row>
    <row r="6767" spans="1:11" x14ac:dyDescent="0.3">
      <c r="A6767" s="1">
        <v>42756</v>
      </c>
      <c r="B6767" s="3">
        <f t="shared" si="210"/>
        <v>1</v>
      </c>
      <c r="C6767" s="3">
        <f t="shared" si="211"/>
        <v>2017</v>
      </c>
      <c r="D6767" t="s">
        <v>927</v>
      </c>
      <c r="E6767" t="s">
        <v>163</v>
      </c>
      <c r="F6767" t="s">
        <v>10</v>
      </c>
      <c r="G6767" t="s">
        <v>17</v>
      </c>
      <c r="H6767" t="s">
        <v>296</v>
      </c>
      <c r="I6767">
        <v>242.94</v>
      </c>
      <c r="J6767">
        <v>3</v>
      </c>
      <c r="K6767">
        <v>9.7200000000000006</v>
      </c>
    </row>
    <row r="6768" spans="1:11" x14ac:dyDescent="0.3">
      <c r="A6768" s="1">
        <v>42756</v>
      </c>
      <c r="B6768" s="3">
        <f t="shared" si="210"/>
        <v>1</v>
      </c>
      <c r="C6768" s="3">
        <f t="shared" si="211"/>
        <v>2017</v>
      </c>
      <c r="D6768" t="s">
        <v>927</v>
      </c>
      <c r="E6768" t="s">
        <v>163</v>
      </c>
      <c r="F6768" t="s">
        <v>38</v>
      </c>
      <c r="G6768" t="s">
        <v>51</v>
      </c>
      <c r="H6768" t="s">
        <v>1475</v>
      </c>
      <c r="I6768">
        <v>179.97</v>
      </c>
      <c r="J6768">
        <v>3</v>
      </c>
      <c r="K6768">
        <v>86.39</v>
      </c>
    </row>
    <row r="6769" spans="1:11" x14ac:dyDescent="0.3">
      <c r="A6769" s="1">
        <v>42756</v>
      </c>
      <c r="B6769" s="3">
        <f t="shared" si="210"/>
        <v>1</v>
      </c>
      <c r="C6769" s="3">
        <f t="shared" si="211"/>
        <v>2017</v>
      </c>
      <c r="D6769" t="s">
        <v>927</v>
      </c>
      <c r="E6769" t="s">
        <v>163</v>
      </c>
      <c r="F6769" t="s">
        <v>10</v>
      </c>
      <c r="G6769" t="s">
        <v>19</v>
      </c>
      <c r="H6769" t="s">
        <v>780</v>
      </c>
      <c r="I6769">
        <v>99.7</v>
      </c>
      <c r="J6769">
        <v>6</v>
      </c>
      <c r="K6769">
        <v>33.65</v>
      </c>
    </row>
    <row r="6770" spans="1:11" x14ac:dyDescent="0.3">
      <c r="A6770" s="1">
        <v>42756</v>
      </c>
      <c r="B6770" s="3">
        <f t="shared" si="210"/>
        <v>1</v>
      </c>
      <c r="C6770" s="3">
        <f t="shared" si="211"/>
        <v>2017</v>
      </c>
      <c r="D6770" t="s">
        <v>927</v>
      </c>
      <c r="E6770" t="s">
        <v>163</v>
      </c>
      <c r="F6770" t="s">
        <v>10</v>
      </c>
      <c r="G6770" t="s">
        <v>19</v>
      </c>
      <c r="H6770" t="s">
        <v>183</v>
      </c>
      <c r="I6770">
        <v>27.94</v>
      </c>
      <c r="J6770">
        <v>4</v>
      </c>
      <c r="K6770">
        <v>9.43</v>
      </c>
    </row>
    <row r="6771" spans="1:11" x14ac:dyDescent="0.3">
      <c r="A6771" s="1">
        <v>42756</v>
      </c>
      <c r="B6771" s="3">
        <f t="shared" si="210"/>
        <v>1</v>
      </c>
      <c r="C6771" s="3">
        <f t="shared" si="211"/>
        <v>2017</v>
      </c>
      <c r="D6771" t="s">
        <v>927</v>
      </c>
      <c r="E6771" t="s">
        <v>163</v>
      </c>
      <c r="F6771" t="s">
        <v>33</v>
      </c>
      <c r="G6771" t="s">
        <v>73</v>
      </c>
      <c r="H6771" t="s">
        <v>2632</v>
      </c>
      <c r="I6771">
        <v>84.98</v>
      </c>
      <c r="J6771">
        <v>1</v>
      </c>
      <c r="K6771">
        <v>18.7</v>
      </c>
    </row>
    <row r="6772" spans="1:11" x14ac:dyDescent="0.3">
      <c r="A6772" s="1">
        <v>42756</v>
      </c>
      <c r="B6772" s="3">
        <f t="shared" si="210"/>
        <v>1</v>
      </c>
      <c r="C6772" s="3">
        <f t="shared" si="211"/>
        <v>2017</v>
      </c>
      <c r="D6772" t="s">
        <v>927</v>
      </c>
      <c r="E6772" t="s">
        <v>163</v>
      </c>
      <c r="F6772" t="s">
        <v>10</v>
      </c>
      <c r="G6772" t="s">
        <v>19</v>
      </c>
      <c r="H6772" t="s">
        <v>1119</v>
      </c>
      <c r="I6772">
        <v>18.72</v>
      </c>
      <c r="J6772">
        <v>5</v>
      </c>
      <c r="K6772">
        <v>6.55</v>
      </c>
    </row>
    <row r="6773" spans="1:11" x14ac:dyDescent="0.3">
      <c r="A6773" s="1">
        <v>42756</v>
      </c>
      <c r="B6773" s="3">
        <f t="shared" si="210"/>
        <v>1</v>
      </c>
      <c r="C6773" s="3">
        <f t="shared" si="211"/>
        <v>2017</v>
      </c>
      <c r="D6773" t="s">
        <v>1810</v>
      </c>
      <c r="E6773" t="s">
        <v>244</v>
      </c>
      <c r="F6773" t="s">
        <v>10</v>
      </c>
      <c r="G6773" t="s">
        <v>17</v>
      </c>
      <c r="H6773" t="s">
        <v>1399</v>
      </c>
      <c r="I6773">
        <v>348.21</v>
      </c>
      <c r="J6773">
        <v>7</v>
      </c>
      <c r="K6773">
        <v>30.47</v>
      </c>
    </row>
    <row r="6774" spans="1:11" x14ac:dyDescent="0.3">
      <c r="A6774" s="1">
        <v>42756</v>
      </c>
      <c r="B6774" s="3">
        <f t="shared" si="210"/>
        <v>1</v>
      </c>
      <c r="C6774" s="3">
        <f t="shared" si="211"/>
        <v>2017</v>
      </c>
      <c r="D6774" t="s">
        <v>1810</v>
      </c>
      <c r="E6774" t="s">
        <v>244</v>
      </c>
      <c r="F6774" t="s">
        <v>10</v>
      </c>
      <c r="G6774" t="s">
        <v>19</v>
      </c>
      <c r="H6774" t="s">
        <v>1532</v>
      </c>
      <c r="I6774">
        <v>35.78</v>
      </c>
      <c r="J6774">
        <v>7</v>
      </c>
      <c r="K6774">
        <v>-28.63</v>
      </c>
    </row>
    <row r="6775" spans="1:11" x14ac:dyDescent="0.3">
      <c r="A6775" s="1">
        <v>42756</v>
      </c>
      <c r="B6775" s="3">
        <f t="shared" si="210"/>
        <v>1</v>
      </c>
      <c r="C6775" s="3">
        <f t="shared" si="211"/>
        <v>2017</v>
      </c>
      <c r="D6775" t="s">
        <v>2584</v>
      </c>
      <c r="E6775" t="s">
        <v>109</v>
      </c>
      <c r="F6775" t="s">
        <v>10</v>
      </c>
      <c r="G6775" t="s">
        <v>19</v>
      </c>
      <c r="H6775" t="s">
        <v>898</v>
      </c>
      <c r="I6775">
        <v>14.4</v>
      </c>
      <c r="J6775">
        <v>5</v>
      </c>
      <c r="K6775">
        <v>7.06</v>
      </c>
    </row>
    <row r="6776" spans="1:11" x14ac:dyDescent="0.3">
      <c r="A6776" s="1">
        <v>42756</v>
      </c>
      <c r="B6776" s="3">
        <f t="shared" si="210"/>
        <v>1</v>
      </c>
      <c r="C6776" s="3">
        <f t="shared" si="211"/>
        <v>2017</v>
      </c>
      <c r="D6776" t="s">
        <v>2584</v>
      </c>
      <c r="E6776" t="s">
        <v>109</v>
      </c>
      <c r="F6776" t="s">
        <v>38</v>
      </c>
      <c r="G6776" t="s">
        <v>51</v>
      </c>
      <c r="H6776" t="s">
        <v>2220</v>
      </c>
      <c r="I6776">
        <v>619.95000000000005</v>
      </c>
      <c r="J6776">
        <v>5</v>
      </c>
      <c r="K6776">
        <v>111.59</v>
      </c>
    </row>
    <row r="6777" spans="1:11" x14ac:dyDescent="0.3">
      <c r="A6777" s="1">
        <v>42756</v>
      </c>
      <c r="B6777" s="3">
        <f t="shared" si="210"/>
        <v>1</v>
      </c>
      <c r="C6777" s="3">
        <f t="shared" si="211"/>
        <v>2017</v>
      </c>
      <c r="D6777" t="s">
        <v>2584</v>
      </c>
      <c r="E6777" t="s">
        <v>109</v>
      </c>
      <c r="F6777" t="s">
        <v>10</v>
      </c>
      <c r="G6777" t="s">
        <v>19</v>
      </c>
      <c r="H6777" t="s">
        <v>174</v>
      </c>
      <c r="I6777">
        <v>89.52</v>
      </c>
      <c r="J6777">
        <v>4</v>
      </c>
      <c r="K6777">
        <v>42.07</v>
      </c>
    </row>
    <row r="6778" spans="1:11" x14ac:dyDescent="0.3">
      <c r="A6778" s="1">
        <v>42756</v>
      </c>
      <c r="B6778" s="3">
        <f t="shared" si="210"/>
        <v>1</v>
      </c>
      <c r="C6778" s="3">
        <f t="shared" si="211"/>
        <v>2017</v>
      </c>
      <c r="D6778" t="s">
        <v>2584</v>
      </c>
      <c r="E6778" t="s">
        <v>109</v>
      </c>
      <c r="F6778" t="s">
        <v>38</v>
      </c>
      <c r="G6778" t="s">
        <v>301</v>
      </c>
      <c r="H6778" t="s">
        <v>2652</v>
      </c>
      <c r="I6778">
        <v>350.97</v>
      </c>
      <c r="J6778">
        <v>3</v>
      </c>
      <c r="K6778">
        <v>152.09</v>
      </c>
    </row>
    <row r="6779" spans="1:11" x14ac:dyDescent="0.3">
      <c r="A6779" s="1">
        <v>42756</v>
      </c>
      <c r="B6779" s="3">
        <f t="shared" si="210"/>
        <v>1</v>
      </c>
      <c r="C6779" s="3">
        <f t="shared" si="211"/>
        <v>2017</v>
      </c>
      <c r="D6779" t="s">
        <v>2584</v>
      </c>
      <c r="E6779" t="s">
        <v>109</v>
      </c>
      <c r="F6779" t="s">
        <v>38</v>
      </c>
      <c r="G6779" t="s">
        <v>39</v>
      </c>
      <c r="H6779" t="s">
        <v>2179</v>
      </c>
      <c r="I6779">
        <v>164.99</v>
      </c>
      <c r="J6779">
        <v>1</v>
      </c>
      <c r="K6779">
        <v>49.5</v>
      </c>
    </row>
    <row r="6780" spans="1:11" x14ac:dyDescent="0.3">
      <c r="A6780" s="1">
        <v>42756</v>
      </c>
      <c r="B6780" s="3">
        <f t="shared" si="210"/>
        <v>1</v>
      </c>
      <c r="C6780" s="3">
        <f t="shared" si="211"/>
        <v>2017</v>
      </c>
      <c r="D6780" t="s">
        <v>2443</v>
      </c>
      <c r="E6780" t="s">
        <v>14</v>
      </c>
      <c r="F6780" t="s">
        <v>10</v>
      </c>
      <c r="G6780" t="s">
        <v>62</v>
      </c>
      <c r="H6780" t="s">
        <v>413</v>
      </c>
      <c r="I6780">
        <v>268.58</v>
      </c>
      <c r="J6780">
        <v>4</v>
      </c>
      <c r="K6780">
        <v>90.64</v>
      </c>
    </row>
    <row r="6781" spans="1:11" x14ac:dyDescent="0.3">
      <c r="A6781" s="1">
        <v>42757</v>
      </c>
      <c r="B6781" s="3">
        <f t="shared" si="210"/>
        <v>1</v>
      </c>
      <c r="C6781" s="3">
        <f t="shared" si="211"/>
        <v>2017</v>
      </c>
      <c r="D6781" t="s">
        <v>1664</v>
      </c>
      <c r="E6781" t="s">
        <v>514</v>
      </c>
      <c r="F6781" t="s">
        <v>38</v>
      </c>
      <c r="G6781" t="s">
        <v>602</v>
      </c>
      <c r="H6781" t="s">
        <v>2653</v>
      </c>
      <c r="I6781">
        <v>2999.95</v>
      </c>
      <c r="J6781">
        <v>5</v>
      </c>
      <c r="K6781">
        <v>1379.98</v>
      </c>
    </row>
    <row r="6782" spans="1:11" x14ac:dyDescent="0.3">
      <c r="A6782" s="1">
        <v>42757</v>
      </c>
      <c r="B6782" s="3">
        <f t="shared" si="210"/>
        <v>1</v>
      </c>
      <c r="C6782" s="3">
        <f t="shared" si="211"/>
        <v>2017</v>
      </c>
      <c r="D6782" t="s">
        <v>1664</v>
      </c>
      <c r="E6782" t="s">
        <v>514</v>
      </c>
      <c r="F6782" t="s">
        <v>10</v>
      </c>
      <c r="G6782" t="s">
        <v>17</v>
      </c>
      <c r="H6782" t="s">
        <v>1846</v>
      </c>
      <c r="I6782">
        <v>51.45</v>
      </c>
      <c r="J6782">
        <v>3</v>
      </c>
      <c r="K6782">
        <v>13.89</v>
      </c>
    </row>
    <row r="6783" spans="1:11" x14ac:dyDescent="0.3">
      <c r="A6783" s="1">
        <v>42757</v>
      </c>
      <c r="B6783" s="3">
        <f t="shared" si="210"/>
        <v>1</v>
      </c>
      <c r="C6783" s="3">
        <f t="shared" si="211"/>
        <v>2017</v>
      </c>
      <c r="D6783" t="s">
        <v>1664</v>
      </c>
      <c r="E6783" t="s">
        <v>514</v>
      </c>
      <c r="F6783" t="s">
        <v>10</v>
      </c>
      <c r="G6783" t="s">
        <v>11</v>
      </c>
      <c r="H6783" t="s">
        <v>1104</v>
      </c>
      <c r="I6783">
        <v>11.96</v>
      </c>
      <c r="J6783">
        <v>2</v>
      </c>
      <c r="K6783">
        <v>5.38</v>
      </c>
    </row>
    <row r="6784" spans="1:11" x14ac:dyDescent="0.3">
      <c r="A6784" s="1">
        <v>42757</v>
      </c>
      <c r="B6784" s="3">
        <f t="shared" si="210"/>
        <v>1</v>
      </c>
      <c r="C6784" s="3">
        <f t="shared" si="211"/>
        <v>2017</v>
      </c>
      <c r="D6784" t="s">
        <v>1664</v>
      </c>
      <c r="E6784" t="s">
        <v>514</v>
      </c>
      <c r="F6784" t="s">
        <v>10</v>
      </c>
      <c r="G6784" t="s">
        <v>17</v>
      </c>
      <c r="H6784" t="s">
        <v>1109</v>
      </c>
      <c r="I6784">
        <v>1126.02</v>
      </c>
      <c r="J6784">
        <v>3</v>
      </c>
      <c r="K6784">
        <v>56.3</v>
      </c>
    </row>
    <row r="6785" spans="1:11" x14ac:dyDescent="0.3">
      <c r="A6785" s="1">
        <v>42757</v>
      </c>
      <c r="B6785" s="3">
        <f t="shared" si="210"/>
        <v>1</v>
      </c>
      <c r="C6785" s="3">
        <f t="shared" si="211"/>
        <v>2017</v>
      </c>
      <c r="D6785" t="s">
        <v>524</v>
      </c>
      <c r="E6785" t="s">
        <v>14</v>
      </c>
      <c r="F6785" t="s">
        <v>10</v>
      </c>
      <c r="G6785" t="s">
        <v>42</v>
      </c>
      <c r="H6785" t="s">
        <v>159</v>
      </c>
      <c r="I6785">
        <v>15.12</v>
      </c>
      <c r="J6785">
        <v>5</v>
      </c>
      <c r="K6785">
        <v>4.91</v>
      </c>
    </row>
    <row r="6786" spans="1:11" x14ac:dyDescent="0.3">
      <c r="A6786" s="1">
        <v>42757</v>
      </c>
      <c r="B6786" s="3">
        <f t="shared" ref="B6786:B6849" si="212">MONTH(A:A)</f>
        <v>1</v>
      </c>
      <c r="C6786" s="3">
        <f t="shared" ref="C6786:C6849" si="213">YEAR(A:A)</f>
        <v>2017</v>
      </c>
      <c r="D6786" t="s">
        <v>524</v>
      </c>
      <c r="E6786" t="s">
        <v>14</v>
      </c>
      <c r="F6786" t="s">
        <v>10</v>
      </c>
      <c r="G6786" t="s">
        <v>23</v>
      </c>
      <c r="H6786" t="s">
        <v>987</v>
      </c>
      <c r="I6786">
        <v>7.87</v>
      </c>
      <c r="J6786">
        <v>3</v>
      </c>
      <c r="K6786">
        <v>0.89</v>
      </c>
    </row>
    <row r="6787" spans="1:11" x14ac:dyDescent="0.3">
      <c r="A6787" s="1">
        <v>42758</v>
      </c>
      <c r="B6787" s="3">
        <f t="shared" si="212"/>
        <v>1</v>
      </c>
      <c r="C6787" s="3">
        <f t="shared" si="213"/>
        <v>2017</v>
      </c>
      <c r="D6787" t="s">
        <v>345</v>
      </c>
      <c r="E6787" t="s">
        <v>109</v>
      </c>
      <c r="F6787" t="s">
        <v>33</v>
      </c>
      <c r="G6787" t="s">
        <v>144</v>
      </c>
      <c r="H6787" t="s">
        <v>1194</v>
      </c>
      <c r="I6787">
        <v>210.98</v>
      </c>
      <c r="J6787">
        <v>2</v>
      </c>
      <c r="K6787">
        <v>21.1</v>
      </c>
    </row>
    <row r="6788" spans="1:11" x14ac:dyDescent="0.3">
      <c r="A6788" s="1">
        <v>42758</v>
      </c>
      <c r="B6788" s="3">
        <f t="shared" si="212"/>
        <v>1</v>
      </c>
      <c r="C6788" s="3">
        <f t="shared" si="213"/>
        <v>2017</v>
      </c>
      <c r="D6788" t="s">
        <v>60</v>
      </c>
      <c r="E6788" t="s">
        <v>163</v>
      </c>
      <c r="F6788" t="s">
        <v>10</v>
      </c>
      <c r="G6788" t="s">
        <v>19</v>
      </c>
      <c r="H6788" t="s">
        <v>1649</v>
      </c>
      <c r="I6788">
        <v>19.68</v>
      </c>
      <c r="J6788">
        <v>5</v>
      </c>
      <c r="K6788">
        <v>6.89</v>
      </c>
    </row>
    <row r="6789" spans="1:11" x14ac:dyDescent="0.3">
      <c r="A6789" s="1">
        <v>42758</v>
      </c>
      <c r="B6789" s="3">
        <f t="shared" si="212"/>
        <v>1</v>
      </c>
      <c r="C6789" s="3">
        <f t="shared" si="213"/>
        <v>2017</v>
      </c>
      <c r="D6789" t="s">
        <v>60</v>
      </c>
      <c r="E6789" t="s">
        <v>163</v>
      </c>
      <c r="F6789" t="s">
        <v>10</v>
      </c>
      <c r="G6789" t="s">
        <v>11</v>
      </c>
      <c r="H6789" t="s">
        <v>2171</v>
      </c>
      <c r="I6789">
        <v>25.92</v>
      </c>
      <c r="J6789">
        <v>4</v>
      </c>
      <c r="K6789">
        <v>12.44</v>
      </c>
    </row>
    <row r="6790" spans="1:11" x14ac:dyDescent="0.3">
      <c r="A6790" s="1">
        <v>42758</v>
      </c>
      <c r="B6790" s="3">
        <f t="shared" si="212"/>
        <v>1</v>
      </c>
      <c r="C6790" s="3">
        <f t="shared" si="213"/>
        <v>2017</v>
      </c>
      <c r="D6790" t="s">
        <v>60</v>
      </c>
      <c r="E6790" t="s">
        <v>163</v>
      </c>
      <c r="F6790" t="s">
        <v>10</v>
      </c>
      <c r="G6790" t="s">
        <v>11</v>
      </c>
      <c r="H6790" t="s">
        <v>1621</v>
      </c>
      <c r="I6790">
        <v>6.48</v>
      </c>
      <c r="J6790">
        <v>1</v>
      </c>
      <c r="K6790">
        <v>3.11</v>
      </c>
    </row>
    <row r="6791" spans="1:11" x14ac:dyDescent="0.3">
      <c r="A6791" s="1">
        <v>42758</v>
      </c>
      <c r="B6791" s="3">
        <f t="shared" si="212"/>
        <v>1</v>
      </c>
      <c r="C6791" s="3">
        <f t="shared" si="213"/>
        <v>2017</v>
      </c>
      <c r="D6791" t="s">
        <v>60</v>
      </c>
      <c r="E6791" t="s">
        <v>163</v>
      </c>
      <c r="F6791" t="s">
        <v>38</v>
      </c>
      <c r="G6791" t="s">
        <v>39</v>
      </c>
      <c r="H6791" t="s">
        <v>390</v>
      </c>
      <c r="I6791">
        <v>86.35</v>
      </c>
      <c r="J6791">
        <v>6</v>
      </c>
      <c r="K6791">
        <v>8.64</v>
      </c>
    </row>
    <row r="6792" spans="1:11" x14ac:dyDescent="0.3">
      <c r="A6792" s="1">
        <v>42758</v>
      </c>
      <c r="B6792" s="3">
        <f t="shared" si="212"/>
        <v>1</v>
      </c>
      <c r="C6792" s="3">
        <f t="shared" si="213"/>
        <v>2017</v>
      </c>
      <c r="D6792" t="s">
        <v>625</v>
      </c>
      <c r="E6792" t="s">
        <v>94</v>
      </c>
      <c r="F6792" t="s">
        <v>38</v>
      </c>
      <c r="G6792" t="s">
        <v>51</v>
      </c>
      <c r="H6792" t="s">
        <v>507</v>
      </c>
      <c r="I6792">
        <v>95.98</v>
      </c>
      <c r="J6792">
        <v>2</v>
      </c>
      <c r="K6792">
        <v>12</v>
      </c>
    </row>
    <row r="6793" spans="1:11" x14ac:dyDescent="0.3">
      <c r="A6793" s="1">
        <v>42758</v>
      </c>
      <c r="B6793" s="3">
        <f t="shared" si="212"/>
        <v>1</v>
      </c>
      <c r="C6793" s="3">
        <f t="shared" si="213"/>
        <v>2017</v>
      </c>
      <c r="D6793" t="s">
        <v>625</v>
      </c>
      <c r="E6793" t="s">
        <v>94</v>
      </c>
      <c r="F6793" t="s">
        <v>10</v>
      </c>
      <c r="G6793" t="s">
        <v>19</v>
      </c>
      <c r="H6793" t="s">
        <v>1042</v>
      </c>
      <c r="I6793">
        <v>4.9400000000000004</v>
      </c>
      <c r="J6793">
        <v>2</v>
      </c>
      <c r="K6793">
        <v>-3.62</v>
      </c>
    </row>
    <row r="6794" spans="1:11" x14ac:dyDescent="0.3">
      <c r="A6794" s="1">
        <v>42759</v>
      </c>
      <c r="B6794" s="3">
        <f t="shared" si="212"/>
        <v>1</v>
      </c>
      <c r="C6794" s="3">
        <f t="shared" si="213"/>
        <v>2017</v>
      </c>
      <c r="D6794" t="s">
        <v>2020</v>
      </c>
      <c r="E6794" t="s">
        <v>29</v>
      </c>
      <c r="F6794" t="s">
        <v>10</v>
      </c>
      <c r="G6794" t="s">
        <v>42</v>
      </c>
      <c r="H6794" t="s">
        <v>1306</v>
      </c>
      <c r="I6794">
        <v>5.67</v>
      </c>
      <c r="J6794">
        <v>3</v>
      </c>
      <c r="K6794">
        <v>0.11</v>
      </c>
    </row>
    <row r="6795" spans="1:11" x14ac:dyDescent="0.3">
      <c r="A6795" s="1">
        <v>42759</v>
      </c>
      <c r="B6795" s="3">
        <f t="shared" si="212"/>
        <v>1</v>
      </c>
      <c r="C6795" s="3">
        <f t="shared" si="213"/>
        <v>2017</v>
      </c>
      <c r="D6795" t="s">
        <v>1393</v>
      </c>
      <c r="E6795" t="s">
        <v>26</v>
      </c>
      <c r="F6795" t="s">
        <v>10</v>
      </c>
      <c r="G6795" t="s">
        <v>91</v>
      </c>
      <c r="H6795" t="s">
        <v>1386</v>
      </c>
      <c r="I6795">
        <v>25.86</v>
      </c>
      <c r="J6795">
        <v>3</v>
      </c>
      <c r="K6795">
        <v>6.72</v>
      </c>
    </row>
    <row r="6796" spans="1:11" x14ac:dyDescent="0.3">
      <c r="A6796" s="1">
        <v>42759</v>
      </c>
      <c r="B6796" s="3">
        <f t="shared" si="212"/>
        <v>1</v>
      </c>
      <c r="C6796" s="3">
        <f t="shared" si="213"/>
        <v>2017</v>
      </c>
      <c r="D6796" t="s">
        <v>1393</v>
      </c>
      <c r="E6796" t="s">
        <v>26</v>
      </c>
      <c r="F6796" t="s">
        <v>10</v>
      </c>
      <c r="G6796" t="s">
        <v>19</v>
      </c>
      <c r="H6796" t="s">
        <v>2460</v>
      </c>
      <c r="I6796">
        <v>276.77999999999997</v>
      </c>
      <c r="J6796">
        <v>2</v>
      </c>
      <c r="K6796">
        <v>89.95</v>
      </c>
    </row>
    <row r="6797" spans="1:11" x14ac:dyDescent="0.3">
      <c r="A6797" s="1">
        <v>42759</v>
      </c>
      <c r="B6797" s="3">
        <f t="shared" si="212"/>
        <v>1</v>
      </c>
      <c r="C6797" s="3">
        <f t="shared" si="213"/>
        <v>2017</v>
      </c>
      <c r="D6797" t="s">
        <v>1393</v>
      </c>
      <c r="E6797" t="s">
        <v>26</v>
      </c>
      <c r="F6797" t="s">
        <v>38</v>
      </c>
      <c r="G6797" t="s">
        <v>39</v>
      </c>
      <c r="H6797" t="s">
        <v>2378</v>
      </c>
      <c r="I6797">
        <v>110.35</v>
      </c>
      <c r="J6797">
        <v>3</v>
      </c>
      <c r="K6797">
        <v>8.2799999999999994</v>
      </c>
    </row>
    <row r="6798" spans="1:11" x14ac:dyDescent="0.3">
      <c r="A6798" s="1">
        <v>42761</v>
      </c>
      <c r="B6798" s="3">
        <f t="shared" si="212"/>
        <v>1</v>
      </c>
      <c r="C6798" s="3">
        <f t="shared" si="213"/>
        <v>2017</v>
      </c>
      <c r="D6798" t="s">
        <v>138</v>
      </c>
      <c r="E6798" t="s">
        <v>487</v>
      </c>
      <c r="F6798" t="s">
        <v>10</v>
      </c>
      <c r="G6798" t="s">
        <v>23</v>
      </c>
      <c r="H6798" t="s">
        <v>2083</v>
      </c>
      <c r="I6798">
        <v>15.47</v>
      </c>
      <c r="J6798">
        <v>7</v>
      </c>
      <c r="K6798">
        <v>4.18</v>
      </c>
    </row>
    <row r="6799" spans="1:11" x14ac:dyDescent="0.3">
      <c r="A6799" s="1">
        <v>42761</v>
      </c>
      <c r="B6799" s="3">
        <f t="shared" si="212"/>
        <v>1</v>
      </c>
      <c r="C6799" s="3">
        <f t="shared" si="213"/>
        <v>2017</v>
      </c>
      <c r="D6799" t="s">
        <v>138</v>
      </c>
      <c r="E6799" t="s">
        <v>487</v>
      </c>
      <c r="F6799" t="s">
        <v>10</v>
      </c>
      <c r="G6799" t="s">
        <v>19</v>
      </c>
      <c r="H6799" t="s">
        <v>1301</v>
      </c>
      <c r="I6799">
        <v>7.16</v>
      </c>
      <c r="J6799">
        <v>2</v>
      </c>
      <c r="K6799">
        <v>3.44</v>
      </c>
    </row>
    <row r="6800" spans="1:11" x14ac:dyDescent="0.3">
      <c r="A6800" s="1">
        <v>42761</v>
      </c>
      <c r="B6800" s="3">
        <f t="shared" si="212"/>
        <v>1</v>
      </c>
      <c r="C6800" s="3">
        <f t="shared" si="213"/>
        <v>2017</v>
      </c>
      <c r="D6800" t="s">
        <v>2285</v>
      </c>
      <c r="E6800" t="s">
        <v>9</v>
      </c>
      <c r="F6800" t="s">
        <v>10</v>
      </c>
      <c r="G6800" t="s">
        <v>17</v>
      </c>
      <c r="H6800" t="s">
        <v>1471</v>
      </c>
      <c r="I6800">
        <v>18.16</v>
      </c>
      <c r="J6800">
        <v>2</v>
      </c>
      <c r="K6800">
        <v>1.82</v>
      </c>
    </row>
    <row r="6801" spans="1:11" x14ac:dyDescent="0.3">
      <c r="A6801" s="1">
        <v>42761</v>
      </c>
      <c r="B6801" s="3">
        <f t="shared" si="212"/>
        <v>1</v>
      </c>
      <c r="C6801" s="3">
        <f t="shared" si="213"/>
        <v>2017</v>
      </c>
      <c r="D6801" t="s">
        <v>2454</v>
      </c>
      <c r="E6801" t="s">
        <v>26</v>
      </c>
      <c r="F6801" t="s">
        <v>10</v>
      </c>
      <c r="G6801" t="s">
        <v>42</v>
      </c>
      <c r="H6801" t="s">
        <v>495</v>
      </c>
      <c r="I6801">
        <v>11.84</v>
      </c>
      <c r="J6801">
        <v>8</v>
      </c>
      <c r="K6801">
        <v>5.68</v>
      </c>
    </row>
    <row r="6802" spans="1:11" x14ac:dyDescent="0.3">
      <c r="A6802" s="1">
        <v>42761</v>
      </c>
      <c r="B6802" s="3">
        <f t="shared" si="212"/>
        <v>1</v>
      </c>
      <c r="C6802" s="3">
        <f t="shared" si="213"/>
        <v>2017</v>
      </c>
      <c r="D6802" t="s">
        <v>155</v>
      </c>
      <c r="E6802" t="s">
        <v>29</v>
      </c>
      <c r="F6802" t="s">
        <v>33</v>
      </c>
      <c r="G6802" t="s">
        <v>46</v>
      </c>
      <c r="H6802" t="s">
        <v>2184</v>
      </c>
      <c r="I6802">
        <v>62.72</v>
      </c>
      <c r="J6802">
        <v>4</v>
      </c>
      <c r="K6802">
        <v>24.46</v>
      </c>
    </row>
    <row r="6803" spans="1:11" x14ac:dyDescent="0.3">
      <c r="A6803" s="1">
        <v>42761</v>
      </c>
      <c r="B6803" s="3">
        <f t="shared" si="212"/>
        <v>1</v>
      </c>
      <c r="C6803" s="3">
        <f t="shared" si="213"/>
        <v>2017</v>
      </c>
      <c r="D6803" t="s">
        <v>155</v>
      </c>
      <c r="E6803" t="s">
        <v>29</v>
      </c>
      <c r="F6803" t="s">
        <v>38</v>
      </c>
      <c r="G6803" t="s">
        <v>39</v>
      </c>
      <c r="H6803" t="s">
        <v>587</v>
      </c>
      <c r="I6803">
        <v>2939.93</v>
      </c>
      <c r="J6803">
        <v>7</v>
      </c>
      <c r="K6803">
        <v>764.38</v>
      </c>
    </row>
    <row r="6804" spans="1:11" x14ac:dyDescent="0.3">
      <c r="A6804" s="1">
        <v>42762</v>
      </c>
      <c r="B6804" s="3">
        <f t="shared" si="212"/>
        <v>1</v>
      </c>
      <c r="C6804" s="3">
        <f t="shared" si="213"/>
        <v>2017</v>
      </c>
      <c r="D6804" t="s">
        <v>680</v>
      </c>
      <c r="E6804" t="s">
        <v>77</v>
      </c>
      <c r="F6804" t="s">
        <v>10</v>
      </c>
      <c r="G6804" t="s">
        <v>23</v>
      </c>
      <c r="H6804" t="s">
        <v>50</v>
      </c>
      <c r="I6804">
        <v>14.02</v>
      </c>
      <c r="J6804">
        <v>3</v>
      </c>
      <c r="K6804">
        <v>1.75</v>
      </c>
    </row>
    <row r="6805" spans="1:11" x14ac:dyDescent="0.3">
      <c r="A6805" s="1">
        <v>42762</v>
      </c>
      <c r="B6805" s="3">
        <f t="shared" si="212"/>
        <v>1</v>
      </c>
      <c r="C6805" s="3">
        <f t="shared" si="213"/>
        <v>2017</v>
      </c>
      <c r="D6805" t="s">
        <v>680</v>
      </c>
      <c r="E6805" t="s">
        <v>77</v>
      </c>
      <c r="F6805" t="s">
        <v>38</v>
      </c>
      <c r="G6805" t="s">
        <v>51</v>
      </c>
      <c r="H6805" t="s">
        <v>1920</v>
      </c>
      <c r="I6805">
        <v>71.98</v>
      </c>
      <c r="J6805">
        <v>3</v>
      </c>
      <c r="K6805">
        <v>-9</v>
      </c>
    </row>
    <row r="6806" spans="1:11" x14ac:dyDescent="0.3">
      <c r="A6806" s="1">
        <v>42762</v>
      </c>
      <c r="B6806" s="3">
        <f t="shared" si="212"/>
        <v>1</v>
      </c>
      <c r="C6806" s="3">
        <f t="shared" si="213"/>
        <v>2017</v>
      </c>
      <c r="D6806" t="s">
        <v>680</v>
      </c>
      <c r="E6806" t="s">
        <v>77</v>
      </c>
      <c r="F6806" t="s">
        <v>38</v>
      </c>
      <c r="G6806" t="s">
        <v>39</v>
      </c>
      <c r="H6806" t="s">
        <v>1238</v>
      </c>
      <c r="I6806">
        <v>107.98</v>
      </c>
      <c r="J6806">
        <v>3</v>
      </c>
      <c r="K6806">
        <v>-27</v>
      </c>
    </row>
    <row r="6807" spans="1:11" x14ac:dyDescent="0.3">
      <c r="A6807" s="1">
        <v>42762</v>
      </c>
      <c r="B6807" s="3">
        <f t="shared" si="212"/>
        <v>1</v>
      </c>
      <c r="C6807" s="3">
        <f t="shared" si="213"/>
        <v>2017</v>
      </c>
      <c r="D6807" t="s">
        <v>1944</v>
      </c>
      <c r="E6807" t="s">
        <v>148</v>
      </c>
      <c r="F6807" t="s">
        <v>38</v>
      </c>
      <c r="G6807" t="s">
        <v>39</v>
      </c>
      <c r="H6807" t="s">
        <v>2378</v>
      </c>
      <c r="I6807">
        <v>137.94</v>
      </c>
      <c r="J6807">
        <v>3</v>
      </c>
      <c r="K6807">
        <v>35.86</v>
      </c>
    </row>
    <row r="6808" spans="1:11" x14ac:dyDescent="0.3">
      <c r="A6808" s="1">
        <v>42763</v>
      </c>
      <c r="B6808" s="3">
        <f t="shared" si="212"/>
        <v>1</v>
      </c>
      <c r="C6808" s="3">
        <f t="shared" si="213"/>
        <v>2017</v>
      </c>
      <c r="D6808" t="s">
        <v>568</v>
      </c>
      <c r="E6808" t="s">
        <v>26</v>
      </c>
      <c r="F6808" t="s">
        <v>38</v>
      </c>
      <c r="G6808" t="s">
        <v>51</v>
      </c>
      <c r="H6808" t="s">
        <v>2531</v>
      </c>
      <c r="I6808">
        <v>239.97</v>
      </c>
      <c r="J6808">
        <v>3</v>
      </c>
      <c r="K6808">
        <v>26.4</v>
      </c>
    </row>
    <row r="6809" spans="1:11" x14ac:dyDescent="0.3">
      <c r="A6809" s="1">
        <v>42763</v>
      </c>
      <c r="B6809" s="3">
        <f t="shared" si="212"/>
        <v>1</v>
      </c>
      <c r="C6809" s="3">
        <f t="shared" si="213"/>
        <v>2017</v>
      </c>
      <c r="D6809" t="s">
        <v>568</v>
      </c>
      <c r="E6809" t="s">
        <v>26</v>
      </c>
      <c r="F6809" t="s">
        <v>33</v>
      </c>
      <c r="G6809" t="s">
        <v>46</v>
      </c>
      <c r="H6809" t="s">
        <v>2556</v>
      </c>
      <c r="I6809">
        <v>37.74</v>
      </c>
      <c r="J6809">
        <v>3</v>
      </c>
      <c r="K6809">
        <v>12.83</v>
      </c>
    </row>
    <row r="6810" spans="1:11" x14ac:dyDescent="0.3">
      <c r="A6810" s="1">
        <v>42763</v>
      </c>
      <c r="B6810" s="3">
        <f t="shared" si="212"/>
        <v>1</v>
      </c>
      <c r="C6810" s="3">
        <f t="shared" si="213"/>
        <v>2017</v>
      </c>
      <c r="D6810" t="s">
        <v>2110</v>
      </c>
      <c r="E6810" t="s">
        <v>1282</v>
      </c>
      <c r="F6810" t="s">
        <v>10</v>
      </c>
      <c r="G6810" t="s">
        <v>11</v>
      </c>
      <c r="H6810" t="s">
        <v>1056</v>
      </c>
      <c r="I6810">
        <v>279.89999999999998</v>
      </c>
      <c r="J6810">
        <v>5</v>
      </c>
      <c r="K6810">
        <v>137.15</v>
      </c>
    </row>
    <row r="6811" spans="1:11" x14ac:dyDescent="0.3">
      <c r="A6811" s="1">
        <v>42763</v>
      </c>
      <c r="B6811" s="3">
        <f t="shared" si="212"/>
        <v>1</v>
      </c>
      <c r="C6811" s="3">
        <f t="shared" si="213"/>
        <v>2017</v>
      </c>
      <c r="D6811" t="s">
        <v>2500</v>
      </c>
      <c r="E6811" t="s">
        <v>148</v>
      </c>
      <c r="F6811" t="s">
        <v>38</v>
      </c>
      <c r="G6811" t="s">
        <v>51</v>
      </c>
      <c r="H6811" t="s">
        <v>667</v>
      </c>
      <c r="I6811">
        <v>449.91</v>
      </c>
      <c r="J6811">
        <v>9</v>
      </c>
      <c r="K6811">
        <v>157.47</v>
      </c>
    </row>
    <row r="6812" spans="1:11" x14ac:dyDescent="0.3">
      <c r="A6812" s="1">
        <v>42764</v>
      </c>
      <c r="B6812" s="3">
        <f t="shared" si="212"/>
        <v>1</v>
      </c>
      <c r="C6812" s="3">
        <f t="shared" si="213"/>
        <v>2017</v>
      </c>
      <c r="D6812" t="s">
        <v>1839</v>
      </c>
      <c r="E6812" t="s">
        <v>14</v>
      </c>
      <c r="F6812" t="s">
        <v>10</v>
      </c>
      <c r="G6812" t="s">
        <v>19</v>
      </c>
      <c r="H6812" t="s">
        <v>757</v>
      </c>
      <c r="I6812">
        <v>12.13</v>
      </c>
      <c r="J6812">
        <v>4</v>
      </c>
      <c r="K6812">
        <v>-20.62</v>
      </c>
    </row>
    <row r="6813" spans="1:11" x14ac:dyDescent="0.3">
      <c r="A6813" s="1">
        <v>42764</v>
      </c>
      <c r="B6813" s="3">
        <f t="shared" si="212"/>
        <v>1</v>
      </c>
      <c r="C6813" s="3">
        <f t="shared" si="213"/>
        <v>2017</v>
      </c>
      <c r="D6813" t="s">
        <v>1092</v>
      </c>
      <c r="E6813" t="s">
        <v>26</v>
      </c>
      <c r="F6813" t="s">
        <v>10</v>
      </c>
      <c r="G6813" t="s">
        <v>23</v>
      </c>
      <c r="H6813" t="s">
        <v>2571</v>
      </c>
      <c r="I6813">
        <v>8.34</v>
      </c>
      <c r="J6813">
        <v>3</v>
      </c>
      <c r="K6813">
        <v>2.17</v>
      </c>
    </row>
    <row r="6814" spans="1:11" x14ac:dyDescent="0.3">
      <c r="A6814" s="1">
        <v>42764</v>
      </c>
      <c r="B6814" s="3">
        <f t="shared" si="212"/>
        <v>1</v>
      </c>
      <c r="C6814" s="3">
        <f t="shared" si="213"/>
        <v>2017</v>
      </c>
      <c r="D6814" t="s">
        <v>1092</v>
      </c>
      <c r="E6814" t="s">
        <v>26</v>
      </c>
      <c r="F6814" t="s">
        <v>10</v>
      </c>
      <c r="G6814" t="s">
        <v>199</v>
      </c>
      <c r="H6814" t="s">
        <v>781</v>
      </c>
      <c r="I6814">
        <v>8.57</v>
      </c>
      <c r="J6814">
        <v>1</v>
      </c>
      <c r="K6814">
        <v>2.23</v>
      </c>
    </row>
    <row r="6815" spans="1:11" x14ac:dyDescent="0.3">
      <c r="A6815" s="1">
        <v>42764</v>
      </c>
      <c r="B6815" s="3">
        <f t="shared" si="212"/>
        <v>1</v>
      </c>
      <c r="C6815" s="3">
        <f t="shared" si="213"/>
        <v>2017</v>
      </c>
      <c r="D6815" t="s">
        <v>1092</v>
      </c>
      <c r="E6815" t="s">
        <v>26</v>
      </c>
      <c r="F6815" t="s">
        <v>10</v>
      </c>
      <c r="G6815" t="s">
        <v>19</v>
      </c>
      <c r="H6815" t="s">
        <v>983</v>
      </c>
      <c r="I6815">
        <v>119.62</v>
      </c>
      <c r="J6815">
        <v>8</v>
      </c>
      <c r="K6815">
        <v>40.369999999999997</v>
      </c>
    </row>
    <row r="6816" spans="1:11" x14ac:dyDescent="0.3">
      <c r="A6816" s="1">
        <v>42764</v>
      </c>
      <c r="B6816" s="3">
        <f t="shared" si="212"/>
        <v>1</v>
      </c>
      <c r="C6816" s="3">
        <f t="shared" si="213"/>
        <v>2017</v>
      </c>
      <c r="D6816" t="s">
        <v>436</v>
      </c>
      <c r="E6816" t="s">
        <v>148</v>
      </c>
      <c r="F6816" t="s">
        <v>10</v>
      </c>
      <c r="G6816" t="s">
        <v>15</v>
      </c>
      <c r="H6816" t="s">
        <v>1631</v>
      </c>
      <c r="I6816">
        <v>5.22</v>
      </c>
      <c r="J6816">
        <v>2</v>
      </c>
      <c r="K6816">
        <v>2.4</v>
      </c>
    </row>
    <row r="6817" spans="1:11" x14ac:dyDescent="0.3">
      <c r="A6817" s="1">
        <v>42764</v>
      </c>
      <c r="B6817" s="3">
        <f t="shared" si="212"/>
        <v>1</v>
      </c>
      <c r="C6817" s="3">
        <f t="shared" si="213"/>
        <v>2017</v>
      </c>
      <c r="D6817" t="s">
        <v>2455</v>
      </c>
      <c r="E6817" t="s">
        <v>22</v>
      </c>
      <c r="F6817" t="s">
        <v>10</v>
      </c>
      <c r="G6817" t="s">
        <v>23</v>
      </c>
      <c r="H6817" t="s">
        <v>997</v>
      </c>
      <c r="I6817">
        <v>4.7699999999999996</v>
      </c>
      <c r="J6817">
        <v>2</v>
      </c>
      <c r="K6817">
        <v>0.48</v>
      </c>
    </row>
    <row r="6818" spans="1:11" x14ac:dyDescent="0.3">
      <c r="A6818" s="1">
        <v>42764</v>
      </c>
      <c r="B6818" s="3">
        <f t="shared" si="212"/>
        <v>1</v>
      </c>
      <c r="C6818" s="3">
        <f t="shared" si="213"/>
        <v>2017</v>
      </c>
      <c r="D6818" t="s">
        <v>216</v>
      </c>
      <c r="E6818" t="s">
        <v>394</v>
      </c>
      <c r="F6818" t="s">
        <v>10</v>
      </c>
      <c r="G6818" t="s">
        <v>11</v>
      </c>
      <c r="H6818" t="s">
        <v>1943</v>
      </c>
      <c r="I6818">
        <v>12.96</v>
      </c>
      <c r="J6818">
        <v>2</v>
      </c>
      <c r="K6818">
        <v>6.22</v>
      </c>
    </row>
    <row r="6819" spans="1:11" x14ac:dyDescent="0.3">
      <c r="A6819" s="1">
        <v>42764</v>
      </c>
      <c r="B6819" s="3">
        <f t="shared" si="212"/>
        <v>1</v>
      </c>
      <c r="C6819" s="3">
        <f t="shared" si="213"/>
        <v>2017</v>
      </c>
      <c r="D6819" t="s">
        <v>216</v>
      </c>
      <c r="E6819" t="s">
        <v>394</v>
      </c>
      <c r="F6819" t="s">
        <v>10</v>
      </c>
      <c r="G6819" t="s">
        <v>11</v>
      </c>
      <c r="H6819" t="s">
        <v>305</v>
      </c>
      <c r="I6819">
        <v>94.85</v>
      </c>
      <c r="J6819">
        <v>5</v>
      </c>
      <c r="K6819">
        <v>45.53</v>
      </c>
    </row>
    <row r="6820" spans="1:11" x14ac:dyDescent="0.3">
      <c r="A6820" s="1">
        <v>42764</v>
      </c>
      <c r="B6820" s="3">
        <f t="shared" si="212"/>
        <v>1</v>
      </c>
      <c r="C6820" s="3">
        <f t="shared" si="213"/>
        <v>2017</v>
      </c>
      <c r="D6820" t="s">
        <v>216</v>
      </c>
      <c r="E6820" t="s">
        <v>394</v>
      </c>
      <c r="F6820" t="s">
        <v>10</v>
      </c>
      <c r="G6820" t="s">
        <v>17</v>
      </c>
      <c r="H6820" t="s">
        <v>2091</v>
      </c>
      <c r="I6820">
        <v>13.48</v>
      </c>
      <c r="J6820">
        <v>1</v>
      </c>
      <c r="K6820">
        <v>3.5</v>
      </c>
    </row>
    <row r="6821" spans="1:11" x14ac:dyDescent="0.3">
      <c r="A6821" s="1">
        <v>42764</v>
      </c>
      <c r="B6821" s="3">
        <f t="shared" si="212"/>
        <v>1</v>
      </c>
      <c r="C6821" s="3">
        <f t="shared" si="213"/>
        <v>2017</v>
      </c>
      <c r="D6821" t="s">
        <v>216</v>
      </c>
      <c r="E6821" t="s">
        <v>394</v>
      </c>
      <c r="F6821" t="s">
        <v>33</v>
      </c>
      <c r="G6821" t="s">
        <v>46</v>
      </c>
      <c r="H6821" t="s">
        <v>59</v>
      </c>
      <c r="I6821">
        <v>14.91</v>
      </c>
      <c r="J6821">
        <v>3</v>
      </c>
      <c r="K6821">
        <v>4.62</v>
      </c>
    </row>
    <row r="6822" spans="1:11" x14ac:dyDescent="0.3">
      <c r="A6822" s="1">
        <v>42765</v>
      </c>
      <c r="B6822" s="3">
        <f t="shared" si="212"/>
        <v>1</v>
      </c>
      <c r="C6822" s="3">
        <f t="shared" si="213"/>
        <v>2017</v>
      </c>
      <c r="D6822" t="s">
        <v>1976</v>
      </c>
      <c r="E6822" t="s">
        <v>394</v>
      </c>
      <c r="F6822" t="s">
        <v>10</v>
      </c>
      <c r="G6822" t="s">
        <v>19</v>
      </c>
      <c r="H6822" t="s">
        <v>1564</v>
      </c>
      <c r="I6822">
        <v>18.28</v>
      </c>
      <c r="J6822">
        <v>2</v>
      </c>
      <c r="K6822">
        <v>9.14</v>
      </c>
    </row>
    <row r="6823" spans="1:11" x14ac:dyDescent="0.3">
      <c r="A6823" s="1">
        <v>42765</v>
      </c>
      <c r="B6823" s="3">
        <f t="shared" si="212"/>
        <v>1</v>
      </c>
      <c r="C6823" s="3">
        <f t="shared" si="213"/>
        <v>2017</v>
      </c>
      <c r="D6823" t="s">
        <v>1976</v>
      </c>
      <c r="E6823" t="s">
        <v>394</v>
      </c>
      <c r="F6823" t="s">
        <v>38</v>
      </c>
      <c r="G6823" t="s">
        <v>39</v>
      </c>
      <c r="H6823" t="s">
        <v>86</v>
      </c>
      <c r="I6823">
        <v>207</v>
      </c>
      <c r="J6823">
        <v>3</v>
      </c>
      <c r="K6823">
        <v>51.75</v>
      </c>
    </row>
    <row r="6824" spans="1:11" x14ac:dyDescent="0.3">
      <c r="A6824" s="1">
        <v>42765</v>
      </c>
      <c r="B6824" s="3">
        <f t="shared" si="212"/>
        <v>1</v>
      </c>
      <c r="C6824" s="3">
        <f t="shared" si="213"/>
        <v>2017</v>
      </c>
      <c r="D6824" t="s">
        <v>1976</v>
      </c>
      <c r="E6824" t="s">
        <v>394</v>
      </c>
      <c r="F6824" t="s">
        <v>10</v>
      </c>
      <c r="G6824" t="s">
        <v>19</v>
      </c>
      <c r="H6824" t="s">
        <v>1366</v>
      </c>
      <c r="I6824">
        <v>32.35</v>
      </c>
      <c r="J6824">
        <v>5</v>
      </c>
      <c r="K6824">
        <v>16.18</v>
      </c>
    </row>
    <row r="6825" spans="1:11" x14ac:dyDescent="0.3">
      <c r="A6825" s="1">
        <v>42765</v>
      </c>
      <c r="B6825" s="3">
        <f t="shared" si="212"/>
        <v>1</v>
      </c>
      <c r="C6825" s="3">
        <f t="shared" si="213"/>
        <v>2017</v>
      </c>
      <c r="D6825" t="s">
        <v>1976</v>
      </c>
      <c r="E6825" t="s">
        <v>394</v>
      </c>
      <c r="F6825" t="s">
        <v>10</v>
      </c>
      <c r="G6825" t="s">
        <v>19</v>
      </c>
      <c r="H6825" t="s">
        <v>799</v>
      </c>
      <c r="I6825">
        <v>7.71</v>
      </c>
      <c r="J6825">
        <v>1</v>
      </c>
      <c r="K6825">
        <v>3.47</v>
      </c>
    </row>
    <row r="6826" spans="1:11" x14ac:dyDescent="0.3">
      <c r="A6826" s="1">
        <v>42765</v>
      </c>
      <c r="B6826" s="3">
        <f t="shared" si="212"/>
        <v>1</v>
      </c>
      <c r="C6826" s="3">
        <f t="shared" si="213"/>
        <v>2017</v>
      </c>
      <c r="D6826" t="s">
        <v>1976</v>
      </c>
      <c r="E6826" t="s">
        <v>394</v>
      </c>
      <c r="F6826" t="s">
        <v>10</v>
      </c>
      <c r="G6826" t="s">
        <v>23</v>
      </c>
      <c r="H6826" t="s">
        <v>2233</v>
      </c>
      <c r="I6826">
        <v>40.299999999999997</v>
      </c>
      <c r="J6826">
        <v>2</v>
      </c>
      <c r="K6826">
        <v>10.88</v>
      </c>
    </row>
    <row r="6827" spans="1:11" x14ac:dyDescent="0.3">
      <c r="A6827" s="1">
        <v>42765</v>
      </c>
      <c r="B6827" s="3">
        <f t="shared" si="212"/>
        <v>1</v>
      </c>
      <c r="C6827" s="3">
        <f t="shared" si="213"/>
        <v>2017</v>
      </c>
      <c r="D6827" t="s">
        <v>1976</v>
      </c>
      <c r="E6827" t="s">
        <v>394</v>
      </c>
      <c r="F6827" t="s">
        <v>33</v>
      </c>
      <c r="G6827" t="s">
        <v>46</v>
      </c>
      <c r="H6827" t="s">
        <v>2479</v>
      </c>
      <c r="I6827">
        <v>34.58</v>
      </c>
      <c r="J6827">
        <v>7</v>
      </c>
      <c r="K6827">
        <v>14.52</v>
      </c>
    </row>
    <row r="6828" spans="1:11" x14ac:dyDescent="0.3">
      <c r="A6828" s="1">
        <v>42765</v>
      </c>
      <c r="B6828" s="3">
        <f t="shared" si="212"/>
        <v>1</v>
      </c>
      <c r="C6828" s="3">
        <f t="shared" si="213"/>
        <v>2017</v>
      </c>
      <c r="D6828" t="s">
        <v>76</v>
      </c>
      <c r="E6828" t="s">
        <v>26</v>
      </c>
      <c r="F6828" t="s">
        <v>10</v>
      </c>
      <c r="G6828" t="s">
        <v>17</v>
      </c>
      <c r="H6828" t="s">
        <v>417</v>
      </c>
      <c r="I6828">
        <v>129.30000000000001</v>
      </c>
      <c r="J6828">
        <v>2</v>
      </c>
      <c r="K6828">
        <v>6.47</v>
      </c>
    </row>
    <row r="6829" spans="1:11" x14ac:dyDescent="0.3">
      <c r="A6829" s="1">
        <v>42765</v>
      </c>
      <c r="B6829" s="3">
        <f t="shared" si="212"/>
        <v>1</v>
      </c>
      <c r="C6829" s="3">
        <f t="shared" si="213"/>
        <v>2017</v>
      </c>
      <c r="D6829" t="s">
        <v>1493</v>
      </c>
      <c r="E6829" t="s">
        <v>26</v>
      </c>
      <c r="F6829" t="s">
        <v>10</v>
      </c>
      <c r="G6829" t="s">
        <v>23</v>
      </c>
      <c r="H6829" t="s">
        <v>2350</v>
      </c>
      <c r="I6829">
        <v>12.74</v>
      </c>
      <c r="J6829">
        <v>7</v>
      </c>
      <c r="K6829">
        <v>5.73</v>
      </c>
    </row>
    <row r="6830" spans="1:11" x14ac:dyDescent="0.3">
      <c r="A6830" s="1">
        <v>42765</v>
      </c>
      <c r="B6830" s="3">
        <f t="shared" si="212"/>
        <v>1</v>
      </c>
      <c r="C6830" s="3">
        <f t="shared" si="213"/>
        <v>2017</v>
      </c>
      <c r="D6830" t="s">
        <v>1493</v>
      </c>
      <c r="E6830" t="s">
        <v>26</v>
      </c>
      <c r="F6830" t="s">
        <v>10</v>
      </c>
      <c r="G6830" t="s">
        <v>23</v>
      </c>
      <c r="H6830" t="s">
        <v>2621</v>
      </c>
      <c r="I6830">
        <v>8.82</v>
      </c>
      <c r="J6830">
        <v>3</v>
      </c>
      <c r="K6830">
        <v>2.38</v>
      </c>
    </row>
    <row r="6831" spans="1:11" x14ac:dyDescent="0.3">
      <c r="A6831" s="1">
        <v>42765</v>
      </c>
      <c r="B6831" s="3">
        <f t="shared" si="212"/>
        <v>1</v>
      </c>
      <c r="C6831" s="3">
        <f t="shared" si="213"/>
        <v>2017</v>
      </c>
      <c r="D6831" t="s">
        <v>1493</v>
      </c>
      <c r="E6831" t="s">
        <v>26</v>
      </c>
      <c r="F6831" t="s">
        <v>33</v>
      </c>
      <c r="G6831" t="s">
        <v>34</v>
      </c>
      <c r="H6831" t="s">
        <v>230</v>
      </c>
      <c r="I6831">
        <v>120.78</v>
      </c>
      <c r="J6831">
        <v>1</v>
      </c>
      <c r="K6831">
        <v>-13.59</v>
      </c>
    </row>
    <row r="6832" spans="1:11" x14ac:dyDescent="0.3">
      <c r="A6832" s="1">
        <v>42765</v>
      </c>
      <c r="B6832" s="3">
        <f t="shared" si="212"/>
        <v>1</v>
      </c>
      <c r="C6832" s="3">
        <f t="shared" si="213"/>
        <v>2017</v>
      </c>
      <c r="D6832" t="s">
        <v>621</v>
      </c>
      <c r="E6832" t="s">
        <v>122</v>
      </c>
      <c r="F6832" t="s">
        <v>33</v>
      </c>
      <c r="G6832" t="s">
        <v>34</v>
      </c>
      <c r="H6832" t="s">
        <v>2413</v>
      </c>
      <c r="I6832">
        <v>419.14</v>
      </c>
      <c r="J6832">
        <v>4</v>
      </c>
      <c r="K6832">
        <v>-68.11</v>
      </c>
    </row>
    <row r="6833" spans="1:11" x14ac:dyDescent="0.3">
      <c r="A6833" s="1">
        <v>42765</v>
      </c>
      <c r="B6833" s="3">
        <f t="shared" si="212"/>
        <v>1</v>
      </c>
      <c r="C6833" s="3">
        <f t="shared" si="213"/>
        <v>2017</v>
      </c>
      <c r="D6833" t="s">
        <v>2539</v>
      </c>
      <c r="E6833" t="s">
        <v>14</v>
      </c>
      <c r="F6833" t="s">
        <v>33</v>
      </c>
      <c r="G6833" t="s">
        <v>144</v>
      </c>
      <c r="H6833" t="s">
        <v>145</v>
      </c>
      <c r="I6833">
        <v>69.38</v>
      </c>
      <c r="J6833">
        <v>1</v>
      </c>
      <c r="K6833">
        <v>-47.18</v>
      </c>
    </row>
    <row r="6834" spans="1:11" x14ac:dyDescent="0.3">
      <c r="A6834" s="1">
        <v>42765</v>
      </c>
      <c r="B6834" s="3">
        <f t="shared" si="212"/>
        <v>1</v>
      </c>
      <c r="C6834" s="3">
        <f t="shared" si="213"/>
        <v>2017</v>
      </c>
      <c r="D6834" t="s">
        <v>2539</v>
      </c>
      <c r="E6834" t="s">
        <v>14</v>
      </c>
      <c r="F6834" t="s">
        <v>10</v>
      </c>
      <c r="G6834" t="s">
        <v>199</v>
      </c>
      <c r="H6834" t="s">
        <v>2206</v>
      </c>
      <c r="I6834">
        <v>31.68</v>
      </c>
      <c r="J6834">
        <v>4</v>
      </c>
      <c r="K6834">
        <v>2.77</v>
      </c>
    </row>
    <row r="6835" spans="1:11" x14ac:dyDescent="0.3">
      <c r="A6835" s="1">
        <v>42765</v>
      </c>
      <c r="B6835" s="3">
        <f t="shared" si="212"/>
        <v>1</v>
      </c>
      <c r="C6835" s="3">
        <f t="shared" si="213"/>
        <v>2017</v>
      </c>
      <c r="D6835" t="s">
        <v>2539</v>
      </c>
      <c r="E6835" t="s">
        <v>14</v>
      </c>
      <c r="F6835" t="s">
        <v>38</v>
      </c>
      <c r="G6835" t="s">
        <v>39</v>
      </c>
      <c r="H6835" t="s">
        <v>1694</v>
      </c>
      <c r="I6835">
        <v>2003.17</v>
      </c>
      <c r="J6835">
        <v>4</v>
      </c>
      <c r="K6835">
        <v>250.4</v>
      </c>
    </row>
    <row r="6836" spans="1:11" x14ac:dyDescent="0.3">
      <c r="A6836" s="1">
        <v>42765</v>
      </c>
      <c r="B6836" s="3">
        <f t="shared" si="212"/>
        <v>1</v>
      </c>
      <c r="C6836" s="3">
        <f t="shared" si="213"/>
        <v>2017</v>
      </c>
      <c r="D6836" t="s">
        <v>2539</v>
      </c>
      <c r="E6836" t="s">
        <v>14</v>
      </c>
      <c r="F6836" t="s">
        <v>10</v>
      </c>
      <c r="G6836" t="s">
        <v>23</v>
      </c>
      <c r="H6836" t="s">
        <v>2203</v>
      </c>
      <c r="I6836">
        <v>9.34</v>
      </c>
      <c r="J6836">
        <v>2</v>
      </c>
      <c r="K6836">
        <v>3.15</v>
      </c>
    </row>
    <row r="6837" spans="1:11" x14ac:dyDescent="0.3">
      <c r="A6837" s="1">
        <v>42765</v>
      </c>
      <c r="B6837" s="3">
        <f t="shared" si="212"/>
        <v>1</v>
      </c>
      <c r="C6837" s="3">
        <f t="shared" si="213"/>
        <v>2017</v>
      </c>
      <c r="D6837" t="s">
        <v>1222</v>
      </c>
      <c r="E6837" t="s">
        <v>163</v>
      </c>
      <c r="F6837" t="s">
        <v>38</v>
      </c>
      <c r="G6837" t="s">
        <v>39</v>
      </c>
      <c r="H6837" t="s">
        <v>798</v>
      </c>
      <c r="I6837">
        <v>604.77</v>
      </c>
      <c r="J6837">
        <v>4</v>
      </c>
      <c r="K6837">
        <v>60.48</v>
      </c>
    </row>
    <row r="6838" spans="1:11" x14ac:dyDescent="0.3">
      <c r="A6838" s="1">
        <v>42768</v>
      </c>
      <c r="B6838" s="3">
        <f t="shared" si="212"/>
        <v>2</v>
      </c>
      <c r="C6838" s="3">
        <f t="shared" si="213"/>
        <v>2017</v>
      </c>
      <c r="D6838" t="s">
        <v>1162</v>
      </c>
      <c r="E6838" t="s">
        <v>77</v>
      </c>
      <c r="F6838" t="s">
        <v>38</v>
      </c>
      <c r="G6838" t="s">
        <v>39</v>
      </c>
      <c r="H6838" t="s">
        <v>2407</v>
      </c>
      <c r="I6838">
        <v>59.97</v>
      </c>
      <c r="J6838">
        <v>5</v>
      </c>
      <c r="K6838">
        <v>-11.99</v>
      </c>
    </row>
    <row r="6839" spans="1:11" x14ac:dyDescent="0.3">
      <c r="A6839" s="1">
        <v>42768</v>
      </c>
      <c r="B6839" s="3">
        <f t="shared" si="212"/>
        <v>2</v>
      </c>
      <c r="C6839" s="3">
        <f t="shared" si="213"/>
        <v>2017</v>
      </c>
      <c r="D6839" t="s">
        <v>1162</v>
      </c>
      <c r="E6839" t="s">
        <v>77</v>
      </c>
      <c r="F6839" t="s">
        <v>10</v>
      </c>
      <c r="G6839" t="s">
        <v>11</v>
      </c>
      <c r="H6839" t="s">
        <v>1040</v>
      </c>
      <c r="I6839">
        <v>78.3</v>
      </c>
      <c r="J6839">
        <v>2</v>
      </c>
      <c r="K6839">
        <v>29.36</v>
      </c>
    </row>
    <row r="6840" spans="1:11" x14ac:dyDescent="0.3">
      <c r="A6840" s="1">
        <v>42768</v>
      </c>
      <c r="B6840" s="3">
        <f t="shared" si="212"/>
        <v>2</v>
      </c>
      <c r="C6840" s="3">
        <f t="shared" si="213"/>
        <v>2017</v>
      </c>
      <c r="D6840" t="s">
        <v>1162</v>
      </c>
      <c r="E6840" t="s">
        <v>77</v>
      </c>
      <c r="F6840" t="s">
        <v>10</v>
      </c>
      <c r="G6840" t="s">
        <v>42</v>
      </c>
      <c r="H6840" t="s">
        <v>159</v>
      </c>
      <c r="I6840">
        <v>21.46</v>
      </c>
      <c r="J6840">
        <v>9</v>
      </c>
      <c r="K6840">
        <v>6.97</v>
      </c>
    </row>
    <row r="6841" spans="1:11" x14ac:dyDescent="0.3">
      <c r="A6841" s="1">
        <v>42768</v>
      </c>
      <c r="B6841" s="3">
        <f t="shared" si="212"/>
        <v>2</v>
      </c>
      <c r="C6841" s="3">
        <f t="shared" si="213"/>
        <v>2017</v>
      </c>
      <c r="D6841" t="s">
        <v>536</v>
      </c>
      <c r="E6841" t="s">
        <v>26</v>
      </c>
      <c r="F6841" t="s">
        <v>33</v>
      </c>
      <c r="G6841" t="s">
        <v>46</v>
      </c>
      <c r="H6841" t="s">
        <v>919</v>
      </c>
      <c r="I6841">
        <v>86.26</v>
      </c>
      <c r="J6841">
        <v>2</v>
      </c>
      <c r="K6841">
        <v>29.33</v>
      </c>
    </row>
    <row r="6842" spans="1:11" x14ac:dyDescent="0.3">
      <c r="A6842" s="1">
        <v>42768</v>
      </c>
      <c r="B6842" s="3">
        <f t="shared" si="212"/>
        <v>2</v>
      </c>
      <c r="C6842" s="3">
        <f t="shared" si="213"/>
        <v>2017</v>
      </c>
      <c r="D6842" t="s">
        <v>536</v>
      </c>
      <c r="E6842" t="s">
        <v>26</v>
      </c>
      <c r="F6842" t="s">
        <v>10</v>
      </c>
      <c r="G6842" t="s">
        <v>17</v>
      </c>
      <c r="H6842" t="s">
        <v>1539</v>
      </c>
      <c r="I6842">
        <v>139.04</v>
      </c>
      <c r="J6842">
        <v>4</v>
      </c>
      <c r="K6842">
        <v>38.93</v>
      </c>
    </row>
    <row r="6843" spans="1:11" x14ac:dyDescent="0.3">
      <c r="A6843" s="1">
        <v>42768</v>
      </c>
      <c r="B6843" s="3">
        <f t="shared" si="212"/>
        <v>2</v>
      </c>
      <c r="C6843" s="3">
        <f t="shared" si="213"/>
        <v>2017</v>
      </c>
      <c r="D6843" t="s">
        <v>536</v>
      </c>
      <c r="E6843" t="s">
        <v>26</v>
      </c>
      <c r="F6843" t="s">
        <v>10</v>
      </c>
      <c r="G6843" t="s">
        <v>91</v>
      </c>
      <c r="H6843" t="s">
        <v>2643</v>
      </c>
      <c r="I6843">
        <v>46.8</v>
      </c>
      <c r="J6843">
        <v>4</v>
      </c>
      <c r="K6843">
        <v>16.38</v>
      </c>
    </row>
    <row r="6844" spans="1:11" x14ac:dyDescent="0.3">
      <c r="A6844" s="1">
        <v>42768</v>
      </c>
      <c r="B6844" s="3">
        <f t="shared" si="212"/>
        <v>2</v>
      </c>
      <c r="C6844" s="3">
        <f t="shared" si="213"/>
        <v>2017</v>
      </c>
      <c r="D6844" t="s">
        <v>2422</v>
      </c>
      <c r="E6844" t="s">
        <v>26</v>
      </c>
      <c r="F6844" t="s">
        <v>33</v>
      </c>
      <c r="G6844" t="s">
        <v>46</v>
      </c>
      <c r="H6844" t="s">
        <v>2139</v>
      </c>
      <c r="I6844">
        <v>210.58</v>
      </c>
      <c r="J6844">
        <v>2</v>
      </c>
      <c r="K6844">
        <v>12.63</v>
      </c>
    </row>
    <row r="6845" spans="1:11" x14ac:dyDescent="0.3">
      <c r="A6845" s="1">
        <v>42768</v>
      </c>
      <c r="B6845" s="3">
        <f t="shared" si="212"/>
        <v>2</v>
      </c>
      <c r="C6845" s="3">
        <f t="shared" si="213"/>
        <v>2017</v>
      </c>
      <c r="D6845" t="s">
        <v>2422</v>
      </c>
      <c r="E6845" t="s">
        <v>26</v>
      </c>
      <c r="F6845" t="s">
        <v>10</v>
      </c>
      <c r="G6845" t="s">
        <v>19</v>
      </c>
      <c r="H6845" t="s">
        <v>547</v>
      </c>
      <c r="I6845">
        <v>30.96</v>
      </c>
      <c r="J6845">
        <v>2</v>
      </c>
      <c r="K6845">
        <v>10.06</v>
      </c>
    </row>
    <row r="6846" spans="1:11" x14ac:dyDescent="0.3">
      <c r="A6846" s="1">
        <v>42768</v>
      </c>
      <c r="B6846" s="3">
        <f t="shared" si="212"/>
        <v>2</v>
      </c>
      <c r="C6846" s="3">
        <f t="shared" si="213"/>
        <v>2017</v>
      </c>
      <c r="D6846" t="s">
        <v>2422</v>
      </c>
      <c r="E6846" t="s">
        <v>26</v>
      </c>
      <c r="F6846" t="s">
        <v>38</v>
      </c>
      <c r="G6846" t="s">
        <v>301</v>
      </c>
      <c r="H6846" t="s">
        <v>2654</v>
      </c>
      <c r="I6846">
        <v>239.98</v>
      </c>
      <c r="J6846">
        <v>2</v>
      </c>
      <c r="K6846">
        <v>39</v>
      </c>
    </row>
    <row r="6847" spans="1:11" x14ac:dyDescent="0.3">
      <c r="A6847" s="1">
        <v>42769</v>
      </c>
      <c r="B6847" s="3">
        <f t="shared" si="212"/>
        <v>2</v>
      </c>
      <c r="C6847" s="3">
        <f t="shared" si="213"/>
        <v>2017</v>
      </c>
      <c r="D6847" t="s">
        <v>1737</v>
      </c>
      <c r="E6847" t="s">
        <v>77</v>
      </c>
      <c r="F6847" t="s">
        <v>10</v>
      </c>
      <c r="G6847" t="s">
        <v>19</v>
      </c>
      <c r="H6847" t="s">
        <v>424</v>
      </c>
      <c r="I6847">
        <v>5.23</v>
      </c>
      <c r="J6847">
        <v>3</v>
      </c>
      <c r="K6847">
        <v>-4.18</v>
      </c>
    </row>
    <row r="6848" spans="1:11" x14ac:dyDescent="0.3">
      <c r="A6848" s="1">
        <v>42769</v>
      </c>
      <c r="B6848" s="3">
        <f t="shared" si="212"/>
        <v>2</v>
      </c>
      <c r="C6848" s="3">
        <f t="shared" si="213"/>
        <v>2017</v>
      </c>
      <c r="D6848" t="s">
        <v>1737</v>
      </c>
      <c r="E6848" t="s">
        <v>77</v>
      </c>
      <c r="F6848" t="s">
        <v>10</v>
      </c>
      <c r="G6848" t="s">
        <v>17</v>
      </c>
      <c r="H6848" t="s">
        <v>307</v>
      </c>
      <c r="I6848">
        <v>285.55</v>
      </c>
      <c r="J6848">
        <v>2</v>
      </c>
      <c r="K6848">
        <v>35.69</v>
      </c>
    </row>
    <row r="6849" spans="1:11" x14ac:dyDescent="0.3">
      <c r="A6849" s="1">
        <v>42769</v>
      </c>
      <c r="B6849" s="3">
        <f t="shared" si="212"/>
        <v>2</v>
      </c>
      <c r="C6849" s="3">
        <f t="shared" si="213"/>
        <v>2017</v>
      </c>
      <c r="D6849" t="s">
        <v>232</v>
      </c>
      <c r="E6849" t="s">
        <v>122</v>
      </c>
      <c r="F6849" t="s">
        <v>10</v>
      </c>
      <c r="G6849" t="s">
        <v>19</v>
      </c>
      <c r="H6849" t="s">
        <v>1366</v>
      </c>
      <c r="I6849">
        <v>3.88</v>
      </c>
      <c r="J6849">
        <v>2</v>
      </c>
      <c r="K6849">
        <v>-2.59</v>
      </c>
    </row>
    <row r="6850" spans="1:11" x14ac:dyDescent="0.3">
      <c r="A6850" s="1">
        <v>42769</v>
      </c>
      <c r="B6850" s="3">
        <f t="shared" ref="B6850:B6913" si="214">MONTH(A:A)</f>
        <v>2</v>
      </c>
      <c r="C6850" s="3">
        <f t="shared" ref="C6850:C6913" si="215">YEAR(A:A)</f>
        <v>2017</v>
      </c>
      <c r="D6850" t="s">
        <v>232</v>
      </c>
      <c r="E6850" t="s">
        <v>122</v>
      </c>
      <c r="F6850" t="s">
        <v>10</v>
      </c>
      <c r="G6850" t="s">
        <v>11</v>
      </c>
      <c r="H6850" t="s">
        <v>2594</v>
      </c>
      <c r="I6850">
        <v>115.3</v>
      </c>
      <c r="J6850">
        <v>3</v>
      </c>
      <c r="K6850">
        <v>40.35</v>
      </c>
    </row>
    <row r="6851" spans="1:11" x14ac:dyDescent="0.3">
      <c r="A6851" s="1">
        <v>42769</v>
      </c>
      <c r="B6851" s="3">
        <f t="shared" si="214"/>
        <v>2</v>
      </c>
      <c r="C6851" s="3">
        <f t="shared" si="215"/>
        <v>2017</v>
      </c>
      <c r="D6851" t="s">
        <v>1512</v>
      </c>
      <c r="E6851" t="s">
        <v>14</v>
      </c>
      <c r="F6851" t="s">
        <v>10</v>
      </c>
      <c r="G6851" t="s">
        <v>11</v>
      </c>
      <c r="H6851" t="s">
        <v>835</v>
      </c>
      <c r="I6851">
        <v>5.18</v>
      </c>
      <c r="J6851">
        <v>1</v>
      </c>
      <c r="K6851">
        <v>1.81</v>
      </c>
    </row>
    <row r="6852" spans="1:11" x14ac:dyDescent="0.3">
      <c r="A6852" s="1">
        <v>42769</v>
      </c>
      <c r="B6852" s="3">
        <f t="shared" si="214"/>
        <v>2</v>
      </c>
      <c r="C6852" s="3">
        <f t="shared" si="215"/>
        <v>2017</v>
      </c>
      <c r="D6852" t="s">
        <v>1512</v>
      </c>
      <c r="E6852" t="s">
        <v>14</v>
      </c>
      <c r="F6852" t="s">
        <v>10</v>
      </c>
      <c r="G6852" t="s">
        <v>11</v>
      </c>
      <c r="H6852" t="s">
        <v>1600</v>
      </c>
      <c r="I6852">
        <v>65.58</v>
      </c>
      <c r="J6852">
        <v>2</v>
      </c>
      <c r="K6852">
        <v>23.77</v>
      </c>
    </row>
    <row r="6853" spans="1:11" x14ac:dyDescent="0.3">
      <c r="A6853" s="1">
        <v>42769</v>
      </c>
      <c r="B6853" s="3">
        <f t="shared" si="214"/>
        <v>2</v>
      </c>
      <c r="C6853" s="3">
        <f t="shared" si="215"/>
        <v>2017</v>
      </c>
      <c r="D6853" t="s">
        <v>1512</v>
      </c>
      <c r="E6853" t="s">
        <v>14</v>
      </c>
      <c r="F6853" t="s">
        <v>33</v>
      </c>
      <c r="G6853" t="s">
        <v>46</v>
      </c>
      <c r="H6853" t="s">
        <v>343</v>
      </c>
      <c r="I6853">
        <v>22.2</v>
      </c>
      <c r="J6853">
        <v>1</v>
      </c>
      <c r="K6853">
        <v>-26.09</v>
      </c>
    </row>
    <row r="6854" spans="1:11" x14ac:dyDescent="0.3">
      <c r="A6854" s="1">
        <v>42769</v>
      </c>
      <c r="B6854" s="3">
        <f t="shared" si="214"/>
        <v>2</v>
      </c>
      <c r="C6854" s="3">
        <f t="shared" si="215"/>
        <v>2017</v>
      </c>
      <c r="D6854" t="s">
        <v>1512</v>
      </c>
      <c r="E6854" t="s">
        <v>14</v>
      </c>
      <c r="F6854" t="s">
        <v>10</v>
      </c>
      <c r="G6854" t="s">
        <v>11</v>
      </c>
      <c r="H6854" t="s">
        <v>978</v>
      </c>
      <c r="I6854">
        <v>419.4</v>
      </c>
      <c r="J6854">
        <v>5</v>
      </c>
      <c r="K6854">
        <v>146.79</v>
      </c>
    </row>
    <row r="6855" spans="1:11" x14ac:dyDescent="0.3">
      <c r="A6855" s="1">
        <v>42770</v>
      </c>
      <c r="B6855" s="3">
        <f t="shared" si="214"/>
        <v>2</v>
      </c>
      <c r="C6855" s="3">
        <f t="shared" si="215"/>
        <v>2017</v>
      </c>
      <c r="D6855" t="s">
        <v>2293</v>
      </c>
      <c r="E6855" t="s">
        <v>148</v>
      </c>
      <c r="F6855" t="s">
        <v>10</v>
      </c>
      <c r="G6855" t="s">
        <v>91</v>
      </c>
      <c r="H6855" t="s">
        <v>332</v>
      </c>
      <c r="I6855">
        <v>32.67</v>
      </c>
      <c r="J6855">
        <v>3</v>
      </c>
      <c r="K6855">
        <v>8.49</v>
      </c>
    </row>
    <row r="6856" spans="1:11" x14ac:dyDescent="0.3">
      <c r="A6856" s="1">
        <v>42771</v>
      </c>
      <c r="B6856" s="3">
        <f t="shared" si="214"/>
        <v>2</v>
      </c>
      <c r="C6856" s="3">
        <f t="shared" si="215"/>
        <v>2017</v>
      </c>
      <c r="D6856" t="s">
        <v>351</v>
      </c>
      <c r="E6856" t="s">
        <v>9</v>
      </c>
      <c r="F6856" t="s">
        <v>10</v>
      </c>
      <c r="G6856" t="s">
        <v>19</v>
      </c>
      <c r="H6856" t="s">
        <v>36</v>
      </c>
      <c r="I6856">
        <v>243.99</v>
      </c>
      <c r="J6856">
        <v>4</v>
      </c>
      <c r="K6856">
        <v>-426.99</v>
      </c>
    </row>
    <row r="6857" spans="1:11" x14ac:dyDescent="0.3">
      <c r="A6857" s="1">
        <v>42771</v>
      </c>
      <c r="B6857" s="3">
        <f t="shared" si="214"/>
        <v>2</v>
      </c>
      <c r="C6857" s="3">
        <f t="shared" si="215"/>
        <v>2017</v>
      </c>
      <c r="D6857" t="s">
        <v>351</v>
      </c>
      <c r="E6857" t="s">
        <v>9</v>
      </c>
      <c r="F6857" t="s">
        <v>10</v>
      </c>
      <c r="G6857" t="s">
        <v>23</v>
      </c>
      <c r="H6857" t="s">
        <v>206</v>
      </c>
      <c r="I6857">
        <v>7.12</v>
      </c>
      <c r="J6857">
        <v>5</v>
      </c>
      <c r="K6857">
        <v>0.71</v>
      </c>
    </row>
    <row r="6858" spans="1:11" x14ac:dyDescent="0.3">
      <c r="A6858" s="1">
        <v>42771</v>
      </c>
      <c r="B6858" s="3">
        <f t="shared" si="214"/>
        <v>2</v>
      </c>
      <c r="C6858" s="3">
        <f t="shared" si="215"/>
        <v>2017</v>
      </c>
      <c r="D6858" t="s">
        <v>1445</v>
      </c>
      <c r="E6858" t="s">
        <v>26</v>
      </c>
      <c r="F6858" t="s">
        <v>10</v>
      </c>
      <c r="G6858" t="s">
        <v>91</v>
      </c>
      <c r="H6858" t="s">
        <v>2290</v>
      </c>
      <c r="I6858">
        <v>1640.7</v>
      </c>
      <c r="J6858">
        <v>5</v>
      </c>
      <c r="K6858">
        <v>459.4</v>
      </c>
    </row>
    <row r="6859" spans="1:11" x14ac:dyDescent="0.3">
      <c r="A6859" s="1">
        <v>42771</v>
      </c>
      <c r="B6859" s="3">
        <f t="shared" si="214"/>
        <v>2</v>
      </c>
      <c r="C6859" s="3">
        <f t="shared" si="215"/>
        <v>2017</v>
      </c>
      <c r="D6859" t="s">
        <v>1445</v>
      </c>
      <c r="E6859" t="s">
        <v>26</v>
      </c>
      <c r="F6859" t="s">
        <v>38</v>
      </c>
      <c r="G6859" t="s">
        <v>39</v>
      </c>
      <c r="H6859" t="s">
        <v>744</v>
      </c>
      <c r="I6859">
        <v>371.2</v>
      </c>
      <c r="J6859">
        <v>5</v>
      </c>
      <c r="K6859">
        <v>41.76</v>
      </c>
    </row>
    <row r="6860" spans="1:11" x14ac:dyDescent="0.3">
      <c r="A6860" s="1">
        <v>42772</v>
      </c>
      <c r="B6860" s="3">
        <f t="shared" si="214"/>
        <v>2</v>
      </c>
      <c r="C6860" s="3">
        <f t="shared" si="215"/>
        <v>2017</v>
      </c>
      <c r="D6860" t="s">
        <v>106</v>
      </c>
      <c r="E6860" t="s">
        <v>54</v>
      </c>
      <c r="F6860" t="s">
        <v>33</v>
      </c>
      <c r="G6860" t="s">
        <v>73</v>
      </c>
      <c r="H6860" t="s">
        <v>1636</v>
      </c>
      <c r="I6860">
        <v>359.97</v>
      </c>
      <c r="J6860">
        <v>3</v>
      </c>
      <c r="K6860">
        <v>79.19</v>
      </c>
    </row>
    <row r="6861" spans="1:11" x14ac:dyDescent="0.3">
      <c r="A6861" s="1">
        <v>42772</v>
      </c>
      <c r="B6861" s="3">
        <f t="shared" si="214"/>
        <v>2</v>
      </c>
      <c r="C6861" s="3">
        <f t="shared" si="215"/>
        <v>2017</v>
      </c>
      <c r="D6861" t="s">
        <v>2455</v>
      </c>
      <c r="E6861" t="s">
        <v>148</v>
      </c>
      <c r="F6861" t="s">
        <v>33</v>
      </c>
      <c r="G6861" t="s">
        <v>73</v>
      </c>
      <c r="H6861" t="s">
        <v>1929</v>
      </c>
      <c r="I6861">
        <v>240.78</v>
      </c>
      <c r="J6861">
        <v>1</v>
      </c>
      <c r="K6861">
        <v>30.1</v>
      </c>
    </row>
    <row r="6862" spans="1:11" x14ac:dyDescent="0.3">
      <c r="A6862" s="1">
        <v>42772</v>
      </c>
      <c r="B6862" s="3">
        <f t="shared" si="214"/>
        <v>2</v>
      </c>
      <c r="C6862" s="3">
        <f t="shared" si="215"/>
        <v>2017</v>
      </c>
      <c r="D6862" t="s">
        <v>1462</v>
      </c>
      <c r="E6862" t="s">
        <v>148</v>
      </c>
      <c r="F6862" t="s">
        <v>38</v>
      </c>
      <c r="G6862" t="s">
        <v>39</v>
      </c>
      <c r="H6862" t="s">
        <v>750</v>
      </c>
      <c r="I6862">
        <v>227.46</v>
      </c>
      <c r="J6862">
        <v>6</v>
      </c>
      <c r="K6862">
        <v>65.959999999999994</v>
      </c>
    </row>
    <row r="6863" spans="1:11" x14ac:dyDescent="0.3">
      <c r="A6863" s="1">
        <v>42772</v>
      </c>
      <c r="B6863" s="3">
        <f t="shared" si="214"/>
        <v>2</v>
      </c>
      <c r="C6863" s="3">
        <f t="shared" si="215"/>
        <v>2017</v>
      </c>
      <c r="D6863" t="s">
        <v>1462</v>
      </c>
      <c r="E6863" t="s">
        <v>148</v>
      </c>
      <c r="F6863" t="s">
        <v>10</v>
      </c>
      <c r="G6863" t="s">
        <v>19</v>
      </c>
      <c r="H6863" t="s">
        <v>2523</v>
      </c>
      <c r="I6863">
        <v>46.24</v>
      </c>
      <c r="J6863">
        <v>4</v>
      </c>
      <c r="K6863">
        <v>15.61</v>
      </c>
    </row>
    <row r="6864" spans="1:11" x14ac:dyDescent="0.3">
      <c r="A6864" s="1">
        <v>42772</v>
      </c>
      <c r="B6864" s="3">
        <f t="shared" si="214"/>
        <v>2</v>
      </c>
      <c r="C6864" s="3">
        <f t="shared" si="215"/>
        <v>2017</v>
      </c>
      <c r="D6864" t="s">
        <v>2116</v>
      </c>
      <c r="E6864" t="s">
        <v>26</v>
      </c>
      <c r="F6864" t="s">
        <v>10</v>
      </c>
      <c r="G6864" t="s">
        <v>11</v>
      </c>
      <c r="H6864" t="s">
        <v>441</v>
      </c>
      <c r="I6864">
        <v>29.9</v>
      </c>
      <c r="J6864">
        <v>5</v>
      </c>
      <c r="K6864">
        <v>13.46</v>
      </c>
    </row>
    <row r="6865" spans="1:11" x14ac:dyDescent="0.3">
      <c r="A6865" s="1">
        <v>42775</v>
      </c>
      <c r="B6865" s="3">
        <f t="shared" si="214"/>
        <v>2</v>
      </c>
      <c r="C6865" s="3">
        <f t="shared" si="215"/>
        <v>2017</v>
      </c>
      <c r="D6865" t="s">
        <v>2364</v>
      </c>
      <c r="E6865" t="s">
        <v>9</v>
      </c>
      <c r="F6865" t="s">
        <v>10</v>
      </c>
      <c r="G6865" t="s">
        <v>19</v>
      </c>
      <c r="H6865" t="s">
        <v>2487</v>
      </c>
      <c r="I6865">
        <v>252.78</v>
      </c>
      <c r="J6865">
        <v>4</v>
      </c>
      <c r="K6865">
        <v>-417.09</v>
      </c>
    </row>
    <row r="6866" spans="1:11" x14ac:dyDescent="0.3">
      <c r="A6866" s="1">
        <v>42775</v>
      </c>
      <c r="B6866" s="3">
        <f t="shared" si="214"/>
        <v>2</v>
      </c>
      <c r="C6866" s="3">
        <f t="shared" si="215"/>
        <v>2017</v>
      </c>
      <c r="D6866" t="s">
        <v>2364</v>
      </c>
      <c r="E6866" t="s">
        <v>9</v>
      </c>
      <c r="F6866" t="s">
        <v>38</v>
      </c>
      <c r="G6866" t="s">
        <v>51</v>
      </c>
      <c r="H6866" t="s">
        <v>2001</v>
      </c>
      <c r="I6866">
        <v>127.98</v>
      </c>
      <c r="J6866">
        <v>2</v>
      </c>
      <c r="K6866">
        <v>16</v>
      </c>
    </row>
    <row r="6867" spans="1:11" x14ac:dyDescent="0.3">
      <c r="A6867" s="1">
        <v>42775</v>
      </c>
      <c r="B6867" s="3">
        <f t="shared" si="214"/>
        <v>2</v>
      </c>
      <c r="C6867" s="3">
        <f t="shared" si="215"/>
        <v>2017</v>
      </c>
      <c r="D6867" t="s">
        <v>2364</v>
      </c>
      <c r="E6867" t="s">
        <v>9</v>
      </c>
      <c r="F6867" t="s">
        <v>33</v>
      </c>
      <c r="G6867" t="s">
        <v>46</v>
      </c>
      <c r="H6867" t="s">
        <v>848</v>
      </c>
      <c r="I6867">
        <v>3.98</v>
      </c>
      <c r="J6867">
        <v>2</v>
      </c>
      <c r="K6867">
        <v>-2.69</v>
      </c>
    </row>
    <row r="6868" spans="1:11" x14ac:dyDescent="0.3">
      <c r="A6868" s="1">
        <v>42775</v>
      </c>
      <c r="B6868" s="3">
        <f t="shared" si="214"/>
        <v>2</v>
      </c>
      <c r="C6868" s="3">
        <f t="shared" si="215"/>
        <v>2017</v>
      </c>
      <c r="D6868" t="s">
        <v>2364</v>
      </c>
      <c r="E6868" t="s">
        <v>9</v>
      </c>
      <c r="F6868" t="s">
        <v>10</v>
      </c>
      <c r="G6868" t="s">
        <v>91</v>
      </c>
      <c r="H6868" t="s">
        <v>2620</v>
      </c>
      <c r="I6868">
        <v>12.99</v>
      </c>
      <c r="J6868">
        <v>2</v>
      </c>
      <c r="K6868">
        <v>-32.479999999999997</v>
      </c>
    </row>
    <row r="6869" spans="1:11" x14ac:dyDescent="0.3">
      <c r="A6869" s="1">
        <v>42775</v>
      </c>
      <c r="B6869" s="3">
        <f t="shared" si="214"/>
        <v>2</v>
      </c>
      <c r="C6869" s="3">
        <f t="shared" si="215"/>
        <v>2017</v>
      </c>
      <c r="D6869" t="s">
        <v>196</v>
      </c>
      <c r="E6869" t="s">
        <v>26</v>
      </c>
      <c r="F6869" t="s">
        <v>33</v>
      </c>
      <c r="G6869" t="s">
        <v>46</v>
      </c>
      <c r="H6869" t="s">
        <v>1542</v>
      </c>
      <c r="I6869">
        <v>21.12</v>
      </c>
      <c r="J6869">
        <v>4</v>
      </c>
      <c r="K6869">
        <v>6.55</v>
      </c>
    </row>
    <row r="6870" spans="1:11" x14ac:dyDescent="0.3">
      <c r="A6870" s="1">
        <v>42775</v>
      </c>
      <c r="B6870" s="3">
        <f t="shared" si="214"/>
        <v>2</v>
      </c>
      <c r="C6870" s="3">
        <f t="shared" si="215"/>
        <v>2017</v>
      </c>
      <c r="D6870" t="s">
        <v>783</v>
      </c>
      <c r="E6870" t="s">
        <v>26</v>
      </c>
      <c r="F6870" t="s">
        <v>10</v>
      </c>
      <c r="G6870" t="s">
        <v>17</v>
      </c>
      <c r="H6870" t="s">
        <v>256</v>
      </c>
      <c r="I6870">
        <v>354.9</v>
      </c>
      <c r="J6870">
        <v>5</v>
      </c>
      <c r="K6870">
        <v>17.75</v>
      </c>
    </row>
    <row r="6871" spans="1:11" x14ac:dyDescent="0.3">
      <c r="A6871" s="1">
        <v>42776</v>
      </c>
      <c r="B6871" s="3">
        <f t="shared" si="214"/>
        <v>2</v>
      </c>
      <c r="C6871" s="3">
        <f t="shared" si="215"/>
        <v>2017</v>
      </c>
      <c r="D6871" t="s">
        <v>400</v>
      </c>
      <c r="E6871" t="s">
        <v>26</v>
      </c>
      <c r="F6871" t="s">
        <v>33</v>
      </c>
      <c r="G6871" t="s">
        <v>73</v>
      </c>
      <c r="H6871" t="s">
        <v>1636</v>
      </c>
      <c r="I6871">
        <v>203.98</v>
      </c>
      <c r="J6871">
        <v>2</v>
      </c>
      <c r="K6871">
        <v>16.8</v>
      </c>
    </row>
    <row r="6872" spans="1:11" x14ac:dyDescent="0.3">
      <c r="A6872" s="1">
        <v>42776</v>
      </c>
      <c r="B6872" s="3">
        <f t="shared" si="214"/>
        <v>2</v>
      </c>
      <c r="C6872" s="3">
        <f t="shared" si="215"/>
        <v>2017</v>
      </c>
      <c r="D6872" t="s">
        <v>203</v>
      </c>
      <c r="E6872" t="s">
        <v>530</v>
      </c>
      <c r="F6872" t="s">
        <v>10</v>
      </c>
      <c r="G6872" t="s">
        <v>11</v>
      </c>
      <c r="H6872" t="s">
        <v>2239</v>
      </c>
      <c r="I6872">
        <v>23.12</v>
      </c>
      <c r="J6872">
        <v>4</v>
      </c>
      <c r="K6872">
        <v>11.33</v>
      </c>
    </row>
    <row r="6873" spans="1:11" x14ac:dyDescent="0.3">
      <c r="A6873" s="1">
        <v>42777</v>
      </c>
      <c r="B6873" s="3">
        <f t="shared" si="214"/>
        <v>2</v>
      </c>
      <c r="C6873" s="3">
        <f t="shared" si="215"/>
        <v>2017</v>
      </c>
      <c r="D6873" t="s">
        <v>658</v>
      </c>
      <c r="E6873" t="s">
        <v>26</v>
      </c>
      <c r="F6873" t="s">
        <v>10</v>
      </c>
      <c r="G6873" t="s">
        <v>19</v>
      </c>
      <c r="H6873" t="s">
        <v>971</v>
      </c>
      <c r="I6873">
        <v>21.34</v>
      </c>
      <c r="J6873">
        <v>7</v>
      </c>
      <c r="K6873">
        <v>7.73</v>
      </c>
    </row>
    <row r="6874" spans="1:11" x14ac:dyDescent="0.3">
      <c r="A6874" s="1">
        <v>42777</v>
      </c>
      <c r="B6874" s="3">
        <f t="shared" si="214"/>
        <v>2</v>
      </c>
      <c r="C6874" s="3">
        <f t="shared" si="215"/>
        <v>2017</v>
      </c>
      <c r="D6874" t="s">
        <v>1787</v>
      </c>
      <c r="E6874" t="s">
        <v>163</v>
      </c>
      <c r="F6874" t="s">
        <v>33</v>
      </c>
      <c r="G6874" t="s">
        <v>34</v>
      </c>
      <c r="H6874" t="s">
        <v>273</v>
      </c>
      <c r="I6874">
        <v>963.14</v>
      </c>
      <c r="J6874">
        <v>4</v>
      </c>
      <c r="K6874">
        <v>108.35</v>
      </c>
    </row>
    <row r="6875" spans="1:11" x14ac:dyDescent="0.3">
      <c r="A6875" s="1">
        <v>42777</v>
      </c>
      <c r="B6875" s="3">
        <f t="shared" si="214"/>
        <v>2</v>
      </c>
      <c r="C6875" s="3">
        <f t="shared" si="215"/>
        <v>2017</v>
      </c>
      <c r="D6875" t="s">
        <v>1787</v>
      </c>
      <c r="E6875" t="s">
        <v>163</v>
      </c>
      <c r="F6875" t="s">
        <v>38</v>
      </c>
      <c r="G6875" t="s">
        <v>39</v>
      </c>
      <c r="H6875" t="s">
        <v>900</v>
      </c>
      <c r="I6875">
        <v>88.78</v>
      </c>
      <c r="J6875">
        <v>3</v>
      </c>
      <c r="K6875">
        <v>7.77</v>
      </c>
    </row>
    <row r="6876" spans="1:11" x14ac:dyDescent="0.3">
      <c r="A6876" s="1">
        <v>42777</v>
      </c>
      <c r="B6876" s="3">
        <f t="shared" si="214"/>
        <v>2</v>
      </c>
      <c r="C6876" s="3">
        <f t="shared" si="215"/>
        <v>2017</v>
      </c>
      <c r="D6876" t="s">
        <v>1130</v>
      </c>
      <c r="E6876" t="s">
        <v>148</v>
      </c>
      <c r="F6876" t="s">
        <v>10</v>
      </c>
      <c r="G6876" t="s">
        <v>15</v>
      </c>
      <c r="H6876" t="s">
        <v>2475</v>
      </c>
      <c r="I6876">
        <v>20.7</v>
      </c>
      <c r="J6876">
        <v>2</v>
      </c>
      <c r="K6876">
        <v>9.94</v>
      </c>
    </row>
    <row r="6877" spans="1:11" x14ac:dyDescent="0.3">
      <c r="A6877" s="1">
        <v>42777</v>
      </c>
      <c r="B6877" s="3">
        <f t="shared" si="214"/>
        <v>2</v>
      </c>
      <c r="C6877" s="3">
        <f t="shared" si="215"/>
        <v>2017</v>
      </c>
      <c r="D6877" t="s">
        <v>735</v>
      </c>
      <c r="E6877" t="s">
        <v>77</v>
      </c>
      <c r="F6877" t="s">
        <v>33</v>
      </c>
      <c r="G6877" t="s">
        <v>46</v>
      </c>
      <c r="H6877" t="s">
        <v>2441</v>
      </c>
      <c r="I6877">
        <v>147.57</v>
      </c>
      <c r="J6877">
        <v>2</v>
      </c>
      <c r="K6877">
        <v>-3.69</v>
      </c>
    </row>
    <row r="6878" spans="1:11" x14ac:dyDescent="0.3">
      <c r="A6878" s="1">
        <v>42779</v>
      </c>
      <c r="B6878" s="3">
        <f t="shared" si="214"/>
        <v>2</v>
      </c>
      <c r="C6878" s="3">
        <f t="shared" si="215"/>
        <v>2017</v>
      </c>
      <c r="D6878" t="s">
        <v>2208</v>
      </c>
      <c r="E6878" t="s">
        <v>163</v>
      </c>
      <c r="F6878" t="s">
        <v>10</v>
      </c>
      <c r="G6878" t="s">
        <v>23</v>
      </c>
      <c r="H6878" t="s">
        <v>2083</v>
      </c>
      <c r="I6878">
        <v>6.63</v>
      </c>
      <c r="J6878">
        <v>3</v>
      </c>
      <c r="K6878">
        <v>1.79</v>
      </c>
    </row>
    <row r="6879" spans="1:11" x14ac:dyDescent="0.3">
      <c r="A6879" s="1">
        <v>42779</v>
      </c>
      <c r="B6879" s="3">
        <f t="shared" si="214"/>
        <v>2</v>
      </c>
      <c r="C6879" s="3">
        <f t="shared" si="215"/>
        <v>2017</v>
      </c>
      <c r="D6879" t="s">
        <v>2208</v>
      </c>
      <c r="E6879" t="s">
        <v>163</v>
      </c>
      <c r="F6879" t="s">
        <v>38</v>
      </c>
      <c r="G6879" t="s">
        <v>51</v>
      </c>
      <c r="H6879" t="s">
        <v>2124</v>
      </c>
      <c r="I6879">
        <v>799.96</v>
      </c>
      <c r="J6879">
        <v>4</v>
      </c>
      <c r="K6879">
        <v>343.98</v>
      </c>
    </row>
    <row r="6880" spans="1:11" x14ac:dyDescent="0.3">
      <c r="A6880" s="1">
        <v>42779</v>
      </c>
      <c r="B6880" s="3">
        <f t="shared" si="214"/>
        <v>2</v>
      </c>
      <c r="C6880" s="3">
        <f t="shared" si="215"/>
        <v>2017</v>
      </c>
      <c r="D6880" t="s">
        <v>2208</v>
      </c>
      <c r="E6880" t="s">
        <v>163</v>
      </c>
      <c r="F6880" t="s">
        <v>33</v>
      </c>
      <c r="G6880" t="s">
        <v>46</v>
      </c>
      <c r="H6880" t="s">
        <v>2365</v>
      </c>
      <c r="I6880">
        <v>107.53</v>
      </c>
      <c r="J6880">
        <v>1</v>
      </c>
      <c r="K6880">
        <v>21.51</v>
      </c>
    </row>
    <row r="6881" spans="1:11" x14ac:dyDescent="0.3">
      <c r="A6881" s="1">
        <v>42779</v>
      </c>
      <c r="B6881" s="3">
        <f t="shared" si="214"/>
        <v>2</v>
      </c>
      <c r="C6881" s="3">
        <f t="shared" si="215"/>
        <v>2017</v>
      </c>
      <c r="D6881" t="s">
        <v>522</v>
      </c>
      <c r="E6881" t="s">
        <v>530</v>
      </c>
      <c r="F6881" t="s">
        <v>10</v>
      </c>
      <c r="G6881" t="s">
        <v>199</v>
      </c>
      <c r="H6881" t="s">
        <v>1959</v>
      </c>
      <c r="I6881">
        <v>25.02</v>
      </c>
      <c r="J6881">
        <v>3</v>
      </c>
      <c r="K6881">
        <v>6.51</v>
      </c>
    </row>
    <row r="6882" spans="1:11" x14ac:dyDescent="0.3">
      <c r="A6882" s="1">
        <v>42779</v>
      </c>
      <c r="B6882" s="3">
        <f t="shared" si="214"/>
        <v>2</v>
      </c>
      <c r="C6882" s="3">
        <f t="shared" si="215"/>
        <v>2017</v>
      </c>
      <c r="D6882" t="s">
        <v>522</v>
      </c>
      <c r="E6882" t="s">
        <v>530</v>
      </c>
      <c r="F6882" t="s">
        <v>10</v>
      </c>
      <c r="G6882" t="s">
        <v>23</v>
      </c>
      <c r="H6882" t="s">
        <v>2027</v>
      </c>
      <c r="I6882">
        <v>10.71</v>
      </c>
      <c r="J6882">
        <v>3</v>
      </c>
      <c r="K6882">
        <v>2.78</v>
      </c>
    </row>
    <row r="6883" spans="1:11" x14ac:dyDescent="0.3">
      <c r="A6883" s="1">
        <v>42779</v>
      </c>
      <c r="B6883" s="3">
        <f t="shared" si="214"/>
        <v>2</v>
      </c>
      <c r="C6883" s="3">
        <f t="shared" si="215"/>
        <v>2017</v>
      </c>
      <c r="D6883" t="s">
        <v>1160</v>
      </c>
      <c r="E6883" t="s">
        <v>148</v>
      </c>
      <c r="F6883" t="s">
        <v>10</v>
      </c>
      <c r="G6883" t="s">
        <v>11</v>
      </c>
      <c r="H6883" t="s">
        <v>1469</v>
      </c>
      <c r="I6883">
        <v>17.940000000000001</v>
      </c>
      <c r="J6883">
        <v>3</v>
      </c>
      <c r="K6883">
        <v>8.7899999999999991</v>
      </c>
    </row>
    <row r="6884" spans="1:11" x14ac:dyDescent="0.3">
      <c r="A6884" s="1">
        <v>42779</v>
      </c>
      <c r="B6884" s="3">
        <f t="shared" si="214"/>
        <v>2</v>
      </c>
      <c r="C6884" s="3">
        <f t="shared" si="215"/>
        <v>2017</v>
      </c>
      <c r="D6884" t="s">
        <v>934</v>
      </c>
      <c r="E6884" t="s">
        <v>314</v>
      </c>
      <c r="F6884" t="s">
        <v>10</v>
      </c>
      <c r="G6884" t="s">
        <v>91</v>
      </c>
      <c r="H6884" t="s">
        <v>1243</v>
      </c>
      <c r="I6884">
        <v>90.64</v>
      </c>
      <c r="J6884">
        <v>8</v>
      </c>
      <c r="K6884">
        <v>38.979999999999997</v>
      </c>
    </row>
    <row r="6885" spans="1:11" x14ac:dyDescent="0.3">
      <c r="A6885" s="1">
        <v>42782</v>
      </c>
      <c r="B6885" s="3">
        <f t="shared" si="214"/>
        <v>2</v>
      </c>
      <c r="C6885" s="3">
        <f t="shared" si="215"/>
        <v>2017</v>
      </c>
      <c r="D6885" t="s">
        <v>1026</v>
      </c>
      <c r="E6885" t="s">
        <v>148</v>
      </c>
      <c r="F6885" t="s">
        <v>10</v>
      </c>
      <c r="G6885" t="s">
        <v>11</v>
      </c>
      <c r="H6885" t="s">
        <v>1582</v>
      </c>
      <c r="I6885">
        <v>37.94</v>
      </c>
      <c r="J6885">
        <v>2</v>
      </c>
      <c r="K6885">
        <v>18.21</v>
      </c>
    </row>
    <row r="6886" spans="1:11" x14ac:dyDescent="0.3">
      <c r="A6886" s="1">
        <v>42782</v>
      </c>
      <c r="B6886" s="3">
        <f t="shared" si="214"/>
        <v>2</v>
      </c>
      <c r="C6886" s="3">
        <f t="shared" si="215"/>
        <v>2017</v>
      </c>
      <c r="D6886" t="s">
        <v>1695</v>
      </c>
      <c r="E6886" t="s">
        <v>612</v>
      </c>
      <c r="F6886" t="s">
        <v>10</v>
      </c>
      <c r="G6886" t="s">
        <v>17</v>
      </c>
      <c r="H6886" t="s">
        <v>1439</v>
      </c>
      <c r="I6886">
        <v>579.51</v>
      </c>
      <c r="J6886">
        <v>3</v>
      </c>
      <c r="K6886">
        <v>81.13</v>
      </c>
    </row>
    <row r="6887" spans="1:11" x14ac:dyDescent="0.3">
      <c r="A6887" s="1">
        <v>42782</v>
      </c>
      <c r="B6887" s="3">
        <f t="shared" si="214"/>
        <v>2</v>
      </c>
      <c r="C6887" s="3">
        <f t="shared" si="215"/>
        <v>2017</v>
      </c>
      <c r="D6887" t="s">
        <v>1695</v>
      </c>
      <c r="E6887" t="s">
        <v>612</v>
      </c>
      <c r="F6887" t="s">
        <v>38</v>
      </c>
      <c r="G6887" t="s">
        <v>39</v>
      </c>
      <c r="H6887" t="s">
        <v>2212</v>
      </c>
      <c r="I6887">
        <v>14.99</v>
      </c>
      <c r="J6887">
        <v>1</v>
      </c>
      <c r="K6887">
        <v>7.35</v>
      </c>
    </row>
    <row r="6888" spans="1:11" x14ac:dyDescent="0.3">
      <c r="A6888" s="1">
        <v>42782</v>
      </c>
      <c r="B6888" s="3">
        <f t="shared" si="214"/>
        <v>2</v>
      </c>
      <c r="C6888" s="3">
        <f t="shared" si="215"/>
        <v>2017</v>
      </c>
      <c r="D6888" t="s">
        <v>224</v>
      </c>
      <c r="E6888" t="s">
        <v>14</v>
      </c>
      <c r="F6888" t="s">
        <v>10</v>
      </c>
      <c r="G6888" t="s">
        <v>42</v>
      </c>
      <c r="H6888" t="s">
        <v>1108</v>
      </c>
      <c r="I6888">
        <v>18.37</v>
      </c>
      <c r="J6888">
        <v>2</v>
      </c>
      <c r="K6888">
        <v>6.2</v>
      </c>
    </row>
    <row r="6889" spans="1:11" x14ac:dyDescent="0.3">
      <c r="A6889" s="1">
        <v>42782</v>
      </c>
      <c r="B6889" s="3">
        <f t="shared" si="214"/>
        <v>2</v>
      </c>
      <c r="C6889" s="3">
        <f t="shared" si="215"/>
        <v>2017</v>
      </c>
      <c r="D6889" t="s">
        <v>224</v>
      </c>
      <c r="E6889" t="s">
        <v>14</v>
      </c>
      <c r="F6889" t="s">
        <v>33</v>
      </c>
      <c r="G6889" t="s">
        <v>34</v>
      </c>
      <c r="H6889" t="s">
        <v>35</v>
      </c>
      <c r="I6889">
        <v>600.55999999999995</v>
      </c>
      <c r="J6889">
        <v>3</v>
      </c>
      <c r="K6889">
        <v>-8.58</v>
      </c>
    </row>
    <row r="6890" spans="1:11" x14ac:dyDescent="0.3">
      <c r="A6890" s="1">
        <v>42782</v>
      </c>
      <c r="B6890" s="3">
        <f t="shared" si="214"/>
        <v>2</v>
      </c>
      <c r="C6890" s="3">
        <f t="shared" si="215"/>
        <v>2017</v>
      </c>
      <c r="D6890" t="s">
        <v>224</v>
      </c>
      <c r="E6890" t="s">
        <v>14</v>
      </c>
      <c r="F6890" t="s">
        <v>10</v>
      </c>
      <c r="G6890" t="s">
        <v>17</v>
      </c>
      <c r="H6890" t="s">
        <v>1438</v>
      </c>
      <c r="I6890">
        <v>50.35</v>
      </c>
      <c r="J6890">
        <v>3</v>
      </c>
      <c r="K6890">
        <v>-8.18</v>
      </c>
    </row>
    <row r="6891" spans="1:11" x14ac:dyDescent="0.3">
      <c r="A6891" s="1">
        <v>42782</v>
      </c>
      <c r="B6891" s="3">
        <f t="shared" si="214"/>
        <v>2</v>
      </c>
      <c r="C6891" s="3">
        <f t="shared" si="215"/>
        <v>2017</v>
      </c>
      <c r="D6891" t="s">
        <v>224</v>
      </c>
      <c r="E6891" t="s">
        <v>14</v>
      </c>
      <c r="F6891" t="s">
        <v>10</v>
      </c>
      <c r="G6891" t="s">
        <v>23</v>
      </c>
      <c r="H6891" t="s">
        <v>50</v>
      </c>
      <c r="I6891">
        <v>28.03</v>
      </c>
      <c r="J6891">
        <v>6</v>
      </c>
      <c r="K6891">
        <v>3.5</v>
      </c>
    </row>
    <row r="6892" spans="1:11" x14ac:dyDescent="0.3">
      <c r="A6892" s="1">
        <v>42782</v>
      </c>
      <c r="B6892" s="3">
        <f t="shared" si="214"/>
        <v>2</v>
      </c>
      <c r="C6892" s="3">
        <f t="shared" si="215"/>
        <v>2017</v>
      </c>
      <c r="D6892" t="s">
        <v>224</v>
      </c>
      <c r="E6892" t="s">
        <v>14</v>
      </c>
      <c r="F6892" t="s">
        <v>33</v>
      </c>
      <c r="G6892" t="s">
        <v>46</v>
      </c>
      <c r="H6892" t="s">
        <v>338</v>
      </c>
      <c r="I6892">
        <v>7.69</v>
      </c>
      <c r="J6892">
        <v>1</v>
      </c>
      <c r="K6892">
        <v>-3.65</v>
      </c>
    </row>
    <row r="6893" spans="1:11" x14ac:dyDescent="0.3">
      <c r="A6893" s="1">
        <v>42783</v>
      </c>
      <c r="B6893" s="3">
        <f t="shared" si="214"/>
        <v>2</v>
      </c>
      <c r="C6893" s="3">
        <f t="shared" si="215"/>
        <v>2017</v>
      </c>
      <c r="D6893" t="s">
        <v>1546</v>
      </c>
      <c r="E6893" t="s">
        <v>14</v>
      </c>
      <c r="F6893" t="s">
        <v>33</v>
      </c>
      <c r="G6893" t="s">
        <v>144</v>
      </c>
      <c r="H6893" t="s">
        <v>1811</v>
      </c>
      <c r="I6893">
        <v>480.96</v>
      </c>
      <c r="J6893">
        <v>3</v>
      </c>
      <c r="K6893">
        <v>-269.33999999999997</v>
      </c>
    </row>
    <row r="6894" spans="1:11" x14ac:dyDescent="0.3">
      <c r="A6894" s="1">
        <v>42783</v>
      </c>
      <c r="B6894" s="3">
        <f t="shared" si="214"/>
        <v>2</v>
      </c>
      <c r="C6894" s="3">
        <f t="shared" si="215"/>
        <v>2017</v>
      </c>
      <c r="D6894" t="s">
        <v>1546</v>
      </c>
      <c r="E6894" t="s">
        <v>14</v>
      </c>
      <c r="F6894" t="s">
        <v>38</v>
      </c>
      <c r="G6894" t="s">
        <v>39</v>
      </c>
      <c r="H6894" t="s">
        <v>2363</v>
      </c>
      <c r="I6894">
        <v>124.79</v>
      </c>
      <c r="J6894">
        <v>1</v>
      </c>
      <c r="K6894">
        <v>10.92</v>
      </c>
    </row>
    <row r="6895" spans="1:11" x14ac:dyDescent="0.3">
      <c r="A6895" s="1">
        <v>42783</v>
      </c>
      <c r="B6895" s="3">
        <f t="shared" si="214"/>
        <v>2</v>
      </c>
      <c r="C6895" s="3">
        <f t="shared" si="215"/>
        <v>2017</v>
      </c>
      <c r="D6895" t="s">
        <v>589</v>
      </c>
      <c r="E6895" t="s">
        <v>61</v>
      </c>
      <c r="F6895" t="s">
        <v>38</v>
      </c>
      <c r="G6895" t="s">
        <v>39</v>
      </c>
      <c r="H6895" t="s">
        <v>2282</v>
      </c>
      <c r="I6895">
        <v>29.16</v>
      </c>
      <c r="J6895">
        <v>3</v>
      </c>
      <c r="K6895">
        <v>8.4600000000000009</v>
      </c>
    </row>
    <row r="6896" spans="1:11" x14ac:dyDescent="0.3">
      <c r="A6896" s="1">
        <v>42783</v>
      </c>
      <c r="B6896" s="3">
        <f t="shared" si="214"/>
        <v>2</v>
      </c>
      <c r="C6896" s="3">
        <f t="shared" si="215"/>
        <v>2017</v>
      </c>
      <c r="D6896" t="s">
        <v>924</v>
      </c>
      <c r="E6896" t="s">
        <v>176</v>
      </c>
      <c r="F6896" t="s">
        <v>10</v>
      </c>
      <c r="G6896" t="s">
        <v>11</v>
      </c>
      <c r="H6896" t="s">
        <v>1417</v>
      </c>
      <c r="I6896">
        <v>11.76</v>
      </c>
      <c r="J6896">
        <v>2</v>
      </c>
      <c r="K6896">
        <v>5.76</v>
      </c>
    </row>
    <row r="6897" spans="1:11" x14ac:dyDescent="0.3">
      <c r="A6897" s="1">
        <v>42783</v>
      </c>
      <c r="B6897" s="3">
        <f t="shared" si="214"/>
        <v>2</v>
      </c>
      <c r="C6897" s="3">
        <f t="shared" si="215"/>
        <v>2017</v>
      </c>
      <c r="D6897" t="s">
        <v>924</v>
      </c>
      <c r="E6897" t="s">
        <v>176</v>
      </c>
      <c r="F6897" t="s">
        <v>10</v>
      </c>
      <c r="G6897" t="s">
        <v>17</v>
      </c>
      <c r="H6897" t="s">
        <v>114</v>
      </c>
      <c r="I6897">
        <v>166.45</v>
      </c>
      <c r="J6897">
        <v>5</v>
      </c>
      <c r="K6897">
        <v>39.950000000000003</v>
      </c>
    </row>
    <row r="6898" spans="1:11" x14ac:dyDescent="0.3">
      <c r="A6898" s="1">
        <v>42783</v>
      </c>
      <c r="B6898" s="3">
        <f t="shared" si="214"/>
        <v>2</v>
      </c>
      <c r="C6898" s="3">
        <f t="shared" si="215"/>
        <v>2017</v>
      </c>
      <c r="D6898" t="s">
        <v>1899</v>
      </c>
      <c r="E6898" t="s">
        <v>9</v>
      </c>
      <c r="F6898" t="s">
        <v>33</v>
      </c>
      <c r="G6898" t="s">
        <v>73</v>
      </c>
      <c r="H6898" t="s">
        <v>1580</v>
      </c>
      <c r="I6898">
        <v>89.07</v>
      </c>
      <c r="J6898">
        <v>1</v>
      </c>
      <c r="K6898">
        <v>-17.03</v>
      </c>
    </row>
    <row r="6899" spans="1:11" x14ac:dyDescent="0.3">
      <c r="A6899" s="1">
        <v>42783</v>
      </c>
      <c r="B6899" s="3">
        <f t="shared" si="214"/>
        <v>2</v>
      </c>
      <c r="C6899" s="3">
        <f t="shared" si="215"/>
        <v>2017</v>
      </c>
      <c r="D6899" t="s">
        <v>1899</v>
      </c>
      <c r="E6899" t="s">
        <v>9</v>
      </c>
      <c r="F6899" t="s">
        <v>10</v>
      </c>
      <c r="G6899" t="s">
        <v>23</v>
      </c>
      <c r="H6899" t="s">
        <v>1446</v>
      </c>
      <c r="I6899">
        <v>175.44</v>
      </c>
      <c r="J6899">
        <v>6</v>
      </c>
      <c r="K6899">
        <v>52.63</v>
      </c>
    </row>
    <row r="6900" spans="1:11" x14ac:dyDescent="0.3">
      <c r="A6900" s="1">
        <v>42783</v>
      </c>
      <c r="B6900" s="3">
        <f t="shared" si="214"/>
        <v>2</v>
      </c>
      <c r="C6900" s="3">
        <f t="shared" si="215"/>
        <v>2017</v>
      </c>
      <c r="D6900" t="s">
        <v>1899</v>
      </c>
      <c r="E6900" t="s">
        <v>9</v>
      </c>
      <c r="F6900" t="s">
        <v>38</v>
      </c>
      <c r="G6900" t="s">
        <v>39</v>
      </c>
      <c r="H6900" t="s">
        <v>1100</v>
      </c>
      <c r="I6900">
        <v>438.34</v>
      </c>
      <c r="J6900">
        <v>4</v>
      </c>
      <c r="K6900">
        <v>-87.67</v>
      </c>
    </row>
    <row r="6901" spans="1:11" x14ac:dyDescent="0.3">
      <c r="A6901" s="1">
        <v>42783</v>
      </c>
      <c r="B6901" s="3">
        <f t="shared" si="214"/>
        <v>2</v>
      </c>
      <c r="C6901" s="3">
        <f t="shared" si="215"/>
        <v>2017</v>
      </c>
      <c r="D6901" t="s">
        <v>292</v>
      </c>
      <c r="E6901" t="s">
        <v>77</v>
      </c>
      <c r="F6901" t="s">
        <v>33</v>
      </c>
      <c r="G6901" t="s">
        <v>144</v>
      </c>
      <c r="H6901" t="s">
        <v>498</v>
      </c>
      <c r="I6901">
        <v>455.97</v>
      </c>
      <c r="J6901">
        <v>5</v>
      </c>
      <c r="K6901">
        <v>-106.39</v>
      </c>
    </row>
    <row r="6902" spans="1:11" x14ac:dyDescent="0.3">
      <c r="A6902" s="1">
        <v>42783</v>
      </c>
      <c r="B6902" s="3">
        <f t="shared" si="214"/>
        <v>2</v>
      </c>
      <c r="C6902" s="3">
        <f t="shared" si="215"/>
        <v>2017</v>
      </c>
      <c r="D6902" t="s">
        <v>292</v>
      </c>
      <c r="E6902" t="s">
        <v>77</v>
      </c>
      <c r="F6902" t="s">
        <v>10</v>
      </c>
      <c r="G6902" t="s">
        <v>19</v>
      </c>
      <c r="H6902" t="s">
        <v>574</v>
      </c>
      <c r="I6902">
        <v>5.72</v>
      </c>
      <c r="J6902">
        <v>5</v>
      </c>
      <c r="K6902">
        <v>-4.76</v>
      </c>
    </row>
    <row r="6903" spans="1:11" x14ac:dyDescent="0.3">
      <c r="A6903" s="1">
        <v>42783</v>
      </c>
      <c r="B6903" s="3">
        <f t="shared" si="214"/>
        <v>2</v>
      </c>
      <c r="C6903" s="3">
        <f t="shared" si="215"/>
        <v>2017</v>
      </c>
      <c r="D6903" t="s">
        <v>292</v>
      </c>
      <c r="E6903" t="s">
        <v>77</v>
      </c>
      <c r="F6903" t="s">
        <v>38</v>
      </c>
      <c r="G6903" t="s">
        <v>39</v>
      </c>
      <c r="H6903" t="s">
        <v>1305</v>
      </c>
      <c r="I6903">
        <v>57.59</v>
      </c>
      <c r="J6903">
        <v>1</v>
      </c>
      <c r="K6903">
        <v>-11.52</v>
      </c>
    </row>
    <row r="6904" spans="1:11" x14ac:dyDescent="0.3">
      <c r="A6904" s="1">
        <v>42783</v>
      </c>
      <c r="B6904" s="3">
        <f t="shared" si="214"/>
        <v>2</v>
      </c>
      <c r="C6904" s="3">
        <f t="shared" si="215"/>
        <v>2017</v>
      </c>
      <c r="D6904" t="s">
        <v>292</v>
      </c>
      <c r="E6904" t="s">
        <v>77</v>
      </c>
      <c r="F6904" t="s">
        <v>33</v>
      </c>
      <c r="G6904" t="s">
        <v>46</v>
      </c>
      <c r="H6904" t="s">
        <v>2014</v>
      </c>
      <c r="I6904">
        <v>30.14</v>
      </c>
      <c r="J6904">
        <v>2</v>
      </c>
      <c r="K6904">
        <v>8.2899999999999991</v>
      </c>
    </row>
    <row r="6905" spans="1:11" x14ac:dyDescent="0.3">
      <c r="A6905" s="1">
        <v>42783</v>
      </c>
      <c r="B6905" s="3">
        <f t="shared" si="214"/>
        <v>2</v>
      </c>
      <c r="C6905" s="3">
        <f t="shared" si="215"/>
        <v>2017</v>
      </c>
      <c r="D6905" t="s">
        <v>292</v>
      </c>
      <c r="E6905" t="s">
        <v>77</v>
      </c>
      <c r="F6905" t="s">
        <v>33</v>
      </c>
      <c r="G6905" t="s">
        <v>34</v>
      </c>
      <c r="H6905" t="s">
        <v>725</v>
      </c>
      <c r="I6905">
        <v>899.43</v>
      </c>
      <c r="J6905">
        <v>5</v>
      </c>
      <c r="K6905">
        <v>-12.85</v>
      </c>
    </row>
    <row r="6906" spans="1:11" x14ac:dyDescent="0.3">
      <c r="A6906" s="1">
        <v>42784</v>
      </c>
      <c r="B6906" s="3">
        <f t="shared" si="214"/>
        <v>2</v>
      </c>
      <c r="C6906" s="3">
        <f t="shared" si="215"/>
        <v>2017</v>
      </c>
      <c r="D6906" t="s">
        <v>2517</v>
      </c>
      <c r="E6906" t="s">
        <v>26</v>
      </c>
      <c r="F6906" t="s">
        <v>38</v>
      </c>
      <c r="G6906" t="s">
        <v>39</v>
      </c>
      <c r="H6906" t="s">
        <v>2569</v>
      </c>
      <c r="I6906">
        <v>167.98</v>
      </c>
      <c r="J6906">
        <v>3</v>
      </c>
      <c r="K6906">
        <v>10.5</v>
      </c>
    </row>
    <row r="6907" spans="1:11" x14ac:dyDescent="0.3">
      <c r="A6907" s="1">
        <v>42784</v>
      </c>
      <c r="B6907" s="3">
        <f t="shared" si="214"/>
        <v>2</v>
      </c>
      <c r="C6907" s="3">
        <f t="shared" si="215"/>
        <v>2017</v>
      </c>
      <c r="D6907" t="s">
        <v>2517</v>
      </c>
      <c r="E6907" t="s">
        <v>26</v>
      </c>
      <c r="F6907" t="s">
        <v>38</v>
      </c>
      <c r="G6907" t="s">
        <v>51</v>
      </c>
      <c r="H6907" t="s">
        <v>1572</v>
      </c>
      <c r="I6907">
        <v>109.53</v>
      </c>
      <c r="J6907">
        <v>3</v>
      </c>
      <c r="K6907">
        <v>47.1</v>
      </c>
    </row>
    <row r="6908" spans="1:11" x14ac:dyDescent="0.3">
      <c r="A6908" s="1">
        <v>42784</v>
      </c>
      <c r="B6908" s="3">
        <f t="shared" si="214"/>
        <v>2</v>
      </c>
      <c r="C6908" s="3">
        <f t="shared" si="215"/>
        <v>2017</v>
      </c>
      <c r="D6908" t="s">
        <v>2517</v>
      </c>
      <c r="E6908" t="s">
        <v>26</v>
      </c>
      <c r="F6908" t="s">
        <v>10</v>
      </c>
      <c r="G6908" t="s">
        <v>15</v>
      </c>
      <c r="H6908" t="s">
        <v>2501</v>
      </c>
      <c r="I6908">
        <v>9.82</v>
      </c>
      <c r="J6908">
        <v>2</v>
      </c>
      <c r="K6908">
        <v>4.8099999999999996</v>
      </c>
    </row>
    <row r="6909" spans="1:11" x14ac:dyDescent="0.3">
      <c r="A6909" s="1">
        <v>42785</v>
      </c>
      <c r="B6909" s="3">
        <f t="shared" si="214"/>
        <v>2</v>
      </c>
      <c r="C6909" s="3">
        <f t="shared" si="215"/>
        <v>2017</v>
      </c>
      <c r="D6909" t="s">
        <v>240</v>
      </c>
      <c r="E6909" t="s">
        <v>29</v>
      </c>
      <c r="F6909" t="s">
        <v>10</v>
      </c>
      <c r="G6909" t="s">
        <v>91</v>
      </c>
      <c r="H6909" t="s">
        <v>1237</v>
      </c>
      <c r="I6909">
        <v>1245.8599999999999</v>
      </c>
      <c r="J6909">
        <v>7</v>
      </c>
      <c r="K6909">
        <v>361.3</v>
      </c>
    </row>
    <row r="6910" spans="1:11" x14ac:dyDescent="0.3">
      <c r="A6910" s="1">
        <v>42785</v>
      </c>
      <c r="B6910" s="3">
        <f t="shared" si="214"/>
        <v>2</v>
      </c>
      <c r="C6910" s="3">
        <f t="shared" si="215"/>
        <v>2017</v>
      </c>
      <c r="D6910" t="s">
        <v>944</v>
      </c>
      <c r="E6910" t="s">
        <v>163</v>
      </c>
      <c r="F6910" t="s">
        <v>10</v>
      </c>
      <c r="G6910" t="s">
        <v>42</v>
      </c>
      <c r="H6910" t="s">
        <v>2319</v>
      </c>
      <c r="I6910">
        <v>11.22</v>
      </c>
      <c r="J6910">
        <v>3</v>
      </c>
      <c r="K6910">
        <v>0.22</v>
      </c>
    </row>
    <row r="6911" spans="1:11" x14ac:dyDescent="0.3">
      <c r="A6911" s="1">
        <v>42785</v>
      </c>
      <c r="B6911" s="3">
        <f t="shared" si="214"/>
        <v>2</v>
      </c>
      <c r="C6911" s="3">
        <f t="shared" si="215"/>
        <v>2017</v>
      </c>
      <c r="D6911" t="s">
        <v>1096</v>
      </c>
      <c r="E6911" t="s">
        <v>26</v>
      </c>
      <c r="F6911" t="s">
        <v>10</v>
      </c>
      <c r="G6911" t="s">
        <v>23</v>
      </c>
      <c r="H6911" t="s">
        <v>1269</v>
      </c>
      <c r="I6911">
        <v>12.84</v>
      </c>
      <c r="J6911">
        <v>3</v>
      </c>
      <c r="K6911">
        <v>3.47</v>
      </c>
    </row>
    <row r="6912" spans="1:11" x14ac:dyDescent="0.3">
      <c r="A6912" s="1">
        <v>42785</v>
      </c>
      <c r="B6912" s="3">
        <f t="shared" si="214"/>
        <v>2</v>
      </c>
      <c r="C6912" s="3">
        <f t="shared" si="215"/>
        <v>2017</v>
      </c>
      <c r="D6912" t="s">
        <v>1096</v>
      </c>
      <c r="E6912" t="s">
        <v>26</v>
      </c>
      <c r="F6912" t="s">
        <v>33</v>
      </c>
      <c r="G6912" t="s">
        <v>46</v>
      </c>
      <c r="H6912" t="s">
        <v>1019</v>
      </c>
      <c r="I6912">
        <v>44.67</v>
      </c>
      <c r="J6912">
        <v>3</v>
      </c>
      <c r="K6912">
        <v>12.06</v>
      </c>
    </row>
    <row r="6913" spans="1:11" x14ac:dyDescent="0.3">
      <c r="A6913" s="1">
        <v>42786</v>
      </c>
      <c r="B6913" s="3">
        <f t="shared" si="214"/>
        <v>2</v>
      </c>
      <c r="C6913" s="3">
        <f t="shared" si="215"/>
        <v>2017</v>
      </c>
      <c r="D6913" t="s">
        <v>2270</v>
      </c>
      <c r="E6913" t="s">
        <v>26</v>
      </c>
      <c r="F6913" t="s">
        <v>33</v>
      </c>
      <c r="G6913" t="s">
        <v>46</v>
      </c>
      <c r="H6913" t="s">
        <v>1793</v>
      </c>
      <c r="I6913">
        <v>22.23</v>
      </c>
      <c r="J6913">
        <v>1</v>
      </c>
      <c r="K6913">
        <v>7.34</v>
      </c>
    </row>
    <row r="6914" spans="1:11" x14ac:dyDescent="0.3">
      <c r="A6914" s="1">
        <v>42786</v>
      </c>
      <c r="B6914" s="3">
        <f t="shared" ref="B6914:B6977" si="216">MONTH(A:A)</f>
        <v>2</v>
      </c>
      <c r="C6914" s="3">
        <f t="shared" ref="C6914:C6977" si="217">YEAR(A:A)</f>
        <v>2017</v>
      </c>
      <c r="D6914" t="s">
        <v>2270</v>
      </c>
      <c r="E6914" t="s">
        <v>26</v>
      </c>
      <c r="F6914" t="s">
        <v>38</v>
      </c>
      <c r="G6914" t="s">
        <v>39</v>
      </c>
      <c r="H6914" t="s">
        <v>1706</v>
      </c>
      <c r="I6914">
        <v>215.97</v>
      </c>
      <c r="J6914">
        <v>2</v>
      </c>
      <c r="K6914">
        <v>18.899999999999999</v>
      </c>
    </row>
    <row r="6915" spans="1:11" x14ac:dyDescent="0.3">
      <c r="A6915" s="1">
        <v>42786</v>
      </c>
      <c r="B6915" s="3">
        <f t="shared" si="216"/>
        <v>2</v>
      </c>
      <c r="C6915" s="3">
        <f t="shared" si="217"/>
        <v>2017</v>
      </c>
      <c r="D6915" t="s">
        <v>1368</v>
      </c>
      <c r="E6915" t="s">
        <v>839</v>
      </c>
      <c r="F6915" t="s">
        <v>10</v>
      </c>
      <c r="G6915" t="s">
        <v>23</v>
      </c>
      <c r="H6915" t="s">
        <v>102</v>
      </c>
      <c r="I6915">
        <v>6.56</v>
      </c>
      <c r="J6915">
        <v>2</v>
      </c>
      <c r="K6915">
        <v>1.9</v>
      </c>
    </row>
    <row r="6916" spans="1:11" x14ac:dyDescent="0.3">
      <c r="A6916" s="1">
        <v>42786</v>
      </c>
      <c r="B6916" s="3">
        <f t="shared" si="216"/>
        <v>2</v>
      </c>
      <c r="C6916" s="3">
        <f t="shared" si="217"/>
        <v>2017</v>
      </c>
      <c r="D6916" t="s">
        <v>1368</v>
      </c>
      <c r="E6916" t="s">
        <v>839</v>
      </c>
      <c r="F6916" t="s">
        <v>10</v>
      </c>
      <c r="G6916" t="s">
        <v>91</v>
      </c>
      <c r="H6916" t="s">
        <v>1978</v>
      </c>
      <c r="I6916">
        <v>13.11</v>
      </c>
      <c r="J6916">
        <v>3</v>
      </c>
      <c r="K6916">
        <v>3.41</v>
      </c>
    </row>
    <row r="6917" spans="1:11" x14ac:dyDescent="0.3">
      <c r="A6917" s="1">
        <v>42786</v>
      </c>
      <c r="B6917" s="3">
        <f t="shared" si="216"/>
        <v>2</v>
      </c>
      <c r="C6917" s="3">
        <f t="shared" si="217"/>
        <v>2017</v>
      </c>
      <c r="D6917" t="s">
        <v>787</v>
      </c>
      <c r="E6917" t="s">
        <v>277</v>
      </c>
      <c r="F6917" t="s">
        <v>10</v>
      </c>
      <c r="G6917" t="s">
        <v>42</v>
      </c>
      <c r="H6917" t="s">
        <v>159</v>
      </c>
      <c r="I6917">
        <v>9.43</v>
      </c>
      <c r="J6917">
        <v>3</v>
      </c>
      <c r="K6917">
        <v>3.07</v>
      </c>
    </row>
    <row r="6918" spans="1:11" x14ac:dyDescent="0.3">
      <c r="A6918" s="1">
        <v>42786</v>
      </c>
      <c r="B6918" s="3">
        <f t="shared" si="216"/>
        <v>2</v>
      </c>
      <c r="C6918" s="3">
        <f t="shared" si="217"/>
        <v>2017</v>
      </c>
      <c r="D6918" t="s">
        <v>972</v>
      </c>
      <c r="E6918" t="s">
        <v>94</v>
      </c>
      <c r="F6918" t="s">
        <v>38</v>
      </c>
      <c r="G6918" t="s">
        <v>39</v>
      </c>
      <c r="H6918" t="s">
        <v>1579</v>
      </c>
      <c r="I6918">
        <v>333.58</v>
      </c>
      <c r="J6918">
        <v>3</v>
      </c>
      <c r="K6918">
        <v>25.02</v>
      </c>
    </row>
    <row r="6919" spans="1:11" x14ac:dyDescent="0.3">
      <c r="A6919" s="1">
        <v>42786</v>
      </c>
      <c r="B6919" s="3">
        <f t="shared" si="216"/>
        <v>2</v>
      </c>
      <c r="C6919" s="3">
        <f t="shared" si="217"/>
        <v>2017</v>
      </c>
      <c r="D6919" t="s">
        <v>972</v>
      </c>
      <c r="E6919" t="s">
        <v>94</v>
      </c>
      <c r="F6919" t="s">
        <v>38</v>
      </c>
      <c r="G6919" t="s">
        <v>51</v>
      </c>
      <c r="H6919" t="s">
        <v>2655</v>
      </c>
      <c r="I6919">
        <v>31.99</v>
      </c>
      <c r="J6919">
        <v>1</v>
      </c>
      <c r="K6919">
        <v>4.8</v>
      </c>
    </row>
    <row r="6920" spans="1:11" x14ac:dyDescent="0.3">
      <c r="A6920" s="1">
        <v>42786</v>
      </c>
      <c r="B6920" s="3">
        <f t="shared" si="216"/>
        <v>2</v>
      </c>
      <c r="C6920" s="3">
        <f t="shared" si="217"/>
        <v>2017</v>
      </c>
      <c r="D6920" t="s">
        <v>972</v>
      </c>
      <c r="E6920" t="s">
        <v>94</v>
      </c>
      <c r="F6920" t="s">
        <v>10</v>
      </c>
      <c r="G6920" t="s">
        <v>17</v>
      </c>
      <c r="H6920" t="s">
        <v>908</v>
      </c>
      <c r="I6920">
        <v>51.17</v>
      </c>
      <c r="J6920">
        <v>2</v>
      </c>
      <c r="K6920">
        <v>-6.4</v>
      </c>
    </row>
    <row r="6921" spans="1:11" x14ac:dyDescent="0.3">
      <c r="A6921" s="1">
        <v>42786</v>
      </c>
      <c r="B6921" s="3">
        <f t="shared" si="216"/>
        <v>2</v>
      </c>
      <c r="C6921" s="3">
        <f t="shared" si="217"/>
        <v>2017</v>
      </c>
      <c r="D6921" t="s">
        <v>972</v>
      </c>
      <c r="E6921" t="s">
        <v>94</v>
      </c>
      <c r="F6921" t="s">
        <v>10</v>
      </c>
      <c r="G6921" t="s">
        <v>62</v>
      </c>
      <c r="H6921" t="s">
        <v>1419</v>
      </c>
      <c r="I6921">
        <v>10.64</v>
      </c>
      <c r="J6921">
        <v>5</v>
      </c>
      <c r="K6921">
        <v>3.86</v>
      </c>
    </row>
    <row r="6922" spans="1:11" x14ac:dyDescent="0.3">
      <c r="A6922" s="1">
        <v>42786</v>
      </c>
      <c r="B6922" s="3">
        <f t="shared" si="216"/>
        <v>2</v>
      </c>
      <c r="C6922" s="3">
        <f t="shared" si="217"/>
        <v>2017</v>
      </c>
      <c r="D6922" t="s">
        <v>972</v>
      </c>
      <c r="E6922" t="s">
        <v>94</v>
      </c>
      <c r="F6922" t="s">
        <v>33</v>
      </c>
      <c r="G6922" t="s">
        <v>46</v>
      </c>
      <c r="H6922" t="s">
        <v>1544</v>
      </c>
      <c r="I6922">
        <v>68.7</v>
      </c>
      <c r="J6922">
        <v>2</v>
      </c>
      <c r="K6922">
        <v>16.32</v>
      </c>
    </row>
    <row r="6923" spans="1:11" x14ac:dyDescent="0.3">
      <c r="A6923" s="1">
        <v>42786</v>
      </c>
      <c r="B6923" s="3">
        <f t="shared" si="216"/>
        <v>2</v>
      </c>
      <c r="C6923" s="3">
        <f t="shared" si="217"/>
        <v>2017</v>
      </c>
      <c r="D6923" t="s">
        <v>972</v>
      </c>
      <c r="E6923" t="s">
        <v>94</v>
      </c>
      <c r="F6923" t="s">
        <v>33</v>
      </c>
      <c r="G6923" t="s">
        <v>144</v>
      </c>
      <c r="H6923" t="s">
        <v>472</v>
      </c>
      <c r="I6923">
        <v>386.91</v>
      </c>
      <c r="J6923">
        <v>9</v>
      </c>
      <c r="K6923">
        <v>-185.72</v>
      </c>
    </row>
    <row r="6924" spans="1:11" x14ac:dyDescent="0.3">
      <c r="A6924" s="1">
        <v>42787</v>
      </c>
      <c r="B6924" s="3">
        <f t="shared" si="216"/>
        <v>2</v>
      </c>
      <c r="C6924" s="3">
        <f t="shared" si="217"/>
        <v>2017</v>
      </c>
      <c r="D6924" t="s">
        <v>1932</v>
      </c>
      <c r="E6924" t="s">
        <v>9</v>
      </c>
      <c r="F6924" t="s">
        <v>38</v>
      </c>
      <c r="G6924" t="s">
        <v>51</v>
      </c>
      <c r="H6924" t="s">
        <v>1006</v>
      </c>
      <c r="I6924">
        <v>47.9</v>
      </c>
      <c r="J6924">
        <v>1</v>
      </c>
      <c r="K6924">
        <v>-2.99</v>
      </c>
    </row>
    <row r="6925" spans="1:11" x14ac:dyDescent="0.3">
      <c r="A6925" s="1">
        <v>42789</v>
      </c>
      <c r="B6925" s="3">
        <f t="shared" si="216"/>
        <v>2</v>
      </c>
      <c r="C6925" s="3">
        <f t="shared" si="217"/>
        <v>2017</v>
      </c>
      <c r="D6925" t="s">
        <v>1839</v>
      </c>
      <c r="E6925" t="s">
        <v>26</v>
      </c>
      <c r="F6925" t="s">
        <v>10</v>
      </c>
      <c r="G6925" t="s">
        <v>11</v>
      </c>
      <c r="H6925" t="s">
        <v>2135</v>
      </c>
      <c r="I6925">
        <v>37.44</v>
      </c>
      <c r="J6925">
        <v>6</v>
      </c>
      <c r="K6925">
        <v>16.850000000000001</v>
      </c>
    </row>
    <row r="6926" spans="1:11" x14ac:dyDescent="0.3">
      <c r="A6926" s="1">
        <v>42789</v>
      </c>
      <c r="B6926" s="3">
        <f t="shared" si="216"/>
        <v>2</v>
      </c>
      <c r="C6926" s="3">
        <f t="shared" si="217"/>
        <v>2017</v>
      </c>
      <c r="D6926" t="s">
        <v>2245</v>
      </c>
      <c r="E6926" t="s">
        <v>163</v>
      </c>
      <c r="F6926" t="s">
        <v>10</v>
      </c>
      <c r="G6926" t="s">
        <v>42</v>
      </c>
      <c r="H6926" t="s">
        <v>2326</v>
      </c>
      <c r="I6926">
        <v>8.4</v>
      </c>
      <c r="J6926">
        <v>5</v>
      </c>
      <c r="K6926">
        <v>0.34</v>
      </c>
    </row>
    <row r="6927" spans="1:11" x14ac:dyDescent="0.3">
      <c r="A6927" s="1">
        <v>42789</v>
      </c>
      <c r="B6927" s="3">
        <f t="shared" si="216"/>
        <v>2</v>
      </c>
      <c r="C6927" s="3">
        <f t="shared" si="217"/>
        <v>2017</v>
      </c>
      <c r="D6927" t="s">
        <v>2245</v>
      </c>
      <c r="E6927" t="s">
        <v>163</v>
      </c>
      <c r="F6927" t="s">
        <v>38</v>
      </c>
      <c r="G6927" t="s">
        <v>39</v>
      </c>
      <c r="H6927" t="s">
        <v>1214</v>
      </c>
      <c r="I6927">
        <v>71.959999999999994</v>
      </c>
      <c r="J6927">
        <v>5</v>
      </c>
      <c r="K6927">
        <v>25.19</v>
      </c>
    </row>
    <row r="6928" spans="1:11" x14ac:dyDescent="0.3">
      <c r="A6928" s="1">
        <v>42790</v>
      </c>
      <c r="B6928" s="3">
        <f t="shared" si="216"/>
        <v>2</v>
      </c>
      <c r="C6928" s="3">
        <f t="shared" si="217"/>
        <v>2017</v>
      </c>
      <c r="D6928" t="s">
        <v>2317</v>
      </c>
      <c r="E6928" t="s">
        <v>22</v>
      </c>
      <c r="F6928" t="s">
        <v>10</v>
      </c>
      <c r="G6928" t="s">
        <v>19</v>
      </c>
      <c r="H6928" t="s">
        <v>558</v>
      </c>
      <c r="I6928">
        <v>4.96</v>
      </c>
      <c r="J6928">
        <v>4</v>
      </c>
      <c r="K6928">
        <v>-3.8</v>
      </c>
    </row>
    <row r="6929" spans="1:11" x14ac:dyDescent="0.3">
      <c r="A6929" s="1">
        <v>42790</v>
      </c>
      <c r="B6929" s="3">
        <f t="shared" si="216"/>
        <v>2</v>
      </c>
      <c r="C6929" s="3">
        <f t="shared" si="217"/>
        <v>2017</v>
      </c>
      <c r="D6929" t="s">
        <v>1416</v>
      </c>
      <c r="E6929" t="s">
        <v>22</v>
      </c>
      <c r="F6929" t="s">
        <v>10</v>
      </c>
      <c r="G6929" t="s">
        <v>11</v>
      </c>
      <c r="H6929" t="s">
        <v>1157</v>
      </c>
      <c r="I6929">
        <v>123.92</v>
      </c>
      <c r="J6929">
        <v>5</v>
      </c>
      <c r="K6929">
        <v>38.729999999999997</v>
      </c>
    </row>
    <row r="6930" spans="1:11" x14ac:dyDescent="0.3">
      <c r="A6930" s="1">
        <v>42790</v>
      </c>
      <c r="B6930" s="3">
        <f t="shared" si="216"/>
        <v>2</v>
      </c>
      <c r="C6930" s="3">
        <f t="shared" si="217"/>
        <v>2017</v>
      </c>
      <c r="D6930" t="s">
        <v>1416</v>
      </c>
      <c r="E6930" t="s">
        <v>22</v>
      </c>
      <c r="F6930" t="s">
        <v>38</v>
      </c>
      <c r="G6930" t="s">
        <v>51</v>
      </c>
      <c r="H6930" t="s">
        <v>1786</v>
      </c>
      <c r="I6930">
        <v>1319.8</v>
      </c>
      <c r="J6930">
        <v>5</v>
      </c>
      <c r="K6930">
        <v>214.47</v>
      </c>
    </row>
    <row r="6931" spans="1:11" x14ac:dyDescent="0.3">
      <c r="A6931" s="1">
        <v>42791</v>
      </c>
      <c r="B6931" s="3">
        <f t="shared" si="216"/>
        <v>2</v>
      </c>
      <c r="C6931" s="3">
        <f t="shared" si="217"/>
        <v>2017</v>
      </c>
      <c r="D6931" t="s">
        <v>920</v>
      </c>
      <c r="E6931" t="s">
        <v>14</v>
      </c>
      <c r="F6931" t="s">
        <v>10</v>
      </c>
      <c r="G6931" t="s">
        <v>19</v>
      </c>
      <c r="H6931" t="s">
        <v>928</v>
      </c>
      <c r="I6931">
        <v>1.79</v>
      </c>
      <c r="J6931">
        <v>3</v>
      </c>
      <c r="K6931">
        <v>-3.04</v>
      </c>
    </row>
    <row r="6932" spans="1:11" x14ac:dyDescent="0.3">
      <c r="A6932" s="1">
        <v>42791</v>
      </c>
      <c r="B6932" s="3">
        <f t="shared" si="216"/>
        <v>2</v>
      </c>
      <c r="C6932" s="3">
        <f t="shared" si="217"/>
        <v>2017</v>
      </c>
      <c r="D6932" t="s">
        <v>976</v>
      </c>
      <c r="E6932" t="s">
        <v>244</v>
      </c>
      <c r="F6932" t="s">
        <v>33</v>
      </c>
      <c r="G6932" t="s">
        <v>34</v>
      </c>
      <c r="H6932" t="s">
        <v>918</v>
      </c>
      <c r="I6932">
        <v>196.78</v>
      </c>
      <c r="J6932">
        <v>2</v>
      </c>
      <c r="K6932">
        <v>-22.14</v>
      </c>
    </row>
    <row r="6933" spans="1:11" x14ac:dyDescent="0.3">
      <c r="A6933" s="1">
        <v>42791</v>
      </c>
      <c r="B6933" s="3">
        <f t="shared" si="216"/>
        <v>2</v>
      </c>
      <c r="C6933" s="3">
        <f t="shared" si="217"/>
        <v>2017</v>
      </c>
      <c r="D6933" t="s">
        <v>976</v>
      </c>
      <c r="E6933" t="s">
        <v>244</v>
      </c>
      <c r="F6933" t="s">
        <v>33</v>
      </c>
      <c r="G6933" t="s">
        <v>73</v>
      </c>
      <c r="H6933" t="s">
        <v>2160</v>
      </c>
      <c r="I6933">
        <v>231.92</v>
      </c>
      <c r="J6933">
        <v>5</v>
      </c>
      <c r="K6933">
        <v>5.8</v>
      </c>
    </row>
    <row r="6934" spans="1:11" x14ac:dyDescent="0.3">
      <c r="A6934" s="1">
        <v>42792</v>
      </c>
      <c r="B6934" s="3">
        <f t="shared" si="216"/>
        <v>2</v>
      </c>
      <c r="C6934" s="3">
        <f t="shared" si="217"/>
        <v>2017</v>
      </c>
      <c r="D6934" t="s">
        <v>694</v>
      </c>
      <c r="E6934" t="s">
        <v>26</v>
      </c>
      <c r="F6934" t="s">
        <v>10</v>
      </c>
      <c r="G6934" t="s">
        <v>91</v>
      </c>
      <c r="H6934" t="s">
        <v>1273</v>
      </c>
      <c r="I6934">
        <v>81.92</v>
      </c>
      <c r="J6934">
        <v>4</v>
      </c>
      <c r="K6934">
        <v>22.12</v>
      </c>
    </row>
    <row r="6935" spans="1:11" x14ac:dyDescent="0.3">
      <c r="A6935" s="1">
        <v>42792</v>
      </c>
      <c r="B6935" s="3">
        <f t="shared" si="216"/>
        <v>2</v>
      </c>
      <c r="C6935" s="3">
        <f t="shared" si="217"/>
        <v>2017</v>
      </c>
      <c r="D6935" t="s">
        <v>694</v>
      </c>
      <c r="E6935" t="s">
        <v>26</v>
      </c>
      <c r="F6935" t="s">
        <v>38</v>
      </c>
      <c r="G6935" t="s">
        <v>39</v>
      </c>
      <c r="H6935" t="s">
        <v>1579</v>
      </c>
      <c r="I6935">
        <v>889.54</v>
      </c>
      <c r="J6935">
        <v>8</v>
      </c>
      <c r="K6935">
        <v>66.72</v>
      </c>
    </row>
    <row r="6936" spans="1:11" x14ac:dyDescent="0.3">
      <c r="A6936" s="1">
        <v>42792</v>
      </c>
      <c r="B6936" s="3">
        <f t="shared" si="216"/>
        <v>2</v>
      </c>
      <c r="C6936" s="3">
        <f t="shared" si="217"/>
        <v>2017</v>
      </c>
      <c r="D6936" t="s">
        <v>694</v>
      </c>
      <c r="E6936" t="s">
        <v>26</v>
      </c>
      <c r="F6936" t="s">
        <v>33</v>
      </c>
      <c r="G6936" t="s">
        <v>34</v>
      </c>
      <c r="H6936" t="s">
        <v>571</v>
      </c>
      <c r="I6936">
        <v>892.22</v>
      </c>
      <c r="J6936">
        <v>3</v>
      </c>
      <c r="K6936">
        <v>89.22</v>
      </c>
    </row>
    <row r="6937" spans="1:11" x14ac:dyDescent="0.3">
      <c r="A6937" s="1">
        <v>42792</v>
      </c>
      <c r="B6937" s="3">
        <f t="shared" si="216"/>
        <v>2</v>
      </c>
      <c r="C6937" s="3">
        <f t="shared" si="217"/>
        <v>2017</v>
      </c>
      <c r="D6937" t="s">
        <v>694</v>
      </c>
      <c r="E6937" t="s">
        <v>26</v>
      </c>
      <c r="F6937" t="s">
        <v>10</v>
      </c>
      <c r="G6937" t="s">
        <v>11</v>
      </c>
      <c r="H6937" t="s">
        <v>2219</v>
      </c>
      <c r="I6937">
        <v>223.92</v>
      </c>
      <c r="J6937">
        <v>4</v>
      </c>
      <c r="K6937">
        <v>109.72</v>
      </c>
    </row>
    <row r="6938" spans="1:11" x14ac:dyDescent="0.3">
      <c r="A6938" s="1">
        <v>42792</v>
      </c>
      <c r="B6938" s="3">
        <f t="shared" si="216"/>
        <v>2</v>
      </c>
      <c r="C6938" s="3">
        <f t="shared" si="217"/>
        <v>2017</v>
      </c>
      <c r="D6938" t="s">
        <v>694</v>
      </c>
      <c r="E6938" t="s">
        <v>26</v>
      </c>
      <c r="F6938" t="s">
        <v>10</v>
      </c>
      <c r="G6938" t="s">
        <v>11</v>
      </c>
      <c r="H6938" t="s">
        <v>1314</v>
      </c>
      <c r="I6938">
        <v>23.12</v>
      </c>
      <c r="J6938">
        <v>4</v>
      </c>
      <c r="K6938">
        <v>11.33</v>
      </c>
    </row>
    <row r="6939" spans="1:11" x14ac:dyDescent="0.3">
      <c r="A6939" s="1">
        <v>42792</v>
      </c>
      <c r="B6939" s="3">
        <f t="shared" si="216"/>
        <v>2</v>
      </c>
      <c r="C6939" s="3">
        <f t="shared" si="217"/>
        <v>2017</v>
      </c>
      <c r="D6939" t="s">
        <v>1233</v>
      </c>
      <c r="E6939" t="s">
        <v>26</v>
      </c>
      <c r="F6939" t="s">
        <v>10</v>
      </c>
      <c r="G6939" t="s">
        <v>91</v>
      </c>
      <c r="H6939" t="s">
        <v>1124</v>
      </c>
      <c r="I6939">
        <v>356.79</v>
      </c>
      <c r="J6939">
        <v>7</v>
      </c>
      <c r="K6939">
        <v>99.9</v>
      </c>
    </row>
    <row r="6940" spans="1:11" x14ac:dyDescent="0.3">
      <c r="A6940" s="1">
        <v>42792</v>
      </c>
      <c r="B6940" s="3">
        <f t="shared" si="216"/>
        <v>2</v>
      </c>
      <c r="C6940" s="3">
        <f t="shared" si="217"/>
        <v>2017</v>
      </c>
      <c r="D6940" t="s">
        <v>226</v>
      </c>
      <c r="E6940" t="s">
        <v>26</v>
      </c>
      <c r="F6940" t="s">
        <v>33</v>
      </c>
      <c r="G6940" t="s">
        <v>46</v>
      </c>
      <c r="H6940" t="s">
        <v>478</v>
      </c>
      <c r="I6940">
        <v>91.96</v>
      </c>
      <c r="J6940">
        <v>2</v>
      </c>
      <c r="K6940">
        <v>15.63</v>
      </c>
    </row>
    <row r="6941" spans="1:11" x14ac:dyDescent="0.3">
      <c r="A6941" s="1">
        <v>42792</v>
      </c>
      <c r="B6941" s="3">
        <f t="shared" si="216"/>
        <v>2</v>
      </c>
      <c r="C6941" s="3">
        <f t="shared" si="217"/>
        <v>2017</v>
      </c>
      <c r="D6941" t="s">
        <v>226</v>
      </c>
      <c r="E6941" t="s">
        <v>26</v>
      </c>
      <c r="F6941" t="s">
        <v>38</v>
      </c>
      <c r="G6941" t="s">
        <v>39</v>
      </c>
      <c r="H6941" t="s">
        <v>172</v>
      </c>
      <c r="I6941">
        <v>258.58</v>
      </c>
      <c r="J6941">
        <v>2</v>
      </c>
      <c r="K6941">
        <v>19.39</v>
      </c>
    </row>
    <row r="6942" spans="1:11" x14ac:dyDescent="0.3">
      <c r="A6942" s="1">
        <v>42792</v>
      </c>
      <c r="B6942" s="3">
        <f t="shared" si="216"/>
        <v>2</v>
      </c>
      <c r="C6942" s="3">
        <f t="shared" si="217"/>
        <v>2017</v>
      </c>
      <c r="D6942" t="s">
        <v>226</v>
      </c>
      <c r="E6942" t="s">
        <v>26</v>
      </c>
      <c r="F6942" t="s">
        <v>10</v>
      </c>
      <c r="G6942" t="s">
        <v>11</v>
      </c>
      <c r="H6942" t="s">
        <v>1886</v>
      </c>
      <c r="I6942">
        <v>29.6</v>
      </c>
      <c r="J6942">
        <v>4</v>
      </c>
      <c r="K6942">
        <v>13.32</v>
      </c>
    </row>
    <row r="6943" spans="1:11" x14ac:dyDescent="0.3">
      <c r="A6943" s="1">
        <v>42794</v>
      </c>
      <c r="B6943" s="3">
        <f t="shared" si="216"/>
        <v>2</v>
      </c>
      <c r="C6943" s="3">
        <f t="shared" si="217"/>
        <v>2017</v>
      </c>
      <c r="D6943" t="s">
        <v>823</v>
      </c>
      <c r="E6943" t="s">
        <v>612</v>
      </c>
      <c r="F6943" t="s">
        <v>10</v>
      </c>
      <c r="G6943" t="s">
        <v>19</v>
      </c>
      <c r="H6943" t="s">
        <v>1649</v>
      </c>
      <c r="I6943">
        <v>9.84</v>
      </c>
      <c r="J6943">
        <v>2</v>
      </c>
      <c r="K6943">
        <v>4.72</v>
      </c>
    </row>
    <row r="6944" spans="1:11" x14ac:dyDescent="0.3">
      <c r="A6944" s="1">
        <v>42794</v>
      </c>
      <c r="B6944" s="3">
        <f t="shared" si="216"/>
        <v>2</v>
      </c>
      <c r="C6944" s="3">
        <f t="shared" si="217"/>
        <v>2017</v>
      </c>
      <c r="D6944" t="s">
        <v>823</v>
      </c>
      <c r="E6944" t="s">
        <v>612</v>
      </c>
      <c r="F6944" t="s">
        <v>10</v>
      </c>
      <c r="G6944" t="s">
        <v>11</v>
      </c>
      <c r="H6944" t="s">
        <v>283</v>
      </c>
      <c r="I6944">
        <v>7.78</v>
      </c>
      <c r="J6944">
        <v>1</v>
      </c>
      <c r="K6944">
        <v>3.5</v>
      </c>
    </row>
    <row r="6945" spans="1:11" x14ac:dyDescent="0.3">
      <c r="A6945" s="1">
        <v>42796</v>
      </c>
      <c r="B6945" s="3">
        <f t="shared" si="216"/>
        <v>3</v>
      </c>
      <c r="C6945" s="3">
        <f t="shared" si="217"/>
        <v>2017</v>
      </c>
      <c r="D6945" t="s">
        <v>2123</v>
      </c>
      <c r="E6945" t="s">
        <v>9</v>
      </c>
      <c r="F6945" t="s">
        <v>10</v>
      </c>
      <c r="G6945" t="s">
        <v>199</v>
      </c>
      <c r="H6945" t="s">
        <v>806</v>
      </c>
      <c r="I6945">
        <v>6.98</v>
      </c>
      <c r="J6945">
        <v>4</v>
      </c>
      <c r="K6945">
        <v>-1.4</v>
      </c>
    </row>
    <row r="6946" spans="1:11" x14ac:dyDescent="0.3">
      <c r="A6946" s="1">
        <v>42796</v>
      </c>
      <c r="B6946" s="3">
        <f t="shared" si="216"/>
        <v>3</v>
      </c>
      <c r="C6946" s="3">
        <f t="shared" si="217"/>
        <v>2017</v>
      </c>
      <c r="D6946" t="s">
        <v>2123</v>
      </c>
      <c r="E6946" t="s">
        <v>9</v>
      </c>
      <c r="F6946" t="s">
        <v>10</v>
      </c>
      <c r="G6946" t="s">
        <v>19</v>
      </c>
      <c r="H6946" t="s">
        <v>183</v>
      </c>
      <c r="I6946">
        <v>12.22</v>
      </c>
      <c r="J6946">
        <v>7</v>
      </c>
      <c r="K6946">
        <v>-20.170000000000002</v>
      </c>
    </row>
    <row r="6947" spans="1:11" x14ac:dyDescent="0.3">
      <c r="A6947" s="1">
        <v>42796</v>
      </c>
      <c r="B6947" s="3">
        <f t="shared" si="216"/>
        <v>3</v>
      </c>
      <c r="C6947" s="3">
        <f t="shared" si="217"/>
        <v>2017</v>
      </c>
      <c r="D6947" t="s">
        <v>2297</v>
      </c>
      <c r="E6947" t="s">
        <v>26</v>
      </c>
      <c r="F6947" t="s">
        <v>38</v>
      </c>
      <c r="G6947" t="s">
        <v>39</v>
      </c>
      <c r="H6947" t="s">
        <v>1223</v>
      </c>
      <c r="I6947">
        <v>196.78</v>
      </c>
      <c r="J6947">
        <v>3</v>
      </c>
      <c r="K6947">
        <v>14.76</v>
      </c>
    </row>
    <row r="6948" spans="1:11" x14ac:dyDescent="0.3">
      <c r="A6948" s="1">
        <v>42796</v>
      </c>
      <c r="B6948" s="3">
        <f t="shared" si="216"/>
        <v>3</v>
      </c>
      <c r="C6948" s="3">
        <f t="shared" si="217"/>
        <v>2017</v>
      </c>
      <c r="D6948" t="s">
        <v>2297</v>
      </c>
      <c r="E6948" t="s">
        <v>26</v>
      </c>
      <c r="F6948" t="s">
        <v>38</v>
      </c>
      <c r="G6948" t="s">
        <v>51</v>
      </c>
      <c r="H6948" t="s">
        <v>2531</v>
      </c>
      <c r="I6948">
        <v>479.94</v>
      </c>
      <c r="J6948">
        <v>6</v>
      </c>
      <c r="K6948">
        <v>52.79</v>
      </c>
    </row>
    <row r="6949" spans="1:11" x14ac:dyDescent="0.3">
      <c r="A6949" s="1">
        <v>42796</v>
      </c>
      <c r="B6949" s="3">
        <f t="shared" si="216"/>
        <v>3</v>
      </c>
      <c r="C6949" s="3">
        <f t="shared" si="217"/>
        <v>2017</v>
      </c>
      <c r="D6949" t="s">
        <v>555</v>
      </c>
      <c r="E6949" t="s">
        <v>58</v>
      </c>
      <c r="F6949" t="s">
        <v>10</v>
      </c>
      <c r="G6949" t="s">
        <v>23</v>
      </c>
      <c r="H6949" t="s">
        <v>1350</v>
      </c>
      <c r="I6949">
        <v>59.52</v>
      </c>
      <c r="J6949">
        <v>3</v>
      </c>
      <c r="K6949">
        <v>15.48</v>
      </c>
    </row>
    <row r="6950" spans="1:11" x14ac:dyDescent="0.3">
      <c r="A6950" s="1">
        <v>42796</v>
      </c>
      <c r="B6950" s="3">
        <f t="shared" si="216"/>
        <v>3</v>
      </c>
      <c r="C6950" s="3">
        <f t="shared" si="217"/>
        <v>2017</v>
      </c>
      <c r="D6950" t="s">
        <v>555</v>
      </c>
      <c r="E6950" t="s">
        <v>58</v>
      </c>
      <c r="F6950" t="s">
        <v>10</v>
      </c>
      <c r="G6950" t="s">
        <v>62</v>
      </c>
      <c r="H6950" t="s">
        <v>63</v>
      </c>
      <c r="I6950">
        <v>57.96</v>
      </c>
      <c r="J6950">
        <v>7</v>
      </c>
      <c r="K6950">
        <v>27.24</v>
      </c>
    </row>
    <row r="6951" spans="1:11" x14ac:dyDescent="0.3">
      <c r="A6951" s="1">
        <v>42796</v>
      </c>
      <c r="B6951" s="3">
        <f t="shared" si="216"/>
        <v>3</v>
      </c>
      <c r="C6951" s="3">
        <f t="shared" si="217"/>
        <v>2017</v>
      </c>
      <c r="D6951" t="s">
        <v>555</v>
      </c>
      <c r="E6951" t="s">
        <v>58</v>
      </c>
      <c r="F6951" t="s">
        <v>33</v>
      </c>
      <c r="G6951" t="s">
        <v>73</v>
      </c>
      <c r="H6951" t="s">
        <v>2280</v>
      </c>
      <c r="I6951">
        <v>441.96</v>
      </c>
      <c r="J6951">
        <v>2</v>
      </c>
      <c r="K6951">
        <v>101.65</v>
      </c>
    </row>
    <row r="6952" spans="1:11" x14ac:dyDescent="0.3">
      <c r="A6952" s="1">
        <v>42796</v>
      </c>
      <c r="B6952" s="3">
        <f t="shared" si="216"/>
        <v>3</v>
      </c>
      <c r="C6952" s="3">
        <f t="shared" si="217"/>
        <v>2017</v>
      </c>
      <c r="D6952" t="s">
        <v>555</v>
      </c>
      <c r="E6952" t="s">
        <v>58</v>
      </c>
      <c r="F6952" t="s">
        <v>10</v>
      </c>
      <c r="G6952" t="s">
        <v>11</v>
      </c>
      <c r="H6952" t="s">
        <v>624</v>
      </c>
      <c r="I6952">
        <v>68.040000000000006</v>
      </c>
      <c r="J6952">
        <v>6</v>
      </c>
      <c r="K6952">
        <v>33.340000000000003</v>
      </c>
    </row>
    <row r="6953" spans="1:11" x14ac:dyDescent="0.3">
      <c r="A6953" s="1">
        <v>42796</v>
      </c>
      <c r="B6953" s="3">
        <f t="shared" si="216"/>
        <v>3</v>
      </c>
      <c r="C6953" s="3">
        <f t="shared" si="217"/>
        <v>2017</v>
      </c>
      <c r="D6953" t="s">
        <v>1319</v>
      </c>
      <c r="E6953" t="s">
        <v>77</v>
      </c>
      <c r="F6953" t="s">
        <v>10</v>
      </c>
      <c r="G6953" t="s">
        <v>19</v>
      </c>
      <c r="H6953" t="s">
        <v>1508</v>
      </c>
      <c r="I6953">
        <v>18.53</v>
      </c>
      <c r="J6953">
        <v>4</v>
      </c>
      <c r="K6953">
        <v>-12.35</v>
      </c>
    </row>
    <row r="6954" spans="1:11" x14ac:dyDescent="0.3">
      <c r="A6954" s="1">
        <v>42796</v>
      </c>
      <c r="B6954" s="3">
        <f t="shared" si="216"/>
        <v>3</v>
      </c>
      <c r="C6954" s="3">
        <f t="shared" si="217"/>
        <v>2017</v>
      </c>
      <c r="D6954" t="s">
        <v>2241</v>
      </c>
      <c r="E6954" t="s">
        <v>26</v>
      </c>
      <c r="F6954" t="s">
        <v>10</v>
      </c>
      <c r="G6954" t="s">
        <v>19</v>
      </c>
      <c r="H6954" t="s">
        <v>268</v>
      </c>
      <c r="I6954">
        <v>107.65</v>
      </c>
      <c r="J6954">
        <v>2</v>
      </c>
      <c r="K6954">
        <v>33.64</v>
      </c>
    </row>
    <row r="6955" spans="1:11" x14ac:dyDescent="0.3">
      <c r="A6955" s="1">
        <v>42796</v>
      </c>
      <c r="B6955" s="3">
        <f t="shared" si="216"/>
        <v>3</v>
      </c>
      <c r="C6955" s="3">
        <f t="shared" si="217"/>
        <v>2017</v>
      </c>
      <c r="D6955" t="s">
        <v>489</v>
      </c>
      <c r="E6955" t="s">
        <v>9</v>
      </c>
      <c r="F6955" t="s">
        <v>10</v>
      </c>
      <c r="G6955" t="s">
        <v>19</v>
      </c>
      <c r="H6955" t="s">
        <v>1290</v>
      </c>
      <c r="I6955">
        <v>0.56000000000000005</v>
      </c>
      <c r="J6955">
        <v>1</v>
      </c>
      <c r="K6955">
        <v>-0.95</v>
      </c>
    </row>
    <row r="6956" spans="1:11" x14ac:dyDescent="0.3">
      <c r="A6956" s="1">
        <v>42797</v>
      </c>
      <c r="B6956" s="3">
        <f t="shared" si="216"/>
        <v>3</v>
      </c>
      <c r="C6956" s="3">
        <f t="shared" si="217"/>
        <v>2017</v>
      </c>
      <c r="D6956" t="s">
        <v>2539</v>
      </c>
      <c r="E6956" t="s">
        <v>32</v>
      </c>
      <c r="F6956" t="s">
        <v>10</v>
      </c>
      <c r="G6956" t="s">
        <v>91</v>
      </c>
      <c r="H6956" t="s">
        <v>763</v>
      </c>
      <c r="I6956">
        <v>72.8</v>
      </c>
      <c r="J6956">
        <v>5</v>
      </c>
      <c r="K6956">
        <v>19.66</v>
      </c>
    </row>
    <row r="6957" spans="1:11" x14ac:dyDescent="0.3">
      <c r="A6957" s="1">
        <v>42797</v>
      </c>
      <c r="B6957" s="3">
        <f t="shared" si="216"/>
        <v>3</v>
      </c>
      <c r="C6957" s="3">
        <f t="shared" si="217"/>
        <v>2017</v>
      </c>
      <c r="D6957" t="s">
        <v>770</v>
      </c>
      <c r="E6957" t="s">
        <v>9</v>
      </c>
      <c r="F6957" t="s">
        <v>10</v>
      </c>
      <c r="G6957" t="s">
        <v>11</v>
      </c>
      <c r="H6957" t="s">
        <v>2140</v>
      </c>
      <c r="I6957">
        <v>26.88</v>
      </c>
      <c r="J6957">
        <v>8</v>
      </c>
      <c r="K6957">
        <v>9.74</v>
      </c>
    </row>
    <row r="6958" spans="1:11" x14ac:dyDescent="0.3">
      <c r="A6958" s="1">
        <v>42797</v>
      </c>
      <c r="B6958" s="3">
        <f t="shared" si="216"/>
        <v>3</v>
      </c>
      <c r="C6958" s="3">
        <f t="shared" si="217"/>
        <v>2017</v>
      </c>
      <c r="D6958" t="s">
        <v>914</v>
      </c>
      <c r="E6958" t="s">
        <v>109</v>
      </c>
      <c r="F6958" t="s">
        <v>33</v>
      </c>
      <c r="G6958" t="s">
        <v>34</v>
      </c>
      <c r="H6958" t="s">
        <v>2181</v>
      </c>
      <c r="I6958">
        <v>180.98</v>
      </c>
      <c r="J6958">
        <v>1</v>
      </c>
      <c r="K6958">
        <v>47.05</v>
      </c>
    </row>
    <row r="6959" spans="1:11" x14ac:dyDescent="0.3">
      <c r="A6959" s="1">
        <v>42797</v>
      </c>
      <c r="B6959" s="3">
        <f t="shared" si="216"/>
        <v>3</v>
      </c>
      <c r="C6959" s="3">
        <f t="shared" si="217"/>
        <v>2017</v>
      </c>
      <c r="D6959" t="s">
        <v>914</v>
      </c>
      <c r="E6959" t="s">
        <v>109</v>
      </c>
      <c r="F6959" t="s">
        <v>38</v>
      </c>
      <c r="G6959" t="s">
        <v>51</v>
      </c>
      <c r="H6959" t="s">
        <v>453</v>
      </c>
      <c r="I6959">
        <v>99.98</v>
      </c>
      <c r="J6959">
        <v>2</v>
      </c>
      <c r="K6959">
        <v>42.99</v>
      </c>
    </row>
    <row r="6960" spans="1:11" x14ac:dyDescent="0.3">
      <c r="A6960" s="1">
        <v>42797</v>
      </c>
      <c r="B6960" s="3">
        <f t="shared" si="216"/>
        <v>3</v>
      </c>
      <c r="C6960" s="3">
        <f t="shared" si="217"/>
        <v>2017</v>
      </c>
      <c r="D6960" t="s">
        <v>142</v>
      </c>
      <c r="E6960" t="s">
        <v>26</v>
      </c>
      <c r="F6960" t="s">
        <v>38</v>
      </c>
      <c r="G6960" t="s">
        <v>51</v>
      </c>
      <c r="H6960" t="s">
        <v>2352</v>
      </c>
      <c r="I6960">
        <v>1049.44</v>
      </c>
      <c r="J6960">
        <v>8</v>
      </c>
      <c r="K6960">
        <v>440.76</v>
      </c>
    </row>
    <row r="6961" spans="1:11" x14ac:dyDescent="0.3">
      <c r="A6961" s="1">
        <v>42797</v>
      </c>
      <c r="B6961" s="3">
        <f t="shared" si="216"/>
        <v>3</v>
      </c>
      <c r="C6961" s="3">
        <f t="shared" si="217"/>
        <v>2017</v>
      </c>
      <c r="D6961" t="s">
        <v>142</v>
      </c>
      <c r="E6961" t="s">
        <v>26</v>
      </c>
      <c r="F6961" t="s">
        <v>33</v>
      </c>
      <c r="G6961" t="s">
        <v>34</v>
      </c>
      <c r="H6961" t="s">
        <v>2024</v>
      </c>
      <c r="I6961">
        <v>170.35</v>
      </c>
      <c r="J6961">
        <v>3</v>
      </c>
      <c r="K6961">
        <v>-17.04</v>
      </c>
    </row>
    <row r="6962" spans="1:11" x14ac:dyDescent="0.3">
      <c r="A6962" s="1">
        <v>42797</v>
      </c>
      <c r="B6962" s="3">
        <f t="shared" si="216"/>
        <v>3</v>
      </c>
      <c r="C6962" s="3">
        <f t="shared" si="217"/>
        <v>2017</v>
      </c>
      <c r="D6962" t="s">
        <v>1516</v>
      </c>
      <c r="E6962" t="s">
        <v>26</v>
      </c>
      <c r="F6962" t="s">
        <v>33</v>
      </c>
      <c r="G6962" t="s">
        <v>144</v>
      </c>
      <c r="H6962" t="s">
        <v>817</v>
      </c>
      <c r="I6962">
        <v>399.67</v>
      </c>
      <c r="J6962">
        <v>7</v>
      </c>
      <c r="K6962">
        <v>-14.99</v>
      </c>
    </row>
    <row r="6963" spans="1:11" x14ac:dyDescent="0.3">
      <c r="A6963" s="1">
        <v>42798</v>
      </c>
      <c r="B6963" s="3">
        <f t="shared" si="216"/>
        <v>3</v>
      </c>
      <c r="C6963" s="3">
        <f t="shared" si="217"/>
        <v>2017</v>
      </c>
      <c r="D6963" t="s">
        <v>1790</v>
      </c>
      <c r="E6963" t="s">
        <v>26</v>
      </c>
      <c r="F6963" t="s">
        <v>10</v>
      </c>
      <c r="G6963" t="s">
        <v>23</v>
      </c>
      <c r="H6963" t="s">
        <v>360</v>
      </c>
      <c r="I6963">
        <v>9.32</v>
      </c>
      <c r="J6963">
        <v>4</v>
      </c>
      <c r="K6963">
        <v>2.7</v>
      </c>
    </row>
    <row r="6964" spans="1:11" x14ac:dyDescent="0.3">
      <c r="A6964" s="1">
        <v>42798</v>
      </c>
      <c r="B6964" s="3">
        <f t="shared" si="216"/>
        <v>3</v>
      </c>
      <c r="C6964" s="3">
        <f t="shared" si="217"/>
        <v>2017</v>
      </c>
      <c r="D6964" t="s">
        <v>1790</v>
      </c>
      <c r="E6964" t="s">
        <v>26</v>
      </c>
      <c r="F6964" t="s">
        <v>10</v>
      </c>
      <c r="G6964" t="s">
        <v>62</v>
      </c>
      <c r="H6964" t="s">
        <v>2159</v>
      </c>
      <c r="I6964">
        <v>15.25</v>
      </c>
      <c r="J6964">
        <v>1</v>
      </c>
      <c r="K6964">
        <v>7.02</v>
      </c>
    </row>
    <row r="6965" spans="1:11" x14ac:dyDescent="0.3">
      <c r="A6965" s="1">
        <v>42798</v>
      </c>
      <c r="B6965" s="3">
        <f t="shared" si="216"/>
        <v>3</v>
      </c>
      <c r="C6965" s="3">
        <f t="shared" si="217"/>
        <v>2017</v>
      </c>
      <c r="D6965" t="s">
        <v>8</v>
      </c>
      <c r="E6965" t="s">
        <v>9</v>
      </c>
      <c r="F6965" t="s">
        <v>10</v>
      </c>
      <c r="G6965" t="s">
        <v>11</v>
      </c>
      <c r="H6965" t="s">
        <v>1056</v>
      </c>
      <c r="I6965">
        <v>89.57</v>
      </c>
      <c r="J6965">
        <v>2</v>
      </c>
      <c r="K6965">
        <v>32.47</v>
      </c>
    </row>
    <row r="6966" spans="1:11" x14ac:dyDescent="0.3">
      <c r="A6966" s="1">
        <v>42798</v>
      </c>
      <c r="B6966" s="3">
        <f t="shared" si="216"/>
        <v>3</v>
      </c>
      <c r="C6966" s="3">
        <f t="shared" si="217"/>
        <v>2017</v>
      </c>
      <c r="D6966" t="s">
        <v>2384</v>
      </c>
      <c r="E6966" t="s">
        <v>9</v>
      </c>
      <c r="F6966" t="s">
        <v>33</v>
      </c>
      <c r="G6966" t="s">
        <v>46</v>
      </c>
      <c r="H6966" t="s">
        <v>2152</v>
      </c>
      <c r="I6966">
        <v>103.5</v>
      </c>
      <c r="J6966">
        <v>5</v>
      </c>
      <c r="K6966">
        <v>-77.63</v>
      </c>
    </row>
    <row r="6967" spans="1:11" x14ac:dyDescent="0.3">
      <c r="A6967" s="1">
        <v>42798</v>
      </c>
      <c r="B6967" s="3">
        <f t="shared" si="216"/>
        <v>3</v>
      </c>
      <c r="C6967" s="3">
        <f t="shared" si="217"/>
        <v>2017</v>
      </c>
      <c r="D6967" t="s">
        <v>2384</v>
      </c>
      <c r="E6967" t="s">
        <v>9</v>
      </c>
      <c r="F6967" t="s">
        <v>10</v>
      </c>
      <c r="G6967" t="s">
        <v>15</v>
      </c>
      <c r="H6967" t="s">
        <v>2417</v>
      </c>
      <c r="I6967">
        <v>2.46</v>
      </c>
      <c r="J6967">
        <v>1</v>
      </c>
      <c r="K6967">
        <v>0.86</v>
      </c>
    </row>
    <row r="6968" spans="1:11" x14ac:dyDescent="0.3">
      <c r="A6968" s="1">
        <v>42798</v>
      </c>
      <c r="B6968" s="3">
        <f t="shared" si="216"/>
        <v>3</v>
      </c>
      <c r="C6968" s="3">
        <f t="shared" si="217"/>
        <v>2017</v>
      </c>
      <c r="D6968" t="s">
        <v>2384</v>
      </c>
      <c r="E6968" t="s">
        <v>9</v>
      </c>
      <c r="F6968" t="s">
        <v>10</v>
      </c>
      <c r="G6968" t="s">
        <v>17</v>
      </c>
      <c r="H6968" t="s">
        <v>348</v>
      </c>
      <c r="I6968">
        <v>8.7200000000000006</v>
      </c>
      <c r="J6968">
        <v>1</v>
      </c>
      <c r="K6968">
        <v>0.65</v>
      </c>
    </row>
    <row r="6969" spans="1:11" x14ac:dyDescent="0.3">
      <c r="A6969" s="1">
        <v>42799</v>
      </c>
      <c r="B6969" s="3">
        <f t="shared" si="216"/>
        <v>3</v>
      </c>
      <c r="C6969" s="3">
        <f t="shared" si="217"/>
        <v>2017</v>
      </c>
      <c r="D6969" t="s">
        <v>1592</v>
      </c>
      <c r="E6969" t="s">
        <v>156</v>
      </c>
      <c r="F6969" t="s">
        <v>10</v>
      </c>
      <c r="G6969" t="s">
        <v>15</v>
      </c>
      <c r="H6969" t="s">
        <v>2585</v>
      </c>
      <c r="I6969">
        <v>25.06</v>
      </c>
      <c r="J6969">
        <v>2</v>
      </c>
      <c r="K6969">
        <v>11.78</v>
      </c>
    </row>
    <row r="6970" spans="1:11" x14ac:dyDescent="0.3">
      <c r="A6970" s="1">
        <v>42799</v>
      </c>
      <c r="B6970" s="3">
        <f t="shared" si="216"/>
        <v>3</v>
      </c>
      <c r="C6970" s="3">
        <f t="shared" si="217"/>
        <v>2017</v>
      </c>
      <c r="D6970" t="s">
        <v>1372</v>
      </c>
      <c r="E6970" t="s">
        <v>314</v>
      </c>
      <c r="F6970" t="s">
        <v>10</v>
      </c>
      <c r="G6970" t="s">
        <v>42</v>
      </c>
      <c r="H6970" t="s">
        <v>1507</v>
      </c>
      <c r="I6970">
        <v>7.9</v>
      </c>
      <c r="J6970">
        <v>2</v>
      </c>
      <c r="K6970">
        <v>2.5299999999999998</v>
      </c>
    </row>
    <row r="6971" spans="1:11" x14ac:dyDescent="0.3">
      <c r="A6971" s="1">
        <v>42799</v>
      </c>
      <c r="B6971" s="3">
        <f t="shared" si="216"/>
        <v>3</v>
      </c>
      <c r="C6971" s="3">
        <f t="shared" si="217"/>
        <v>2017</v>
      </c>
      <c r="D6971" t="s">
        <v>1372</v>
      </c>
      <c r="E6971" t="s">
        <v>314</v>
      </c>
      <c r="F6971" t="s">
        <v>10</v>
      </c>
      <c r="G6971" t="s">
        <v>17</v>
      </c>
      <c r="H6971" t="s">
        <v>579</v>
      </c>
      <c r="I6971">
        <v>221.16</v>
      </c>
      <c r="J6971">
        <v>4</v>
      </c>
      <c r="K6971">
        <v>57.5</v>
      </c>
    </row>
    <row r="6972" spans="1:11" x14ac:dyDescent="0.3">
      <c r="A6972" s="1">
        <v>42799</v>
      </c>
      <c r="B6972" s="3">
        <f t="shared" si="216"/>
        <v>3</v>
      </c>
      <c r="C6972" s="3">
        <f t="shared" si="217"/>
        <v>2017</v>
      </c>
      <c r="D6972" t="s">
        <v>1372</v>
      </c>
      <c r="E6972" t="s">
        <v>314</v>
      </c>
      <c r="F6972" t="s">
        <v>10</v>
      </c>
      <c r="G6972" t="s">
        <v>19</v>
      </c>
      <c r="H6972" t="s">
        <v>696</v>
      </c>
      <c r="I6972">
        <v>127.96</v>
      </c>
      <c r="J6972">
        <v>2</v>
      </c>
      <c r="K6972">
        <v>62.7</v>
      </c>
    </row>
    <row r="6973" spans="1:11" x14ac:dyDescent="0.3">
      <c r="A6973" s="1">
        <v>42799</v>
      </c>
      <c r="B6973" s="3">
        <f t="shared" si="216"/>
        <v>3</v>
      </c>
      <c r="C6973" s="3">
        <f t="shared" si="217"/>
        <v>2017</v>
      </c>
      <c r="D6973" t="s">
        <v>1372</v>
      </c>
      <c r="E6973" t="s">
        <v>314</v>
      </c>
      <c r="F6973" t="s">
        <v>10</v>
      </c>
      <c r="G6973" t="s">
        <v>19</v>
      </c>
      <c r="H6973" t="s">
        <v>427</v>
      </c>
      <c r="I6973">
        <v>18.690000000000001</v>
      </c>
      <c r="J6973">
        <v>3</v>
      </c>
      <c r="K6973">
        <v>9.16</v>
      </c>
    </row>
    <row r="6974" spans="1:11" x14ac:dyDescent="0.3">
      <c r="A6974" s="1">
        <v>42799</v>
      </c>
      <c r="B6974" s="3">
        <f t="shared" si="216"/>
        <v>3</v>
      </c>
      <c r="C6974" s="3">
        <f t="shared" si="217"/>
        <v>2017</v>
      </c>
      <c r="D6974" t="s">
        <v>1882</v>
      </c>
      <c r="E6974" t="s">
        <v>328</v>
      </c>
      <c r="F6974" t="s">
        <v>10</v>
      </c>
      <c r="G6974" t="s">
        <v>62</v>
      </c>
      <c r="H6974" t="s">
        <v>1720</v>
      </c>
      <c r="I6974">
        <v>42.68</v>
      </c>
      <c r="J6974">
        <v>4</v>
      </c>
      <c r="K6974">
        <v>19.63</v>
      </c>
    </row>
    <row r="6975" spans="1:11" x14ac:dyDescent="0.3">
      <c r="A6975" s="1">
        <v>42799</v>
      </c>
      <c r="B6975" s="3">
        <f t="shared" si="216"/>
        <v>3</v>
      </c>
      <c r="C6975" s="3">
        <f t="shared" si="217"/>
        <v>2017</v>
      </c>
      <c r="D6975" t="s">
        <v>1882</v>
      </c>
      <c r="E6975" t="s">
        <v>328</v>
      </c>
      <c r="F6975" t="s">
        <v>38</v>
      </c>
      <c r="G6975" t="s">
        <v>51</v>
      </c>
      <c r="H6975" t="s">
        <v>1077</v>
      </c>
      <c r="I6975">
        <v>299.97000000000003</v>
      </c>
      <c r="J6975">
        <v>3</v>
      </c>
      <c r="K6975">
        <v>125.99</v>
      </c>
    </row>
    <row r="6976" spans="1:11" x14ac:dyDescent="0.3">
      <c r="A6976" s="1">
        <v>42799</v>
      </c>
      <c r="B6976" s="3">
        <f t="shared" si="216"/>
        <v>3</v>
      </c>
      <c r="C6976" s="3">
        <f t="shared" si="217"/>
        <v>2017</v>
      </c>
      <c r="D6976" t="s">
        <v>1882</v>
      </c>
      <c r="E6976" t="s">
        <v>328</v>
      </c>
      <c r="F6976" t="s">
        <v>10</v>
      </c>
      <c r="G6976" t="s">
        <v>91</v>
      </c>
      <c r="H6976" t="s">
        <v>1295</v>
      </c>
      <c r="I6976">
        <v>262.24</v>
      </c>
      <c r="J6976">
        <v>2</v>
      </c>
      <c r="K6976">
        <v>78.67</v>
      </c>
    </row>
    <row r="6977" spans="1:11" x14ac:dyDescent="0.3">
      <c r="A6977" s="1">
        <v>42799</v>
      </c>
      <c r="B6977" s="3">
        <f t="shared" si="216"/>
        <v>3</v>
      </c>
      <c r="C6977" s="3">
        <f t="shared" si="217"/>
        <v>2017</v>
      </c>
      <c r="D6977" t="s">
        <v>1882</v>
      </c>
      <c r="E6977" t="s">
        <v>328</v>
      </c>
      <c r="F6977" t="s">
        <v>10</v>
      </c>
      <c r="G6977" t="s">
        <v>19</v>
      </c>
      <c r="H6977" t="s">
        <v>2060</v>
      </c>
      <c r="I6977">
        <v>234.36</v>
      </c>
      <c r="J6977">
        <v>6</v>
      </c>
      <c r="K6977">
        <v>112.49</v>
      </c>
    </row>
    <row r="6978" spans="1:11" x14ac:dyDescent="0.3">
      <c r="A6978" s="1">
        <v>42800</v>
      </c>
      <c r="B6978" s="3">
        <f t="shared" ref="B6978:B7041" si="218">MONTH(A:A)</f>
        <v>3</v>
      </c>
      <c r="C6978" s="3">
        <f t="shared" ref="C6978:C7041" si="219">YEAR(A:A)</f>
        <v>2017</v>
      </c>
      <c r="D6978" t="s">
        <v>2656</v>
      </c>
      <c r="E6978" t="s">
        <v>148</v>
      </c>
      <c r="F6978" t="s">
        <v>10</v>
      </c>
      <c r="G6978" t="s">
        <v>11</v>
      </c>
      <c r="H6978" t="s">
        <v>1966</v>
      </c>
      <c r="I6978">
        <v>26.38</v>
      </c>
      <c r="J6978">
        <v>1</v>
      </c>
      <c r="K6978">
        <v>12.13</v>
      </c>
    </row>
    <row r="6979" spans="1:11" x14ac:dyDescent="0.3">
      <c r="A6979" s="1">
        <v>42800</v>
      </c>
      <c r="B6979" s="3">
        <f t="shared" si="218"/>
        <v>3</v>
      </c>
      <c r="C6979" s="3">
        <f t="shared" si="219"/>
        <v>2017</v>
      </c>
      <c r="D6979" t="s">
        <v>2656</v>
      </c>
      <c r="E6979" t="s">
        <v>148</v>
      </c>
      <c r="F6979" t="s">
        <v>33</v>
      </c>
      <c r="G6979" t="s">
        <v>46</v>
      </c>
      <c r="H6979" t="s">
        <v>1836</v>
      </c>
      <c r="I6979">
        <v>71.97</v>
      </c>
      <c r="J6979">
        <v>3</v>
      </c>
      <c r="K6979">
        <v>16.55</v>
      </c>
    </row>
    <row r="6980" spans="1:11" x14ac:dyDescent="0.3">
      <c r="A6980" s="1">
        <v>42800</v>
      </c>
      <c r="B6980" s="3">
        <f t="shared" si="218"/>
        <v>3</v>
      </c>
      <c r="C6980" s="3">
        <f t="shared" si="219"/>
        <v>2017</v>
      </c>
      <c r="D6980" t="s">
        <v>529</v>
      </c>
      <c r="E6980" t="s">
        <v>26</v>
      </c>
      <c r="F6980" t="s">
        <v>10</v>
      </c>
      <c r="G6980" t="s">
        <v>19</v>
      </c>
      <c r="H6980" t="s">
        <v>2162</v>
      </c>
      <c r="I6980">
        <v>14.98</v>
      </c>
      <c r="J6980">
        <v>9</v>
      </c>
      <c r="K6980">
        <v>5.43</v>
      </c>
    </row>
    <row r="6981" spans="1:11" x14ac:dyDescent="0.3">
      <c r="A6981" s="1">
        <v>42800</v>
      </c>
      <c r="B6981" s="3">
        <f t="shared" si="218"/>
        <v>3</v>
      </c>
      <c r="C6981" s="3">
        <f t="shared" si="219"/>
        <v>2017</v>
      </c>
      <c r="D6981" t="s">
        <v>1770</v>
      </c>
      <c r="E6981" t="s">
        <v>26</v>
      </c>
      <c r="F6981" t="s">
        <v>10</v>
      </c>
      <c r="G6981" t="s">
        <v>17</v>
      </c>
      <c r="H6981" t="s">
        <v>1359</v>
      </c>
      <c r="I6981">
        <v>67.78</v>
      </c>
      <c r="J6981">
        <v>2</v>
      </c>
      <c r="K6981">
        <v>16.95</v>
      </c>
    </row>
    <row r="6982" spans="1:11" x14ac:dyDescent="0.3">
      <c r="A6982" s="1">
        <v>42800</v>
      </c>
      <c r="B6982" s="3">
        <f t="shared" si="218"/>
        <v>3</v>
      </c>
      <c r="C6982" s="3">
        <f t="shared" si="219"/>
        <v>2017</v>
      </c>
      <c r="D6982" t="s">
        <v>2114</v>
      </c>
      <c r="E6982" t="s">
        <v>26</v>
      </c>
      <c r="F6982" t="s">
        <v>10</v>
      </c>
      <c r="G6982" t="s">
        <v>23</v>
      </c>
      <c r="H6982" t="s">
        <v>948</v>
      </c>
      <c r="I6982">
        <v>23.88</v>
      </c>
      <c r="J6982">
        <v>6</v>
      </c>
      <c r="K6982">
        <v>8.1199999999999992</v>
      </c>
    </row>
    <row r="6983" spans="1:11" x14ac:dyDescent="0.3">
      <c r="A6983" s="1">
        <v>42800</v>
      </c>
      <c r="B6983" s="3">
        <f t="shared" si="218"/>
        <v>3</v>
      </c>
      <c r="C6983" s="3">
        <f t="shared" si="219"/>
        <v>2017</v>
      </c>
      <c r="D6983" t="s">
        <v>2114</v>
      </c>
      <c r="E6983" t="s">
        <v>26</v>
      </c>
      <c r="F6983" t="s">
        <v>10</v>
      </c>
      <c r="G6983" t="s">
        <v>15</v>
      </c>
      <c r="H6983" t="s">
        <v>925</v>
      </c>
      <c r="I6983">
        <v>11.52</v>
      </c>
      <c r="J6983">
        <v>4</v>
      </c>
      <c r="K6983">
        <v>5.64</v>
      </c>
    </row>
    <row r="6984" spans="1:11" x14ac:dyDescent="0.3">
      <c r="A6984" s="1">
        <v>42800</v>
      </c>
      <c r="B6984" s="3">
        <f t="shared" si="218"/>
        <v>3</v>
      </c>
      <c r="C6984" s="3">
        <f t="shared" si="219"/>
        <v>2017</v>
      </c>
      <c r="D6984" t="s">
        <v>2114</v>
      </c>
      <c r="E6984" t="s">
        <v>26</v>
      </c>
      <c r="F6984" t="s">
        <v>10</v>
      </c>
      <c r="G6984" t="s">
        <v>11</v>
      </c>
      <c r="H6984" t="s">
        <v>1600</v>
      </c>
      <c r="I6984">
        <v>286.93</v>
      </c>
      <c r="J6984">
        <v>7</v>
      </c>
      <c r="K6984">
        <v>140.6</v>
      </c>
    </row>
    <row r="6985" spans="1:11" x14ac:dyDescent="0.3">
      <c r="A6985" s="1">
        <v>42800</v>
      </c>
      <c r="B6985" s="3">
        <f t="shared" si="218"/>
        <v>3</v>
      </c>
      <c r="C6985" s="3">
        <f t="shared" si="219"/>
        <v>2017</v>
      </c>
      <c r="D6985" t="s">
        <v>2114</v>
      </c>
      <c r="E6985" t="s">
        <v>26</v>
      </c>
      <c r="F6985" t="s">
        <v>38</v>
      </c>
      <c r="G6985" t="s">
        <v>39</v>
      </c>
      <c r="H6985" t="s">
        <v>1517</v>
      </c>
      <c r="I6985">
        <v>206.38</v>
      </c>
      <c r="J6985">
        <v>2</v>
      </c>
      <c r="K6985">
        <v>23.22</v>
      </c>
    </row>
    <row r="6986" spans="1:11" x14ac:dyDescent="0.3">
      <c r="A6986" s="1">
        <v>42800</v>
      </c>
      <c r="B6986" s="3">
        <f t="shared" si="218"/>
        <v>3</v>
      </c>
      <c r="C6986" s="3">
        <f t="shared" si="219"/>
        <v>2017</v>
      </c>
      <c r="D6986" t="s">
        <v>2446</v>
      </c>
      <c r="E6986" t="s">
        <v>9</v>
      </c>
      <c r="F6986" t="s">
        <v>10</v>
      </c>
      <c r="G6986" t="s">
        <v>15</v>
      </c>
      <c r="H6986" t="s">
        <v>2215</v>
      </c>
      <c r="I6986">
        <v>4.93</v>
      </c>
      <c r="J6986">
        <v>2</v>
      </c>
      <c r="K6986">
        <v>1.72</v>
      </c>
    </row>
    <row r="6987" spans="1:11" x14ac:dyDescent="0.3">
      <c r="A6987" s="1">
        <v>42800</v>
      </c>
      <c r="B6987" s="3">
        <f t="shared" si="218"/>
        <v>3</v>
      </c>
      <c r="C6987" s="3">
        <f t="shared" si="219"/>
        <v>2017</v>
      </c>
      <c r="D6987" t="s">
        <v>2446</v>
      </c>
      <c r="E6987" t="s">
        <v>9</v>
      </c>
      <c r="F6987" t="s">
        <v>10</v>
      </c>
      <c r="G6987" t="s">
        <v>23</v>
      </c>
      <c r="H6987" t="s">
        <v>259</v>
      </c>
      <c r="I6987">
        <v>63.49</v>
      </c>
      <c r="J6987">
        <v>4</v>
      </c>
      <c r="K6987">
        <v>4.76</v>
      </c>
    </row>
    <row r="6988" spans="1:11" x14ac:dyDescent="0.3">
      <c r="A6988" s="1">
        <v>42801</v>
      </c>
      <c r="B6988" s="3">
        <f t="shared" si="218"/>
        <v>3</v>
      </c>
      <c r="C6988" s="3">
        <f t="shared" si="219"/>
        <v>2017</v>
      </c>
      <c r="D6988" t="s">
        <v>1862</v>
      </c>
      <c r="E6988" t="s">
        <v>530</v>
      </c>
      <c r="F6988" t="s">
        <v>38</v>
      </c>
      <c r="G6988" t="s">
        <v>51</v>
      </c>
      <c r="H6988" t="s">
        <v>1067</v>
      </c>
      <c r="I6988">
        <v>49.08</v>
      </c>
      <c r="J6988">
        <v>3</v>
      </c>
      <c r="K6988">
        <v>4.91</v>
      </c>
    </row>
    <row r="6989" spans="1:11" x14ac:dyDescent="0.3">
      <c r="A6989" s="1">
        <v>42801</v>
      </c>
      <c r="B6989" s="3">
        <f t="shared" si="218"/>
        <v>3</v>
      </c>
      <c r="C6989" s="3">
        <f t="shared" si="219"/>
        <v>2017</v>
      </c>
      <c r="D6989" t="s">
        <v>1547</v>
      </c>
      <c r="E6989" t="s">
        <v>148</v>
      </c>
      <c r="F6989" t="s">
        <v>10</v>
      </c>
      <c r="G6989" t="s">
        <v>19</v>
      </c>
      <c r="H6989" t="s">
        <v>1667</v>
      </c>
      <c r="I6989">
        <v>25.92</v>
      </c>
      <c r="J6989">
        <v>6</v>
      </c>
      <c r="K6989">
        <v>9.07</v>
      </c>
    </row>
    <row r="6990" spans="1:11" x14ac:dyDescent="0.3">
      <c r="A6990" s="1">
        <v>42801</v>
      </c>
      <c r="B6990" s="3">
        <f t="shared" si="218"/>
        <v>3</v>
      </c>
      <c r="C6990" s="3">
        <f t="shared" si="219"/>
        <v>2017</v>
      </c>
      <c r="D6990" t="s">
        <v>1547</v>
      </c>
      <c r="E6990" t="s">
        <v>148</v>
      </c>
      <c r="F6990" t="s">
        <v>10</v>
      </c>
      <c r="G6990" t="s">
        <v>15</v>
      </c>
      <c r="H6990" t="s">
        <v>1499</v>
      </c>
      <c r="I6990">
        <v>91.59</v>
      </c>
      <c r="J6990">
        <v>3</v>
      </c>
      <c r="K6990">
        <v>42.13</v>
      </c>
    </row>
    <row r="6991" spans="1:11" x14ac:dyDescent="0.3">
      <c r="A6991" s="1">
        <v>42802</v>
      </c>
      <c r="B6991" s="3">
        <f t="shared" si="218"/>
        <v>3</v>
      </c>
      <c r="C6991" s="3">
        <f t="shared" si="219"/>
        <v>2017</v>
      </c>
      <c r="D6991" t="s">
        <v>2161</v>
      </c>
      <c r="E6991" t="s">
        <v>29</v>
      </c>
      <c r="F6991" t="s">
        <v>10</v>
      </c>
      <c r="G6991" t="s">
        <v>91</v>
      </c>
      <c r="H6991" t="s">
        <v>2657</v>
      </c>
      <c r="I6991">
        <v>647.84</v>
      </c>
      <c r="J6991">
        <v>8</v>
      </c>
      <c r="K6991">
        <v>168.44</v>
      </c>
    </row>
    <row r="6992" spans="1:11" x14ac:dyDescent="0.3">
      <c r="A6992" s="1">
        <v>42802</v>
      </c>
      <c r="B6992" s="3">
        <f t="shared" si="218"/>
        <v>3</v>
      </c>
      <c r="C6992" s="3">
        <f t="shared" si="219"/>
        <v>2017</v>
      </c>
      <c r="D6992" t="s">
        <v>2161</v>
      </c>
      <c r="E6992" t="s">
        <v>29</v>
      </c>
      <c r="F6992" t="s">
        <v>10</v>
      </c>
      <c r="G6992" t="s">
        <v>15</v>
      </c>
      <c r="H6992" t="s">
        <v>1708</v>
      </c>
      <c r="I6992">
        <v>20.7</v>
      </c>
      <c r="J6992">
        <v>2</v>
      </c>
      <c r="K6992">
        <v>9.94</v>
      </c>
    </row>
    <row r="6993" spans="1:11" x14ac:dyDescent="0.3">
      <c r="A6993" s="1">
        <v>42802</v>
      </c>
      <c r="B6993" s="3">
        <f t="shared" si="218"/>
        <v>3</v>
      </c>
      <c r="C6993" s="3">
        <f t="shared" si="219"/>
        <v>2017</v>
      </c>
      <c r="D6993" t="s">
        <v>1722</v>
      </c>
      <c r="E6993" t="s">
        <v>26</v>
      </c>
      <c r="F6993" t="s">
        <v>10</v>
      </c>
      <c r="G6993" t="s">
        <v>19</v>
      </c>
      <c r="H6993" t="s">
        <v>736</v>
      </c>
      <c r="I6993">
        <v>171.2</v>
      </c>
      <c r="J6993">
        <v>5</v>
      </c>
      <c r="K6993">
        <v>64.2</v>
      </c>
    </row>
    <row r="6994" spans="1:11" x14ac:dyDescent="0.3">
      <c r="A6994" s="1">
        <v>42802</v>
      </c>
      <c r="B6994" s="3">
        <f t="shared" si="218"/>
        <v>3</v>
      </c>
      <c r="C6994" s="3">
        <f t="shared" si="219"/>
        <v>2017</v>
      </c>
      <c r="D6994" t="s">
        <v>1722</v>
      </c>
      <c r="E6994" t="s">
        <v>26</v>
      </c>
      <c r="F6994" t="s">
        <v>10</v>
      </c>
      <c r="G6994" t="s">
        <v>23</v>
      </c>
      <c r="H6994" t="s">
        <v>2255</v>
      </c>
      <c r="I6994">
        <v>3.36</v>
      </c>
      <c r="J6994">
        <v>2</v>
      </c>
      <c r="K6994">
        <v>0.87</v>
      </c>
    </row>
    <row r="6995" spans="1:11" x14ac:dyDescent="0.3">
      <c r="A6995" s="1">
        <v>42803</v>
      </c>
      <c r="B6995" s="3">
        <f t="shared" si="218"/>
        <v>3</v>
      </c>
      <c r="C6995" s="3">
        <f t="shared" si="219"/>
        <v>2017</v>
      </c>
      <c r="D6995" t="s">
        <v>2509</v>
      </c>
      <c r="E6995" t="s">
        <v>26</v>
      </c>
      <c r="F6995" t="s">
        <v>38</v>
      </c>
      <c r="G6995" t="s">
        <v>51</v>
      </c>
      <c r="H6995" t="s">
        <v>501</v>
      </c>
      <c r="I6995">
        <v>199.98</v>
      </c>
      <c r="J6995">
        <v>2</v>
      </c>
      <c r="K6995">
        <v>69.989999999999995</v>
      </c>
    </row>
    <row r="6996" spans="1:11" x14ac:dyDescent="0.3">
      <c r="A6996" s="1">
        <v>42803</v>
      </c>
      <c r="B6996" s="3">
        <f t="shared" si="218"/>
        <v>3</v>
      </c>
      <c r="C6996" s="3">
        <f t="shared" si="219"/>
        <v>2017</v>
      </c>
      <c r="D6996" t="s">
        <v>1177</v>
      </c>
      <c r="E6996" t="s">
        <v>26</v>
      </c>
      <c r="F6996" t="s">
        <v>38</v>
      </c>
      <c r="G6996" t="s">
        <v>602</v>
      </c>
      <c r="H6996" t="s">
        <v>2238</v>
      </c>
      <c r="I6996">
        <v>479.98</v>
      </c>
      <c r="J6996">
        <v>2</v>
      </c>
      <c r="K6996">
        <v>60</v>
      </c>
    </row>
    <row r="6997" spans="1:11" x14ac:dyDescent="0.3">
      <c r="A6997" s="1">
        <v>42803</v>
      </c>
      <c r="B6997" s="3">
        <f t="shared" si="218"/>
        <v>3</v>
      </c>
      <c r="C6997" s="3">
        <f t="shared" si="219"/>
        <v>2017</v>
      </c>
      <c r="D6997" t="s">
        <v>1177</v>
      </c>
      <c r="E6997" t="s">
        <v>26</v>
      </c>
      <c r="F6997" t="s">
        <v>10</v>
      </c>
      <c r="G6997" t="s">
        <v>19</v>
      </c>
      <c r="H6997" t="s">
        <v>799</v>
      </c>
      <c r="I6997">
        <v>30.84</v>
      </c>
      <c r="J6997">
        <v>5</v>
      </c>
      <c r="K6997">
        <v>9.64</v>
      </c>
    </row>
    <row r="6998" spans="1:11" x14ac:dyDescent="0.3">
      <c r="A6998" s="1">
        <v>42804</v>
      </c>
      <c r="B6998" s="3">
        <f t="shared" si="218"/>
        <v>3</v>
      </c>
      <c r="C6998" s="3">
        <f t="shared" si="219"/>
        <v>2017</v>
      </c>
      <c r="D6998" t="s">
        <v>2584</v>
      </c>
      <c r="E6998" t="s">
        <v>22</v>
      </c>
      <c r="F6998" t="s">
        <v>10</v>
      </c>
      <c r="G6998" t="s">
        <v>23</v>
      </c>
      <c r="H6998" t="s">
        <v>2425</v>
      </c>
      <c r="I6998">
        <v>5.25</v>
      </c>
      <c r="J6998">
        <v>2</v>
      </c>
      <c r="K6998">
        <v>0.59</v>
      </c>
    </row>
    <row r="6999" spans="1:11" x14ac:dyDescent="0.3">
      <c r="A6999" s="1">
        <v>42804</v>
      </c>
      <c r="B6999" s="3">
        <f t="shared" si="218"/>
        <v>3</v>
      </c>
      <c r="C6999" s="3">
        <f t="shared" si="219"/>
        <v>2017</v>
      </c>
      <c r="D6999" t="s">
        <v>2584</v>
      </c>
      <c r="E6999" t="s">
        <v>22</v>
      </c>
      <c r="F6999" t="s">
        <v>38</v>
      </c>
      <c r="G6999" t="s">
        <v>39</v>
      </c>
      <c r="H6999" t="s">
        <v>1155</v>
      </c>
      <c r="I6999">
        <v>35.909999999999997</v>
      </c>
      <c r="J6999">
        <v>3</v>
      </c>
      <c r="K6999">
        <v>-8.3800000000000008</v>
      </c>
    </row>
    <row r="7000" spans="1:11" x14ac:dyDescent="0.3">
      <c r="A7000" s="1">
        <v>42804</v>
      </c>
      <c r="B7000" s="3">
        <f t="shared" si="218"/>
        <v>3</v>
      </c>
      <c r="C7000" s="3">
        <f t="shared" si="219"/>
        <v>2017</v>
      </c>
      <c r="D7000" t="s">
        <v>2584</v>
      </c>
      <c r="E7000" t="s">
        <v>22</v>
      </c>
      <c r="F7000" t="s">
        <v>33</v>
      </c>
      <c r="G7000" t="s">
        <v>46</v>
      </c>
      <c r="H7000" t="s">
        <v>974</v>
      </c>
      <c r="I7000">
        <v>6.7</v>
      </c>
      <c r="J7000">
        <v>1</v>
      </c>
      <c r="K7000">
        <v>0.5</v>
      </c>
    </row>
    <row r="7001" spans="1:11" x14ac:dyDescent="0.3">
      <c r="A7001" s="1">
        <v>42804</v>
      </c>
      <c r="B7001" s="3">
        <f t="shared" si="218"/>
        <v>3</v>
      </c>
      <c r="C7001" s="3">
        <f t="shared" si="219"/>
        <v>2017</v>
      </c>
      <c r="D7001" t="s">
        <v>2584</v>
      </c>
      <c r="E7001" t="s">
        <v>22</v>
      </c>
      <c r="F7001" t="s">
        <v>33</v>
      </c>
      <c r="G7001" t="s">
        <v>46</v>
      </c>
      <c r="H7001" t="s">
        <v>2248</v>
      </c>
      <c r="I7001">
        <v>43.87</v>
      </c>
      <c r="J7001">
        <v>2</v>
      </c>
      <c r="K7001">
        <v>11.52</v>
      </c>
    </row>
    <row r="7002" spans="1:11" x14ac:dyDescent="0.3">
      <c r="A7002" s="1">
        <v>42804</v>
      </c>
      <c r="B7002" s="3">
        <f t="shared" si="218"/>
        <v>3</v>
      </c>
      <c r="C7002" s="3">
        <f t="shared" si="219"/>
        <v>2017</v>
      </c>
      <c r="D7002" t="s">
        <v>621</v>
      </c>
      <c r="E7002" t="s">
        <v>22</v>
      </c>
      <c r="F7002" t="s">
        <v>38</v>
      </c>
      <c r="G7002" t="s">
        <v>39</v>
      </c>
      <c r="H7002" t="s">
        <v>1658</v>
      </c>
      <c r="I7002">
        <v>53.98</v>
      </c>
      <c r="J7002">
        <v>3</v>
      </c>
      <c r="K7002">
        <v>-10.8</v>
      </c>
    </row>
    <row r="7003" spans="1:11" x14ac:dyDescent="0.3">
      <c r="A7003" s="1">
        <v>42804</v>
      </c>
      <c r="B7003" s="3">
        <f t="shared" si="218"/>
        <v>3</v>
      </c>
      <c r="C7003" s="3">
        <f t="shared" si="219"/>
        <v>2017</v>
      </c>
      <c r="D7003" t="s">
        <v>1897</v>
      </c>
      <c r="E7003" t="s">
        <v>244</v>
      </c>
      <c r="F7003" t="s">
        <v>10</v>
      </c>
      <c r="G7003" t="s">
        <v>91</v>
      </c>
      <c r="H7003" t="s">
        <v>2518</v>
      </c>
      <c r="I7003">
        <v>48.78</v>
      </c>
      <c r="J7003">
        <v>1</v>
      </c>
      <c r="K7003">
        <v>3.66</v>
      </c>
    </row>
    <row r="7004" spans="1:11" x14ac:dyDescent="0.3">
      <c r="A7004" s="1">
        <v>42804</v>
      </c>
      <c r="B7004" s="3">
        <f t="shared" si="218"/>
        <v>3</v>
      </c>
      <c r="C7004" s="3">
        <f t="shared" si="219"/>
        <v>2017</v>
      </c>
      <c r="D7004" t="s">
        <v>1897</v>
      </c>
      <c r="E7004" t="s">
        <v>244</v>
      </c>
      <c r="F7004" t="s">
        <v>10</v>
      </c>
      <c r="G7004" t="s">
        <v>19</v>
      </c>
      <c r="H7004" t="s">
        <v>2240</v>
      </c>
      <c r="I7004">
        <v>13.09</v>
      </c>
      <c r="J7004">
        <v>4</v>
      </c>
      <c r="K7004">
        <v>-10.039999999999999</v>
      </c>
    </row>
    <row r="7005" spans="1:11" x14ac:dyDescent="0.3">
      <c r="A7005" s="1">
        <v>42804</v>
      </c>
      <c r="B7005" s="3">
        <f t="shared" si="218"/>
        <v>3</v>
      </c>
      <c r="C7005" s="3">
        <f t="shared" si="219"/>
        <v>2017</v>
      </c>
      <c r="D7005" t="s">
        <v>1617</v>
      </c>
      <c r="E7005" t="s">
        <v>26</v>
      </c>
      <c r="F7005" t="s">
        <v>38</v>
      </c>
      <c r="G7005" t="s">
        <v>51</v>
      </c>
      <c r="H7005" t="s">
        <v>1525</v>
      </c>
      <c r="I7005">
        <v>111.96</v>
      </c>
      <c r="J7005">
        <v>4</v>
      </c>
      <c r="K7005">
        <v>21.27</v>
      </c>
    </row>
    <row r="7006" spans="1:11" x14ac:dyDescent="0.3">
      <c r="A7006" s="1">
        <v>42804</v>
      </c>
      <c r="B7006" s="3">
        <f t="shared" si="218"/>
        <v>3</v>
      </c>
      <c r="C7006" s="3">
        <f t="shared" si="219"/>
        <v>2017</v>
      </c>
      <c r="D7006" t="s">
        <v>1570</v>
      </c>
      <c r="E7006" t="s">
        <v>9</v>
      </c>
      <c r="F7006" t="s">
        <v>33</v>
      </c>
      <c r="G7006" t="s">
        <v>144</v>
      </c>
      <c r="H7006" t="s">
        <v>662</v>
      </c>
      <c r="I7006">
        <v>933.41</v>
      </c>
      <c r="J7006">
        <v>4</v>
      </c>
      <c r="K7006">
        <v>-173.35</v>
      </c>
    </row>
    <row r="7007" spans="1:11" x14ac:dyDescent="0.3">
      <c r="A7007" s="1">
        <v>42805</v>
      </c>
      <c r="B7007" s="3">
        <f t="shared" si="218"/>
        <v>3</v>
      </c>
      <c r="C7007" s="3">
        <f t="shared" si="219"/>
        <v>2017</v>
      </c>
      <c r="D7007" t="s">
        <v>2106</v>
      </c>
      <c r="E7007" t="s">
        <v>109</v>
      </c>
      <c r="F7007" t="s">
        <v>10</v>
      </c>
      <c r="G7007" t="s">
        <v>19</v>
      </c>
      <c r="H7007" t="s">
        <v>120</v>
      </c>
      <c r="I7007">
        <v>895.92</v>
      </c>
      <c r="J7007">
        <v>4</v>
      </c>
      <c r="K7007">
        <v>421.08</v>
      </c>
    </row>
    <row r="7008" spans="1:11" x14ac:dyDescent="0.3">
      <c r="A7008" s="1">
        <v>42805</v>
      </c>
      <c r="B7008" s="3">
        <f t="shared" si="218"/>
        <v>3</v>
      </c>
      <c r="C7008" s="3">
        <f t="shared" si="219"/>
        <v>2017</v>
      </c>
      <c r="D7008" t="s">
        <v>575</v>
      </c>
      <c r="E7008" t="s">
        <v>22</v>
      </c>
      <c r="F7008" t="s">
        <v>38</v>
      </c>
      <c r="G7008" t="s">
        <v>39</v>
      </c>
      <c r="H7008" t="s">
        <v>1901</v>
      </c>
      <c r="I7008">
        <v>776.85</v>
      </c>
      <c r="J7008">
        <v>5</v>
      </c>
      <c r="K7008">
        <v>-181.27</v>
      </c>
    </row>
    <row r="7009" spans="1:11" x14ac:dyDescent="0.3">
      <c r="A7009" s="1">
        <v>42805</v>
      </c>
      <c r="B7009" s="3">
        <f t="shared" si="218"/>
        <v>3</v>
      </c>
      <c r="C7009" s="3">
        <f t="shared" si="219"/>
        <v>2017</v>
      </c>
      <c r="D7009" t="s">
        <v>575</v>
      </c>
      <c r="E7009" t="s">
        <v>22</v>
      </c>
      <c r="F7009" t="s">
        <v>10</v>
      </c>
      <c r="G7009" t="s">
        <v>19</v>
      </c>
      <c r="H7009" t="s">
        <v>484</v>
      </c>
      <c r="I7009">
        <v>12.29</v>
      </c>
      <c r="J7009">
        <v>1</v>
      </c>
      <c r="K7009">
        <v>-8.61</v>
      </c>
    </row>
    <row r="7010" spans="1:11" x14ac:dyDescent="0.3">
      <c r="A7010" s="1">
        <v>42805</v>
      </c>
      <c r="B7010" s="3">
        <f t="shared" si="218"/>
        <v>3</v>
      </c>
      <c r="C7010" s="3">
        <f t="shared" si="219"/>
        <v>2017</v>
      </c>
      <c r="D7010" t="s">
        <v>575</v>
      </c>
      <c r="E7010" t="s">
        <v>22</v>
      </c>
      <c r="F7010" t="s">
        <v>33</v>
      </c>
      <c r="G7010" t="s">
        <v>144</v>
      </c>
      <c r="H7010" t="s">
        <v>472</v>
      </c>
      <c r="I7010">
        <v>154.76</v>
      </c>
      <c r="J7010">
        <v>3</v>
      </c>
      <c r="K7010">
        <v>-46.43</v>
      </c>
    </row>
    <row r="7011" spans="1:11" x14ac:dyDescent="0.3">
      <c r="A7011" s="1">
        <v>42805</v>
      </c>
      <c r="B7011" s="3">
        <f t="shared" si="218"/>
        <v>3</v>
      </c>
      <c r="C7011" s="3">
        <f t="shared" si="219"/>
        <v>2017</v>
      </c>
      <c r="D7011" t="s">
        <v>575</v>
      </c>
      <c r="E7011" t="s">
        <v>22</v>
      </c>
      <c r="F7011" t="s">
        <v>10</v>
      </c>
      <c r="G7011" t="s">
        <v>17</v>
      </c>
      <c r="H7011" t="s">
        <v>1823</v>
      </c>
      <c r="I7011">
        <v>43.28</v>
      </c>
      <c r="J7011">
        <v>1</v>
      </c>
      <c r="K7011">
        <v>3.25</v>
      </c>
    </row>
    <row r="7012" spans="1:11" x14ac:dyDescent="0.3">
      <c r="A7012" s="1">
        <v>42805</v>
      </c>
      <c r="B7012" s="3">
        <f t="shared" si="218"/>
        <v>3</v>
      </c>
      <c r="C7012" s="3">
        <f t="shared" si="219"/>
        <v>2017</v>
      </c>
      <c r="D7012" t="s">
        <v>946</v>
      </c>
      <c r="E7012" t="s">
        <v>433</v>
      </c>
      <c r="F7012" t="s">
        <v>38</v>
      </c>
      <c r="G7012" t="s">
        <v>51</v>
      </c>
      <c r="H7012" t="s">
        <v>1689</v>
      </c>
      <c r="I7012">
        <v>63.88</v>
      </c>
      <c r="J7012">
        <v>4</v>
      </c>
      <c r="K7012">
        <v>24.91</v>
      </c>
    </row>
    <row r="7013" spans="1:11" x14ac:dyDescent="0.3">
      <c r="A7013" s="1">
        <v>42805</v>
      </c>
      <c r="B7013" s="3">
        <f t="shared" si="218"/>
        <v>3</v>
      </c>
      <c r="C7013" s="3">
        <f t="shared" si="219"/>
        <v>2017</v>
      </c>
      <c r="D7013" t="s">
        <v>946</v>
      </c>
      <c r="E7013" t="s">
        <v>433</v>
      </c>
      <c r="F7013" t="s">
        <v>33</v>
      </c>
      <c r="G7013" t="s">
        <v>46</v>
      </c>
      <c r="H7013" t="s">
        <v>2534</v>
      </c>
      <c r="I7013">
        <v>26.72</v>
      </c>
      <c r="J7013">
        <v>1</v>
      </c>
      <c r="K7013">
        <v>11.76</v>
      </c>
    </row>
    <row r="7014" spans="1:11" x14ac:dyDescent="0.3">
      <c r="A7014" s="1">
        <v>42806</v>
      </c>
      <c r="B7014" s="3">
        <f t="shared" si="218"/>
        <v>3</v>
      </c>
      <c r="C7014" s="3">
        <f t="shared" si="219"/>
        <v>2017</v>
      </c>
      <c r="D7014" t="s">
        <v>451</v>
      </c>
      <c r="E7014" t="s">
        <v>433</v>
      </c>
      <c r="F7014" t="s">
        <v>38</v>
      </c>
      <c r="G7014" t="s">
        <v>39</v>
      </c>
      <c r="H7014" t="s">
        <v>246</v>
      </c>
      <c r="I7014">
        <v>69.930000000000007</v>
      </c>
      <c r="J7014">
        <v>7</v>
      </c>
      <c r="K7014">
        <v>32.17</v>
      </c>
    </row>
    <row r="7015" spans="1:11" x14ac:dyDescent="0.3">
      <c r="A7015" s="1">
        <v>42806</v>
      </c>
      <c r="B7015" s="3">
        <f t="shared" si="218"/>
        <v>3</v>
      </c>
      <c r="C7015" s="3">
        <f t="shared" si="219"/>
        <v>2017</v>
      </c>
      <c r="D7015" t="s">
        <v>1721</v>
      </c>
      <c r="E7015" t="s">
        <v>26</v>
      </c>
      <c r="F7015" t="s">
        <v>10</v>
      </c>
      <c r="G7015" t="s">
        <v>17</v>
      </c>
      <c r="H7015" t="s">
        <v>296</v>
      </c>
      <c r="I7015">
        <v>242.94</v>
      </c>
      <c r="J7015">
        <v>3</v>
      </c>
      <c r="K7015">
        <v>9.7200000000000006</v>
      </c>
    </row>
    <row r="7016" spans="1:11" x14ac:dyDescent="0.3">
      <c r="A7016" s="1">
        <v>42806</v>
      </c>
      <c r="B7016" s="3">
        <f t="shared" si="218"/>
        <v>3</v>
      </c>
      <c r="C7016" s="3">
        <f t="shared" si="219"/>
        <v>2017</v>
      </c>
      <c r="D7016" t="s">
        <v>184</v>
      </c>
      <c r="E7016" t="s">
        <v>100</v>
      </c>
      <c r="F7016" t="s">
        <v>10</v>
      </c>
      <c r="G7016" t="s">
        <v>19</v>
      </c>
      <c r="H7016" t="s">
        <v>450</v>
      </c>
      <c r="I7016">
        <v>40.409999999999997</v>
      </c>
      <c r="J7016">
        <v>9</v>
      </c>
      <c r="K7016">
        <v>18.59</v>
      </c>
    </row>
    <row r="7017" spans="1:11" x14ac:dyDescent="0.3">
      <c r="A7017" s="1">
        <v>42807</v>
      </c>
      <c r="B7017" s="3">
        <f t="shared" si="218"/>
        <v>3</v>
      </c>
      <c r="C7017" s="3">
        <f t="shared" si="219"/>
        <v>2017</v>
      </c>
      <c r="D7017" t="s">
        <v>1384</v>
      </c>
      <c r="E7017" t="s">
        <v>26</v>
      </c>
      <c r="F7017" t="s">
        <v>10</v>
      </c>
      <c r="G7017" t="s">
        <v>11</v>
      </c>
      <c r="H7017" t="s">
        <v>1669</v>
      </c>
      <c r="I7017">
        <v>314.55</v>
      </c>
      <c r="J7017">
        <v>3</v>
      </c>
      <c r="K7017">
        <v>150.97999999999999</v>
      </c>
    </row>
    <row r="7018" spans="1:11" x14ac:dyDescent="0.3">
      <c r="A7018" s="1">
        <v>42807</v>
      </c>
      <c r="B7018" s="3">
        <f t="shared" si="218"/>
        <v>3</v>
      </c>
      <c r="C7018" s="3">
        <f t="shared" si="219"/>
        <v>2017</v>
      </c>
      <c r="D7018" t="s">
        <v>1583</v>
      </c>
      <c r="E7018" t="s">
        <v>398</v>
      </c>
      <c r="F7018" t="s">
        <v>10</v>
      </c>
      <c r="G7018" t="s">
        <v>17</v>
      </c>
      <c r="H7018" t="s">
        <v>1471</v>
      </c>
      <c r="I7018">
        <v>90.8</v>
      </c>
      <c r="J7018">
        <v>8</v>
      </c>
      <c r="K7018">
        <v>25.42</v>
      </c>
    </row>
    <row r="7019" spans="1:11" x14ac:dyDescent="0.3">
      <c r="A7019" s="1">
        <v>42807</v>
      </c>
      <c r="B7019" s="3">
        <f t="shared" si="218"/>
        <v>3</v>
      </c>
      <c r="C7019" s="3">
        <f t="shared" si="219"/>
        <v>2017</v>
      </c>
      <c r="D7019" t="s">
        <v>1583</v>
      </c>
      <c r="E7019" t="s">
        <v>398</v>
      </c>
      <c r="F7019" t="s">
        <v>38</v>
      </c>
      <c r="G7019" t="s">
        <v>39</v>
      </c>
      <c r="H7019" t="s">
        <v>2005</v>
      </c>
      <c r="I7019">
        <v>140.74</v>
      </c>
      <c r="J7019">
        <v>8</v>
      </c>
      <c r="K7019">
        <v>49.26</v>
      </c>
    </row>
    <row r="7020" spans="1:11" x14ac:dyDescent="0.3">
      <c r="A7020" s="1">
        <v>42807</v>
      </c>
      <c r="B7020" s="3">
        <f t="shared" si="218"/>
        <v>3</v>
      </c>
      <c r="C7020" s="3">
        <f t="shared" si="219"/>
        <v>2017</v>
      </c>
      <c r="D7020" t="s">
        <v>1583</v>
      </c>
      <c r="E7020" t="s">
        <v>398</v>
      </c>
      <c r="F7020" t="s">
        <v>38</v>
      </c>
      <c r="G7020" t="s">
        <v>51</v>
      </c>
      <c r="H7020" t="s">
        <v>2617</v>
      </c>
      <c r="I7020">
        <v>214.95</v>
      </c>
      <c r="J7020">
        <v>5</v>
      </c>
      <c r="K7020">
        <v>88.13</v>
      </c>
    </row>
    <row r="7021" spans="1:11" x14ac:dyDescent="0.3">
      <c r="A7021" s="1">
        <v>42807</v>
      </c>
      <c r="B7021" s="3">
        <f t="shared" si="218"/>
        <v>3</v>
      </c>
      <c r="C7021" s="3">
        <f t="shared" si="219"/>
        <v>2017</v>
      </c>
      <c r="D7021" t="s">
        <v>1583</v>
      </c>
      <c r="E7021" t="s">
        <v>398</v>
      </c>
      <c r="F7021" t="s">
        <v>10</v>
      </c>
      <c r="G7021" t="s">
        <v>11</v>
      </c>
      <c r="H7021" t="s">
        <v>2537</v>
      </c>
      <c r="I7021">
        <v>45.36</v>
      </c>
      <c r="J7021">
        <v>7</v>
      </c>
      <c r="K7021">
        <v>21.77</v>
      </c>
    </row>
    <row r="7022" spans="1:11" x14ac:dyDescent="0.3">
      <c r="A7022" s="1">
        <v>42807</v>
      </c>
      <c r="B7022" s="3">
        <f t="shared" si="218"/>
        <v>3</v>
      </c>
      <c r="C7022" s="3">
        <f t="shared" si="219"/>
        <v>2017</v>
      </c>
      <c r="D7022" t="s">
        <v>1583</v>
      </c>
      <c r="E7022" t="s">
        <v>398</v>
      </c>
      <c r="F7022" t="s">
        <v>10</v>
      </c>
      <c r="G7022" t="s">
        <v>11</v>
      </c>
      <c r="H7022" t="s">
        <v>1696</v>
      </c>
      <c r="I7022">
        <v>288.24</v>
      </c>
      <c r="J7022">
        <v>6</v>
      </c>
      <c r="K7022">
        <v>138.36000000000001</v>
      </c>
    </row>
    <row r="7023" spans="1:11" x14ac:dyDescent="0.3">
      <c r="A7023" s="1">
        <v>42807</v>
      </c>
      <c r="B7023" s="3">
        <f t="shared" si="218"/>
        <v>3</v>
      </c>
      <c r="C7023" s="3">
        <f t="shared" si="219"/>
        <v>2017</v>
      </c>
      <c r="D7023" t="s">
        <v>508</v>
      </c>
      <c r="E7023" t="s">
        <v>277</v>
      </c>
      <c r="F7023" t="s">
        <v>10</v>
      </c>
      <c r="G7023" t="s">
        <v>199</v>
      </c>
      <c r="H7023" t="s">
        <v>460</v>
      </c>
      <c r="I7023">
        <v>1332.5</v>
      </c>
      <c r="J7023">
        <v>2</v>
      </c>
      <c r="K7023">
        <v>-299.81</v>
      </c>
    </row>
    <row r="7024" spans="1:11" x14ac:dyDescent="0.3">
      <c r="A7024" s="1">
        <v>42807</v>
      </c>
      <c r="B7024" s="3">
        <f t="shared" si="218"/>
        <v>3</v>
      </c>
      <c r="C7024" s="3">
        <f t="shared" si="219"/>
        <v>2017</v>
      </c>
      <c r="D7024" t="s">
        <v>2380</v>
      </c>
      <c r="E7024" t="s">
        <v>14</v>
      </c>
      <c r="F7024" t="s">
        <v>10</v>
      </c>
      <c r="G7024" t="s">
        <v>23</v>
      </c>
      <c r="H7024" t="s">
        <v>2658</v>
      </c>
      <c r="I7024">
        <v>19.46</v>
      </c>
      <c r="J7024">
        <v>4</v>
      </c>
      <c r="K7024">
        <v>2.19</v>
      </c>
    </row>
    <row r="7025" spans="1:11" x14ac:dyDescent="0.3">
      <c r="A7025" s="1">
        <v>42807</v>
      </c>
      <c r="B7025" s="3">
        <f t="shared" si="218"/>
        <v>3</v>
      </c>
      <c r="C7025" s="3">
        <f t="shared" si="219"/>
        <v>2017</v>
      </c>
      <c r="D7025" t="s">
        <v>2380</v>
      </c>
      <c r="E7025" t="s">
        <v>14</v>
      </c>
      <c r="F7025" t="s">
        <v>38</v>
      </c>
      <c r="G7025" t="s">
        <v>301</v>
      </c>
      <c r="H7025" t="s">
        <v>2654</v>
      </c>
      <c r="I7025">
        <v>209.99</v>
      </c>
      <c r="J7025">
        <v>2</v>
      </c>
      <c r="K7025">
        <v>9</v>
      </c>
    </row>
    <row r="7026" spans="1:11" x14ac:dyDescent="0.3">
      <c r="A7026" s="1">
        <v>42807</v>
      </c>
      <c r="B7026" s="3">
        <f t="shared" si="218"/>
        <v>3</v>
      </c>
      <c r="C7026" s="3">
        <f t="shared" si="219"/>
        <v>2017</v>
      </c>
      <c r="D7026" t="s">
        <v>2380</v>
      </c>
      <c r="E7026" t="s">
        <v>14</v>
      </c>
      <c r="F7026" t="s">
        <v>10</v>
      </c>
      <c r="G7026" t="s">
        <v>23</v>
      </c>
      <c r="H7026" t="s">
        <v>383</v>
      </c>
      <c r="I7026">
        <v>29.76</v>
      </c>
      <c r="J7026">
        <v>5</v>
      </c>
      <c r="K7026">
        <v>1.86</v>
      </c>
    </row>
    <row r="7027" spans="1:11" x14ac:dyDescent="0.3">
      <c r="A7027" s="1">
        <v>42807</v>
      </c>
      <c r="B7027" s="3">
        <f t="shared" si="218"/>
        <v>3</v>
      </c>
      <c r="C7027" s="3">
        <f t="shared" si="219"/>
        <v>2017</v>
      </c>
      <c r="D7027" t="s">
        <v>2380</v>
      </c>
      <c r="E7027" t="s">
        <v>14</v>
      </c>
      <c r="F7027" t="s">
        <v>33</v>
      </c>
      <c r="G7027" t="s">
        <v>34</v>
      </c>
      <c r="H7027" t="s">
        <v>2611</v>
      </c>
      <c r="I7027">
        <v>89.77</v>
      </c>
      <c r="J7027">
        <v>1</v>
      </c>
      <c r="K7027">
        <v>-2.56</v>
      </c>
    </row>
    <row r="7028" spans="1:11" x14ac:dyDescent="0.3">
      <c r="A7028" s="1">
        <v>42807</v>
      </c>
      <c r="B7028" s="3">
        <f t="shared" si="218"/>
        <v>3</v>
      </c>
      <c r="C7028" s="3">
        <f t="shared" si="219"/>
        <v>2017</v>
      </c>
      <c r="D7028" t="s">
        <v>2380</v>
      </c>
      <c r="E7028" t="s">
        <v>14</v>
      </c>
      <c r="F7028" t="s">
        <v>38</v>
      </c>
      <c r="G7028" t="s">
        <v>602</v>
      </c>
      <c r="H7028" t="s">
        <v>633</v>
      </c>
      <c r="I7028">
        <v>959.98</v>
      </c>
      <c r="J7028">
        <v>2</v>
      </c>
      <c r="K7028">
        <v>335.99</v>
      </c>
    </row>
    <row r="7029" spans="1:11" x14ac:dyDescent="0.3">
      <c r="A7029" s="1">
        <v>42807</v>
      </c>
      <c r="B7029" s="3">
        <f t="shared" si="218"/>
        <v>3</v>
      </c>
      <c r="C7029" s="3">
        <f t="shared" si="219"/>
        <v>2017</v>
      </c>
      <c r="D7029" t="s">
        <v>2380</v>
      </c>
      <c r="E7029" t="s">
        <v>14</v>
      </c>
      <c r="F7029" t="s">
        <v>10</v>
      </c>
      <c r="G7029" t="s">
        <v>11</v>
      </c>
      <c r="H7029" t="s">
        <v>1158</v>
      </c>
      <c r="I7029">
        <v>15.55</v>
      </c>
      <c r="J7029">
        <v>3</v>
      </c>
      <c r="K7029">
        <v>5.64</v>
      </c>
    </row>
    <row r="7030" spans="1:11" x14ac:dyDescent="0.3">
      <c r="A7030" s="1">
        <v>42807</v>
      </c>
      <c r="B7030" s="3">
        <f t="shared" si="218"/>
        <v>3</v>
      </c>
      <c r="C7030" s="3">
        <f t="shared" si="219"/>
        <v>2017</v>
      </c>
      <c r="D7030" t="s">
        <v>2380</v>
      </c>
      <c r="E7030" t="s">
        <v>14</v>
      </c>
      <c r="F7030" t="s">
        <v>38</v>
      </c>
      <c r="G7030" t="s">
        <v>39</v>
      </c>
      <c r="H7030" t="s">
        <v>1952</v>
      </c>
      <c r="I7030">
        <v>34.36</v>
      </c>
      <c r="J7030">
        <v>1</v>
      </c>
      <c r="K7030">
        <v>-7.3</v>
      </c>
    </row>
    <row r="7031" spans="1:11" x14ac:dyDescent="0.3">
      <c r="A7031" s="1">
        <v>42807</v>
      </c>
      <c r="B7031" s="3">
        <f t="shared" si="218"/>
        <v>3</v>
      </c>
      <c r="C7031" s="3">
        <f t="shared" si="219"/>
        <v>2017</v>
      </c>
      <c r="D7031" t="s">
        <v>232</v>
      </c>
      <c r="E7031" t="s">
        <v>612</v>
      </c>
      <c r="F7031" t="s">
        <v>10</v>
      </c>
      <c r="G7031" t="s">
        <v>19</v>
      </c>
      <c r="H7031" t="s">
        <v>1508</v>
      </c>
      <c r="I7031">
        <v>30.88</v>
      </c>
      <c r="J7031">
        <v>2</v>
      </c>
      <c r="K7031">
        <v>15.44</v>
      </c>
    </row>
    <row r="7032" spans="1:11" x14ac:dyDescent="0.3">
      <c r="A7032" s="1">
        <v>42807</v>
      </c>
      <c r="B7032" s="3">
        <f t="shared" si="218"/>
        <v>3</v>
      </c>
      <c r="C7032" s="3">
        <f t="shared" si="219"/>
        <v>2017</v>
      </c>
      <c r="D7032" t="s">
        <v>232</v>
      </c>
      <c r="E7032" t="s">
        <v>612</v>
      </c>
      <c r="F7032" t="s">
        <v>10</v>
      </c>
      <c r="G7032" t="s">
        <v>91</v>
      </c>
      <c r="H7032" t="s">
        <v>2605</v>
      </c>
      <c r="I7032">
        <v>465.16</v>
      </c>
      <c r="J7032">
        <v>2</v>
      </c>
      <c r="K7032">
        <v>120.94</v>
      </c>
    </row>
    <row r="7033" spans="1:11" x14ac:dyDescent="0.3">
      <c r="A7033" s="1">
        <v>42807</v>
      </c>
      <c r="B7033" s="3">
        <f t="shared" si="218"/>
        <v>3</v>
      </c>
      <c r="C7033" s="3">
        <f t="shared" si="219"/>
        <v>2017</v>
      </c>
      <c r="D7033" t="s">
        <v>232</v>
      </c>
      <c r="E7033" t="s">
        <v>612</v>
      </c>
      <c r="F7033" t="s">
        <v>10</v>
      </c>
      <c r="G7033" t="s">
        <v>11</v>
      </c>
      <c r="H7033" t="s">
        <v>2647</v>
      </c>
      <c r="I7033">
        <v>27.12</v>
      </c>
      <c r="J7033">
        <v>4</v>
      </c>
      <c r="K7033">
        <v>12.48</v>
      </c>
    </row>
    <row r="7034" spans="1:11" x14ac:dyDescent="0.3">
      <c r="A7034" s="1">
        <v>42807</v>
      </c>
      <c r="B7034" s="3">
        <f t="shared" si="218"/>
        <v>3</v>
      </c>
      <c r="C7034" s="3">
        <f t="shared" si="219"/>
        <v>2017</v>
      </c>
      <c r="D7034" t="s">
        <v>2428</v>
      </c>
      <c r="E7034" t="s">
        <v>530</v>
      </c>
      <c r="F7034" t="s">
        <v>10</v>
      </c>
      <c r="G7034" t="s">
        <v>19</v>
      </c>
      <c r="H7034" t="s">
        <v>661</v>
      </c>
      <c r="I7034">
        <v>174.3</v>
      </c>
      <c r="J7034">
        <v>3</v>
      </c>
      <c r="K7034">
        <v>81.92</v>
      </c>
    </row>
    <row r="7035" spans="1:11" x14ac:dyDescent="0.3">
      <c r="A7035" s="1">
        <v>42807</v>
      </c>
      <c r="B7035" s="3">
        <f t="shared" si="218"/>
        <v>3</v>
      </c>
      <c r="C7035" s="3">
        <f t="shared" si="219"/>
        <v>2017</v>
      </c>
      <c r="D7035" t="s">
        <v>2318</v>
      </c>
      <c r="E7035" t="s">
        <v>148</v>
      </c>
      <c r="F7035" t="s">
        <v>38</v>
      </c>
      <c r="G7035" t="s">
        <v>39</v>
      </c>
      <c r="H7035" t="s">
        <v>1749</v>
      </c>
      <c r="I7035">
        <v>299.89999999999998</v>
      </c>
      <c r="J7035">
        <v>2</v>
      </c>
      <c r="K7035">
        <v>74.98</v>
      </c>
    </row>
    <row r="7036" spans="1:11" x14ac:dyDescent="0.3">
      <c r="A7036" s="1">
        <v>42807</v>
      </c>
      <c r="B7036" s="3">
        <f t="shared" si="218"/>
        <v>3</v>
      </c>
      <c r="C7036" s="3">
        <f t="shared" si="219"/>
        <v>2017</v>
      </c>
      <c r="D7036" t="s">
        <v>482</v>
      </c>
      <c r="E7036" t="s">
        <v>14</v>
      </c>
      <c r="F7036" t="s">
        <v>38</v>
      </c>
      <c r="G7036" t="s">
        <v>39</v>
      </c>
      <c r="H7036" t="s">
        <v>246</v>
      </c>
      <c r="I7036">
        <v>7.99</v>
      </c>
      <c r="J7036">
        <v>1</v>
      </c>
      <c r="K7036">
        <v>2.6</v>
      </c>
    </row>
    <row r="7037" spans="1:11" x14ac:dyDescent="0.3">
      <c r="A7037" s="1">
        <v>42808</v>
      </c>
      <c r="B7037" s="3">
        <f t="shared" si="218"/>
        <v>3</v>
      </c>
      <c r="C7037" s="3">
        <f t="shared" si="219"/>
        <v>2017</v>
      </c>
      <c r="D7037" t="s">
        <v>1276</v>
      </c>
      <c r="E7037" t="s">
        <v>14</v>
      </c>
      <c r="F7037" t="s">
        <v>38</v>
      </c>
      <c r="G7037" t="s">
        <v>39</v>
      </c>
      <c r="H7037" t="s">
        <v>1833</v>
      </c>
      <c r="I7037">
        <v>49.62</v>
      </c>
      <c r="J7037">
        <v>2</v>
      </c>
      <c r="K7037">
        <v>4.96</v>
      </c>
    </row>
    <row r="7038" spans="1:11" x14ac:dyDescent="0.3">
      <c r="A7038" s="1">
        <v>42810</v>
      </c>
      <c r="B7038" s="3">
        <f t="shared" si="218"/>
        <v>3</v>
      </c>
      <c r="C7038" s="3">
        <f t="shared" si="219"/>
        <v>2017</v>
      </c>
      <c r="D7038" t="s">
        <v>491</v>
      </c>
      <c r="E7038" t="s">
        <v>163</v>
      </c>
      <c r="F7038" t="s">
        <v>10</v>
      </c>
      <c r="G7038" t="s">
        <v>11</v>
      </c>
      <c r="H7038" t="s">
        <v>1729</v>
      </c>
      <c r="I7038">
        <v>6.48</v>
      </c>
      <c r="J7038">
        <v>1</v>
      </c>
      <c r="K7038">
        <v>3.11</v>
      </c>
    </row>
    <row r="7039" spans="1:11" x14ac:dyDescent="0.3">
      <c r="A7039" s="1">
        <v>42810</v>
      </c>
      <c r="B7039" s="3">
        <f t="shared" si="218"/>
        <v>3</v>
      </c>
      <c r="C7039" s="3">
        <f t="shared" si="219"/>
        <v>2017</v>
      </c>
      <c r="D7039" t="s">
        <v>491</v>
      </c>
      <c r="E7039" t="s">
        <v>163</v>
      </c>
      <c r="F7039" t="s">
        <v>10</v>
      </c>
      <c r="G7039" t="s">
        <v>17</v>
      </c>
      <c r="H7039" t="s">
        <v>452</v>
      </c>
      <c r="I7039">
        <v>46.51</v>
      </c>
      <c r="J7039">
        <v>1</v>
      </c>
      <c r="K7039">
        <v>1.86</v>
      </c>
    </row>
    <row r="7040" spans="1:11" x14ac:dyDescent="0.3">
      <c r="A7040" s="1">
        <v>42810</v>
      </c>
      <c r="B7040" s="3">
        <f t="shared" si="218"/>
        <v>3</v>
      </c>
      <c r="C7040" s="3">
        <f t="shared" si="219"/>
        <v>2017</v>
      </c>
      <c r="D7040" t="s">
        <v>491</v>
      </c>
      <c r="E7040" t="s">
        <v>163</v>
      </c>
      <c r="F7040" t="s">
        <v>38</v>
      </c>
      <c r="G7040" t="s">
        <v>39</v>
      </c>
      <c r="H7040" t="s">
        <v>2142</v>
      </c>
      <c r="I7040">
        <v>659.98</v>
      </c>
      <c r="J7040">
        <v>3</v>
      </c>
      <c r="K7040">
        <v>49.5</v>
      </c>
    </row>
    <row r="7041" spans="1:11" x14ac:dyDescent="0.3">
      <c r="A7041" s="1">
        <v>42810</v>
      </c>
      <c r="B7041" s="3">
        <f t="shared" si="218"/>
        <v>3</v>
      </c>
      <c r="C7041" s="3">
        <f t="shared" si="219"/>
        <v>2017</v>
      </c>
      <c r="D7041" t="s">
        <v>1098</v>
      </c>
      <c r="E7041" t="s">
        <v>77</v>
      </c>
      <c r="F7041" t="s">
        <v>38</v>
      </c>
      <c r="G7041" t="s">
        <v>39</v>
      </c>
      <c r="H7041" t="s">
        <v>744</v>
      </c>
      <c r="I7041">
        <v>445.44</v>
      </c>
      <c r="J7041">
        <v>8</v>
      </c>
      <c r="K7041">
        <v>-81.66</v>
      </c>
    </row>
    <row r="7042" spans="1:11" x14ac:dyDescent="0.3">
      <c r="A7042" s="1">
        <v>42810</v>
      </c>
      <c r="B7042" s="3">
        <f t="shared" ref="B7042:B7105" si="220">MONTH(A:A)</f>
        <v>3</v>
      </c>
      <c r="C7042" s="3">
        <f t="shared" ref="C7042:C7105" si="221">YEAR(A:A)</f>
        <v>2017</v>
      </c>
      <c r="D7042" t="s">
        <v>1676</v>
      </c>
      <c r="E7042" t="s">
        <v>77</v>
      </c>
      <c r="F7042" t="s">
        <v>38</v>
      </c>
      <c r="G7042" t="s">
        <v>39</v>
      </c>
      <c r="H7042" t="s">
        <v>2051</v>
      </c>
      <c r="I7042">
        <v>44.38</v>
      </c>
      <c r="J7042">
        <v>2</v>
      </c>
      <c r="K7042">
        <v>-7.4</v>
      </c>
    </row>
    <row r="7043" spans="1:11" x14ac:dyDescent="0.3">
      <c r="A7043" s="1">
        <v>42810</v>
      </c>
      <c r="B7043" s="3">
        <f t="shared" si="220"/>
        <v>3</v>
      </c>
      <c r="C7043" s="3">
        <f t="shared" si="221"/>
        <v>2017</v>
      </c>
      <c r="D7043" t="s">
        <v>1676</v>
      </c>
      <c r="E7043" t="s">
        <v>77</v>
      </c>
      <c r="F7043" t="s">
        <v>33</v>
      </c>
      <c r="G7043" t="s">
        <v>46</v>
      </c>
      <c r="H7043" t="s">
        <v>2292</v>
      </c>
      <c r="I7043">
        <v>51.26</v>
      </c>
      <c r="J7043">
        <v>6</v>
      </c>
      <c r="K7043">
        <v>7.69</v>
      </c>
    </row>
    <row r="7044" spans="1:11" x14ac:dyDescent="0.3">
      <c r="A7044" s="1">
        <v>42810</v>
      </c>
      <c r="B7044" s="3">
        <f t="shared" si="220"/>
        <v>3</v>
      </c>
      <c r="C7044" s="3">
        <f t="shared" si="221"/>
        <v>2017</v>
      </c>
      <c r="D7044" t="s">
        <v>1676</v>
      </c>
      <c r="E7044" t="s">
        <v>77</v>
      </c>
      <c r="F7044" t="s">
        <v>10</v>
      </c>
      <c r="G7044" t="s">
        <v>19</v>
      </c>
      <c r="H7044" t="s">
        <v>1369</v>
      </c>
      <c r="I7044">
        <v>5.19</v>
      </c>
      <c r="J7044">
        <v>3</v>
      </c>
      <c r="K7044">
        <v>-3.46</v>
      </c>
    </row>
    <row r="7045" spans="1:11" x14ac:dyDescent="0.3">
      <c r="A7045" s="1">
        <v>42810</v>
      </c>
      <c r="B7045" s="3">
        <f t="shared" si="220"/>
        <v>3</v>
      </c>
      <c r="C7045" s="3">
        <f t="shared" si="221"/>
        <v>2017</v>
      </c>
      <c r="D7045" t="s">
        <v>1676</v>
      </c>
      <c r="E7045" t="s">
        <v>77</v>
      </c>
      <c r="F7045" t="s">
        <v>38</v>
      </c>
      <c r="G7045" t="s">
        <v>51</v>
      </c>
      <c r="H7045" t="s">
        <v>1077</v>
      </c>
      <c r="I7045">
        <v>159.97999999999999</v>
      </c>
      <c r="J7045">
        <v>2</v>
      </c>
      <c r="K7045">
        <v>44</v>
      </c>
    </row>
    <row r="7046" spans="1:11" x14ac:dyDescent="0.3">
      <c r="A7046" s="1">
        <v>42810</v>
      </c>
      <c r="B7046" s="3">
        <f t="shared" si="220"/>
        <v>3</v>
      </c>
      <c r="C7046" s="3">
        <f t="shared" si="221"/>
        <v>2017</v>
      </c>
      <c r="D7046" t="s">
        <v>1676</v>
      </c>
      <c r="E7046" t="s">
        <v>77</v>
      </c>
      <c r="F7046" t="s">
        <v>10</v>
      </c>
      <c r="G7046" t="s">
        <v>17</v>
      </c>
      <c r="H7046" t="s">
        <v>1359</v>
      </c>
      <c r="I7046">
        <v>54.22</v>
      </c>
      <c r="J7046">
        <v>2</v>
      </c>
      <c r="K7046">
        <v>3.39</v>
      </c>
    </row>
    <row r="7047" spans="1:11" x14ac:dyDescent="0.3">
      <c r="A7047" s="1">
        <v>42810</v>
      </c>
      <c r="B7047" s="3">
        <f t="shared" si="220"/>
        <v>3</v>
      </c>
      <c r="C7047" s="3">
        <f t="shared" si="221"/>
        <v>2017</v>
      </c>
      <c r="D7047" t="s">
        <v>2241</v>
      </c>
      <c r="E7047" t="s">
        <v>26</v>
      </c>
      <c r="F7047" t="s">
        <v>10</v>
      </c>
      <c r="G7047" t="s">
        <v>17</v>
      </c>
      <c r="H7047" t="s">
        <v>1383</v>
      </c>
      <c r="I7047">
        <v>310.12</v>
      </c>
      <c r="J7047">
        <v>2</v>
      </c>
      <c r="K7047">
        <v>80.63</v>
      </c>
    </row>
    <row r="7048" spans="1:11" x14ac:dyDescent="0.3">
      <c r="A7048" s="1">
        <v>42810</v>
      </c>
      <c r="B7048" s="3">
        <f t="shared" si="220"/>
        <v>3</v>
      </c>
      <c r="C7048" s="3">
        <f t="shared" si="221"/>
        <v>2017</v>
      </c>
      <c r="D7048" t="s">
        <v>2241</v>
      </c>
      <c r="E7048" t="s">
        <v>26</v>
      </c>
      <c r="F7048" t="s">
        <v>10</v>
      </c>
      <c r="G7048" t="s">
        <v>19</v>
      </c>
      <c r="H7048" t="s">
        <v>1926</v>
      </c>
      <c r="I7048">
        <v>70.459999999999994</v>
      </c>
      <c r="J7048">
        <v>6</v>
      </c>
      <c r="K7048">
        <v>22.9</v>
      </c>
    </row>
    <row r="7049" spans="1:11" x14ac:dyDescent="0.3">
      <c r="A7049" s="1">
        <v>42810</v>
      </c>
      <c r="B7049" s="3">
        <f t="shared" si="220"/>
        <v>3</v>
      </c>
      <c r="C7049" s="3">
        <f t="shared" si="221"/>
        <v>2017</v>
      </c>
      <c r="D7049" t="s">
        <v>2241</v>
      </c>
      <c r="E7049" t="s">
        <v>26</v>
      </c>
      <c r="F7049" t="s">
        <v>10</v>
      </c>
      <c r="G7049" t="s">
        <v>19</v>
      </c>
      <c r="H7049" t="s">
        <v>1649</v>
      </c>
      <c r="I7049">
        <v>19.68</v>
      </c>
      <c r="J7049">
        <v>5</v>
      </c>
      <c r="K7049">
        <v>6.89</v>
      </c>
    </row>
    <row r="7050" spans="1:11" x14ac:dyDescent="0.3">
      <c r="A7050" s="1">
        <v>42810</v>
      </c>
      <c r="B7050" s="3">
        <f t="shared" si="220"/>
        <v>3</v>
      </c>
      <c r="C7050" s="3">
        <f t="shared" si="221"/>
        <v>2017</v>
      </c>
      <c r="D7050" t="s">
        <v>2241</v>
      </c>
      <c r="E7050" t="s">
        <v>26</v>
      </c>
      <c r="F7050" t="s">
        <v>10</v>
      </c>
      <c r="G7050" t="s">
        <v>91</v>
      </c>
      <c r="H7050" t="s">
        <v>315</v>
      </c>
      <c r="I7050">
        <v>140.66999999999999</v>
      </c>
      <c r="J7050">
        <v>3</v>
      </c>
      <c r="K7050">
        <v>54.86</v>
      </c>
    </row>
    <row r="7051" spans="1:11" x14ac:dyDescent="0.3">
      <c r="A7051" s="1">
        <v>42811</v>
      </c>
      <c r="B7051" s="3">
        <f t="shared" si="220"/>
        <v>3</v>
      </c>
      <c r="C7051" s="3">
        <f t="shared" si="221"/>
        <v>2017</v>
      </c>
      <c r="D7051" t="s">
        <v>255</v>
      </c>
      <c r="E7051" t="s">
        <v>26</v>
      </c>
      <c r="F7051" t="s">
        <v>10</v>
      </c>
      <c r="G7051" t="s">
        <v>19</v>
      </c>
      <c r="H7051" t="s">
        <v>2240</v>
      </c>
      <c r="I7051">
        <v>17.46</v>
      </c>
      <c r="J7051">
        <v>2</v>
      </c>
      <c r="K7051">
        <v>5.89</v>
      </c>
    </row>
    <row r="7052" spans="1:11" x14ac:dyDescent="0.3">
      <c r="A7052" s="1">
        <v>42811</v>
      </c>
      <c r="B7052" s="3">
        <f t="shared" si="220"/>
        <v>3</v>
      </c>
      <c r="C7052" s="3">
        <f t="shared" si="221"/>
        <v>2017</v>
      </c>
      <c r="D7052" t="s">
        <v>2182</v>
      </c>
      <c r="E7052" t="s">
        <v>148</v>
      </c>
      <c r="F7052" t="s">
        <v>10</v>
      </c>
      <c r="G7052" t="s">
        <v>15</v>
      </c>
      <c r="H7052" t="s">
        <v>2508</v>
      </c>
      <c r="I7052">
        <v>18.75</v>
      </c>
      <c r="J7052">
        <v>5</v>
      </c>
      <c r="K7052">
        <v>9</v>
      </c>
    </row>
    <row r="7053" spans="1:11" x14ac:dyDescent="0.3">
      <c r="A7053" s="1">
        <v>42811</v>
      </c>
      <c r="B7053" s="3">
        <f t="shared" si="220"/>
        <v>3</v>
      </c>
      <c r="C7053" s="3">
        <f t="shared" si="221"/>
        <v>2017</v>
      </c>
      <c r="D7053" t="s">
        <v>2182</v>
      </c>
      <c r="E7053" t="s">
        <v>148</v>
      </c>
      <c r="F7053" t="s">
        <v>38</v>
      </c>
      <c r="G7053" t="s">
        <v>39</v>
      </c>
      <c r="H7053" t="s">
        <v>1155</v>
      </c>
      <c r="I7053">
        <v>119.7</v>
      </c>
      <c r="J7053">
        <v>6</v>
      </c>
      <c r="K7053">
        <v>31.12</v>
      </c>
    </row>
    <row r="7054" spans="1:11" x14ac:dyDescent="0.3">
      <c r="A7054" s="1">
        <v>42811</v>
      </c>
      <c r="B7054" s="3">
        <f t="shared" si="220"/>
        <v>3</v>
      </c>
      <c r="C7054" s="3">
        <f t="shared" si="221"/>
        <v>2017</v>
      </c>
      <c r="D7054" t="s">
        <v>2182</v>
      </c>
      <c r="E7054" t="s">
        <v>148</v>
      </c>
      <c r="F7054" t="s">
        <v>10</v>
      </c>
      <c r="G7054" t="s">
        <v>19</v>
      </c>
      <c r="H7054" t="s">
        <v>112</v>
      </c>
      <c r="I7054">
        <v>9.14</v>
      </c>
      <c r="J7054">
        <v>3</v>
      </c>
      <c r="K7054">
        <v>3.09</v>
      </c>
    </row>
    <row r="7055" spans="1:11" x14ac:dyDescent="0.3">
      <c r="A7055" s="1">
        <v>42811</v>
      </c>
      <c r="B7055" s="3">
        <f t="shared" si="220"/>
        <v>3</v>
      </c>
      <c r="C7055" s="3">
        <f t="shared" si="221"/>
        <v>2017</v>
      </c>
      <c r="D7055" t="s">
        <v>2182</v>
      </c>
      <c r="E7055" t="s">
        <v>148</v>
      </c>
      <c r="F7055" t="s">
        <v>38</v>
      </c>
      <c r="G7055" t="s">
        <v>51</v>
      </c>
      <c r="H7055" t="s">
        <v>1168</v>
      </c>
      <c r="I7055">
        <v>57.06</v>
      </c>
      <c r="J7055">
        <v>3</v>
      </c>
      <c r="K7055">
        <v>18.260000000000002</v>
      </c>
    </row>
    <row r="7056" spans="1:11" x14ac:dyDescent="0.3">
      <c r="A7056" s="1">
        <v>42811</v>
      </c>
      <c r="B7056" s="3">
        <f t="shared" si="220"/>
        <v>3</v>
      </c>
      <c r="C7056" s="3">
        <f t="shared" si="221"/>
        <v>2017</v>
      </c>
      <c r="D7056" t="s">
        <v>2182</v>
      </c>
      <c r="E7056" t="s">
        <v>148</v>
      </c>
      <c r="F7056" t="s">
        <v>38</v>
      </c>
      <c r="G7056" t="s">
        <v>51</v>
      </c>
      <c r="H7056" t="s">
        <v>1421</v>
      </c>
      <c r="I7056">
        <v>71.599999999999994</v>
      </c>
      <c r="J7056">
        <v>8</v>
      </c>
      <c r="K7056">
        <v>13.6</v>
      </c>
    </row>
    <row r="7057" spans="1:11" x14ac:dyDescent="0.3">
      <c r="A7057" s="1">
        <v>42811</v>
      </c>
      <c r="B7057" s="3">
        <f t="shared" si="220"/>
        <v>3</v>
      </c>
      <c r="C7057" s="3">
        <f t="shared" si="221"/>
        <v>2017</v>
      </c>
      <c r="D7057" t="s">
        <v>2182</v>
      </c>
      <c r="E7057" t="s">
        <v>148</v>
      </c>
      <c r="F7057" t="s">
        <v>10</v>
      </c>
      <c r="G7057" t="s">
        <v>17</v>
      </c>
      <c r="H7057" t="s">
        <v>2019</v>
      </c>
      <c r="I7057">
        <v>107.44</v>
      </c>
      <c r="J7057">
        <v>8</v>
      </c>
      <c r="K7057">
        <v>27.93</v>
      </c>
    </row>
    <row r="7058" spans="1:11" x14ac:dyDescent="0.3">
      <c r="A7058" s="1">
        <v>42811</v>
      </c>
      <c r="B7058" s="3">
        <f t="shared" si="220"/>
        <v>3</v>
      </c>
      <c r="C7058" s="3">
        <f t="shared" si="221"/>
        <v>2017</v>
      </c>
      <c r="D7058" t="s">
        <v>2182</v>
      </c>
      <c r="E7058" t="s">
        <v>148</v>
      </c>
      <c r="F7058" t="s">
        <v>10</v>
      </c>
      <c r="G7058" t="s">
        <v>15</v>
      </c>
      <c r="H7058" t="s">
        <v>2029</v>
      </c>
      <c r="I7058">
        <v>7.31</v>
      </c>
      <c r="J7058">
        <v>1</v>
      </c>
      <c r="K7058">
        <v>3.44</v>
      </c>
    </row>
    <row r="7059" spans="1:11" x14ac:dyDescent="0.3">
      <c r="A7059" s="1">
        <v>42811</v>
      </c>
      <c r="B7059" s="3">
        <f t="shared" si="220"/>
        <v>3</v>
      </c>
      <c r="C7059" s="3">
        <f t="shared" si="221"/>
        <v>2017</v>
      </c>
      <c r="D7059" t="s">
        <v>2182</v>
      </c>
      <c r="E7059" t="s">
        <v>148</v>
      </c>
      <c r="F7059" t="s">
        <v>10</v>
      </c>
      <c r="G7059" t="s">
        <v>23</v>
      </c>
      <c r="H7059" t="s">
        <v>1529</v>
      </c>
      <c r="I7059">
        <v>59.1</v>
      </c>
      <c r="J7059">
        <v>6</v>
      </c>
      <c r="K7059">
        <v>22.46</v>
      </c>
    </row>
    <row r="7060" spans="1:11" x14ac:dyDescent="0.3">
      <c r="A7060" s="1">
        <v>42811</v>
      </c>
      <c r="B7060" s="3">
        <f t="shared" si="220"/>
        <v>3</v>
      </c>
      <c r="C7060" s="3">
        <f t="shared" si="221"/>
        <v>2017</v>
      </c>
      <c r="D7060" t="s">
        <v>2182</v>
      </c>
      <c r="E7060" t="s">
        <v>148</v>
      </c>
      <c r="F7060" t="s">
        <v>10</v>
      </c>
      <c r="G7060" t="s">
        <v>17</v>
      </c>
      <c r="H7060" t="s">
        <v>462</v>
      </c>
      <c r="I7060">
        <v>46.53</v>
      </c>
      <c r="J7060">
        <v>3</v>
      </c>
      <c r="K7060">
        <v>12.1</v>
      </c>
    </row>
    <row r="7061" spans="1:11" x14ac:dyDescent="0.3">
      <c r="A7061" s="1">
        <v>42811</v>
      </c>
      <c r="B7061" s="3">
        <f t="shared" si="220"/>
        <v>3</v>
      </c>
      <c r="C7061" s="3">
        <f t="shared" si="221"/>
        <v>2017</v>
      </c>
      <c r="D7061" t="s">
        <v>2187</v>
      </c>
      <c r="E7061" t="s">
        <v>9</v>
      </c>
      <c r="F7061" t="s">
        <v>10</v>
      </c>
      <c r="G7061" t="s">
        <v>19</v>
      </c>
      <c r="H7061" t="s">
        <v>2225</v>
      </c>
      <c r="I7061">
        <v>13.78</v>
      </c>
      <c r="J7061">
        <v>6</v>
      </c>
      <c r="K7061">
        <v>-22.04</v>
      </c>
    </row>
    <row r="7062" spans="1:11" x14ac:dyDescent="0.3">
      <c r="A7062" s="1">
        <v>42811</v>
      </c>
      <c r="B7062" s="3">
        <f t="shared" si="220"/>
        <v>3</v>
      </c>
      <c r="C7062" s="3">
        <f t="shared" si="221"/>
        <v>2017</v>
      </c>
      <c r="D7062" t="s">
        <v>2187</v>
      </c>
      <c r="E7062" t="s">
        <v>9</v>
      </c>
      <c r="F7062" t="s">
        <v>10</v>
      </c>
      <c r="G7062" t="s">
        <v>11</v>
      </c>
      <c r="H7062" t="s">
        <v>1307</v>
      </c>
      <c r="I7062">
        <v>10.27</v>
      </c>
      <c r="J7062">
        <v>3</v>
      </c>
      <c r="K7062">
        <v>3.21</v>
      </c>
    </row>
    <row r="7063" spans="1:11" x14ac:dyDescent="0.3">
      <c r="A7063" s="1">
        <v>42811</v>
      </c>
      <c r="B7063" s="3">
        <f t="shared" si="220"/>
        <v>3</v>
      </c>
      <c r="C7063" s="3">
        <f t="shared" si="221"/>
        <v>2017</v>
      </c>
      <c r="D7063" t="s">
        <v>1043</v>
      </c>
      <c r="E7063" t="s">
        <v>119</v>
      </c>
      <c r="F7063" t="s">
        <v>10</v>
      </c>
      <c r="G7063" t="s">
        <v>15</v>
      </c>
      <c r="H7063" t="s">
        <v>2209</v>
      </c>
      <c r="I7063">
        <v>4.6100000000000003</v>
      </c>
      <c r="J7063">
        <v>2</v>
      </c>
      <c r="K7063">
        <v>1.67</v>
      </c>
    </row>
    <row r="7064" spans="1:11" x14ac:dyDescent="0.3">
      <c r="A7064" s="1">
        <v>42812</v>
      </c>
      <c r="B7064" s="3">
        <f t="shared" si="220"/>
        <v>3</v>
      </c>
      <c r="C7064" s="3">
        <f t="shared" si="221"/>
        <v>2017</v>
      </c>
      <c r="D7064" t="s">
        <v>2631</v>
      </c>
      <c r="E7064" t="s">
        <v>9</v>
      </c>
      <c r="F7064" t="s">
        <v>10</v>
      </c>
      <c r="G7064" t="s">
        <v>91</v>
      </c>
      <c r="H7064" t="s">
        <v>1922</v>
      </c>
      <c r="I7064">
        <v>2.69</v>
      </c>
      <c r="J7064">
        <v>3</v>
      </c>
      <c r="K7064">
        <v>-7.39</v>
      </c>
    </row>
    <row r="7065" spans="1:11" x14ac:dyDescent="0.3">
      <c r="A7065" s="1">
        <v>42812</v>
      </c>
      <c r="B7065" s="3">
        <f t="shared" si="220"/>
        <v>3</v>
      </c>
      <c r="C7065" s="3">
        <f t="shared" si="221"/>
        <v>2017</v>
      </c>
      <c r="D7065" t="s">
        <v>2631</v>
      </c>
      <c r="E7065" t="s">
        <v>9</v>
      </c>
      <c r="F7065" t="s">
        <v>38</v>
      </c>
      <c r="G7065" t="s">
        <v>51</v>
      </c>
      <c r="H7065" t="s">
        <v>1878</v>
      </c>
      <c r="I7065">
        <v>27.82</v>
      </c>
      <c r="J7065">
        <v>3</v>
      </c>
      <c r="K7065">
        <v>4.5199999999999996</v>
      </c>
    </row>
    <row r="7066" spans="1:11" x14ac:dyDescent="0.3">
      <c r="A7066" s="1">
        <v>42812</v>
      </c>
      <c r="B7066" s="3">
        <f t="shared" si="220"/>
        <v>3</v>
      </c>
      <c r="C7066" s="3">
        <f t="shared" si="221"/>
        <v>2017</v>
      </c>
      <c r="D7066" t="s">
        <v>2631</v>
      </c>
      <c r="E7066" t="s">
        <v>9</v>
      </c>
      <c r="F7066" t="s">
        <v>33</v>
      </c>
      <c r="G7066" t="s">
        <v>46</v>
      </c>
      <c r="H7066" t="s">
        <v>1657</v>
      </c>
      <c r="I7066">
        <v>82.52</v>
      </c>
      <c r="J7066">
        <v>3</v>
      </c>
      <c r="K7066">
        <v>-41.26</v>
      </c>
    </row>
    <row r="7067" spans="1:11" x14ac:dyDescent="0.3">
      <c r="A7067" s="1">
        <v>42812</v>
      </c>
      <c r="B7067" s="3">
        <f t="shared" si="220"/>
        <v>3</v>
      </c>
      <c r="C7067" s="3">
        <f t="shared" si="221"/>
        <v>2017</v>
      </c>
      <c r="D7067" t="s">
        <v>2631</v>
      </c>
      <c r="E7067" t="s">
        <v>9</v>
      </c>
      <c r="F7067" t="s">
        <v>10</v>
      </c>
      <c r="G7067" t="s">
        <v>19</v>
      </c>
      <c r="H7067" t="s">
        <v>36</v>
      </c>
      <c r="I7067">
        <v>182.99</v>
      </c>
      <c r="J7067">
        <v>3</v>
      </c>
      <c r="K7067">
        <v>-320.24</v>
      </c>
    </row>
    <row r="7068" spans="1:11" x14ac:dyDescent="0.3">
      <c r="A7068" s="1">
        <v>42812</v>
      </c>
      <c r="B7068" s="3">
        <f t="shared" si="220"/>
        <v>3</v>
      </c>
      <c r="C7068" s="3">
        <f t="shared" si="221"/>
        <v>2017</v>
      </c>
      <c r="D7068" t="s">
        <v>2087</v>
      </c>
      <c r="E7068" t="s">
        <v>9</v>
      </c>
      <c r="F7068" t="s">
        <v>10</v>
      </c>
      <c r="G7068" t="s">
        <v>23</v>
      </c>
      <c r="H7068" t="s">
        <v>405</v>
      </c>
      <c r="I7068">
        <v>23.83</v>
      </c>
      <c r="J7068">
        <v>3</v>
      </c>
      <c r="K7068">
        <v>6.55</v>
      </c>
    </row>
    <row r="7069" spans="1:11" x14ac:dyDescent="0.3">
      <c r="A7069" s="1">
        <v>42812</v>
      </c>
      <c r="B7069" s="3">
        <f t="shared" si="220"/>
        <v>3</v>
      </c>
      <c r="C7069" s="3">
        <f t="shared" si="221"/>
        <v>2017</v>
      </c>
      <c r="D7069" t="s">
        <v>274</v>
      </c>
      <c r="E7069" t="s">
        <v>163</v>
      </c>
      <c r="F7069" t="s">
        <v>10</v>
      </c>
      <c r="G7069" t="s">
        <v>23</v>
      </c>
      <c r="H7069" t="s">
        <v>807</v>
      </c>
      <c r="I7069">
        <v>46.2</v>
      </c>
      <c r="J7069">
        <v>4</v>
      </c>
      <c r="K7069">
        <v>21.25</v>
      </c>
    </row>
    <row r="7070" spans="1:11" x14ac:dyDescent="0.3">
      <c r="A7070" s="1">
        <v>42812</v>
      </c>
      <c r="B7070" s="3">
        <f t="shared" si="220"/>
        <v>3</v>
      </c>
      <c r="C7070" s="3">
        <f t="shared" si="221"/>
        <v>2017</v>
      </c>
      <c r="D7070" t="s">
        <v>1370</v>
      </c>
      <c r="E7070" t="s">
        <v>9</v>
      </c>
      <c r="F7070" t="s">
        <v>38</v>
      </c>
      <c r="G7070" t="s">
        <v>39</v>
      </c>
      <c r="H7070" t="s">
        <v>519</v>
      </c>
      <c r="I7070">
        <v>537.54</v>
      </c>
      <c r="J7070">
        <v>7</v>
      </c>
      <c r="K7070">
        <v>47.04</v>
      </c>
    </row>
    <row r="7071" spans="1:11" x14ac:dyDescent="0.3">
      <c r="A7071" s="1">
        <v>42812</v>
      </c>
      <c r="B7071" s="3">
        <f t="shared" si="220"/>
        <v>3</v>
      </c>
      <c r="C7071" s="3">
        <f t="shared" si="221"/>
        <v>2017</v>
      </c>
      <c r="D7071" t="s">
        <v>1456</v>
      </c>
      <c r="E7071" t="s">
        <v>26</v>
      </c>
      <c r="F7071" t="s">
        <v>10</v>
      </c>
      <c r="G7071" t="s">
        <v>23</v>
      </c>
      <c r="H7071" t="s">
        <v>868</v>
      </c>
      <c r="I7071">
        <v>13.9</v>
      </c>
      <c r="J7071">
        <v>5</v>
      </c>
      <c r="K7071">
        <v>3.75</v>
      </c>
    </row>
    <row r="7072" spans="1:11" x14ac:dyDescent="0.3">
      <c r="A7072" s="1">
        <v>42812</v>
      </c>
      <c r="B7072" s="3">
        <f t="shared" si="220"/>
        <v>3</v>
      </c>
      <c r="C7072" s="3">
        <f t="shared" si="221"/>
        <v>2017</v>
      </c>
      <c r="D7072" t="s">
        <v>1456</v>
      </c>
      <c r="E7072" t="s">
        <v>26</v>
      </c>
      <c r="F7072" t="s">
        <v>10</v>
      </c>
      <c r="G7072" t="s">
        <v>62</v>
      </c>
      <c r="H7072" t="s">
        <v>1271</v>
      </c>
      <c r="I7072">
        <v>19.399999999999999</v>
      </c>
      <c r="J7072">
        <v>5</v>
      </c>
      <c r="K7072">
        <v>9.31</v>
      </c>
    </row>
    <row r="7073" spans="1:11" x14ac:dyDescent="0.3">
      <c r="A7073" s="1">
        <v>42812</v>
      </c>
      <c r="B7073" s="3">
        <f t="shared" si="220"/>
        <v>3</v>
      </c>
      <c r="C7073" s="3">
        <f t="shared" si="221"/>
        <v>2017</v>
      </c>
      <c r="D7073" t="s">
        <v>1670</v>
      </c>
      <c r="E7073" t="s">
        <v>26</v>
      </c>
      <c r="F7073" t="s">
        <v>10</v>
      </c>
      <c r="G7073" t="s">
        <v>91</v>
      </c>
      <c r="H7073" t="s">
        <v>1348</v>
      </c>
      <c r="I7073">
        <v>90.86</v>
      </c>
      <c r="J7073">
        <v>7</v>
      </c>
      <c r="K7073">
        <v>26.35</v>
      </c>
    </row>
    <row r="7074" spans="1:11" x14ac:dyDescent="0.3">
      <c r="A7074" s="1">
        <v>42813</v>
      </c>
      <c r="B7074" s="3">
        <f t="shared" si="220"/>
        <v>3</v>
      </c>
      <c r="C7074" s="3">
        <f t="shared" si="221"/>
        <v>2017</v>
      </c>
      <c r="D7074" t="s">
        <v>2099</v>
      </c>
      <c r="E7074" t="s">
        <v>148</v>
      </c>
      <c r="F7074" t="s">
        <v>10</v>
      </c>
      <c r="G7074" t="s">
        <v>15</v>
      </c>
      <c r="H7074" t="s">
        <v>638</v>
      </c>
      <c r="I7074">
        <v>28.91</v>
      </c>
      <c r="J7074">
        <v>7</v>
      </c>
      <c r="K7074">
        <v>13.3</v>
      </c>
    </row>
    <row r="7075" spans="1:11" x14ac:dyDescent="0.3">
      <c r="A7075" s="1">
        <v>42813</v>
      </c>
      <c r="B7075" s="3">
        <f t="shared" si="220"/>
        <v>3</v>
      </c>
      <c r="C7075" s="3">
        <f t="shared" si="221"/>
        <v>2017</v>
      </c>
      <c r="D7075" t="s">
        <v>68</v>
      </c>
      <c r="E7075" t="s">
        <v>26</v>
      </c>
      <c r="F7075" t="s">
        <v>10</v>
      </c>
      <c r="G7075" t="s">
        <v>19</v>
      </c>
      <c r="H7075" t="s">
        <v>558</v>
      </c>
      <c r="I7075">
        <v>19.82</v>
      </c>
      <c r="J7075">
        <v>6</v>
      </c>
      <c r="K7075">
        <v>6.69</v>
      </c>
    </row>
    <row r="7076" spans="1:11" x14ac:dyDescent="0.3">
      <c r="A7076" s="1">
        <v>42813</v>
      </c>
      <c r="B7076" s="3">
        <f t="shared" si="220"/>
        <v>3</v>
      </c>
      <c r="C7076" s="3">
        <f t="shared" si="221"/>
        <v>2017</v>
      </c>
      <c r="D7076" t="s">
        <v>68</v>
      </c>
      <c r="E7076" t="s">
        <v>26</v>
      </c>
      <c r="F7076" t="s">
        <v>38</v>
      </c>
      <c r="G7076" t="s">
        <v>39</v>
      </c>
      <c r="H7076" t="s">
        <v>1100</v>
      </c>
      <c r="I7076">
        <v>657.5</v>
      </c>
      <c r="J7076">
        <v>6</v>
      </c>
      <c r="K7076">
        <v>-131.5</v>
      </c>
    </row>
    <row r="7077" spans="1:11" x14ac:dyDescent="0.3">
      <c r="A7077" s="1">
        <v>42813</v>
      </c>
      <c r="B7077" s="3">
        <f t="shared" si="220"/>
        <v>3</v>
      </c>
      <c r="C7077" s="3">
        <f t="shared" si="221"/>
        <v>2017</v>
      </c>
      <c r="D7077" t="s">
        <v>68</v>
      </c>
      <c r="E7077" t="s">
        <v>26</v>
      </c>
      <c r="F7077" t="s">
        <v>38</v>
      </c>
      <c r="G7077" t="s">
        <v>51</v>
      </c>
      <c r="H7077" t="s">
        <v>2308</v>
      </c>
      <c r="I7077">
        <v>99.54</v>
      </c>
      <c r="J7077">
        <v>2</v>
      </c>
      <c r="K7077">
        <v>10.95</v>
      </c>
    </row>
    <row r="7078" spans="1:11" x14ac:dyDescent="0.3">
      <c r="A7078" s="1">
        <v>42813</v>
      </c>
      <c r="B7078" s="3">
        <f t="shared" si="220"/>
        <v>3</v>
      </c>
      <c r="C7078" s="3">
        <f t="shared" si="221"/>
        <v>2017</v>
      </c>
      <c r="D7078" t="s">
        <v>68</v>
      </c>
      <c r="E7078" t="s">
        <v>26</v>
      </c>
      <c r="F7078" t="s">
        <v>38</v>
      </c>
      <c r="G7078" t="s">
        <v>51</v>
      </c>
      <c r="H7078" t="s">
        <v>453</v>
      </c>
      <c r="I7078">
        <v>199.96</v>
      </c>
      <c r="J7078">
        <v>4</v>
      </c>
      <c r="K7078">
        <v>85.98</v>
      </c>
    </row>
    <row r="7079" spans="1:11" x14ac:dyDescent="0.3">
      <c r="A7079" s="1">
        <v>42813</v>
      </c>
      <c r="B7079" s="3">
        <f t="shared" si="220"/>
        <v>3</v>
      </c>
      <c r="C7079" s="3">
        <f t="shared" si="221"/>
        <v>2017</v>
      </c>
      <c r="D7079" t="s">
        <v>217</v>
      </c>
      <c r="E7079" t="s">
        <v>26</v>
      </c>
      <c r="F7079" t="s">
        <v>10</v>
      </c>
      <c r="G7079" t="s">
        <v>19</v>
      </c>
      <c r="H7079" t="s">
        <v>864</v>
      </c>
      <c r="I7079">
        <v>14.62</v>
      </c>
      <c r="J7079">
        <v>2</v>
      </c>
      <c r="K7079">
        <v>5.12</v>
      </c>
    </row>
    <row r="7080" spans="1:11" x14ac:dyDescent="0.3">
      <c r="A7080" s="1">
        <v>42813</v>
      </c>
      <c r="B7080" s="3">
        <f t="shared" si="220"/>
        <v>3</v>
      </c>
      <c r="C7080" s="3">
        <f t="shared" si="221"/>
        <v>2017</v>
      </c>
      <c r="D7080" t="s">
        <v>217</v>
      </c>
      <c r="E7080" t="s">
        <v>26</v>
      </c>
      <c r="F7080" t="s">
        <v>33</v>
      </c>
      <c r="G7080" t="s">
        <v>144</v>
      </c>
      <c r="H7080" t="s">
        <v>2065</v>
      </c>
      <c r="I7080">
        <v>697.16</v>
      </c>
      <c r="J7080">
        <v>5</v>
      </c>
      <c r="K7080">
        <v>8.7100000000000009</v>
      </c>
    </row>
    <row r="7081" spans="1:11" x14ac:dyDescent="0.3">
      <c r="A7081" s="1">
        <v>42813</v>
      </c>
      <c r="B7081" s="3">
        <f t="shared" si="220"/>
        <v>3</v>
      </c>
      <c r="C7081" s="3">
        <f t="shared" si="221"/>
        <v>2017</v>
      </c>
      <c r="D7081" t="s">
        <v>217</v>
      </c>
      <c r="E7081" t="s">
        <v>26</v>
      </c>
      <c r="F7081" t="s">
        <v>33</v>
      </c>
      <c r="G7081" t="s">
        <v>46</v>
      </c>
      <c r="H7081" t="s">
        <v>2104</v>
      </c>
      <c r="I7081">
        <v>30.93</v>
      </c>
      <c r="J7081">
        <v>1</v>
      </c>
      <c r="K7081">
        <v>12.68</v>
      </c>
    </row>
    <row r="7082" spans="1:11" x14ac:dyDescent="0.3">
      <c r="A7082" s="1">
        <v>42813</v>
      </c>
      <c r="B7082" s="3">
        <f t="shared" si="220"/>
        <v>3</v>
      </c>
      <c r="C7082" s="3">
        <f t="shared" si="221"/>
        <v>2017</v>
      </c>
      <c r="D7082" t="s">
        <v>217</v>
      </c>
      <c r="E7082" t="s">
        <v>26</v>
      </c>
      <c r="F7082" t="s">
        <v>10</v>
      </c>
      <c r="G7082" t="s">
        <v>19</v>
      </c>
      <c r="H7082" t="s">
        <v>149</v>
      </c>
      <c r="I7082">
        <v>27.5</v>
      </c>
      <c r="J7082">
        <v>7</v>
      </c>
      <c r="K7082">
        <v>9.2799999999999994</v>
      </c>
    </row>
    <row r="7083" spans="1:11" x14ac:dyDescent="0.3">
      <c r="A7083" s="1">
        <v>42813</v>
      </c>
      <c r="B7083" s="3">
        <f t="shared" si="220"/>
        <v>3</v>
      </c>
      <c r="C7083" s="3">
        <f t="shared" si="221"/>
        <v>2017</v>
      </c>
      <c r="D7083" t="s">
        <v>1392</v>
      </c>
      <c r="E7083" t="s">
        <v>26</v>
      </c>
      <c r="F7083" t="s">
        <v>10</v>
      </c>
      <c r="G7083" t="s">
        <v>91</v>
      </c>
      <c r="H7083" t="s">
        <v>1887</v>
      </c>
      <c r="I7083">
        <v>381.36</v>
      </c>
      <c r="J7083">
        <v>7</v>
      </c>
      <c r="K7083">
        <v>106.78</v>
      </c>
    </row>
    <row r="7084" spans="1:11" x14ac:dyDescent="0.3">
      <c r="A7084" s="1">
        <v>42813</v>
      </c>
      <c r="B7084" s="3">
        <f t="shared" si="220"/>
        <v>3</v>
      </c>
      <c r="C7084" s="3">
        <f t="shared" si="221"/>
        <v>2017</v>
      </c>
      <c r="D7084" t="s">
        <v>1358</v>
      </c>
      <c r="E7084" t="s">
        <v>176</v>
      </c>
      <c r="F7084" t="s">
        <v>10</v>
      </c>
      <c r="G7084" t="s">
        <v>23</v>
      </c>
      <c r="H7084" t="s">
        <v>2000</v>
      </c>
      <c r="I7084">
        <v>8.94</v>
      </c>
      <c r="J7084">
        <v>3</v>
      </c>
      <c r="K7084">
        <v>2.41</v>
      </c>
    </row>
    <row r="7085" spans="1:11" x14ac:dyDescent="0.3">
      <c r="A7085" s="1">
        <v>42814</v>
      </c>
      <c r="B7085" s="3">
        <f t="shared" si="220"/>
        <v>3</v>
      </c>
      <c r="C7085" s="3">
        <f t="shared" si="221"/>
        <v>2017</v>
      </c>
      <c r="D7085" t="s">
        <v>207</v>
      </c>
      <c r="E7085" t="s">
        <v>128</v>
      </c>
      <c r="F7085" t="s">
        <v>33</v>
      </c>
      <c r="G7085" t="s">
        <v>46</v>
      </c>
      <c r="H7085" t="s">
        <v>2492</v>
      </c>
      <c r="I7085">
        <v>2.91</v>
      </c>
      <c r="J7085">
        <v>1</v>
      </c>
      <c r="K7085">
        <v>1.37</v>
      </c>
    </row>
    <row r="7086" spans="1:11" x14ac:dyDescent="0.3">
      <c r="A7086" s="1">
        <v>42814</v>
      </c>
      <c r="B7086" s="3">
        <f t="shared" si="220"/>
        <v>3</v>
      </c>
      <c r="C7086" s="3">
        <f t="shared" si="221"/>
        <v>2017</v>
      </c>
      <c r="D7086" t="s">
        <v>2270</v>
      </c>
      <c r="E7086" t="s">
        <v>163</v>
      </c>
      <c r="F7086" t="s">
        <v>38</v>
      </c>
      <c r="G7086" t="s">
        <v>51</v>
      </c>
      <c r="H7086" t="s">
        <v>1873</v>
      </c>
      <c r="I7086">
        <v>265.93</v>
      </c>
      <c r="J7086">
        <v>7</v>
      </c>
      <c r="K7086">
        <v>63.82</v>
      </c>
    </row>
    <row r="7087" spans="1:11" x14ac:dyDescent="0.3">
      <c r="A7087" s="1">
        <v>42814</v>
      </c>
      <c r="B7087" s="3">
        <f t="shared" si="220"/>
        <v>3</v>
      </c>
      <c r="C7087" s="3">
        <f t="shared" si="221"/>
        <v>2017</v>
      </c>
      <c r="D7087" t="s">
        <v>982</v>
      </c>
      <c r="E7087" t="s">
        <v>612</v>
      </c>
      <c r="F7087" t="s">
        <v>38</v>
      </c>
      <c r="G7087" t="s">
        <v>51</v>
      </c>
      <c r="H7087" t="s">
        <v>1031</v>
      </c>
      <c r="I7087">
        <v>238</v>
      </c>
      <c r="J7087">
        <v>2</v>
      </c>
      <c r="K7087">
        <v>38.08</v>
      </c>
    </row>
    <row r="7088" spans="1:11" x14ac:dyDescent="0.3">
      <c r="A7088" s="1">
        <v>42814</v>
      </c>
      <c r="B7088" s="3">
        <f t="shared" si="220"/>
        <v>3</v>
      </c>
      <c r="C7088" s="3">
        <f t="shared" si="221"/>
        <v>2017</v>
      </c>
      <c r="D7088" t="s">
        <v>982</v>
      </c>
      <c r="E7088" t="s">
        <v>612</v>
      </c>
      <c r="F7088" t="s">
        <v>10</v>
      </c>
      <c r="G7088" t="s">
        <v>11</v>
      </c>
      <c r="H7088" t="s">
        <v>1157</v>
      </c>
      <c r="I7088">
        <v>61.96</v>
      </c>
      <c r="J7088">
        <v>2</v>
      </c>
      <c r="K7088">
        <v>27.88</v>
      </c>
    </row>
    <row r="7089" spans="1:11" x14ac:dyDescent="0.3">
      <c r="A7089" s="1">
        <v>42814</v>
      </c>
      <c r="B7089" s="3">
        <f t="shared" si="220"/>
        <v>3</v>
      </c>
      <c r="C7089" s="3">
        <f t="shared" si="221"/>
        <v>2017</v>
      </c>
      <c r="D7089" t="s">
        <v>591</v>
      </c>
      <c r="E7089" t="s">
        <v>9</v>
      </c>
      <c r="F7089" t="s">
        <v>10</v>
      </c>
      <c r="G7089" t="s">
        <v>11</v>
      </c>
      <c r="H7089" t="s">
        <v>624</v>
      </c>
      <c r="I7089">
        <v>56.7</v>
      </c>
      <c r="J7089">
        <v>2</v>
      </c>
      <c r="K7089">
        <v>19.14</v>
      </c>
    </row>
    <row r="7090" spans="1:11" x14ac:dyDescent="0.3">
      <c r="A7090" s="1">
        <v>42814</v>
      </c>
      <c r="B7090" s="3">
        <f t="shared" si="220"/>
        <v>3</v>
      </c>
      <c r="C7090" s="3">
        <f t="shared" si="221"/>
        <v>2017</v>
      </c>
      <c r="D7090" t="s">
        <v>591</v>
      </c>
      <c r="E7090" t="s">
        <v>9</v>
      </c>
      <c r="F7090" t="s">
        <v>10</v>
      </c>
      <c r="G7090" t="s">
        <v>11</v>
      </c>
      <c r="H7090" t="s">
        <v>1040</v>
      </c>
      <c r="I7090">
        <v>274.06</v>
      </c>
      <c r="J7090">
        <v>7</v>
      </c>
      <c r="K7090">
        <v>102.77</v>
      </c>
    </row>
    <row r="7091" spans="1:11" x14ac:dyDescent="0.3">
      <c r="A7091" s="1">
        <v>42815</v>
      </c>
      <c r="B7091" s="3">
        <f t="shared" si="220"/>
        <v>3</v>
      </c>
      <c r="C7091" s="3">
        <f t="shared" si="221"/>
        <v>2017</v>
      </c>
      <c r="D7091" t="s">
        <v>2533</v>
      </c>
      <c r="E7091" t="s">
        <v>128</v>
      </c>
      <c r="F7091" t="s">
        <v>10</v>
      </c>
      <c r="G7091" t="s">
        <v>11</v>
      </c>
      <c r="H7091" t="s">
        <v>456</v>
      </c>
      <c r="I7091">
        <v>277.39999999999998</v>
      </c>
      <c r="J7091">
        <v>5</v>
      </c>
      <c r="K7091">
        <v>133.15</v>
      </c>
    </row>
    <row r="7092" spans="1:11" x14ac:dyDescent="0.3">
      <c r="A7092" s="1">
        <v>42815</v>
      </c>
      <c r="B7092" s="3">
        <f t="shared" si="220"/>
        <v>3</v>
      </c>
      <c r="C7092" s="3">
        <f t="shared" si="221"/>
        <v>2017</v>
      </c>
      <c r="D7092" t="s">
        <v>2533</v>
      </c>
      <c r="E7092" t="s">
        <v>128</v>
      </c>
      <c r="F7092" t="s">
        <v>10</v>
      </c>
      <c r="G7092" t="s">
        <v>11</v>
      </c>
      <c r="H7092" t="s">
        <v>2294</v>
      </c>
      <c r="I7092">
        <v>5.78</v>
      </c>
      <c r="J7092">
        <v>1</v>
      </c>
      <c r="K7092">
        <v>2.83</v>
      </c>
    </row>
    <row r="7093" spans="1:11" x14ac:dyDescent="0.3">
      <c r="A7093" s="1">
        <v>42815</v>
      </c>
      <c r="B7093" s="3">
        <f t="shared" si="220"/>
        <v>3</v>
      </c>
      <c r="C7093" s="3">
        <f t="shared" si="221"/>
        <v>2017</v>
      </c>
      <c r="D7093" t="s">
        <v>255</v>
      </c>
      <c r="E7093" t="s">
        <v>839</v>
      </c>
      <c r="F7093" t="s">
        <v>33</v>
      </c>
      <c r="G7093" t="s">
        <v>34</v>
      </c>
      <c r="H7093" t="s">
        <v>273</v>
      </c>
      <c r="I7093">
        <v>1805.88</v>
      </c>
      <c r="J7093">
        <v>6</v>
      </c>
      <c r="K7093">
        <v>523.71</v>
      </c>
    </row>
    <row r="7094" spans="1:11" x14ac:dyDescent="0.3">
      <c r="A7094" s="1">
        <v>42815</v>
      </c>
      <c r="B7094" s="3">
        <f t="shared" si="220"/>
        <v>3</v>
      </c>
      <c r="C7094" s="3">
        <f t="shared" si="221"/>
        <v>2017</v>
      </c>
      <c r="D7094" t="s">
        <v>767</v>
      </c>
      <c r="E7094" t="s">
        <v>26</v>
      </c>
      <c r="F7094" t="s">
        <v>10</v>
      </c>
      <c r="G7094" t="s">
        <v>17</v>
      </c>
      <c r="H7094" t="s">
        <v>1548</v>
      </c>
      <c r="I7094">
        <v>725.84</v>
      </c>
      <c r="J7094">
        <v>4</v>
      </c>
      <c r="K7094">
        <v>210.49</v>
      </c>
    </row>
    <row r="7095" spans="1:11" x14ac:dyDescent="0.3">
      <c r="A7095" s="1">
        <v>42815</v>
      </c>
      <c r="B7095" s="3">
        <f t="shared" si="220"/>
        <v>3</v>
      </c>
      <c r="C7095" s="3">
        <f t="shared" si="221"/>
        <v>2017</v>
      </c>
      <c r="D7095" t="s">
        <v>767</v>
      </c>
      <c r="E7095" t="s">
        <v>26</v>
      </c>
      <c r="F7095" t="s">
        <v>10</v>
      </c>
      <c r="G7095" t="s">
        <v>19</v>
      </c>
      <c r="H7095" t="s">
        <v>608</v>
      </c>
      <c r="I7095">
        <v>10.9</v>
      </c>
      <c r="J7095">
        <v>3</v>
      </c>
      <c r="K7095">
        <v>3.95</v>
      </c>
    </row>
    <row r="7096" spans="1:11" x14ac:dyDescent="0.3">
      <c r="A7096" s="1">
        <v>42815</v>
      </c>
      <c r="B7096" s="3">
        <f t="shared" si="220"/>
        <v>3</v>
      </c>
      <c r="C7096" s="3">
        <f t="shared" si="221"/>
        <v>2017</v>
      </c>
      <c r="D7096" t="s">
        <v>767</v>
      </c>
      <c r="E7096" t="s">
        <v>26</v>
      </c>
      <c r="F7096" t="s">
        <v>10</v>
      </c>
      <c r="G7096" t="s">
        <v>19</v>
      </c>
      <c r="H7096" t="s">
        <v>202</v>
      </c>
      <c r="I7096">
        <v>8.5399999999999991</v>
      </c>
      <c r="J7096">
        <v>2</v>
      </c>
      <c r="K7096">
        <v>2.88</v>
      </c>
    </row>
    <row r="7097" spans="1:11" x14ac:dyDescent="0.3">
      <c r="A7097" s="1">
        <v>42815</v>
      </c>
      <c r="B7097" s="3">
        <f t="shared" si="220"/>
        <v>3</v>
      </c>
      <c r="C7097" s="3">
        <f t="shared" si="221"/>
        <v>2017</v>
      </c>
      <c r="D7097" t="s">
        <v>670</v>
      </c>
      <c r="E7097" t="s">
        <v>122</v>
      </c>
      <c r="F7097" t="s">
        <v>10</v>
      </c>
      <c r="G7097" t="s">
        <v>91</v>
      </c>
      <c r="H7097" t="s">
        <v>1639</v>
      </c>
      <c r="I7097">
        <v>64.38</v>
      </c>
      <c r="J7097">
        <v>1</v>
      </c>
      <c r="K7097">
        <v>8.0500000000000007</v>
      </c>
    </row>
    <row r="7098" spans="1:11" x14ac:dyDescent="0.3">
      <c r="A7098" s="1">
        <v>42815</v>
      </c>
      <c r="B7098" s="3">
        <f t="shared" si="220"/>
        <v>3</v>
      </c>
      <c r="C7098" s="3">
        <f t="shared" si="221"/>
        <v>2017</v>
      </c>
      <c r="D7098" t="s">
        <v>2549</v>
      </c>
      <c r="E7098" t="s">
        <v>22</v>
      </c>
      <c r="F7098" t="s">
        <v>10</v>
      </c>
      <c r="G7098" t="s">
        <v>62</v>
      </c>
      <c r="H7098" t="s">
        <v>1298</v>
      </c>
      <c r="I7098">
        <v>8.86</v>
      </c>
      <c r="J7098">
        <v>3</v>
      </c>
      <c r="K7098">
        <v>2.88</v>
      </c>
    </row>
    <row r="7099" spans="1:11" x14ac:dyDescent="0.3">
      <c r="A7099" s="1">
        <v>42815</v>
      </c>
      <c r="B7099" s="3">
        <f t="shared" si="220"/>
        <v>3</v>
      </c>
      <c r="C7099" s="3">
        <f t="shared" si="221"/>
        <v>2017</v>
      </c>
      <c r="D7099" t="s">
        <v>532</v>
      </c>
      <c r="E7099" t="s">
        <v>163</v>
      </c>
      <c r="F7099" t="s">
        <v>10</v>
      </c>
      <c r="G7099" t="s">
        <v>19</v>
      </c>
      <c r="H7099" t="s">
        <v>366</v>
      </c>
      <c r="I7099">
        <v>30.58</v>
      </c>
      <c r="J7099">
        <v>6</v>
      </c>
      <c r="K7099">
        <v>10.32</v>
      </c>
    </row>
    <row r="7100" spans="1:11" x14ac:dyDescent="0.3">
      <c r="A7100" s="1">
        <v>42815</v>
      </c>
      <c r="B7100" s="3">
        <f t="shared" si="220"/>
        <v>3</v>
      </c>
      <c r="C7100" s="3">
        <f t="shared" si="221"/>
        <v>2017</v>
      </c>
      <c r="D7100" t="s">
        <v>532</v>
      </c>
      <c r="E7100" t="s">
        <v>163</v>
      </c>
      <c r="F7100" t="s">
        <v>10</v>
      </c>
      <c r="G7100" t="s">
        <v>42</v>
      </c>
      <c r="H7100" t="s">
        <v>1105</v>
      </c>
      <c r="I7100">
        <v>13.02</v>
      </c>
      <c r="J7100">
        <v>7</v>
      </c>
      <c r="K7100">
        <v>0.39</v>
      </c>
    </row>
    <row r="7101" spans="1:11" x14ac:dyDescent="0.3">
      <c r="A7101" s="1">
        <v>42815</v>
      </c>
      <c r="B7101" s="3">
        <f t="shared" si="220"/>
        <v>3</v>
      </c>
      <c r="C7101" s="3">
        <f t="shared" si="221"/>
        <v>2017</v>
      </c>
      <c r="D7101" t="s">
        <v>532</v>
      </c>
      <c r="E7101" t="s">
        <v>163</v>
      </c>
      <c r="F7101" t="s">
        <v>33</v>
      </c>
      <c r="G7101" t="s">
        <v>46</v>
      </c>
      <c r="H7101" t="s">
        <v>1531</v>
      </c>
      <c r="I7101">
        <v>22.14</v>
      </c>
      <c r="J7101">
        <v>3</v>
      </c>
      <c r="K7101">
        <v>6.42</v>
      </c>
    </row>
    <row r="7102" spans="1:11" x14ac:dyDescent="0.3">
      <c r="A7102" s="1">
        <v>42815</v>
      </c>
      <c r="B7102" s="3">
        <f t="shared" si="220"/>
        <v>3</v>
      </c>
      <c r="C7102" s="3">
        <f t="shared" si="221"/>
        <v>2017</v>
      </c>
      <c r="D7102" t="s">
        <v>532</v>
      </c>
      <c r="E7102" t="s">
        <v>163</v>
      </c>
      <c r="F7102" t="s">
        <v>10</v>
      </c>
      <c r="G7102" t="s">
        <v>17</v>
      </c>
      <c r="H7102" t="s">
        <v>728</v>
      </c>
      <c r="I7102">
        <v>359.32</v>
      </c>
      <c r="J7102">
        <v>4</v>
      </c>
      <c r="K7102">
        <v>7.19</v>
      </c>
    </row>
    <row r="7103" spans="1:11" x14ac:dyDescent="0.3">
      <c r="A7103" s="1">
        <v>42817</v>
      </c>
      <c r="B7103" s="3">
        <f t="shared" si="220"/>
        <v>3</v>
      </c>
      <c r="C7103" s="3">
        <f t="shared" si="221"/>
        <v>2017</v>
      </c>
      <c r="D7103" t="s">
        <v>2431</v>
      </c>
      <c r="E7103" t="s">
        <v>26</v>
      </c>
      <c r="F7103" t="s">
        <v>33</v>
      </c>
      <c r="G7103" t="s">
        <v>46</v>
      </c>
      <c r="H7103" t="s">
        <v>1215</v>
      </c>
      <c r="I7103">
        <v>211.84</v>
      </c>
      <c r="J7103">
        <v>8</v>
      </c>
      <c r="K7103">
        <v>76.260000000000005</v>
      </c>
    </row>
    <row r="7104" spans="1:11" x14ac:dyDescent="0.3">
      <c r="A7104" s="1">
        <v>42817</v>
      </c>
      <c r="B7104" s="3">
        <f t="shared" si="220"/>
        <v>3</v>
      </c>
      <c r="C7104" s="3">
        <f t="shared" si="221"/>
        <v>2017</v>
      </c>
      <c r="D7104" t="s">
        <v>1473</v>
      </c>
      <c r="E7104" t="s">
        <v>9</v>
      </c>
      <c r="F7104" t="s">
        <v>10</v>
      </c>
      <c r="G7104" t="s">
        <v>17</v>
      </c>
      <c r="H7104" t="s">
        <v>728</v>
      </c>
      <c r="I7104">
        <v>143.72999999999999</v>
      </c>
      <c r="J7104">
        <v>2</v>
      </c>
      <c r="K7104">
        <v>-32.340000000000003</v>
      </c>
    </row>
    <row r="7105" spans="1:11" x14ac:dyDescent="0.3">
      <c r="A7105" s="1">
        <v>42817</v>
      </c>
      <c r="B7105" s="3">
        <f t="shared" si="220"/>
        <v>3</v>
      </c>
      <c r="C7105" s="3">
        <f t="shared" si="221"/>
        <v>2017</v>
      </c>
      <c r="D7105" t="s">
        <v>1799</v>
      </c>
      <c r="E7105" t="s">
        <v>148</v>
      </c>
      <c r="F7105" t="s">
        <v>10</v>
      </c>
      <c r="G7105" t="s">
        <v>11</v>
      </c>
      <c r="H7105" t="s">
        <v>2659</v>
      </c>
      <c r="I7105">
        <v>25.68</v>
      </c>
      <c r="J7105">
        <v>6</v>
      </c>
      <c r="K7105">
        <v>11.56</v>
      </c>
    </row>
    <row r="7106" spans="1:11" x14ac:dyDescent="0.3">
      <c r="A7106" s="1">
        <v>42817</v>
      </c>
      <c r="B7106" s="3">
        <f t="shared" ref="B7106:B7169" si="222">MONTH(A:A)</f>
        <v>3</v>
      </c>
      <c r="C7106" s="3">
        <f t="shared" ref="C7106:C7169" si="223">YEAR(A:A)</f>
        <v>2017</v>
      </c>
      <c r="D7106" t="s">
        <v>449</v>
      </c>
      <c r="E7106" t="s">
        <v>148</v>
      </c>
      <c r="F7106" t="s">
        <v>10</v>
      </c>
      <c r="G7106" t="s">
        <v>199</v>
      </c>
      <c r="H7106" t="s">
        <v>2496</v>
      </c>
      <c r="I7106">
        <v>347.58</v>
      </c>
      <c r="J7106">
        <v>3</v>
      </c>
      <c r="K7106">
        <v>17.38</v>
      </c>
    </row>
    <row r="7107" spans="1:11" x14ac:dyDescent="0.3">
      <c r="A7107" s="1">
        <v>42817</v>
      </c>
      <c r="B7107" s="3">
        <f t="shared" si="222"/>
        <v>3</v>
      </c>
      <c r="C7107" s="3">
        <f t="shared" si="223"/>
        <v>2017</v>
      </c>
      <c r="D7107" t="s">
        <v>2258</v>
      </c>
      <c r="E7107" t="s">
        <v>163</v>
      </c>
      <c r="F7107" t="s">
        <v>10</v>
      </c>
      <c r="G7107" t="s">
        <v>19</v>
      </c>
      <c r="H7107" t="s">
        <v>965</v>
      </c>
      <c r="I7107">
        <v>34.76</v>
      </c>
      <c r="J7107">
        <v>5</v>
      </c>
      <c r="K7107">
        <v>11.3</v>
      </c>
    </row>
    <row r="7108" spans="1:11" x14ac:dyDescent="0.3">
      <c r="A7108" s="1">
        <v>42817</v>
      </c>
      <c r="B7108" s="3">
        <f t="shared" si="222"/>
        <v>3</v>
      </c>
      <c r="C7108" s="3">
        <f t="shared" si="223"/>
        <v>2017</v>
      </c>
      <c r="D7108" t="s">
        <v>2473</v>
      </c>
      <c r="E7108" t="s">
        <v>163</v>
      </c>
      <c r="F7108" t="s">
        <v>10</v>
      </c>
      <c r="G7108" t="s">
        <v>17</v>
      </c>
      <c r="H7108" t="s">
        <v>178</v>
      </c>
      <c r="I7108">
        <v>32.479999999999997</v>
      </c>
      <c r="J7108">
        <v>2</v>
      </c>
      <c r="K7108">
        <v>4.87</v>
      </c>
    </row>
    <row r="7109" spans="1:11" x14ac:dyDescent="0.3">
      <c r="A7109" s="1">
        <v>42817</v>
      </c>
      <c r="B7109" s="3">
        <f t="shared" si="222"/>
        <v>3</v>
      </c>
      <c r="C7109" s="3">
        <f t="shared" si="223"/>
        <v>2017</v>
      </c>
      <c r="D7109" t="s">
        <v>2473</v>
      </c>
      <c r="E7109" t="s">
        <v>163</v>
      </c>
      <c r="F7109" t="s">
        <v>10</v>
      </c>
      <c r="G7109" t="s">
        <v>11</v>
      </c>
      <c r="H7109" t="s">
        <v>440</v>
      </c>
      <c r="I7109">
        <v>20.04</v>
      </c>
      <c r="J7109">
        <v>3</v>
      </c>
      <c r="K7109">
        <v>9.6199999999999992</v>
      </c>
    </row>
    <row r="7110" spans="1:11" x14ac:dyDescent="0.3">
      <c r="A7110" s="1">
        <v>42817</v>
      </c>
      <c r="B7110" s="3">
        <f t="shared" si="222"/>
        <v>3</v>
      </c>
      <c r="C7110" s="3">
        <f t="shared" si="223"/>
        <v>2017</v>
      </c>
      <c r="D7110" t="s">
        <v>2473</v>
      </c>
      <c r="E7110" t="s">
        <v>163</v>
      </c>
      <c r="F7110" t="s">
        <v>38</v>
      </c>
      <c r="G7110" t="s">
        <v>602</v>
      </c>
      <c r="H7110" t="s">
        <v>2528</v>
      </c>
      <c r="I7110">
        <v>13999.96</v>
      </c>
      <c r="J7110">
        <v>4</v>
      </c>
      <c r="K7110">
        <v>6719.98</v>
      </c>
    </row>
    <row r="7111" spans="1:11" x14ac:dyDescent="0.3">
      <c r="A7111" s="1">
        <v>42818</v>
      </c>
      <c r="B7111" s="3">
        <f t="shared" si="222"/>
        <v>3</v>
      </c>
      <c r="C7111" s="3">
        <f t="shared" si="223"/>
        <v>2017</v>
      </c>
      <c r="D7111" t="s">
        <v>922</v>
      </c>
      <c r="E7111" t="s">
        <v>148</v>
      </c>
      <c r="F7111" t="s">
        <v>10</v>
      </c>
      <c r="G7111" t="s">
        <v>11</v>
      </c>
      <c r="H7111" t="s">
        <v>1663</v>
      </c>
      <c r="I7111">
        <v>221.92</v>
      </c>
      <c r="J7111">
        <v>4</v>
      </c>
      <c r="K7111">
        <v>106.52</v>
      </c>
    </row>
    <row r="7112" spans="1:11" x14ac:dyDescent="0.3">
      <c r="A7112" s="1">
        <v>42818</v>
      </c>
      <c r="B7112" s="3">
        <f t="shared" si="222"/>
        <v>3</v>
      </c>
      <c r="C7112" s="3">
        <f t="shared" si="223"/>
        <v>2017</v>
      </c>
      <c r="D7112" t="s">
        <v>922</v>
      </c>
      <c r="E7112" t="s">
        <v>148</v>
      </c>
      <c r="F7112" t="s">
        <v>38</v>
      </c>
      <c r="G7112" t="s">
        <v>51</v>
      </c>
      <c r="H7112" t="s">
        <v>52</v>
      </c>
      <c r="I7112">
        <v>26</v>
      </c>
      <c r="J7112">
        <v>2</v>
      </c>
      <c r="K7112">
        <v>11.7</v>
      </c>
    </row>
    <row r="7113" spans="1:11" x14ac:dyDescent="0.3">
      <c r="A7113" s="1">
        <v>42818</v>
      </c>
      <c r="B7113" s="3">
        <f t="shared" si="222"/>
        <v>3</v>
      </c>
      <c r="C7113" s="3">
        <f t="shared" si="223"/>
        <v>2017</v>
      </c>
      <c r="D7113" t="s">
        <v>1687</v>
      </c>
      <c r="E7113" t="s">
        <v>148</v>
      </c>
      <c r="F7113" t="s">
        <v>10</v>
      </c>
      <c r="G7113" t="s">
        <v>62</v>
      </c>
      <c r="H7113" t="s">
        <v>1349</v>
      </c>
      <c r="I7113">
        <v>47.01</v>
      </c>
      <c r="J7113">
        <v>3</v>
      </c>
      <c r="K7113">
        <v>22.09</v>
      </c>
    </row>
    <row r="7114" spans="1:11" x14ac:dyDescent="0.3">
      <c r="A7114" s="1">
        <v>42818</v>
      </c>
      <c r="B7114" s="3">
        <f t="shared" si="222"/>
        <v>3</v>
      </c>
      <c r="C7114" s="3">
        <f t="shared" si="223"/>
        <v>2017</v>
      </c>
      <c r="D7114" t="s">
        <v>1687</v>
      </c>
      <c r="E7114" t="s">
        <v>148</v>
      </c>
      <c r="F7114" t="s">
        <v>38</v>
      </c>
      <c r="G7114" t="s">
        <v>39</v>
      </c>
      <c r="H7114" t="s">
        <v>2192</v>
      </c>
      <c r="I7114">
        <v>469.99</v>
      </c>
      <c r="J7114">
        <v>1</v>
      </c>
      <c r="K7114">
        <v>136.30000000000001</v>
      </c>
    </row>
    <row r="7115" spans="1:11" x14ac:dyDescent="0.3">
      <c r="A7115" s="1">
        <v>42818</v>
      </c>
      <c r="B7115" s="3">
        <f t="shared" si="222"/>
        <v>3</v>
      </c>
      <c r="C7115" s="3">
        <f t="shared" si="223"/>
        <v>2017</v>
      </c>
      <c r="D7115" t="s">
        <v>1687</v>
      </c>
      <c r="E7115" t="s">
        <v>148</v>
      </c>
      <c r="F7115" t="s">
        <v>33</v>
      </c>
      <c r="G7115" t="s">
        <v>34</v>
      </c>
      <c r="H7115" t="s">
        <v>698</v>
      </c>
      <c r="I7115">
        <v>207.85</v>
      </c>
      <c r="J7115">
        <v>3</v>
      </c>
      <c r="K7115">
        <v>2.31</v>
      </c>
    </row>
    <row r="7116" spans="1:11" x14ac:dyDescent="0.3">
      <c r="A7116" s="1">
        <v>42818</v>
      </c>
      <c r="B7116" s="3">
        <f t="shared" si="222"/>
        <v>3</v>
      </c>
      <c r="C7116" s="3">
        <f t="shared" si="223"/>
        <v>2017</v>
      </c>
      <c r="D7116" t="s">
        <v>106</v>
      </c>
      <c r="E7116" t="s">
        <v>148</v>
      </c>
      <c r="F7116" t="s">
        <v>33</v>
      </c>
      <c r="G7116" t="s">
        <v>34</v>
      </c>
      <c r="H7116" t="s">
        <v>1596</v>
      </c>
      <c r="I7116">
        <v>271.76</v>
      </c>
      <c r="J7116">
        <v>2</v>
      </c>
      <c r="K7116">
        <v>60.39</v>
      </c>
    </row>
    <row r="7117" spans="1:11" x14ac:dyDescent="0.3">
      <c r="A7117" s="1">
        <v>42818</v>
      </c>
      <c r="B7117" s="3">
        <f t="shared" si="222"/>
        <v>3</v>
      </c>
      <c r="C7117" s="3">
        <f t="shared" si="223"/>
        <v>2017</v>
      </c>
      <c r="D7117" t="s">
        <v>2245</v>
      </c>
      <c r="E7117" t="s">
        <v>9</v>
      </c>
      <c r="F7117" t="s">
        <v>10</v>
      </c>
      <c r="G7117" t="s">
        <v>17</v>
      </c>
      <c r="H7117" t="s">
        <v>1452</v>
      </c>
      <c r="I7117">
        <v>12.77</v>
      </c>
      <c r="J7117">
        <v>2</v>
      </c>
      <c r="K7117">
        <v>0.96</v>
      </c>
    </row>
    <row r="7118" spans="1:11" x14ac:dyDescent="0.3">
      <c r="A7118" s="1">
        <v>42819</v>
      </c>
      <c r="B7118" s="3">
        <f t="shared" si="222"/>
        <v>3</v>
      </c>
      <c r="C7118" s="3">
        <f t="shared" si="223"/>
        <v>2017</v>
      </c>
      <c r="D7118" t="s">
        <v>1300</v>
      </c>
      <c r="E7118" t="s">
        <v>9</v>
      </c>
      <c r="F7118" t="s">
        <v>38</v>
      </c>
      <c r="G7118" t="s">
        <v>39</v>
      </c>
      <c r="H7118" t="s">
        <v>286</v>
      </c>
      <c r="I7118">
        <v>470.38</v>
      </c>
      <c r="J7118">
        <v>3</v>
      </c>
      <c r="K7118">
        <v>47.04</v>
      </c>
    </row>
    <row r="7119" spans="1:11" x14ac:dyDescent="0.3">
      <c r="A7119" s="1">
        <v>42819</v>
      </c>
      <c r="B7119" s="3">
        <f t="shared" si="222"/>
        <v>3</v>
      </c>
      <c r="C7119" s="3">
        <f t="shared" si="223"/>
        <v>2017</v>
      </c>
      <c r="D7119" t="s">
        <v>393</v>
      </c>
      <c r="E7119" t="s">
        <v>26</v>
      </c>
      <c r="F7119" t="s">
        <v>10</v>
      </c>
      <c r="G7119" t="s">
        <v>91</v>
      </c>
      <c r="H7119" t="s">
        <v>1117</v>
      </c>
      <c r="I7119">
        <v>176.04</v>
      </c>
      <c r="J7119">
        <v>4</v>
      </c>
      <c r="K7119">
        <v>45.77</v>
      </c>
    </row>
    <row r="7120" spans="1:11" x14ac:dyDescent="0.3">
      <c r="A7120" s="1">
        <v>42819</v>
      </c>
      <c r="B7120" s="3">
        <f t="shared" si="222"/>
        <v>3</v>
      </c>
      <c r="C7120" s="3">
        <f t="shared" si="223"/>
        <v>2017</v>
      </c>
      <c r="D7120" t="s">
        <v>393</v>
      </c>
      <c r="E7120" t="s">
        <v>26</v>
      </c>
      <c r="F7120" t="s">
        <v>10</v>
      </c>
      <c r="G7120" t="s">
        <v>23</v>
      </c>
      <c r="H7120" t="s">
        <v>206</v>
      </c>
      <c r="I7120">
        <v>16.02</v>
      </c>
      <c r="J7120">
        <v>9</v>
      </c>
      <c r="K7120">
        <v>4.49</v>
      </c>
    </row>
    <row r="7121" spans="1:11" x14ac:dyDescent="0.3">
      <c r="A7121" s="1">
        <v>42819</v>
      </c>
      <c r="B7121" s="3">
        <f t="shared" si="222"/>
        <v>3</v>
      </c>
      <c r="C7121" s="3">
        <f t="shared" si="223"/>
        <v>2017</v>
      </c>
      <c r="D7121" t="s">
        <v>393</v>
      </c>
      <c r="E7121" t="s">
        <v>26</v>
      </c>
      <c r="F7121" t="s">
        <v>10</v>
      </c>
      <c r="G7121" t="s">
        <v>19</v>
      </c>
      <c r="H7121" t="s">
        <v>661</v>
      </c>
      <c r="I7121">
        <v>185.92</v>
      </c>
      <c r="J7121">
        <v>4</v>
      </c>
      <c r="K7121">
        <v>62.75</v>
      </c>
    </row>
    <row r="7122" spans="1:11" x14ac:dyDescent="0.3">
      <c r="A7122" s="1">
        <v>42819</v>
      </c>
      <c r="B7122" s="3">
        <f t="shared" si="222"/>
        <v>3</v>
      </c>
      <c r="C7122" s="3">
        <f t="shared" si="223"/>
        <v>2017</v>
      </c>
      <c r="D7122" t="s">
        <v>393</v>
      </c>
      <c r="E7122" t="s">
        <v>26</v>
      </c>
      <c r="F7122" t="s">
        <v>38</v>
      </c>
      <c r="G7122" t="s">
        <v>39</v>
      </c>
      <c r="H7122" t="s">
        <v>2472</v>
      </c>
      <c r="I7122">
        <v>211.17</v>
      </c>
      <c r="J7122">
        <v>4</v>
      </c>
      <c r="K7122">
        <v>15.84</v>
      </c>
    </row>
    <row r="7123" spans="1:11" x14ac:dyDescent="0.3">
      <c r="A7123" s="1">
        <v>42819</v>
      </c>
      <c r="B7123" s="3">
        <f t="shared" si="222"/>
        <v>3</v>
      </c>
      <c r="C7123" s="3">
        <f t="shared" si="223"/>
        <v>2017</v>
      </c>
      <c r="D7123" t="s">
        <v>393</v>
      </c>
      <c r="E7123" t="s">
        <v>26</v>
      </c>
      <c r="F7123" t="s">
        <v>38</v>
      </c>
      <c r="G7123" t="s">
        <v>602</v>
      </c>
      <c r="H7123" t="s">
        <v>2238</v>
      </c>
      <c r="I7123">
        <v>479.98</v>
      </c>
      <c r="J7123">
        <v>2</v>
      </c>
      <c r="K7123">
        <v>60</v>
      </c>
    </row>
    <row r="7124" spans="1:11" x14ac:dyDescent="0.3">
      <c r="A7124" s="1">
        <v>42819</v>
      </c>
      <c r="B7124" s="3">
        <f t="shared" si="222"/>
        <v>3</v>
      </c>
      <c r="C7124" s="3">
        <f t="shared" si="223"/>
        <v>2017</v>
      </c>
      <c r="D7124" t="s">
        <v>1634</v>
      </c>
      <c r="E7124" t="s">
        <v>156</v>
      </c>
      <c r="F7124" t="s">
        <v>33</v>
      </c>
      <c r="G7124" t="s">
        <v>34</v>
      </c>
      <c r="H7124" t="s">
        <v>70</v>
      </c>
      <c r="I7124">
        <v>90.99</v>
      </c>
      <c r="J7124">
        <v>1</v>
      </c>
      <c r="K7124">
        <v>14.56</v>
      </c>
    </row>
    <row r="7125" spans="1:11" x14ac:dyDescent="0.3">
      <c r="A7125" s="1">
        <v>42819</v>
      </c>
      <c r="B7125" s="3">
        <f t="shared" si="222"/>
        <v>3</v>
      </c>
      <c r="C7125" s="3">
        <f t="shared" si="223"/>
        <v>2017</v>
      </c>
      <c r="D7125" t="s">
        <v>1634</v>
      </c>
      <c r="E7125" t="s">
        <v>156</v>
      </c>
      <c r="F7125" t="s">
        <v>33</v>
      </c>
      <c r="G7125" t="s">
        <v>34</v>
      </c>
      <c r="H7125" t="s">
        <v>632</v>
      </c>
      <c r="I7125">
        <v>1526.56</v>
      </c>
      <c r="J7125">
        <v>7</v>
      </c>
      <c r="K7125">
        <v>427.44</v>
      </c>
    </row>
    <row r="7126" spans="1:11" x14ac:dyDescent="0.3">
      <c r="A7126" s="1">
        <v>42819</v>
      </c>
      <c r="B7126" s="3">
        <f t="shared" si="222"/>
        <v>3</v>
      </c>
      <c r="C7126" s="3">
        <f t="shared" si="223"/>
        <v>2017</v>
      </c>
      <c r="D7126" t="s">
        <v>1634</v>
      </c>
      <c r="E7126" t="s">
        <v>156</v>
      </c>
      <c r="F7126" t="s">
        <v>33</v>
      </c>
      <c r="G7126" t="s">
        <v>34</v>
      </c>
      <c r="H7126" t="s">
        <v>918</v>
      </c>
      <c r="I7126">
        <v>368.97</v>
      </c>
      <c r="J7126">
        <v>3</v>
      </c>
      <c r="K7126">
        <v>40.590000000000003</v>
      </c>
    </row>
    <row r="7127" spans="1:11" x14ac:dyDescent="0.3">
      <c r="A7127" s="1">
        <v>42819</v>
      </c>
      <c r="B7127" s="3">
        <f t="shared" si="222"/>
        <v>3</v>
      </c>
      <c r="C7127" s="3">
        <f t="shared" si="223"/>
        <v>2017</v>
      </c>
      <c r="D7127" t="s">
        <v>823</v>
      </c>
      <c r="E7127" t="s">
        <v>9</v>
      </c>
      <c r="F7127" t="s">
        <v>10</v>
      </c>
      <c r="G7127" t="s">
        <v>11</v>
      </c>
      <c r="H7127" t="s">
        <v>2069</v>
      </c>
      <c r="I7127">
        <v>6.85</v>
      </c>
      <c r="J7127">
        <v>2</v>
      </c>
      <c r="K7127">
        <v>2.14</v>
      </c>
    </row>
    <row r="7128" spans="1:11" x14ac:dyDescent="0.3">
      <c r="A7128" s="1">
        <v>42819</v>
      </c>
      <c r="B7128" s="3">
        <f t="shared" si="222"/>
        <v>3</v>
      </c>
      <c r="C7128" s="3">
        <f t="shared" si="223"/>
        <v>2017</v>
      </c>
      <c r="D7128" t="s">
        <v>284</v>
      </c>
      <c r="E7128" t="s">
        <v>163</v>
      </c>
      <c r="F7128" t="s">
        <v>10</v>
      </c>
      <c r="G7128" t="s">
        <v>23</v>
      </c>
      <c r="H7128" t="s">
        <v>2188</v>
      </c>
      <c r="I7128">
        <v>23.1</v>
      </c>
      <c r="J7128">
        <v>2</v>
      </c>
      <c r="K7128">
        <v>6.93</v>
      </c>
    </row>
    <row r="7129" spans="1:11" x14ac:dyDescent="0.3">
      <c r="A7129" s="1">
        <v>42819</v>
      </c>
      <c r="B7129" s="3">
        <f t="shared" si="222"/>
        <v>3</v>
      </c>
      <c r="C7129" s="3">
        <f t="shared" si="223"/>
        <v>2017</v>
      </c>
      <c r="D7129" t="s">
        <v>536</v>
      </c>
      <c r="E7129" t="s">
        <v>148</v>
      </c>
      <c r="F7129" t="s">
        <v>10</v>
      </c>
      <c r="G7129" t="s">
        <v>23</v>
      </c>
      <c r="H7129" t="s">
        <v>2083</v>
      </c>
      <c r="I7129">
        <v>11.05</v>
      </c>
      <c r="J7129">
        <v>5</v>
      </c>
      <c r="K7129">
        <v>2.98</v>
      </c>
    </row>
    <row r="7130" spans="1:11" x14ac:dyDescent="0.3">
      <c r="A7130" s="1">
        <v>42820</v>
      </c>
      <c r="B7130" s="3">
        <f t="shared" si="222"/>
        <v>3</v>
      </c>
      <c r="C7130" s="3">
        <f t="shared" si="223"/>
        <v>2017</v>
      </c>
      <c r="D7130" t="s">
        <v>362</v>
      </c>
      <c r="E7130" t="s">
        <v>148</v>
      </c>
      <c r="F7130" t="s">
        <v>33</v>
      </c>
      <c r="G7130" t="s">
        <v>73</v>
      </c>
      <c r="H7130" t="s">
        <v>2133</v>
      </c>
      <c r="I7130">
        <v>257.57</v>
      </c>
      <c r="J7130">
        <v>2</v>
      </c>
      <c r="K7130">
        <v>-28.98</v>
      </c>
    </row>
    <row r="7131" spans="1:11" x14ac:dyDescent="0.3">
      <c r="A7131" s="1">
        <v>42820</v>
      </c>
      <c r="B7131" s="3">
        <f t="shared" si="222"/>
        <v>3</v>
      </c>
      <c r="C7131" s="3">
        <f t="shared" si="223"/>
        <v>2017</v>
      </c>
      <c r="D7131" t="s">
        <v>362</v>
      </c>
      <c r="E7131" t="s">
        <v>148</v>
      </c>
      <c r="F7131" t="s">
        <v>38</v>
      </c>
      <c r="G7131" t="s">
        <v>39</v>
      </c>
      <c r="H7131" t="s">
        <v>1658</v>
      </c>
      <c r="I7131">
        <v>119.96</v>
      </c>
      <c r="J7131">
        <v>4</v>
      </c>
      <c r="K7131">
        <v>33.590000000000003</v>
      </c>
    </row>
    <row r="7132" spans="1:11" x14ac:dyDescent="0.3">
      <c r="A7132" s="1">
        <v>42820</v>
      </c>
      <c r="B7132" s="3">
        <f t="shared" si="222"/>
        <v>3</v>
      </c>
      <c r="C7132" s="3">
        <f t="shared" si="223"/>
        <v>2017</v>
      </c>
      <c r="D7132" t="s">
        <v>2325</v>
      </c>
      <c r="E7132" t="s">
        <v>163</v>
      </c>
      <c r="F7132" t="s">
        <v>10</v>
      </c>
      <c r="G7132" t="s">
        <v>23</v>
      </c>
      <c r="H7132" t="s">
        <v>2183</v>
      </c>
      <c r="I7132">
        <v>19.829999999999998</v>
      </c>
      <c r="J7132">
        <v>1</v>
      </c>
      <c r="K7132">
        <v>5.95</v>
      </c>
    </row>
    <row r="7133" spans="1:11" x14ac:dyDescent="0.3">
      <c r="A7133" s="1">
        <v>42820</v>
      </c>
      <c r="B7133" s="3">
        <f t="shared" si="222"/>
        <v>3</v>
      </c>
      <c r="C7133" s="3">
        <f t="shared" si="223"/>
        <v>2017</v>
      </c>
      <c r="D7133" t="s">
        <v>2660</v>
      </c>
      <c r="E7133" t="s">
        <v>109</v>
      </c>
      <c r="F7133" t="s">
        <v>33</v>
      </c>
      <c r="G7133" t="s">
        <v>46</v>
      </c>
      <c r="H7133" t="s">
        <v>2661</v>
      </c>
      <c r="I7133">
        <v>60.84</v>
      </c>
      <c r="J7133">
        <v>3</v>
      </c>
      <c r="K7133">
        <v>23.12</v>
      </c>
    </row>
    <row r="7134" spans="1:11" x14ac:dyDescent="0.3">
      <c r="A7134" s="1">
        <v>42820</v>
      </c>
      <c r="B7134" s="3">
        <f t="shared" si="222"/>
        <v>3</v>
      </c>
      <c r="C7134" s="3">
        <f t="shared" si="223"/>
        <v>2017</v>
      </c>
      <c r="D7134" t="s">
        <v>2405</v>
      </c>
      <c r="E7134" t="s">
        <v>54</v>
      </c>
      <c r="F7134" t="s">
        <v>38</v>
      </c>
      <c r="G7134" t="s">
        <v>51</v>
      </c>
      <c r="H7134" t="s">
        <v>1984</v>
      </c>
      <c r="I7134">
        <v>53.25</v>
      </c>
      <c r="J7134">
        <v>3</v>
      </c>
      <c r="K7134">
        <v>20.77</v>
      </c>
    </row>
    <row r="7135" spans="1:11" x14ac:dyDescent="0.3">
      <c r="A7135" s="1">
        <v>42820</v>
      </c>
      <c r="B7135" s="3">
        <f t="shared" si="222"/>
        <v>3</v>
      </c>
      <c r="C7135" s="3">
        <f t="shared" si="223"/>
        <v>2017</v>
      </c>
      <c r="D7135" t="s">
        <v>2405</v>
      </c>
      <c r="E7135" t="s">
        <v>54</v>
      </c>
      <c r="F7135" t="s">
        <v>10</v>
      </c>
      <c r="G7135" t="s">
        <v>42</v>
      </c>
      <c r="H7135" t="s">
        <v>159</v>
      </c>
      <c r="I7135">
        <v>3.76</v>
      </c>
      <c r="J7135">
        <v>2</v>
      </c>
      <c r="K7135">
        <v>1.32</v>
      </c>
    </row>
    <row r="7136" spans="1:11" x14ac:dyDescent="0.3">
      <c r="A7136" s="1">
        <v>42820</v>
      </c>
      <c r="B7136" s="3">
        <f t="shared" si="222"/>
        <v>3</v>
      </c>
      <c r="C7136" s="3">
        <f t="shared" si="223"/>
        <v>2017</v>
      </c>
      <c r="D7136" t="s">
        <v>812</v>
      </c>
      <c r="E7136" t="s">
        <v>9</v>
      </c>
      <c r="F7136" t="s">
        <v>38</v>
      </c>
      <c r="G7136" t="s">
        <v>51</v>
      </c>
      <c r="H7136" t="s">
        <v>866</v>
      </c>
      <c r="I7136">
        <v>143.96</v>
      </c>
      <c r="J7136">
        <v>5</v>
      </c>
      <c r="K7136">
        <v>1.8</v>
      </c>
    </row>
    <row r="7137" spans="1:11" x14ac:dyDescent="0.3">
      <c r="A7137" s="1">
        <v>42820</v>
      </c>
      <c r="B7137" s="3">
        <f t="shared" si="222"/>
        <v>3</v>
      </c>
      <c r="C7137" s="3">
        <f t="shared" si="223"/>
        <v>2017</v>
      </c>
      <c r="D7137" t="s">
        <v>812</v>
      </c>
      <c r="E7137" t="s">
        <v>9</v>
      </c>
      <c r="F7137" t="s">
        <v>38</v>
      </c>
      <c r="G7137" t="s">
        <v>602</v>
      </c>
      <c r="H7137" t="s">
        <v>1347</v>
      </c>
      <c r="I7137">
        <v>2399.96</v>
      </c>
      <c r="J7137">
        <v>5</v>
      </c>
      <c r="K7137">
        <v>569.99</v>
      </c>
    </row>
    <row r="7138" spans="1:11" x14ac:dyDescent="0.3">
      <c r="A7138" s="1">
        <v>42820</v>
      </c>
      <c r="B7138" s="3">
        <f t="shared" si="222"/>
        <v>3</v>
      </c>
      <c r="C7138" s="3">
        <f t="shared" si="223"/>
        <v>2017</v>
      </c>
      <c r="D7138" t="s">
        <v>812</v>
      </c>
      <c r="E7138" t="s">
        <v>9</v>
      </c>
      <c r="F7138" t="s">
        <v>10</v>
      </c>
      <c r="G7138" t="s">
        <v>11</v>
      </c>
      <c r="H7138" t="s">
        <v>369</v>
      </c>
      <c r="I7138">
        <v>74.349999999999994</v>
      </c>
      <c r="J7138">
        <v>3</v>
      </c>
      <c r="K7138">
        <v>23.24</v>
      </c>
    </row>
    <row r="7139" spans="1:11" x14ac:dyDescent="0.3">
      <c r="A7139" s="1">
        <v>42820</v>
      </c>
      <c r="B7139" s="3">
        <f t="shared" si="222"/>
        <v>3</v>
      </c>
      <c r="C7139" s="3">
        <f t="shared" si="223"/>
        <v>2017</v>
      </c>
      <c r="D7139" t="s">
        <v>812</v>
      </c>
      <c r="E7139" t="s">
        <v>9</v>
      </c>
      <c r="F7139" t="s">
        <v>10</v>
      </c>
      <c r="G7139" t="s">
        <v>91</v>
      </c>
      <c r="H7139" t="s">
        <v>1887</v>
      </c>
      <c r="I7139">
        <v>87.17</v>
      </c>
      <c r="J7139">
        <v>8</v>
      </c>
      <c r="K7139">
        <v>-226.64</v>
      </c>
    </row>
    <row r="7140" spans="1:11" x14ac:dyDescent="0.3">
      <c r="A7140" s="1">
        <v>42820</v>
      </c>
      <c r="B7140" s="3">
        <f t="shared" si="222"/>
        <v>3</v>
      </c>
      <c r="C7140" s="3">
        <f t="shared" si="223"/>
        <v>2017</v>
      </c>
      <c r="D7140" t="s">
        <v>812</v>
      </c>
      <c r="E7140" t="s">
        <v>9</v>
      </c>
      <c r="F7140" t="s">
        <v>10</v>
      </c>
      <c r="G7140" t="s">
        <v>17</v>
      </c>
      <c r="H7140" t="s">
        <v>2019</v>
      </c>
      <c r="I7140">
        <v>32.229999999999997</v>
      </c>
      <c r="J7140">
        <v>3</v>
      </c>
      <c r="K7140">
        <v>2.42</v>
      </c>
    </row>
    <row r="7141" spans="1:11" x14ac:dyDescent="0.3">
      <c r="A7141" s="1">
        <v>42821</v>
      </c>
      <c r="B7141" s="3">
        <f t="shared" si="222"/>
        <v>3</v>
      </c>
      <c r="C7141" s="3">
        <f t="shared" si="223"/>
        <v>2017</v>
      </c>
      <c r="D7141" t="s">
        <v>663</v>
      </c>
      <c r="E7141" t="s">
        <v>22</v>
      </c>
      <c r="F7141" t="s">
        <v>33</v>
      </c>
      <c r="G7141" t="s">
        <v>46</v>
      </c>
      <c r="H7141" t="s">
        <v>1975</v>
      </c>
      <c r="I7141">
        <v>15.01</v>
      </c>
      <c r="J7141">
        <v>2</v>
      </c>
      <c r="K7141">
        <v>1.5</v>
      </c>
    </row>
    <row r="7142" spans="1:11" x14ac:dyDescent="0.3">
      <c r="A7142" s="1">
        <v>42821</v>
      </c>
      <c r="B7142" s="3">
        <f t="shared" si="222"/>
        <v>3</v>
      </c>
      <c r="C7142" s="3">
        <f t="shared" si="223"/>
        <v>2017</v>
      </c>
      <c r="D7142" t="s">
        <v>2090</v>
      </c>
      <c r="E7142" t="s">
        <v>26</v>
      </c>
      <c r="F7142" t="s">
        <v>10</v>
      </c>
      <c r="G7142" t="s">
        <v>11</v>
      </c>
      <c r="H7142" t="s">
        <v>2612</v>
      </c>
      <c r="I7142">
        <v>45.68</v>
      </c>
      <c r="J7142">
        <v>2</v>
      </c>
      <c r="K7142">
        <v>21.01</v>
      </c>
    </row>
    <row r="7143" spans="1:11" x14ac:dyDescent="0.3">
      <c r="A7143" s="1">
        <v>42821</v>
      </c>
      <c r="B7143" s="3">
        <f t="shared" si="222"/>
        <v>3</v>
      </c>
      <c r="C7143" s="3">
        <f t="shared" si="223"/>
        <v>2017</v>
      </c>
      <c r="D7143" t="s">
        <v>2090</v>
      </c>
      <c r="E7143" t="s">
        <v>26</v>
      </c>
      <c r="F7143" t="s">
        <v>10</v>
      </c>
      <c r="G7143" t="s">
        <v>11</v>
      </c>
      <c r="H7143" t="s">
        <v>895</v>
      </c>
      <c r="I7143">
        <v>110.96</v>
      </c>
      <c r="J7143">
        <v>2</v>
      </c>
      <c r="K7143">
        <v>53.26</v>
      </c>
    </row>
    <row r="7144" spans="1:11" x14ac:dyDescent="0.3">
      <c r="A7144" s="1">
        <v>42821</v>
      </c>
      <c r="B7144" s="3">
        <f t="shared" si="222"/>
        <v>3</v>
      </c>
      <c r="C7144" s="3">
        <f t="shared" si="223"/>
        <v>2017</v>
      </c>
      <c r="D7144" t="s">
        <v>2090</v>
      </c>
      <c r="E7144" t="s">
        <v>26</v>
      </c>
      <c r="F7144" t="s">
        <v>10</v>
      </c>
      <c r="G7144" t="s">
        <v>11</v>
      </c>
      <c r="H7144" t="s">
        <v>2662</v>
      </c>
      <c r="I7144">
        <v>11.94</v>
      </c>
      <c r="J7144">
        <v>3</v>
      </c>
      <c r="K7144">
        <v>5.97</v>
      </c>
    </row>
    <row r="7145" spans="1:11" x14ac:dyDescent="0.3">
      <c r="A7145" s="1">
        <v>42821</v>
      </c>
      <c r="B7145" s="3">
        <f t="shared" si="222"/>
        <v>3</v>
      </c>
      <c r="C7145" s="3">
        <f t="shared" si="223"/>
        <v>2017</v>
      </c>
      <c r="D7145" t="s">
        <v>2059</v>
      </c>
      <c r="E7145" t="s">
        <v>54</v>
      </c>
      <c r="F7145" t="s">
        <v>10</v>
      </c>
      <c r="G7145" t="s">
        <v>15</v>
      </c>
      <c r="H7145" t="s">
        <v>2150</v>
      </c>
      <c r="I7145">
        <v>8.26</v>
      </c>
      <c r="J7145">
        <v>2</v>
      </c>
      <c r="K7145">
        <v>3.8</v>
      </c>
    </row>
    <row r="7146" spans="1:11" x14ac:dyDescent="0.3">
      <c r="A7146" s="1">
        <v>42821</v>
      </c>
      <c r="B7146" s="3">
        <f t="shared" si="222"/>
        <v>3</v>
      </c>
      <c r="C7146" s="3">
        <f t="shared" si="223"/>
        <v>2017</v>
      </c>
      <c r="D7146" t="s">
        <v>2059</v>
      </c>
      <c r="E7146" t="s">
        <v>54</v>
      </c>
      <c r="F7146" t="s">
        <v>10</v>
      </c>
      <c r="G7146" t="s">
        <v>19</v>
      </c>
      <c r="H7146" t="s">
        <v>1029</v>
      </c>
      <c r="I7146">
        <v>17.760000000000002</v>
      </c>
      <c r="J7146">
        <v>2</v>
      </c>
      <c r="K7146">
        <v>8.8800000000000008</v>
      </c>
    </row>
    <row r="7147" spans="1:11" x14ac:dyDescent="0.3">
      <c r="A7147" s="1">
        <v>42821</v>
      </c>
      <c r="B7147" s="3">
        <f t="shared" si="222"/>
        <v>3</v>
      </c>
      <c r="C7147" s="3">
        <f t="shared" si="223"/>
        <v>2017</v>
      </c>
      <c r="D7147" t="s">
        <v>2059</v>
      </c>
      <c r="E7147" t="s">
        <v>54</v>
      </c>
      <c r="F7147" t="s">
        <v>10</v>
      </c>
      <c r="G7147" t="s">
        <v>17</v>
      </c>
      <c r="H7147" t="s">
        <v>585</v>
      </c>
      <c r="I7147">
        <v>332.94</v>
      </c>
      <c r="J7147">
        <v>3</v>
      </c>
      <c r="K7147">
        <v>9.99</v>
      </c>
    </row>
    <row r="7148" spans="1:11" x14ac:dyDescent="0.3">
      <c r="A7148" s="1">
        <v>42821</v>
      </c>
      <c r="B7148" s="3">
        <f t="shared" si="222"/>
        <v>3</v>
      </c>
      <c r="C7148" s="3">
        <f t="shared" si="223"/>
        <v>2017</v>
      </c>
      <c r="D7148" t="s">
        <v>2059</v>
      </c>
      <c r="E7148" t="s">
        <v>54</v>
      </c>
      <c r="F7148" t="s">
        <v>33</v>
      </c>
      <c r="G7148" t="s">
        <v>144</v>
      </c>
      <c r="H7148" t="s">
        <v>1652</v>
      </c>
      <c r="I7148">
        <v>292.10000000000002</v>
      </c>
      <c r="J7148">
        <v>2</v>
      </c>
      <c r="K7148">
        <v>58.42</v>
      </c>
    </row>
    <row r="7149" spans="1:11" x14ac:dyDescent="0.3">
      <c r="A7149" s="1">
        <v>42821</v>
      </c>
      <c r="B7149" s="3">
        <f t="shared" si="222"/>
        <v>3</v>
      </c>
      <c r="C7149" s="3">
        <f t="shared" si="223"/>
        <v>2017</v>
      </c>
      <c r="D7149" t="s">
        <v>2059</v>
      </c>
      <c r="E7149" t="s">
        <v>54</v>
      </c>
      <c r="F7149" t="s">
        <v>38</v>
      </c>
      <c r="G7149" t="s">
        <v>39</v>
      </c>
      <c r="H7149" t="s">
        <v>2663</v>
      </c>
      <c r="I7149">
        <v>206.1</v>
      </c>
      <c r="J7149">
        <v>5</v>
      </c>
      <c r="K7149">
        <v>55.65</v>
      </c>
    </row>
    <row r="7150" spans="1:11" x14ac:dyDescent="0.3">
      <c r="A7150" s="1">
        <v>42821</v>
      </c>
      <c r="B7150" s="3">
        <f t="shared" si="222"/>
        <v>3</v>
      </c>
      <c r="C7150" s="3">
        <f t="shared" si="223"/>
        <v>2017</v>
      </c>
      <c r="D7150" t="s">
        <v>2059</v>
      </c>
      <c r="E7150" t="s">
        <v>54</v>
      </c>
      <c r="F7150" t="s">
        <v>10</v>
      </c>
      <c r="G7150" t="s">
        <v>11</v>
      </c>
      <c r="H7150" t="s">
        <v>1986</v>
      </c>
      <c r="I7150">
        <v>17.64</v>
      </c>
      <c r="J7150">
        <v>4</v>
      </c>
      <c r="K7150">
        <v>8.11</v>
      </c>
    </row>
    <row r="7151" spans="1:11" x14ac:dyDescent="0.3">
      <c r="A7151" s="1">
        <v>42821</v>
      </c>
      <c r="B7151" s="3">
        <f t="shared" si="222"/>
        <v>3</v>
      </c>
      <c r="C7151" s="3">
        <f t="shared" si="223"/>
        <v>2017</v>
      </c>
      <c r="D7151" t="s">
        <v>2454</v>
      </c>
      <c r="E7151" t="s">
        <v>9</v>
      </c>
      <c r="F7151" t="s">
        <v>33</v>
      </c>
      <c r="G7151" t="s">
        <v>73</v>
      </c>
      <c r="H7151" t="s">
        <v>1929</v>
      </c>
      <c r="I7151">
        <v>1023.33</v>
      </c>
      <c r="J7151">
        <v>5</v>
      </c>
      <c r="K7151">
        <v>-30.1</v>
      </c>
    </row>
    <row r="7152" spans="1:11" x14ac:dyDescent="0.3">
      <c r="A7152" s="1">
        <v>42821</v>
      </c>
      <c r="B7152" s="3">
        <f t="shared" si="222"/>
        <v>3</v>
      </c>
      <c r="C7152" s="3">
        <f t="shared" si="223"/>
        <v>2017</v>
      </c>
      <c r="D7152" t="s">
        <v>2454</v>
      </c>
      <c r="E7152" t="s">
        <v>9</v>
      </c>
      <c r="F7152" t="s">
        <v>33</v>
      </c>
      <c r="G7152" t="s">
        <v>34</v>
      </c>
      <c r="H7152" t="s">
        <v>35</v>
      </c>
      <c r="I7152">
        <v>600.55999999999995</v>
      </c>
      <c r="J7152">
        <v>3</v>
      </c>
      <c r="K7152">
        <v>-8.58</v>
      </c>
    </row>
    <row r="7153" spans="1:11" x14ac:dyDescent="0.3">
      <c r="A7153" s="1">
        <v>42821</v>
      </c>
      <c r="B7153" s="3">
        <f t="shared" si="222"/>
        <v>3</v>
      </c>
      <c r="C7153" s="3">
        <f t="shared" si="223"/>
        <v>2017</v>
      </c>
      <c r="D7153" t="s">
        <v>2454</v>
      </c>
      <c r="E7153" t="s">
        <v>9</v>
      </c>
      <c r="F7153" t="s">
        <v>38</v>
      </c>
      <c r="G7153" t="s">
        <v>51</v>
      </c>
      <c r="H7153" t="s">
        <v>425</v>
      </c>
      <c r="I7153">
        <v>39.99</v>
      </c>
      <c r="J7153">
        <v>1</v>
      </c>
      <c r="K7153">
        <v>7</v>
      </c>
    </row>
    <row r="7154" spans="1:11" x14ac:dyDescent="0.3">
      <c r="A7154" s="1">
        <v>42821</v>
      </c>
      <c r="B7154" s="3">
        <f t="shared" si="222"/>
        <v>3</v>
      </c>
      <c r="C7154" s="3">
        <f t="shared" si="223"/>
        <v>2017</v>
      </c>
      <c r="D7154" t="s">
        <v>2454</v>
      </c>
      <c r="E7154" t="s">
        <v>9</v>
      </c>
      <c r="F7154" t="s">
        <v>33</v>
      </c>
      <c r="G7154" t="s">
        <v>34</v>
      </c>
      <c r="H7154" t="s">
        <v>1690</v>
      </c>
      <c r="I7154">
        <v>211.25</v>
      </c>
      <c r="J7154">
        <v>2</v>
      </c>
      <c r="K7154">
        <v>-66.39</v>
      </c>
    </row>
    <row r="7155" spans="1:11" x14ac:dyDescent="0.3">
      <c r="A7155" s="1">
        <v>42822</v>
      </c>
      <c r="B7155" s="3">
        <f t="shared" si="222"/>
        <v>3</v>
      </c>
      <c r="C7155" s="3">
        <f t="shared" si="223"/>
        <v>2017</v>
      </c>
      <c r="D7155" t="s">
        <v>175</v>
      </c>
      <c r="E7155" t="s">
        <v>122</v>
      </c>
      <c r="F7155" t="s">
        <v>10</v>
      </c>
      <c r="G7155" t="s">
        <v>19</v>
      </c>
      <c r="H7155" t="s">
        <v>1803</v>
      </c>
      <c r="I7155">
        <v>68.739999999999995</v>
      </c>
      <c r="J7155">
        <v>9</v>
      </c>
      <c r="K7155">
        <v>-48.12</v>
      </c>
    </row>
    <row r="7156" spans="1:11" x14ac:dyDescent="0.3">
      <c r="A7156" s="1">
        <v>42822</v>
      </c>
      <c r="B7156" s="3">
        <f t="shared" si="222"/>
        <v>3</v>
      </c>
      <c r="C7156" s="3">
        <f t="shared" si="223"/>
        <v>2017</v>
      </c>
      <c r="D7156" t="s">
        <v>1668</v>
      </c>
      <c r="E7156" t="s">
        <v>26</v>
      </c>
      <c r="F7156" t="s">
        <v>10</v>
      </c>
      <c r="G7156" t="s">
        <v>11</v>
      </c>
      <c r="H7156" t="s">
        <v>2546</v>
      </c>
      <c r="I7156">
        <v>12.96</v>
      </c>
      <c r="J7156">
        <v>2</v>
      </c>
      <c r="K7156">
        <v>6.35</v>
      </c>
    </row>
    <row r="7157" spans="1:11" x14ac:dyDescent="0.3">
      <c r="A7157" s="1">
        <v>42822</v>
      </c>
      <c r="B7157" s="3">
        <f t="shared" si="222"/>
        <v>3</v>
      </c>
      <c r="C7157" s="3">
        <f t="shared" si="223"/>
        <v>2017</v>
      </c>
      <c r="D7157" t="s">
        <v>1668</v>
      </c>
      <c r="E7157" t="s">
        <v>26</v>
      </c>
      <c r="F7157" t="s">
        <v>33</v>
      </c>
      <c r="G7157" t="s">
        <v>46</v>
      </c>
      <c r="H7157" t="s">
        <v>85</v>
      </c>
      <c r="I7157">
        <v>26.48</v>
      </c>
      <c r="J7157">
        <v>1</v>
      </c>
      <c r="K7157">
        <v>10.06</v>
      </c>
    </row>
    <row r="7158" spans="1:11" x14ac:dyDescent="0.3">
      <c r="A7158" s="1">
        <v>42822</v>
      </c>
      <c r="B7158" s="3">
        <f t="shared" si="222"/>
        <v>3</v>
      </c>
      <c r="C7158" s="3">
        <f t="shared" si="223"/>
        <v>2017</v>
      </c>
      <c r="D7158" t="s">
        <v>1668</v>
      </c>
      <c r="E7158" t="s">
        <v>26</v>
      </c>
      <c r="F7158" t="s">
        <v>38</v>
      </c>
      <c r="G7158" t="s">
        <v>301</v>
      </c>
      <c r="H7158" t="s">
        <v>1216</v>
      </c>
      <c r="I7158">
        <v>532.72</v>
      </c>
      <c r="J7158">
        <v>2</v>
      </c>
      <c r="K7158">
        <v>53.27</v>
      </c>
    </row>
    <row r="7159" spans="1:11" x14ac:dyDescent="0.3">
      <c r="A7159" s="1">
        <v>42822</v>
      </c>
      <c r="B7159" s="3">
        <f t="shared" si="222"/>
        <v>3</v>
      </c>
      <c r="C7159" s="3">
        <f t="shared" si="223"/>
        <v>2017</v>
      </c>
      <c r="D7159" t="s">
        <v>1668</v>
      </c>
      <c r="E7159" t="s">
        <v>26</v>
      </c>
      <c r="F7159" t="s">
        <v>10</v>
      </c>
      <c r="G7159" t="s">
        <v>11</v>
      </c>
      <c r="H7159" t="s">
        <v>2599</v>
      </c>
      <c r="I7159">
        <v>26.72</v>
      </c>
      <c r="J7159">
        <v>4</v>
      </c>
      <c r="K7159">
        <v>12.83</v>
      </c>
    </row>
    <row r="7160" spans="1:11" x14ac:dyDescent="0.3">
      <c r="A7160" s="1">
        <v>42822</v>
      </c>
      <c r="B7160" s="3">
        <f t="shared" si="222"/>
        <v>3</v>
      </c>
      <c r="C7160" s="3">
        <f t="shared" si="223"/>
        <v>2017</v>
      </c>
      <c r="D7160" t="s">
        <v>1668</v>
      </c>
      <c r="E7160" t="s">
        <v>26</v>
      </c>
      <c r="F7160" t="s">
        <v>10</v>
      </c>
      <c r="G7160" t="s">
        <v>11</v>
      </c>
      <c r="H7160" t="s">
        <v>1980</v>
      </c>
      <c r="I7160">
        <v>20.04</v>
      </c>
      <c r="J7160">
        <v>3</v>
      </c>
      <c r="K7160">
        <v>9.6199999999999992</v>
      </c>
    </row>
    <row r="7161" spans="1:11" x14ac:dyDescent="0.3">
      <c r="A7161" s="1">
        <v>42822</v>
      </c>
      <c r="B7161" s="3">
        <f t="shared" si="222"/>
        <v>3</v>
      </c>
      <c r="C7161" s="3">
        <f t="shared" si="223"/>
        <v>2017</v>
      </c>
      <c r="D7161" t="s">
        <v>1668</v>
      </c>
      <c r="E7161" t="s">
        <v>26</v>
      </c>
      <c r="F7161" t="s">
        <v>10</v>
      </c>
      <c r="G7161" t="s">
        <v>17</v>
      </c>
      <c r="H7161" t="s">
        <v>18</v>
      </c>
      <c r="I7161">
        <v>795.48</v>
      </c>
      <c r="J7161">
        <v>7</v>
      </c>
      <c r="K7161">
        <v>7.95</v>
      </c>
    </row>
    <row r="7162" spans="1:11" x14ac:dyDescent="0.3">
      <c r="A7162" s="1">
        <v>42822</v>
      </c>
      <c r="B7162" s="3">
        <f t="shared" si="222"/>
        <v>3</v>
      </c>
      <c r="C7162" s="3">
        <f t="shared" si="223"/>
        <v>2017</v>
      </c>
      <c r="D7162" t="s">
        <v>1668</v>
      </c>
      <c r="E7162" t="s">
        <v>26</v>
      </c>
      <c r="F7162" t="s">
        <v>33</v>
      </c>
      <c r="G7162" t="s">
        <v>46</v>
      </c>
      <c r="H7162" t="s">
        <v>1789</v>
      </c>
      <c r="I7162">
        <v>21.56</v>
      </c>
      <c r="J7162">
        <v>7</v>
      </c>
      <c r="K7162">
        <v>6.9</v>
      </c>
    </row>
    <row r="7163" spans="1:11" x14ac:dyDescent="0.3">
      <c r="A7163" s="1">
        <v>42823</v>
      </c>
      <c r="B7163" s="3">
        <f t="shared" si="222"/>
        <v>3</v>
      </c>
      <c r="C7163" s="3">
        <f t="shared" si="223"/>
        <v>2017</v>
      </c>
      <c r="D7163" t="s">
        <v>982</v>
      </c>
      <c r="E7163" t="s">
        <v>128</v>
      </c>
      <c r="F7163" t="s">
        <v>10</v>
      </c>
      <c r="G7163" t="s">
        <v>17</v>
      </c>
      <c r="H7163" t="s">
        <v>463</v>
      </c>
      <c r="I7163">
        <v>81.400000000000006</v>
      </c>
      <c r="J7163">
        <v>5</v>
      </c>
      <c r="K7163">
        <v>21.16</v>
      </c>
    </row>
    <row r="7164" spans="1:11" x14ac:dyDescent="0.3">
      <c r="A7164" s="1">
        <v>42824</v>
      </c>
      <c r="B7164" s="3">
        <f t="shared" si="222"/>
        <v>3</v>
      </c>
      <c r="C7164" s="3">
        <f t="shared" si="223"/>
        <v>2017</v>
      </c>
      <c r="D7164" t="s">
        <v>2664</v>
      </c>
      <c r="E7164" t="s">
        <v>839</v>
      </c>
      <c r="F7164" t="s">
        <v>10</v>
      </c>
      <c r="G7164" t="s">
        <v>62</v>
      </c>
      <c r="H7164" t="s">
        <v>2665</v>
      </c>
      <c r="I7164">
        <v>325.86</v>
      </c>
      <c r="J7164">
        <v>2</v>
      </c>
      <c r="K7164">
        <v>149.9</v>
      </c>
    </row>
    <row r="7165" spans="1:11" x14ac:dyDescent="0.3">
      <c r="A7165" s="1">
        <v>42824</v>
      </c>
      <c r="B7165" s="3">
        <f t="shared" si="222"/>
        <v>3</v>
      </c>
      <c r="C7165" s="3">
        <f t="shared" si="223"/>
        <v>2017</v>
      </c>
      <c r="D7165" t="s">
        <v>2100</v>
      </c>
      <c r="E7165" t="s">
        <v>22</v>
      </c>
      <c r="F7165" t="s">
        <v>10</v>
      </c>
      <c r="G7165" t="s">
        <v>19</v>
      </c>
      <c r="H7165" t="s">
        <v>574</v>
      </c>
      <c r="I7165">
        <v>5.72</v>
      </c>
      <c r="J7165">
        <v>5</v>
      </c>
      <c r="K7165">
        <v>-4.76</v>
      </c>
    </row>
    <row r="7166" spans="1:11" x14ac:dyDescent="0.3">
      <c r="A7166" s="1">
        <v>42824</v>
      </c>
      <c r="B7166" s="3">
        <f t="shared" si="222"/>
        <v>3</v>
      </c>
      <c r="C7166" s="3">
        <f t="shared" si="223"/>
        <v>2017</v>
      </c>
      <c r="D7166" t="s">
        <v>31</v>
      </c>
      <c r="E7166" t="s">
        <v>29</v>
      </c>
      <c r="F7166" t="s">
        <v>10</v>
      </c>
      <c r="G7166" t="s">
        <v>17</v>
      </c>
      <c r="H7166" t="s">
        <v>2331</v>
      </c>
      <c r="I7166">
        <v>59.76</v>
      </c>
      <c r="J7166">
        <v>1</v>
      </c>
      <c r="K7166">
        <v>16.73</v>
      </c>
    </row>
    <row r="7167" spans="1:11" x14ac:dyDescent="0.3">
      <c r="A7167" s="1">
        <v>42824</v>
      </c>
      <c r="B7167" s="3">
        <f t="shared" si="222"/>
        <v>3</v>
      </c>
      <c r="C7167" s="3">
        <f t="shared" si="223"/>
        <v>2017</v>
      </c>
      <c r="D7167" t="s">
        <v>121</v>
      </c>
      <c r="E7167" t="s">
        <v>26</v>
      </c>
      <c r="F7167" t="s">
        <v>10</v>
      </c>
      <c r="G7167" t="s">
        <v>23</v>
      </c>
      <c r="H7167" t="s">
        <v>2232</v>
      </c>
      <c r="I7167">
        <v>6.08</v>
      </c>
      <c r="J7167">
        <v>2</v>
      </c>
      <c r="K7167">
        <v>2.0699999999999998</v>
      </c>
    </row>
    <row r="7168" spans="1:11" x14ac:dyDescent="0.3">
      <c r="A7168" s="1">
        <v>42824</v>
      </c>
      <c r="B7168" s="3">
        <f t="shared" si="222"/>
        <v>3</v>
      </c>
      <c r="C7168" s="3">
        <f t="shared" si="223"/>
        <v>2017</v>
      </c>
      <c r="D7168" t="s">
        <v>121</v>
      </c>
      <c r="E7168" t="s">
        <v>26</v>
      </c>
      <c r="F7168" t="s">
        <v>38</v>
      </c>
      <c r="G7168" t="s">
        <v>39</v>
      </c>
      <c r="H7168" t="s">
        <v>2596</v>
      </c>
      <c r="I7168">
        <v>164.79</v>
      </c>
      <c r="J7168">
        <v>1</v>
      </c>
      <c r="K7168">
        <v>18.54</v>
      </c>
    </row>
    <row r="7169" spans="1:11" x14ac:dyDescent="0.3">
      <c r="A7169" s="1">
        <v>42824</v>
      </c>
      <c r="B7169" s="3">
        <f t="shared" si="222"/>
        <v>3</v>
      </c>
      <c r="C7169" s="3">
        <f t="shared" si="223"/>
        <v>2017</v>
      </c>
      <c r="D7169" t="s">
        <v>1632</v>
      </c>
      <c r="E7169" t="s">
        <v>26</v>
      </c>
      <c r="F7169" t="s">
        <v>33</v>
      </c>
      <c r="G7169" t="s">
        <v>46</v>
      </c>
      <c r="H7169" t="s">
        <v>2014</v>
      </c>
      <c r="I7169">
        <v>94.2</v>
      </c>
      <c r="J7169">
        <v>5</v>
      </c>
      <c r="K7169">
        <v>39.56</v>
      </c>
    </row>
    <row r="7170" spans="1:11" x14ac:dyDescent="0.3">
      <c r="A7170" s="1">
        <v>42825</v>
      </c>
      <c r="B7170" s="3">
        <f t="shared" ref="B7170:B7233" si="224">MONTH(A:A)</f>
        <v>3</v>
      </c>
      <c r="C7170" s="3">
        <f t="shared" ref="C7170:C7233" si="225">YEAR(A:A)</f>
        <v>2017</v>
      </c>
      <c r="D7170" t="s">
        <v>588</v>
      </c>
      <c r="E7170" t="s">
        <v>9</v>
      </c>
      <c r="F7170" t="s">
        <v>33</v>
      </c>
      <c r="G7170" t="s">
        <v>73</v>
      </c>
      <c r="H7170" t="s">
        <v>2148</v>
      </c>
      <c r="I7170">
        <v>205.33</v>
      </c>
      <c r="J7170">
        <v>2</v>
      </c>
      <c r="K7170">
        <v>-36.24</v>
      </c>
    </row>
    <row r="7171" spans="1:11" x14ac:dyDescent="0.3">
      <c r="A7171" s="1">
        <v>42825</v>
      </c>
      <c r="B7171" s="3">
        <f t="shared" si="224"/>
        <v>3</v>
      </c>
      <c r="C7171" s="3">
        <f t="shared" si="225"/>
        <v>2017</v>
      </c>
      <c r="D7171" t="s">
        <v>1985</v>
      </c>
      <c r="E7171" t="s">
        <v>148</v>
      </c>
      <c r="F7171" t="s">
        <v>33</v>
      </c>
      <c r="G7171" t="s">
        <v>46</v>
      </c>
      <c r="H7171" t="s">
        <v>1019</v>
      </c>
      <c r="I7171">
        <v>29.78</v>
      </c>
      <c r="J7171">
        <v>2</v>
      </c>
      <c r="K7171">
        <v>8.0399999999999991</v>
      </c>
    </row>
    <row r="7172" spans="1:11" x14ac:dyDescent="0.3">
      <c r="A7172" s="1">
        <v>42825</v>
      </c>
      <c r="B7172" s="3">
        <f t="shared" si="224"/>
        <v>3</v>
      </c>
      <c r="C7172" s="3">
        <f t="shared" si="225"/>
        <v>2017</v>
      </c>
      <c r="D7172" t="s">
        <v>1985</v>
      </c>
      <c r="E7172" t="s">
        <v>148</v>
      </c>
      <c r="F7172" t="s">
        <v>38</v>
      </c>
      <c r="G7172" t="s">
        <v>39</v>
      </c>
      <c r="H7172" t="s">
        <v>1265</v>
      </c>
      <c r="I7172">
        <v>677.58</v>
      </c>
      <c r="J7172">
        <v>3</v>
      </c>
      <c r="K7172">
        <v>176.17</v>
      </c>
    </row>
    <row r="7173" spans="1:11" x14ac:dyDescent="0.3">
      <c r="A7173" s="1">
        <v>42825</v>
      </c>
      <c r="B7173" s="3">
        <f t="shared" si="224"/>
        <v>3</v>
      </c>
      <c r="C7173" s="3">
        <f t="shared" si="225"/>
        <v>2017</v>
      </c>
      <c r="D7173" t="s">
        <v>1985</v>
      </c>
      <c r="E7173" t="s">
        <v>148</v>
      </c>
      <c r="F7173" t="s">
        <v>10</v>
      </c>
      <c r="G7173" t="s">
        <v>11</v>
      </c>
      <c r="H7173" t="s">
        <v>2582</v>
      </c>
      <c r="I7173">
        <v>75.040000000000006</v>
      </c>
      <c r="J7173">
        <v>8</v>
      </c>
      <c r="K7173">
        <v>36.020000000000003</v>
      </c>
    </row>
    <row r="7174" spans="1:11" x14ac:dyDescent="0.3">
      <c r="A7174" s="1">
        <v>42825</v>
      </c>
      <c r="B7174" s="3">
        <f t="shared" si="224"/>
        <v>3</v>
      </c>
      <c r="C7174" s="3">
        <f t="shared" si="225"/>
        <v>2017</v>
      </c>
      <c r="D7174" t="s">
        <v>1425</v>
      </c>
      <c r="E7174" t="s">
        <v>148</v>
      </c>
      <c r="F7174" t="s">
        <v>38</v>
      </c>
      <c r="G7174" t="s">
        <v>39</v>
      </c>
      <c r="H7174" t="s">
        <v>1304</v>
      </c>
      <c r="I7174">
        <v>84.95</v>
      </c>
      <c r="J7174">
        <v>5</v>
      </c>
      <c r="K7174">
        <v>22.09</v>
      </c>
    </row>
    <row r="7175" spans="1:11" x14ac:dyDescent="0.3">
      <c r="A7175" s="1">
        <v>42825</v>
      </c>
      <c r="B7175" s="3">
        <f t="shared" si="224"/>
        <v>3</v>
      </c>
      <c r="C7175" s="3">
        <f t="shared" si="225"/>
        <v>2017</v>
      </c>
      <c r="D7175" t="s">
        <v>1506</v>
      </c>
      <c r="E7175" t="s">
        <v>32</v>
      </c>
      <c r="F7175" t="s">
        <v>33</v>
      </c>
      <c r="G7175" t="s">
        <v>46</v>
      </c>
      <c r="H7175" t="s">
        <v>912</v>
      </c>
      <c r="I7175">
        <v>61</v>
      </c>
      <c r="J7175">
        <v>5</v>
      </c>
      <c r="K7175">
        <v>25.62</v>
      </c>
    </row>
    <row r="7176" spans="1:11" x14ac:dyDescent="0.3">
      <c r="A7176" s="1">
        <v>42825</v>
      </c>
      <c r="B7176" s="3">
        <f t="shared" si="224"/>
        <v>3</v>
      </c>
      <c r="C7176" s="3">
        <f t="shared" si="225"/>
        <v>2017</v>
      </c>
      <c r="D7176" t="s">
        <v>1506</v>
      </c>
      <c r="E7176" t="s">
        <v>32</v>
      </c>
      <c r="F7176" t="s">
        <v>38</v>
      </c>
      <c r="G7176" t="s">
        <v>39</v>
      </c>
      <c r="H7176" t="s">
        <v>1305</v>
      </c>
      <c r="I7176">
        <v>671.93</v>
      </c>
      <c r="J7176">
        <v>7</v>
      </c>
      <c r="K7176">
        <v>188.14</v>
      </c>
    </row>
    <row r="7177" spans="1:11" x14ac:dyDescent="0.3">
      <c r="A7177" s="1">
        <v>42825</v>
      </c>
      <c r="B7177" s="3">
        <f t="shared" si="224"/>
        <v>3</v>
      </c>
      <c r="C7177" s="3">
        <f t="shared" si="225"/>
        <v>2017</v>
      </c>
      <c r="D7177" t="s">
        <v>2312</v>
      </c>
      <c r="E7177" t="s">
        <v>14</v>
      </c>
      <c r="F7177" t="s">
        <v>10</v>
      </c>
      <c r="G7177" t="s">
        <v>19</v>
      </c>
      <c r="H7177" t="s">
        <v>1159</v>
      </c>
      <c r="I7177">
        <v>13.47</v>
      </c>
      <c r="J7177">
        <v>13</v>
      </c>
      <c r="K7177">
        <v>-22.9</v>
      </c>
    </row>
    <row r="7178" spans="1:11" x14ac:dyDescent="0.3">
      <c r="A7178" s="1">
        <v>42825</v>
      </c>
      <c r="B7178" s="3">
        <f t="shared" si="224"/>
        <v>3</v>
      </c>
      <c r="C7178" s="3">
        <f t="shared" si="225"/>
        <v>2017</v>
      </c>
      <c r="D7178" t="s">
        <v>1465</v>
      </c>
      <c r="E7178" t="s">
        <v>29</v>
      </c>
      <c r="F7178" t="s">
        <v>10</v>
      </c>
      <c r="G7178" t="s">
        <v>19</v>
      </c>
      <c r="H7178" t="s">
        <v>2398</v>
      </c>
      <c r="I7178">
        <v>34.54</v>
      </c>
      <c r="J7178">
        <v>1</v>
      </c>
      <c r="K7178">
        <v>17.27</v>
      </c>
    </row>
    <row r="7179" spans="1:11" x14ac:dyDescent="0.3">
      <c r="A7179" s="1">
        <v>42825</v>
      </c>
      <c r="B7179" s="3">
        <f t="shared" si="224"/>
        <v>3</v>
      </c>
      <c r="C7179" s="3">
        <f t="shared" si="225"/>
        <v>2017</v>
      </c>
      <c r="D7179" t="s">
        <v>1465</v>
      </c>
      <c r="E7179" t="s">
        <v>29</v>
      </c>
      <c r="F7179" t="s">
        <v>38</v>
      </c>
      <c r="G7179" t="s">
        <v>602</v>
      </c>
      <c r="H7179" t="s">
        <v>633</v>
      </c>
      <c r="I7179">
        <v>2999.95</v>
      </c>
      <c r="J7179">
        <v>5</v>
      </c>
      <c r="K7179">
        <v>1439.98</v>
      </c>
    </row>
    <row r="7180" spans="1:11" x14ac:dyDescent="0.3">
      <c r="A7180" s="1">
        <v>42825</v>
      </c>
      <c r="B7180" s="3">
        <f t="shared" si="224"/>
        <v>3</v>
      </c>
      <c r="C7180" s="3">
        <f t="shared" si="225"/>
        <v>2017</v>
      </c>
      <c r="D7180" t="s">
        <v>1465</v>
      </c>
      <c r="E7180" t="s">
        <v>29</v>
      </c>
      <c r="F7180" t="s">
        <v>10</v>
      </c>
      <c r="G7180" t="s">
        <v>19</v>
      </c>
      <c r="H7180" t="s">
        <v>1227</v>
      </c>
      <c r="I7180">
        <v>64.12</v>
      </c>
      <c r="J7180">
        <v>4</v>
      </c>
      <c r="K7180">
        <v>30.78</v>
      </c>
    </row>
    <row r="7181" spans="1:11" x14ac:dyDescent="0.3">
      <c r="A7181" s="1">
        <v>42825</v>
      </c>
      <c r="B7181" s="3">
        <f t="shared" si="224"/>
        <v>3</v>
      </c>
      <c r="C7181" s="3">
        <f t="shared" si="225"/>
        <v>2017</v>
      </c>
      <c r="D7181" t="s">
        <v>474</v>
      </c>
      <c r="E7181" t="s">
        <v>9</v>
      </c>
      <c r="F7181" t="s">
        <v>10</v>
      </c>
      <c r="G7181" t="s">
        <v>91</v>
      </c>
      <c r="H7181" t="s">
        <v>2394</v>
      </c>
      <c r="I7181">
        <v>33.619999999999997</v>
      </c>
      <c r="J7181">
        <v>5</v>
      </c>
      <c r="K7181">
        <v>-90.77</v>
      </c>
    </row>
    <row r="7182" spans="1:11" x14ac:dyDescent="0.3">
      <c r="A7182" s="1">
        <v>42825</v>
      </c>
      <c r="B7182" s="3">
        <f t="shared" si="224"/>
        <v>3</v>
      </c>
      <c r="C7182" s="3">
        <f t="shared" si="225"/>
        <v>2017</v>
      </c>
      <c r="D7182" t="s">
        <v>1342</v>
      </c>
      <c r="E7182" t="s">
        <v>26</v>
      </c>
      <c r="F7182" t="s">
        <v>10</v>
      </c>
      <c r="G7182" t="s">
        <v>199</v>
      </c>
      <c r="H7182" t="s">
        <v>2206</v>
      </c>
      <c r="I7182">
        <v>29.7</v>
      </c>
      <c r="J7182">
        <v>3</v>
      </c>
      <c r="K7182">
        <v>8.02</v>
      </c>
    </row>
    <row r="7183" spans="1:11" x14ac:dyDescent="0.3">
      <c r="A7183" s="1">
        <v>42826</v>
      </c>
      <c r="B7183" s="3">
        <f t="shared" si="224"/>
        <v>4</v>
      </c>
      <c r="C7183" s="3">
        <f t="shared" si="225"/>
        <v>2017</v>
      </c>
      <c r="D7183" t="s">
        <v>1360</v>
      </c>
      <c r="E7183" t="s">
        <v>185</v>
      </c>
      <c r="F7183" t="s">
        <v>10</v>
      </c>
      <c r="G7183" t="s">
        <v>17</v>
      </c>
      <c r="H7183" t="s">
        <v>2316</v>
      </c>
      <c r="I7183">
        <v>94.2</v>
      </c>
      <c r="J7183">
        <v>6</v>
      </c>
      <c r="K7183">
        <v>23.55</v>
      </c>
    </row>
    <row r="7184" spans="1:11" x14ac:dyDescent="0.3">
      <c r="A7184" s="1">
        <v>42826</v>
      </c>
      <c r="B7184" s="3">
        <f t="shared" si="224"/>
        <v>4</v>
      </c>
      <c r="C7184" s="3">
        <f t="shared" si="225"/>
        <v>2017</v>
      </c>
      <c r="D7184" t="s">
        <v>1360</v>
      </c>
      <c r="E7184" t="s">
        <v>185</v>
      </c>
      <c r="F7184" t="s">
        <v>10</v>
      </c>
      <c r="G7184" t="s">
        <v>62</v>
      </c>
      <c r="H7184" t="s">
        <v>63</v>
      </c>
      <c r="I7184">
        <v>28.4</v>
      </c>
      <c r="J7184">
        <v>5</v>
      </c>
      <c r="K7184">
        <v>13.35</v>
      </c>
    </row>
    <row r="7185" spans="1:11" x14ac:dyDescent="0.3">
      <c r="A7185" s="1">
        <v>42826</v>
      </c>
      <c r="B7185" s="3">
        <f t="shared" si="224"/>
        <v>4</v>
      </c>
      <c r="C7185" s="3">
        <f t="shared" si="225"/>
        <v>2017</v>
      </c>
      <c r="D7185" t="s">
        <v>1257</v>
      </c>
      <c r="E7185" t="s">
        <v>26</v>
      </c>
      <c r="F7185" t="s">
        <v>10</v>
      </c>
      <c r="G7185" t="s">
        <v>15</v>
      </c>
      <c r="H7185" t="s">
        <v>2574</v>
      </c>
      <c r="I7185">
        <v>5.78</v>
      </c>
      <c r="J7185">
        <v>2</v>
      </c>
      <c r="K7185">
        <v>2.72</v>
      </c>
    </row>
    <row r="7186" spans="1:11" x14ac:dyDescent="0.3">
      <c r="A7186" s="1">
        <v>42826</v>
      </c>
      <c r="B7186" s="3">
        <f t="shared" si="224"/>
        <v>4</v>
      </c>
      <c r="C7186" s="3">
        <f t="shared" si="225"/>
        <v>2017</v>
      </c>
      <c r="D7186" t="s">
        <v>1257</v>
      </c>
      <c r="E7186" t="s">
        <v>26</v>
      </c>
      <c r="F7186" t="s">
        <v>10</v>
      </c>
      <c r="G7186" t="s">
        <v>19</v>
      </c>
      <c r="H7186" t="s">
        <v>610</v>
      </c>
      <c r="I7186">
        <v>121.68</v>
      </c>
      <c r="J7186">
        <v>13</v>
      </c>
      <c r="K7186">
        <v>38.03</v>
      </c>
    </row>
    <row r="7187" spans="1:11" x14ac:dyDescent="0.3">
      <c r="A7187" s="1">
        <v>42826</v>
      </c>
      <c r="B7187" s="3">
        <f t="shared" si="224"/>
        <v>4</v>
      </c>
      <c r="C7187" s="3">
        <f t="shared" si="225"/>
        <v>2017</v>
      </c>
      <c r="D7187" t="s">
        <v>1008</v>
      </c>
      <c r="E7187" t="s">
        <v>26</v>
      </c>
      <c r="F7187" t="s">
        <v>33</v>
      </c>
      <c r="G7187" t="s">
        <v>73</v>
      </c>
      <c r="H7187" t="s">
        <v>2591</v>
      </c>
      <c r="I7187">
        <v>482.66</v>
      </c>
      <c r="J7187">
        <v>8</v>
      </c>
      <c r="K7187">
        <v>85.18</v>
      </c>
    </row>
    <row r="7188" spans="1:11" x14ac:dyDescent="0.3">
      <c r="A7188" s="1">
        <v>42826</v>
      </c>
      <c r="B7188" s="3">
        <f t="shared" si="224"/>
        <v>4</v>
      </c>
      <c r="C7188" s="3">
        <f t="shared" si="225"/>
        <v>2017</v>
      </c>
      <c r="D7188" t="s">
        <v>1008</v>
      </c>
      <c r="E7188" t="s">
        <v>26</v>
      </c>
      <c r="F7188" t="s">
        <v>38</v>
      </c>
      <c r="G7188" t="s">
        <v>301</v>
      </c>
      <c r="H7188" t="s">
        <v>2401</v>
      </c>
      <c r="I7188">
        <v>4799.9799999999996</v>
      </c>
      <c r="J7188">
        <v>2</v>
      </c>
      <c r="K7188">
        <v>360</v>
      </c>
    </row>
    <row r="7189" spans="1:11" x14ac:dyDescent="0.3">
      <c r="A7189" s="1">
        <v>42826</v>
      </c>
      <c r="B7189" s="3">
        <f t="shared" si="224"/>
        <v>4</v>
      </c>
      <c r="C7189" s="3">
        <f t="shared" si="225"/>
        <v>2017</v>
      </c>
      <c r="D7189" t="s">
        <v>1300</v>
      </c>
      <c r="E7189" t="s">
        <v>148</v>
      </c>
      <c r="F7189" t="s">
        <v>10</v>
      </c>
      <c r="G7189" t="s">
        <v>11</v>
      </c>
      <c r="H7189" t="s">
        <v>1913</v>
      </c>
      <c r="I7189">
        <v>42.93</v>
      </c>
      <c r="J7189">
        <v>9</v>
      </c>
      <c r="K7189">
        <v>19.32</v>
      </c>
    </row>
    <row r="7190" spans="1:11" x14ac:dyDescent="0.3">
      <c r="A7190" s="1">
        <v>42826</v>
      </c>
      <c r="B7190" s="3">
        <f t="shared" si="224"/>
        <v>4</v>
      </c>
      <c r="C7190" s="3">
        <f t="shared" si="225"/>
        <v>2017</v>
      </c>
      <c r="D7190" t="s">
        <v>201</v>
      </c>
      <c r="E7190" t="s">
        <v>122</v>
      </c>
      <c r="F7190" t="s">
        <v>38</v>
      </c>
      <c r="G7190" t="s">
        <v>39</v>
      </c>
      <c r="H7190" t="s">
        <v>1861</v>
      </c>
      <c r="I7190">
        <v>23.98</v>
      </c>
      <c r="J7190">
        <v>3</v>
      </c>
      <c r="K7190">
        <v>-5.69</v>
      </c>
    </row>
    <row r="7191" spans="1:11" x14ac:dyDescent="0.3">
      <c r="A7191" s="1">
        <v>42826</v>
      </c>
      <c r="B7191" s="3">
        <f t="shared" si="224"/>
        <v>4</v>
      </c>
      <c r="C7191" s="3">
        <f t="shared" si="225"/>
        <v>2017</v>
      </c>
      <c r="D7191" t="s">
        <v>201</v>
      </c>
      <c r="E7191" t="s">
        <v>122</v>
      </c>
      <c r="F7191" t="s">
        <v>10</v>
      </c>
      <c r="G7191" t="s">
        <v>15</v>
      </c>
      <c r="H7191" t="s">
        <v>1097</v>
      </c>
      <c r="I7191">
        <v>6.26</v>
      </c>
      <c r="J7191">
        <v>3</v>
      </c>
      <c r="K7191">
        <v>2.04</v>
      </c>
    </row>
    <row r="7192" spans="1:11" x14ac:dyDescent="0.3">
      <c r="A7192" s="1">
        <v>42826</v>
      </c>
      <c r="B7192" s="3">
        <f t="shared" si="224"/>
        <v>4</v>
      </c>
      <c r="C7192" s="3">
        <f t="shared" si="225"/>
        <v>2017</v>
      </c>
      <c r="D7192" t="s">
        <v>201</v>
      </c>
      <c r="E7192" t="s">
        <v>122</v>
      </c>
      <c r="F7192" t="s">
        <v>10</v>
      </c>
      <c r="G7192" t="s">
        <v>91</v>
      </c>
      <c r="H7192" t="s">
        <v>657</v>
      </c>
      <c r="I7192">
        <v>20.81</v>
      </c>
      <c r="J7192">
        <v>3</v>
      </c>
      <c r="K7192">
        <v>1.82</v>
      </c>
    </row>
    <row r="7193" spans="1:11" x14ac:dyDescent="0.3">
      <c r="A7193" s="1">
        <v>42826</v>
      </c>
      <c r="B7193" s="3">
        <f t="shared" si="224"/>
        <v>4</v>
      </c>
      <c r="C7193" s="3">
        <f t="shared" si="225"/>
        <v>2017</v>
      </c>
      <c r="D7193" t="s">
        <v>201</v>
      </c>
      <c r="E7193" t="s">
        <v>122</v>
      </c>
      <c r="F7193" t="s">
        <v>33</v>
      </c>
      <c r="G7193" t="s">
        <v>34</v>
      </c>
      <c r="H7193" t="s">
        <v>1479</v>
      </c>
      <c r="I7193">
        <v>218.35</v>
      </c>
      <c r="J7193">
        <v>3</v>
      </c>
      <c r="K7193">
        <v>-19.11</v>
      </c>
    </row>
    <row r="7194" spans="1:11" x14ac:dyDescent="0.3">
      <c r="A7194" s="1">
        <v>42826</v>
      </c>
      <c r="B7194" s="3">
        <f t="shared" si="224"/>
        <v>4</v>
      </c>
      <c r="C7194" s="3">
        <f t="shared" si="225"/>
        <v>2017</v>
      </c>
      <c r="D7194" t="s">
        <v>582</v>
      </c>
      <c r="E7194" t="s">
        <v>69</v>
      </c>
      <c r="F7194" t="s">
        <v>33</v>
      </c>
      <c r="G7194" t="s">
        <v>46</v>
      </c>
      <c r="H7194" t="s">
        <v>1275</v>
      </c>
      <c r="I7194">
        <v>127.95</v>
      </c>
      <c r="J7194">
        <v>3</v>
      </c>
      <c r="K7194">
        <v>21.75</v>
      </c>
    </row>
    <row r="7195" spans="1:11" x14ac:dyDescent="0.3">
      <c r="A7195" s="1">
        <v>42827</v>
      </c>
      <c r="B7195" s="3">
        <f t="shared" si="224"/>
        <v>4</v>
      </c>
      <c r="C7195" s="3">
        <f t="shared" si="225"/>
        <v>2017</v>
      </c>
      <c r="D7195" t="s">
        <v>1622</v>
      </c>
      <c r="E7195" t="s">
        <v>26</v>
      </c>
      <c r="F7195" t="s">
        <v>33</v>
      </c>
      <c r="G7195" t="s">
        <v>46</v>
      </c>
      <c r="H7195" t="s">
        <v>974</v>
      </c>
      <c r="I7195">
        <v>25.11</v>
      </c>
      <c r="J7195">
        <v>3</v>
      </c>
      <c r="K7195">
        <v>6.53</v>
      </c>
    </row>
    <row r="7196" spans="1:11" x14ac:dyDescent="0.3">
      <c r="A7196" s="1">
        <v>42827</v>
      </c>
      <c r="B7196" s="3">
        <f t="shared" si="224"/>
        <v>4</v>
      </c>
      <c r="C7196" s="3">
        <f t="shared" si="225"/>
        <v>2017</v>
      </c>
      <c r="D7196" t="s">
        <v>1675</v>
      </c>
      <c r="E7196" t="s">
        <v>29</v>
      </c>
      <c r="F7196" t="s">
        <v>33</v>
      </c>
      <c r="G7196" t="s">
        <v>144</v>
      </c>
      <c r="H7196" t="s">
        <v>809</v>
      </c>
      <c r="I7196">
        <v>411.8</v>
      </c>
      <c r="J7196">
        <v>2</v>
      </c>
      <c r="K7196">
        <v>70.010000000000005</v>
      </c>
    </row>
    <row r="7197" spans="1:11" x14ac:dyDescent="0.3">
      <c r="A7197" s="1">
        <v>42827</v>
      </c>
      <c r="B7197" s="3">
        <f t="shared" si="224"/>
        <v>4</v>
      </c>
      <c r="C7197" s="3">
        <f t="shared" si="225"/>
        <v>2017</v>
      </c>
      <c r="D7197" t="s">
        <v>1675</v>
      </c>
      <c r="E7197" t="s">
        <v>29</v>
      </c>
      <c r="F7197" t="s">
        <v>38</v>
      </c>
      <c r="G7197" t="s">
        <v>51</v>
      </c>
      <c r="H7197" t="s">
        <v>1558</v>
      </c>
      <c r="I7197">
        <v>360</v>
      </c>
      <c r="J7197">
        <v>4</v>
      </c>
      <c r="K7197">
        <v>129.6</v>
      </c>
    </row>
    <row r="7198" spans="1:11" x14ac:dyDescent="0.3">
      <c r="A7198" s="1">
        <v>42827</v>
      </c>
      <c r="B7198" s="3">
        <f t="shared" si="224"/>
        <v>4</v>
      </c>
      <c r="C7198" s="3">
        <f t="shared" si="225"/>
        <v>2017</v>
      </c>
      <c r="D7198" t="s">
        <v>1698</v>
      </c>
      <c r="E7198" t="s">
        <v>612</v>
      </c>
      <c r="F7198" t="s">
        <v>10</v>
      </c>
      <c r="G7198" t="s">
        <v>23</v>
      </c>
      <c r="H7198" t="s">
        <v>2641</v>
      </c>
      <c r="I7198">
        <v>11.12</v>
      </c>
      <c r="J7198">
        <v>4</v>
      </c>
      <c r="K7198">
        <v>2.89</v>
      </c>
    </row>
    <row r="7199" spans="1:11" x14ac:dyDescent="0.3">
      <c r="A7199" s="1">
        <v>42827</v>
      </c>
      <c r="B7199" s="3">
        <f t="shared" si="224"/>
        <v>4</v>
      </c>
      <c r="C7199" s="3">
        <f t="shared" si="225"/>
        <v>2017</v>
      </c>
      <c r="D7199" t="s">
        <v>1884</v>
      </c>
      <c r="E7199" t="s">
        <v>487</v>
      </c>
      <c r="F7199" t="s">
        <v>10</v>
      </c>
      <c r="G7199" t="s">
        <v>15</v>
      </c>
      <c r="H7199" t="s">
        <v>1335</v>
      </c>
      <c r="I7199">
        <v>14.94</v>
      </c>
      <c r="J7199">
        <v>3</v>
      </c>
      <c r="K7199">
        <v>6.87</v>
      </c>
    </row>
    <row r="7200" spans="1:11" x14ac:dyDescent="0.3">
      <c r="A7200" s="1">
        <v>42828</v>
      </c>
      <c r="B7200" s="3">
        <f t="shared" si="224"/>
        <v>4</v>
      </c>
      <c r="C7200" s="3">
        <f t="shared" si="225"/>
        <v>2017</v>
      </c>
      <c r="D7200" t="s">
        <v>595</v>
      </c>
      <c r="E7200" t="s">
        <v>22</v>
      </c>
      <c r="F7200" t="s">
        <v>33</v>
      </c>
      <c r="G7200" t="s">
        <v>46</v>
      </c>
      <c r="H7200" t="s">
        <v>1014</v>
      </c>
      <c r="I7200">
        <v>25.47</v>
      </c>
      <c r="J7200">
        <v>4</v>
      </c>
      <c r="K7200">
        <v>7.64</v>
      </c>
    </row>
    <row r="7201" spans="1:11" x14ac:dyDescent="0.3">
      <c r="A7201" s="1">
        <v>42828</v>
      </c>
      <c r="B7201" s="3">
        <f t="shared" si="224"/>
        <v>4</v>
      </c>
      <c r="C7201" s="3">
        <f t="shared" si="225"/>
        <v>2017</v>
      </c>
      <c r="D7201" t="s">
        <v>217</v>
      </c>
      <c r="E7201" t="s">
        <v>14</v>
      </c>
      <c r="F7201" t="s">
        <v>10</v>
      </c>
      <c r="G7201" t="s">
        <v>23</v>
      </c>
      <c r="H7201" t="s">
        <v>1251</v>
      </c>
      <c r="I7201">
        <v>7.06</v>
      </c>
      <c r="J7201">
        <v>3</v>
      </c>
      <c r="K7201">
        <v>2.21</v>
      </c>
    </row>
    <row r="7202" spans="1:11" x14ac:dyDescent="0.3">
      <c r="A7202" s="1">
        <v>42829</v>
      </c>
      <c r="B7202" s="3">
        <f t="shared" si="224"/>
        <v>4</v>
      </c>
      <c r="C7202" s="3">
        <f t="shared" si="225"/>
        <v>2017</v>
      </c>
      <c r="D7202" t="s">
        <v>1527</v>
      </c>
      <c r="E7202" t="s">
        <v>14</v>
      </c>
      <c r="F7202" t="s">
        <v>38</v>
      </c>
      <c r="G7202" t="s">
        <v>39</v>
      </c>
      <c r="H7202" t="s">
        <v>2418</v>
      </c>
      <c r="I7202">
        <v>383.84</v>
      </c>
      <c r="J7202">
        <v>4</v>
      </c>
      <c r="K7202">
        <v>47.98</v>
      </c>
    </row>
    <row r="7203" spans="1:11" x14ac:dyDescent="0.3">
      <c r="A7203" s="1">
        <v>42829</v>
      </c>
      <c r="B7203" s="3">
        <f t="shared" si="224"/>
        <v>4</v>
      </c>
      <c r="C7203" s="3">
        <f t="shared" si="225"/>
        <v>2017</v>
      </c>
      <c r="D7203" t="s">
        <v>927</v>
      </c>
      <c r="E7203" t="s">
        <v>148</v>
      </c>
      <c r="F7203" t="s">
        <v>38</v>
      </c>
      <c r="G7203" t="s">
        <v>39</v>
      </c>
      <c r="H7203" t="s">
        <v>2663</v>
      </c>
      <c r="I7203">
        <v>41.22</v>
      </c>
      <c r="J7203">
        <v>1</v>
      </c>
      <c r="K7203">
        <v>11.13</v>
      </c>
    </row>
    <row r="7204" spans="1:11" x14ac:dyDescent="0.3">
      <c r="A7204" s="1">
        <v>42829</v>
      </c>
      <c r="B7204" s="3">
        <f t="shared" si="224"/>
        <v>4</v>
      </c>
      <c r="C7204" s="3">
        <f t="shared" si="225"/>
        <v>2017</v>
      </c>
      <c r="D7204" t="s">
        <v>927</v>
      </c>
      <c r="E7204" t="s">
        <v>148</v>
      </c>
      <c r="F7204" t="s">
        <v>10</v>
      </c>
      <c r="G7204" t="s">
        <v>199</v>
      </c>
      <c r="H7204" t="s">
        <v>1515</v>
      </c>
      <c r="I7204">
        <v>240.37</v>
      </c>
      <c r="J7204">
        <v>1</v>
      </c>
      <c r="K7204">
        <v>7.21</v>
      </c>
    </row>
    <row r="7205" spans="1:11" x14ac:dyDescent="0.3">
      <c r="A7205" s="1">
        <v>42829</v>
      </c>
      <c r="B7205" s="3">
        <f t="shared" si="224"/>
        <v>4</v>
      </c>
      <c r="C7205" s="3">
        <f t="shared" si="225"/>
        <v>2017</v>
      </c>
      <c r="D7205" t="s">
        <v>927</v>
      </c>
      <c r="E7205" t="s">
        <v>148</v>
      </c>
      <c r="F7205" t="s">
        <v>38</v>
      </c>
      <c r="G7205" t="s">
        <v>39</v>
      </c>
      <c r="H7205" t="s">
        <v>1894</v>
      </c>
      <c r="I7205">
        <v>119.02</v>
      </c>
      <c r="J7205">
        <v>2</v>
      </c>
      <c r="K7205">
        <v>33.33</v>
      </c>
    </row>
    <row r="7206" spans="1:11" x14ac:dyDescent="0.3">
      <c r="A7206" s="1">
        <v>42829</v>
      </c>
      <c r="B7206" s="3">
        <f t="shared" si="224"/>
        <v>4</v>
      </c>
      <c r="C7206" s="3">
        <f t="shared" si="225"/>
        <v>2017</v>
      </c>
      <c r="D7206" t="s">
        <v>1810</v>
      </c>
      <c r="E7206" t="s">
        <v>148</v>
      </c>
      <c r="F7206" t="s">
        <v>10</v>
      </c>
      <c r="G7206" t="s">
        <v>62</v>
      </c>
      <c r="H7206" t="s">
        <v>64</v>
      </c>
      <c r="I7206">
        <v>16.98</v>
      </c>
      <c r="J7206">
        <v>1</v>
      </c>
      <c r="K7206">
        <v>8.49</v>
      </c>
    </row>
    <row r="7207" spans="1:11" x14ac:dyDescent="0.3">
      <c r="A7207" s="1">
        <v>42829</v>
      </c>
      <c r="B7207" s="3">
        <f t="shared" si="224"/>
        <v>4</v>
      </c>
      <c r="C7207" s="3">
        <f t="shared" si="225"/>
        <v>2017</v>
      </c>
      <c r="D7207" t="s">
        <v>1281</v>
      </c>
      <c r="E7207" t="s">
        <v>148</v>
      </c>
      <c r="F7207" t="s">
        <v>10</v>
      </c>
      <c r="G7207" t="s">
        <v>23</v>
      </c>
      <c r="H7207" t="s">
        <v>2389</v>
      </c>
      <c r="I7207">
        <v>7.04</v>
      </c>
      <c r="J7207">
        <v>4</v>
      </c>
      <c r="K7207">
        <v>2.04</v>
      </c>
    </row>
    <row r="7208" spans="1:11" x14ac:dyDescent="0.3">
      <c r="A7208" s="1">
        <v>42831</v>
      </c>
      <c r="B7208" s="3">
        <f t="shared" si="224"/>
        <v>4</v>
      </c>
      <c r="C7208" s="3">
        <f t="shared" si="225"/>
        <v>2017</v>
      </c>
      <c r="D7208" t="s">
        <v>2579</v>
      </c>
      <c r="E7208" t="s">
        <v>394</v>
      </c>
      <c r="F7208" t="s">
        <v>10</v>
      </c>
      <c r="G7208" t="s">
        <v>11</v>
      </c>
      <c r="H7208" t="s">
        <v>624</v>
      </c>
      <c r="I7208">
        <v>106.32</v>
      </c>
      <c r="J7208">
        <v>3</v>
      </c>
      <c r="K7208">
        <v>49.97</v>
      </c>
    </row>
    <row r="7209" spans="1:11" x14ac:dyDescent="0.3">
      <c r="A7209" s="1">
        <v>42831</v>
      </c>
      <c r="B7209" s="3">
        <f t="shared" si="224"/>
        <v>4</v>
      </c>
      <c r="C7209" s="3">
        <f t="shared" si="225"/>
        <v>2017</v>
      </c>
      <c r="D7209" t="s">
        <v>1110</v>
      </c>
      <c r="E7209" t="s">
        <v>119</v>
      </c>
      <c r="F7209" t="s">
        <v>10</v>
      </c>
      <c r="G7209" t="s">
        <v>19</v>
      </c>
      <c r="H7209" t="s">
        <v>1667</v>
      </c>
      <c r="I7209">
        <v>8.1</v>
      </c>
      <c r="J7209">
        <v>5</v>
      </c>
      <c r="K7209">
        <v>-5.94</v>
      </c>
    </row>
    <row r="7210" spans="1:11" x14ac:dyDescent="0.3">
      <c r="A7210" s="1">
        <v>42832</v>
      </c>
      <c r="B7210" s="3">
        <f t="shared" si="224"/>
        <v>4</v>
      </c>
      <c r="C7210" s="3">
        <f t="shared" si="225"/>
        <v>2017</v>
      </c>
      <c r="D7210" t="s">
        <v>1382</v>
      </c>
      <c r="E7210" t="s">
        <v>122</v>
      </c>
      <c r="F7210" t="s">
        <v>33</v>
      </c>
      <c r="G7210" t="s">
        <v>144</v>
      </c>
      <c r="H7210" t="s">
        <v>549</v>
      </c>
      <c r="I7210">
        <v>233.86</v>
      </c>
      <c r="J7210">
        <v>2</v>
      </c>
      <c r="K7210">
        <v>-102.05</v>
      </c>
    </row>
    <row r="7211" spans="1:11" x14ac:dyDescent="0.3">
      <c r="A7211" s="1">
        <v>42832</v>
      </c>
      <c r="B7211" s="3">
        <f t="shared" si="224"/>
        <v>4</v>
      </c>
      <c r="C7211" s="3">
        <f t="shared" si="225"/>
        <v>2017</v>
      </c>
      <c r="D7211" t="s">
        <v>1382</v>
      </c>
      <c r="E7211" t="s">
        <v>122</v>
      </c>
      <c r="F7211" t="s">
        <v>33</v>
      </c>
      <c r="G7211" t="s">
        <v>144</v>
      </c>
      <c r="H7211" t="s">
        <v>319</v>
      </c>
      <c r="I7211">
        <v>620.61</v>
      </c>
      <c r="J7211">
        <v>3</v>
      </c>
      <c r="K7211">
        <v>-248.25</v>
      </c>
    </row>
    <row r="7212" spans="1:11" x14ac:dyDescent="0.3">
      <c r="A7212" s="1">
        <v>42832</v>
      </c>
      <c r="B7212" s="3">
        <f t="shared" si="224"/>
        <v>4</v>
      </c>
      <c r="C7212" s="3">
        <f t="shared" si="225"/>
        <v>2017</v>
      </c>
      <c r="D7212" t="s">
        <v>1382</v>
      </c>
      <c r="E7212" t="s">
        <v>122</v>
      </c>
      <c r="F7212" t="s">
        <v>10</v>
      </c>
      <c r="G7212" t="s">
        <v>19</v>
      </c>
      <c r="H7212" t="s">
        <v>1029</v>
      </c>
      <c r="I7212">
        <v>5.33</v>
      </c>
      <c r="J7212">
        <v>2</v>
      </c>
      <c r="K7212">
        <v>-3.55</v>
      </c>
    </row>
    <row r="7213" spans="1:11" x14ac:dyDescent="0.3">
      <c r="A7213" s="1">
        <v>42832</v>
      </c>
      <c r="B7213" s="3">
        <f t="shared" si="224"/>
        <v>4</v>
      </c>
      <c r="C7213" s="3">
        <f t="shared" si="225"/>
        <v>2017</v>
      </c>
      <c r="D7213" t="s">
        <v>1382</v>
      </c>
      <c r="E7213" t="s">
        <v>122</v>
      </c>
      <c r="F7213" t="s">
        <v>33</v>
      </c>
      <c r="G7213" t="s">
        <v>46</v>
      </c>
      <c r="H7213" t="s">
        <v>2365</v>
      </c>
      <c r="I7213">
        <v>258.07</v>
      </c>
      <c r="J7213">
        <v>3</v>
      </c>
      <c r="K7213">
        <v>0</v>
      </c>
    </row>
    <row r="7214" spans="1:11" x14ac:dyDescent="0.3">
      <c r="A7214" s="1">
        <v>42832</v>
      </c>
      <c r="B7214" s="3">
        <f t="shared" si="224"/>
        <v>4</v>
      </c>
      <c r="C7214" s="3">
        <f t="shared" si="225"/>
        <v>2017</v>
      </c>
      <c r="D7214" t="s">
        <v>1382</v>
      </c>
      <c r="E7214" t="s">
        <v>122</v>
      </c>
      <c r="F7214" t="s">
        <v>38</v>
      </c>
      <c r="G7214" t="s">
        <v>51</v>
      </c>
      <c r="H7214" t="s">
        <v>1627</v>
      </c>
      <c r="I7214">
        <v>617.98</v>
      </c>
      <c r="J7214">
        <v>3</v>
      </c>
      <c r="K7214">
        <v>-7.72</v>
      </c>
    </row>
    <row r="7215" spans="1:11" x14ac:dyDescent="0.3">
      <c r="A7215" s="1">
        <v>42832</v>
      </c>
      <c r="B7215" s="3">
        <f t="shared" si="224"/>
        <v>4</v>
      </c>
      <c r="C7215" s="3">
        <f t="shared" si="225"/>
        <v>2017</v>
      </c>
      <c r="D7215" t="s">
        <v>227</v>
      </c>
      <c r="E7215" t="s">
        <v>122</v>
      </c>
      <c r="F7215" t="s">
        <v>10</v>
      </c>
      <c r="G7215" t="s">
        <v>23</v>
      </c>
      <c r="H7215" t="s">
        <v>1602</v>
      </c>
      <c r="I7215">
        <v>16.260000000000002</v>
      </c>
      <c r="J7215">
        <v>2</v>
      </c>
      <c r="K7215">
        <v>1.22</v>
      </c>
    </row>
    <row r="7216" spans="1:11" x14ac:dyDescent="0.3">
      <c r="A7216" s="1">
        <v>42832</v>
      </c>
      <c r="B7216" s="3">
        <f t="shared" si="224"/>
        <v>4</v>
      </c>
      <c r="C7216" s="3">
        <f t="shared" si="225"/>
        <v>2017</v>
      </c>
      <c r="D7216" t="s">
        <v>227</v>
      </c>
      <c r="E7216" t="s">
        <v>122</v>
      </c>
      <c r="F7216" t="s">
        <v>38</v>
      </c>
      <c r="G7216" t="s">
        <v>39</v>
      </c>
      <c r="H7216" t="s">
        <v>520</v>
      </c>
      <c r="I7216">
        <v>219.18</v>
      </c>
      <c r="J7216">
        <v>2</v>
      </c>
      <c r="K7216">
        <v>19.18</v>
      </c>
    </row>
    <row r="7217" spans="1:11" x14ac:dyDescent="0.3">
      <c r="A7217" s="1">
        <v>42833</v>
      </c>
      <c r="B7217" s="3">
        <f t="shared" si="224"/>
        <v>4</v>
      </c>
      <c r="C7217" s="3">
        <f t="shared" si="225"/>
        <v>2017</v>
      </c>
      <c r="D7217" t="s">
        <v>1554</v>
      </c>
      <c r="E7217" t="s">
        <v>29</v>
      </c>
      <c r="F7217" t="s">
        <v>33</v>
      </c>
      <c r="G7217" t="s">
        <v>46</v>
      </c>
      <c r="H7217" t="s">
        <v>1975</v>
      </c>
      <c r="I7217">
        <v>56.28</v>
      </c>
      <c r="J7217">
        <v>6</v>
      </c>
      <c r="K7217">
        <v>15.76</v>
      </c>
    </row>
    <row r="7218" spans="1:11" x14ac:dyDescent="0.3">
      <c r="A7218" s="1">
        <v>42833</v>
      </c>
      <c r="B7218" s="3">
        <f t="shared" si="224"/>
        <v>4</v>
      </c>
      <c r="C7218" s="3">
        <f t="shared" si="225"/>
        <v>2017</v>
      </c>
      <c r="D7218" t="s">
        <v>1554</v>
      </c>
      <c r="E7218" t="s">
        <v>29</v>
      </c>
      <c r="F7218" t="s">
        <v>10</v>
      </c>
      <c r="G7218" t="s">
        <v>19</v>
      </c>
      <c r="H7218" t="s">
        <v>1141</v>
      </c>
      <c r="I7218">
        <v>2690.97</v>
      </c>
      <c r="J7218">
        <v>3</v>
      </c>
      <c r="K7218">
        <v>1264.76</v>
      </c>
    </row>
    <row r="7219" spans="1:11" x14ac:dyDescent="0.3">
      <c r="A7219" s="1">
        <v>42833</v>
      </c>
      <c r="B7219" s="3">
        <f t="shared" si="224"/>
        <v>4</v>
      </c>
      <c r="C7219" s="3">
        <f t="shared" si="225"/>
        <v>2017</v>
      </c>
      <c r="D7219" t="s">
        <v>1384</v>
      </c>
      <c r="E7219" t="s">
        <v>176</v>
      </c>
      <c r="F7219" t="s">
        <v>10</v>
      </c>
      <c r="G7219" t="s">
        <v>17</v>
      </c>
      <c r="H7219" t="s">
        <v>2109</v>
      </c>
      <c r="I7219">
        <v>2591.56</v>
      </c>
      <c r="J7219">
        <v>4</v>
      </c>
      <c r="K7219">
        <v>621.97</v>
      </c>
    </row>
    <row r="7220" spans="1:11" x14ac:dyDescent="0.3">
      <c r="A7220" s="1">
        <v>42833</v>
      </c>
      <c r="B7220" s="3">
        <f t="shared" si="224"/>
        <v>4</v>
      </c>
      <c r="C7220" s="3">
        <f t="shared" si="225"/>
        <v>2017</v>
      </c>
      <c r="D7220" t="s">
        <v>1384</v>
      </c>
      <c r="E7220" t="s">
        <v>176</v>
      </c>
      <c r="F7220" t="s">
        <v>10</v>
      </c>
      <c r="G7220" t="s">
        <v>91</v>
      </c>
      <c r="H7220" t="s">
        <v>1249</v>
      </c>
      <c r="I7220">
        <v>41.95</v>
      </c>
      <c r="J7220">
        <v>5</v>
      </c>
      <c r="K7220">
        <v>10.49</v>
      </c>
    </row>
    <row r="7221" spans="1:11" x14ac:dyDescent="0.3">
      <c r="A7221" s="1">
        <v>42833</v>
      </c>
      <c r="B7221" s="3">
        <f t="shared" si="224"/>
        <v>4</v>
      </c>
      <c r="C7221" s="3">
        <f t="shared" si="225"/>
        <v>2017</v>
      </c>
      <c r="D7221" t="s">
        <v>962</v>
      </c>
      <c r="E7221" t="s">
        <v>26</v>
      </c>
      <c r="F7221" t="s">
        <v>10</v>
      </c>
      <c r="G7221" t="s">
        <v>11</v>
      </c>
      <c r="H7221" t="s">
        <v>263</v>
      </c>
      <c r="I7221">
        <v>244.55</v>
      </c>
      <c r="J7221">
        <v>5</v>
      </c>
      <c r="K7221">
        <v>114.94</v>
      </c>
    </row>
    <row r="7222" spans="1:11" x14ac:dyDescent="0.3">
      <c r="A7222" s="1">
        <v>42833</v>
      </c>
      <c r="B7222" s="3">
        <f t="shared" si="224"/>
        <v>4</v>
      </c>
      <c r="C7222" s="3">
        <f t="shared" si="225"/>
        <v>2017</v>
      </c>
      <c r="D7222" t="s">
        <v>962</v>
      </c>
      <c r="E7222" t="s">
        <v>26</v>
      </c>
      <c r="F7222" t="s">
        <v>10</v>
      </c>
      <c r="G7222" t="s">
        <v>11</v>
      </c>
      <c r="H7222" t="s">
        <v>1293</v>
      </c>
      <c r="I7222">
        <v>195.76</v>
      </c>
      <c r="J7222">
        <v>4</v>
      </c>
      <c r="K7222">
        <v>97.88</v>
      </c>
    </row>
    <row r="7223" spans="1:11" x14ac:dyDescent="0.3">
      <c r="A7223" s="1">
        <v>42833</v>
      </c>
      <c r="B7223" s="3">
        <f t="shared" si="224"/>
        <v>4</v>
      </c>
      <c r="C7223" s="3">
        <f t="shared" si="225"/>
        <v>2017</v>
      </c>
      <c r="D7223" t="s">
        <v>240</v>
      </c>
      <c r="E7223" t="s">
        <v>109</v>
      </c>
      <c r="F7223" t="s">
        <v>33</v>
      </c>
      <c r="G7223" t="s">
        <v>46</v>
      </c>
      <c r="H7223" t="s">
        <v>1219</v>
      </c>
      <c r="I7223">
        <v>273.95999999999998</v>
      </c>
      <c r="J7223">
        <v>2</v>
      </c>
      <c r="K7223">
        <v>71.23</v>
      </c>
    </row>
    <row r="7224" spans="1:11" x14ac:dyDescent="0.3">
      <c r="A7224" s="1">
        <v>42833</v>
      </c>
      <c r="B7224" s="3">
        <f t="shared" si="224"/>
        <v>4</v>
      </c>
      <c r="C7224" s="3">
        <f t="shared" si="225"/>
        <v>2017</v>
      </c>
      <c r="D7224" t="s">
        <v>240</v>
      </c>
      <c r="E7224" t="s">
        <v>109</v>
      </c>
      <c r="F7224" t="s">
        <v>33</v>
      </c>
      <c r="G7224" t="s">
        <v>46</v>
      </c>
      <c r="H7224" t="s">
        <v>1396</v>
      </c>
      <c r="I7224">
        <v>306.89999999999998</v>
      </c>
      <c r="J7224">
        <v>3</v>
      </c>
      <c r="K7224">
        <v>79.790000000000006</v>
      </c>
    </row>
    <row r="7225" spans="1:11" x14ac:dyDescent="0.3">
      <c r="A7225" s="1">
        <v>42834</v>
      </c>
      <c r="B7225" s="3">
        <f t="shared" si="224"/>
        <v>4</v>
      </c>
      <c r="C7225" s="3">
        <f t="shared" si="225"/>
        <v>2017</v>
      </c>
      <c r="D7225" t="s">
        <v>2269</v>
      </c>
      <c r="E7225" t="s">
        <v>148</v>
      </c>
      <c r="F7225" t="s">
        <v>10</v>
      </c>
      <c r="G7225" t="s">
        <v>15</v>
      </c>
      <c r="H7225" t="s">
        <v>2666</v>
      </c>
      <c r="I7225">
        <v>9.82</v>
      </c>
      <c r="J7225">
        <v>2</v>
      </c>
      <c r="K7225">
        <v>4.8099999999999996</v>
      </c>
    </row>
    <row r="7226" spans="1:11" x14ac:dyDescent="0.3">
      <c r="A7226" s="1">
        <v>42834</v>
      </c>
      <c r="B7226" s="3">
        <f t="shared" si="224"/>
        <v>4</v>
      </c>
      <c r="C7226" s="3">
        <f t="shared" si="225"/>
        <v>2017</v>
      </c>
      <c r="D7226" t="s">
        <v>2269</v>
      </c>
      <c r="E7226" t="s">
        <v>148</v>
      </c>
      <c r="F7226" t="s">
        <v>10</v>
      </c>
      <c r="G7226" t="s">
        <v>23</v>
      </c>
      <c r="H7226" t="s">
        <v>1116</v>
      </c>
      <c r="I7226">
        <v>35.97</v>
      </c>
      <c r="J7226">
        <v>3</v>
      </c>
      <c r="K7226">
        <v>9.7100000000000009</v>
      </c>
    </row>
    <row r="7227" spans="1:11" x14ac:dyDescent="0.3">
      <c r="A7227" s="1">
        <v>42834</v>
      </c>
      <c r="B7227" s="3">
        <f t="shared" si="224"/>
        <v>4</v>
      </c>
      <c r="C7227" s="3">
        <f t="shared" si="225"/>
        <v>2017</v>
      </c>
      <c r="D7227" t="s">
        <v>2269</v>
      </c>
      <c r="E7227" t="s">
        <v>148</v>
      </c>
      <c r="F7227" t="s">
        <v>10</v>
      </c>
      <c r="G7227" t="s">
        <v>11</v>
      </c>
      <c r="H7227" t="s">
        <v>2171</v>
      </c>
      <c r="I7227">
        <v>12.96</v>
      </c>
      <c r="J7227">
        <v>2</v>
      </c>
      <c r="K7227">
        <v>6.22</v>
      </c>
    </row>
    <row r="7228" spans="1:11" x14ac:dyDescent="0.3">
      <c r="A7228" s="1">
        <v>42834</v>
      </c>
      <c r="B7228" s="3">
        <f t="shared" si="224"/>
        <v>4</v>
      </c>
      <c r="C7228" s="3">
        <f t="shared" si="225"/>
        <v>2017</v>
      </c>
      <c r="D7228" t="s">
        <v>2269</v>
      </c>
      <c r="E7228" t="s">
        <v>148</v>
      </c>
      <c r="F7228" t="s">
        <v>10</v>
      </c>
      <c r="G7228" t="s">
        <v>11</v>
      </c>
      <c r="H7228" t="s">
        <v>2667</v>
      </c>
      <c r="I7228">
        <v>191.6</v>
      </c>
      <c r="J7228">
        <v>4</v>
      </c>
      <c r="K7228">
        <v>91.97</v>
      </c>
    </row>
    <row r="7229" spans="1:11" x14ac:dyDescent="0.3">
      <c r="A7229" s="1">
        <v>42834</v>
      </c>
      <c r="B7229" s="3">
        <f t="shared" si="224"/>
        <v>4</v>
      </c>
      <c r="C7229" s="3">
        <f t="shared" si="225"/>
        <v>2017</v>
      </c>
      <c r="D7229" t="s">
        <v>2269</v>
      </c>
      <c r="E7229" t="s">
        <v>148</v>
      </c>
      <c r="F7229" t="s">
        <v>10</v>
      </c>
      <c r="G7229" t="s">
        <v>15</v>
      </c>
      <c r="H7229" t="s">
        <v>583</v>
      </c>
      <c r="I7229">
        <v>8.64</v>
      </c>
      <c r="J7229">
        <v>3</v>
      </c>
      <c r="K7229">
        <v>4.2300000000000004</v>
      </c>
    </row>
    <row r="7230" spans="1:11" x14ac:dyDescent="0.3">
      <c r="A7230" s="1">
        <v>42834</v>
      </c>
      <c r="B7230" s="3">
        <f t="shared" si="224"/>
        <v>4</v>
      </c>
      <c r="C7230" s="3">
        <f t="shared" si="225"/>
        <v>2017</v>
      </c>
      <c r="D7230" t="s">
        <v>2269</v>
      </c>
      <c r="E7230" t="s">
        <v>148</v>
      </c>
      <c r="F7230" t="s">
        <v>10</v>
      </c>
      <c r="G7230" t="s">
        <v>17</v>
      </c>
      <c r="H7230" t="s">
        <v>859</v>
      </c>
      <c r="I7230">
        <v>501.81</v>
      </c>
      <c r="J7230">
        <v>3</v>
      </c>
      <c r="K7230">
        <v>0</v>
      </c>
    </row>
    <row r="7231" spans="1:11" x14ac:dyDescent="0.3">
      <c r="A7231" s="1">
        <v>42834</v>
      </c>
      <c r="B7231" s="3">
        <f t="shared" si="224"/>
        <v>4</v>
      </c>
      <c r="C7231" s="3">
        <f t="shared" si="225"/>
        <v>2017</v>
      </c>
      <c r="D7231" t="s">
        <v>217</v>
      </c>
      <c r="E7231" t="s">
        <v>122</v>
      </c>
      <c r="F7231" t="s">
        <v>10</v>
      </c>
      <c r="G7231" t="s">
        <v>15</v>
      </c>
      <c r="H7231" t="s">
        <v>1406</v>
      </c>
      <c r="I7231">
        <v>15.12</v>
      </c>
      <c r="J7231">
        <v>3</v>
      </c>
      <c r="K7231">
        <v>4.91</v>
      </c>
    </row>
    <row r="7232" spans="1:11" x14ac:dyDescent="0.3">
      <c r="A7232" s="1">
        <v>42834</v>
      </c>
      <c r="B7232" s="3">
        <f t="shared" si="224"/>
        <v>4</v>
      </c>
      <c r="C7232" s="3">
        <f t="shared" si="225"/>
        <v>2017</v>
      </c>
      <c r="D7232" t="s">
        <v>217</v>
      </c>
      <c r="E7232" t="s">
        <v>122</v>
      </c>
      <c r="F7232" t="s">
        <v>10</v>
      </c>
      <c r="G7232" t="s">
        <v>19</v>
      </c>
      <c r="H7232" t="s">
        <v>661</v>
      </c>
      <c r="I7232">
        <v>17.43</v>
      </c>
      <c r="J7232">
        <v>1</v>
      </c>
      <c r="K7232">
        <v>-13.36</v>
      </c>
    </row>
    <row r="7233" spans="1:11" x14ac:dyDescent="0.3">
      <c r="A7233" s="1">
        <v>42834</v>
      </c>
      <c r="B7233" s="3">
        <f t="shared" si="224"/>
        <v>4</v>
      </c>
      <c r="C7233" s="3">
        <f t="shared" si="225"/>
        <v>2017</v>
      </c>
      <c r="D7233" t="s">
        <v>217</v>
      </c>
      <c r="E7233" t="s">
        <v>122</v>
      </c>
      <c r="F7233" t="s">
        <v>10</v>
      </c>
      <c r="G7233" t="s">
        <v>11</v>
      </c>
      <c r="H7233" t="s">
        <v>2242</v>
      </c>
      <c r="I7233">
        <v>251.64</v>
      </c>
      <c r="J7233">
        <v>3</v>
      </c>
      <c r="K7233">
        <v>88.07</v>
      </c>
    </row>
    <row r="7234" spans="1:11" x14ac:dyDescent="0.3">
      <c r="A7234" s="1">
        <v>42834</v>
      </c>
      <c r="B7234" s="3">
        <f t="shared" ref="B7234:B7297" si="226">MONTH(A:A)</f>
        <v>4</v>
      </c>
      <c r="C7234" s="3">
        <f t="shared" ref="C7234:C7297" si="227">YEAR(A:A)</f>
        <v>2017</v>
      </c>
      <c r="D7234" t="s">
        <v>1011</v>
      </c>
      <c r="E7234" t="s">
        <v>109</v>
      </c>
      <c r="F7234" t="s">
        <v>10</v>
      </c>
      <c r="G7234" t="s">
        <v>19</v>
      </c>
      <c r="H7234" t="s">
        <v>887</v>
      </c>
      <c r="I7234">
        <v>478.24</v>
      </c>
      <c r="J7234">
        <v>8</v>
      </c>
      <c r="K7234">
        <v>219.99</v>
      </c>
    </row>
    <row r="7235" spans="1:11" x14ac:dyDescent="0.3">
      <c r="A7235" s="1">
        <v>42834</v>
      </c>
      <c r="B7235" s="3">
        <f t="shared" si="226"/>
        <v>4</v>
      </c>
      <c r="C7235" s="3">
        <f t="shared" si="227"/>
        <v>2017</v>
      </c>
      <c r="D7235" t="s">
        <v>1518</v>
      </c>
      <c r="E7235" t="s">
        <v>22</v>
      </c>
      <c r="F7235" t="s">
        <v>10</v>
      </c>
      <c r="G7235" t="s">
        <v>19</v>
      </c>
      <c r="H7235" t="s">
        <v>2154</v>
      </c>
      <c r="I7235">
        <v>37.9</v>
      </c>
      <c r="J7235">
        <v>4</v>
      </c>
      <c r="K7235">
        <v>-29.05</v>
      </c>
    </row>
    <row r="7236" spans="1:11" x14ac:dyDescent="0.3">
      <c r="A7236" s="1">
        <v>42834</v>
      </c>
      <c r="B7236" s="3">
        <f t="shared" si="226"/>
        <v>4</v>
      </c>
      <c r="C7236" s="3">
        <f t="shared" si="227"/>
        <v>2017</v>
      </c>
      <c r="D7236" t="s">
        <v>1518</v>
      </c>
      <c r="E7236" t="s">
        <v>22</v>
      </c>
      <c r="F7236" t="s">
        <v>10</v>
      </c>
      <c r="G7236" t="s">
        <v>11</v>
      </c>
      <c r="H7236" t="s">
        <v>1600</v>
      </c>
      <c r="I7236">
        <v>65.58</v>
      </c>
      <c r="J7236">
        <v>2</v>
      </c>
      <c r="K7236">
        <v>23.77</v>
      </c>
    </row>
    <row r="7237" spans="1:11" x14ac:dyDescent="0.3">
      <c r="A7237" s="1">
        <v>42835</v>
      </c>
      <c r="B7237" s="3">
        <f t="shared" si="226"/>
        <v>4</v>
      </c>
      <c r="C7237" s="3">
        <f t="shared" si="227"/>
        <v>2017</v>
      </c>
      <c r="D7237" t="s">
        <v>2258</v>
      </c>
      <c r="E7237" t="s">
        <v>176</v>
      </c>
      <c r="F7237" t="s">
        <v>10</v>
      </c>
      <c r="G7237" t="s">
        <v>11</v>
      </c>
      <c r="H7237" t="s">
        <v>984</v>
      </c>
      <c r="I7237">
        <v>7.61</v>
      </c>
      <c r="J7237">
        <v>1</v>
      </c>
      <c r="K7237">
        <v>3.58</v>
      </c>
    </row>
    <row r="7238" spans="1:11" x14ac:dyDescent="0.3">
      <c r="A7238" s="1">
        <v>42835</v>
      </c>
      <c r="B7238" s="3">
        <f t="shared" si="226"/>
        <v>4</v>
      </c>
      <c r="C7238" s="3">
        <f t="shared" si="227"/>
        <v>2017</v>
      </c>
      <c r="D7238" t="s">
        <v>2258</v>
      </c>
      <c r="E7238" t="s">
        <v>176</v>
      </c>
      <c r="F7238" t="s">
        <v>10</v>
      </c>
      <c r="G7238" t="s">
        <v>42</v>
      </c>
      <c r="H7238" t="s">
        <v>826</v>
      </c>
      <c r="I7238">
        <v>7.16</v>
      </c>
      <c r="J7238">
        <v>2</v>
      </c>
      <c r="K7238">
        <v>3.58</v>
      </c>
    </row>
    <row r="7239" spans="1:11" x14ac:dyDescent="0.3">
      <c r="A7239" s="1">
        <v>42835</v>
      </c>
      <c r="B7239" s="3">
        <f t="shared" si="226"/>
        <v>4</v>
      </c>
      <c r="C7239" s="3">
        <f t="shared" si="227"/>
        <v>2017</v>
      </c>
      <c r="D7239" t="s">
        <v>1428</v>
      </c>
      <c r="E7239" t="s">
        <v>9</v>
      </c>
      <c r="F7239" t="s">
        <v>10</v>
      </c>
      <c r="G7239" t="s">
        <v>11</v>
      </c>
      <c r="H7239" t="s">
        <v>2085</v>
      </c>
      <c r="I7239">
        <v>10.37</v>
      </c>
      <c r="J7239">
        <v>2</v>
      </c>
      <c r="K7239">
        <v>3.63</v>
      </c>
    </row>
    <row r="7240" spans="1:11" x14ac:dyDescent="0.3">
      <c r="A7240" s="1">
        <v>42835</v>
      </c>
      <c r="B7240" s="3">
        <f t="shared" si="226"/>
        <v>4</v>
      </c>
      <c r="C7240" s="3">
        <f t="shared" si="227"/>
        <v>2017</v>
      </c>
      <c r="D7240" t="s">
        <v>1428</v>
      </c>
      <c r="E7240" t="s">
        <v>9</v>
      </c>
      <c r="F7240" t="s">
        <v>38</v>
      </c>
      <c r="G7240" t="s">
        <v>51</v>
      </c>
      <c r="H7240" t="s">
        <v>2424</v>
      </c>
      <c r="I7240">
        <v>95.74</v>
      </c>
      <c r="J7240">
        <v>3</v>
      </c>
      <c r="K7240">
        <v>20.34</v>
      </c>
    </row>
    <row r="7241" spans="1:11" x14ac:dyDescent="0.3">
      <c r="A7241" s="1">
        <v>42835</v>
      </c>
      <c r="B7241" s="3">
        <f t="shared" si="226"/>
        <v>4</v>
      </c>
      <c r="C7241" s="3">
        <f t="shared" si="227"/>
        <v>2017</v>
      </c>
      <c r="D7241" t="s">
        <v>2668</v>
      </c>
      <c r="E7241" t="s">
        <v>122</v>
      </c>
      <c r="F7241" t="s">
        <v>33</v>
      </c>
      <c r="G7241" t="s">
        <v>46</v>
      </c>
      <c r="H7241" t="s">
        <v>1789</v>
      </c>
      <c r="I7241">
        <v>12.32</v>
      </c>
      <c r="J7241">
        <v>5</v>
      </c>
      <c r="K7241">
        <v>1.85</v>
      </c>
    </row>
    <row r="7242" spans="1:11" x14ac:dyDescent="0.3">
      <c r="A7242" s="1">
        <v>42835</v>
      </c>
      <c r="B7242" s="3">
        <f t="shared" si="226"/>
        <v>4</v>
      </c>
      <c r="C7242" s="3">
        <f t="shared" si="227"/>
        <v>2017</v>
      </c>
      <c r="D7242" t="s">
        <v>2668</v>
      </c>
      <c r="E7242" t="s">
        <v>122</v>
      </c>
      <c r="F7242" t="s">
        <v>10</v>
      </c>
      <c r="G7242" t="s">
        <v>19</v>
      </c>
      <c r="H7242" t="s">
        <v>1312</v>
      </c>
      <c r="I7242">
        <v>4.42</v>
      </c>
      <c r="J7242">
        <v>3</v>
      </c>
      <c r="K7242">
        <v>-3.09</v>
      </c>
    </row>
    <row r="7243" spans="1:11" x14ac:dyDescent="0.3">
      <c r="A7243" s="1">
        <v>42835</v>
      </c>
      <c r="B7243" s="3">
        <f t="shared" si="226"/>
        <v>4</v>
      </c>
      <c r="C7243" s="3">
        <f t="shared" si="227"/>
        <v>2017</v>
      </c>
      <c r="D7243" t="s">
        <v>1662</v>
      </c>
      <c r="E7243" t="s">
        <v>612</v>
      </c>
      <c r="F7243" t="s">
        <v>38</v>
      </c>
      <c r="G7243" t="s">
        <v>51</v>
      </c>
      <c r="H7243" t="s">
        <v>1077</v>
      </c>
      <c r="I7243">
        <v>99.99</v>
      </c>
      <c r="J7243">
        <v>1</v>
      </c>
      <c r="K7243">
        <v>42</v>
      </c>
    </row>
    <row r="7244" spans="1:11" x14ac:dyDescent="0.3">
      <c r="A7244" s="1">
        <v>42835</v>
      </c>
      <c r="B7244" s="3">
        <f t="shared" si="226"/>
        <v>4</v>
      </c>
      <c r="C7244" s="3">
        <f t="shared" si="227"/>
        <v>2017</v>
      </c>
      <c r="D7244" t="s">
        <v>1662</v>
      </c>
      <c r="E7244" t="s">
        <v>612</v>
      </c>
      <c r="F7244" t="s">
        <v>10</v>
      </c>
      <c r="G7244" t="s">
        <v>17</v>
      </c>
      <c r="H7244" t="s">
        <v>143</v>
      </c>
      <c r="I7244">
        <v>286.14999999999998</v>
      </c>
      <c r="J7244">
        <v>5</v>
      </c>
      <c r="K7244">
        <v>71.540000000000006</v>
      </c>
    </row>
    <row r="7245" spans="1:11" x14ac:dyDescent="0.3">
      <c r="A7245" s="1">
        <v>42835</v>
      </c>
      <c r="B7245" s="3">
        <f t="shared" si="226"/>
        <v>4</v>
      </c>
      <c r="C7245" s="3">
        <f t="shared" si="227"/>
        <v>2017</v>
      </c>
      <c r="D7245" t="s">
        <v>674</v>
      </c>
      <c r="E7245" t="s">
        <v>22</v>
      </c>
      <c r="F7245" t="s">
        <v>10</v>
      </c>
      <c r="G7245" t="s">
        <v>91</v>
      </c>
      <c r="H7245" t="s">
        <v>2288</v>
      </c>
      <c r="I7245">
        <v>195.1</v>
      </c>
      <c r="J7245">
        <v>4</v>
      </c>
      <c r="K7245">
        <v>21.95</v>
      </c>
    </row>
    <row r="7246" spans="1:11" x14ac:dyDescent="0.3">
      <c r="A7246" s="1">
        <v>42835</v>
      </c>
      <c r="B7246" s="3">
        <f t="shared" si="226"/>
        <v>4</v>
      </c>
      <c r="C7246" s="3">
        <f t="shared" si="227"/>
        <v>2017</v>
      </c>
      <c r="D7246" t="s">
        <v>674</v>
      </c>
      <c r="E7246" t="s">
        <v>22</v>
      </c>
      <c r="F7246" t="s">
        <v>33</v>
      </c>
      <c r="G7246" t="s">
        <v>46</v>
      </c>
      <c r="H7246" t="s">
        <v>1731</v>
      </c>
      <c r="I7246">
        <v>36.67</v>
      </c>
      <c r="J7246">
        <v>3</v>
      </c>
      <c r="K7246">
        <v>6.42</v>
      </c>
    </row>
    <row r="7247" spans="1:11" x14ac:dyDescent="0.3">
      <c r="A7247" s="1">
        <v>42836</v>
      </c>
      <c r="B7247" s="3">
        <f t="shared" si="226"/>
        <v>4</v>
      </c>
      <c r="C7247" s="3">
        <f t="shared" si="227"/>
        <v>2017</v>
      </c>
      <c r="D7247" t="s">
        <v>1285</v>
      </c>
      <c r="E7247" t="s">
        <v>26</v>
      </c>
      <c r="F7247" t="s">
        <v>38</v>
      </c>
      <c r="G7247" t="s">
        <v>51</v>
      </c>
      <c r="H7247" t="s">
        <v>1085</v>
      </c>
      <c r="I7247">
        <v>199.95</v>
      </c>
      <c r="J7247">
        <v>5</v>
      </c>
      <c r="K7247">
        <v>21.99</v>
      </c>
    </row>
    <row r="7248" spans="1:11" x14ac:dyDescent="0.3">
      <c r="A7248" s="1">
        <v>42836</v>
      </c>
      <c r="B7248" s="3">
        <f t="shared" si="226"/>
        <v>4</v>
      </c>
      <c r="C7248" s="3">
        <f t="shared" si="227"/>
        <v>2017</v>
      </c>
      <c r="D7248" t="s">
        <v>1285</v>
      </c>
      <c r="E7248" t="s">
        <v>26</v>
      </c>
      <c r="F7248" t="s">
        <v>10</v>
      </c>
      <c r="G7248" t="s">
        <v>23</v>
      </c>
      <c r="H7248" t="s">
        <v>2488</v>
      </c>
      <c r="I7248">
        <v>41.86</v>
      </c>
      <c r="J7248">
        <v>7</v>
      </c>
      <c r="K7248">
        <v>14.23</v>
      </c>
    </row>
    <row r="7249" spans="1:11" x14ac:dyDescent="0.3">
      <c r="A7249" s="1">
        <v>42836</v>
      </c>
      <c r="B7249" s="3">
        <f t="shared" si="226"/>
        <v>4</v>
      </c>
      <c r="C7249" s="3">
        <f t="shared" si="227"/>
        <v>2017</v>
      </c>
      <c r="D7249" t="s">
        <v>342</v>
      </c>
      <c r="E7249" t="s">
        <v>9</v>
      </c>
      <c r="F7249" t="s">
        <v>10</v>
      </c>
      <c r="G7249" t="s">
        <v>19</v>
      </c>
      <c r="H7249" t="s">
        <v>1461</v>
      </c>
      <c r="I7249">
        <v>11.36</v>
      </c>
      <c r="J7249">
        <v>3</v>
      </c>
      <c r="K7249">
        <v>-17.05</v>
      </c>
    </row>
    <row r="7250" spans="1:11" x14ac:dyDescent="0.3">
      <c r="A7250" s="1">
        <v>42836</v>
      </c>
      <c r="B7250" s="3">
        <f t="shared" si="226"/>
        <v>4</v>
      </c>
      <c r="C7250" s="3">
        <f t="shared" si="227"/>
        <v>2017</v>
      </c>
      <c r="D7250" t="s">
        <v>964</v>
      </c>
      <c r="E7250" t="s">
        <v>77</v>
      </c>
      <c r="F7250" t="s">
        <v>10</v>
      </c>
      <c r="G7250" t="s">
        <v>17</v>
      </c>
      <c r="H7250" t="s">
        <v>2218</v>
      </c>
      <c r="I7250">
        <v>16.77</v>
      </c>
      <c r="J7250">
        <v>2</v>
      </c>
      <c r="K7250">
        <v>1.47</v>
      </c>
    </row>
    <row r="7251" spans="1:11" x14ac:dyDescent="0.3">
      <c r="A7251" s="1">
        <v>42836</v>
      </c>
      <c r="B7251" s="3">
        <f t="shared" si="226"/>
        <v>4</v>
      </c>
      <c r="C7251" s="3">
        <f t="shared" si="227"/>
        <v>2017</v>
      </c>
      <c r="D7251" t="s">
        <v>964</v>
      </c>
      <c r="E7251" t="s">
        <v>77</v>
      </c>
      <c r="F7251" t="s">
        <v>38</v>
      </c>
      <c r="G7251" t="s">
        <v>51</v>
      </c>
      <c r="H7251" t="s">
        <v>476</v>
      </c>
      <c r="I7251">
        <v>27.12</v>
      </c>
      <c r="J7251">
        <v>2</v>
      </c>
      <c r="K7251">
        <v>-4.75</v>
      </c>
    </row>
    <row r="7252" spans="1:11" x14ac:dyDescent="0.3">
      <c r="A7252" s="1">
        <v>42836</v>
      </c>
      <c r="B7252" s="3">
        <f t="shared" si="226"/>
        <v>4</v>
      </c>
      <c r="C7252" s="3">
        <f t="shared" si="227"/>
        <v>2017</v>
      </c>
      <c r="D7252" t="s">
        <v>2276</v>
      </c>
      <c r="E7252" t="s">
        <v>244</v>
      </c>
      <c r="F7252" t="s">
        <v>10</v>
      </c>
      <c r="G7252" t="s">
        <v>23</v>
      </c>
      <c r="H7252" t="s">
        <v>2669</v>
      </c>
      <c r="I7252">
        <v>1.75</v>
      </c>
      <c r="J7252">
        <v>1</v>
      </c>
      <c r="K7252">
        <v>0.15</v>
      </c>
    </row>
    <row r="7253" spans="1:11" x14ac:dyDescent="0.3">
      <c r="A7253" s="1">
        <v>42836</v>
      </c>
      <c r="B7253" s="3">
        <f t="shared" si="226"/>
        <v>4</v>
      </c>
      <c r="C7253" s="3">
        <f t="shared" si="227"/>
        <v>2017</v>
      </c>
      <c r="D7253" t="s">
        <v>2276</v>
      </c>
      <c r="E7253" t="s">
        <v>244</v>
      </c>
      <c r="F7253" t="s">
        <v>10</v>
      </c>
      <c r="G7253" t="s">
        <v>23</v>
      </c>
      <c r="H7253" t="s">
        <v>459</v>
      </c>
      <c r="I7253">
        <v>20.99</v>
      </c>
      <c r="J7253">
        <v>8</v>
      </c>
      <c r="K7253">
        <v>2.36</v>
      </c>
    </row>
    <row r="7254" spans="1:11" x14ac:dyDescent="0.3">
      <c r="A7254" s="1">
        <v>42837</v>
      </c>
      <c r="B7254" s="3">
        <f t="shared" si="226"/>
        <v>4</v>
      </c>
      <c r="C7254" s="3">
        <f t="shared" si="227"/>
        <v>2017</v>
      </c>
      <c r="D7254" t="s">
        <v>2093</v>
      </c>
      <c r="E7254" t="s">
        <v>1528</v>
      </c>
      <c r="F7254" t="s">
        <v>10</v>
      </c>
      <c r="G7254" t="s">
        <v>19</v>
      </c>
      <c r="H7254" t="s">
        <v>117</v>
      </c>
      <c r="I7254">
        <v>29.7</v>
      </c>
      <c r="J7254">
        <v>5</v>
      </c>
      <c r="K7254">
        <v>13.37</v>
      </c>
    </row>
    <row r="7255" spans="1:11" x14ac:dyDescent="0.3">
      <c r="A7255" s="1">
        <v>42837</v>
      </c>
      <c r="B7255" s="3">
        <f t="shared" si="226"/>
        <v>4</v>
      </c>
      <c r="C7255" s="3">
        <f t="shared" si="227"/>
        <v>2017</v>
      </c>
      <c r="D7255" t="s">
        <v>2093</v>
      </c>
      <c r="E7255" t="s">
        <v>1528</v>
      </c>
      <c r="F7255" t="s">
        <v>10</v>
      </c>
      <c r="G7255" t="s">
        <v>11</v>
      </c>
      <c r="H7255" t="s">
        <v>746</v>
      </c>
      <c r="I7255">
        <v>39.96</v>
      </c>
      <c r="J7255">
        <v>4</v>
      </c>
      <c r="K7255">
        <v>17.98</v>
      </c>
    </row>
    <row r="7256" spans="1:11" x14ac:dyDescent="0.3">
      <c r="A7256" s="1">
        <v>42838</v>
      </c>
      <c r="B7256" s="3">
        <f t="shared" si="226"/>
        <v>4</v>
      </c>
      <c r="C7256" s="3">
        <f t="shared" si="227"/>
        <v>2017</v>
      </c>
      <c r="D7256" t="s">
        <v>882</v>
      </c>
      <c r="E7256" t="s">
        <v>163</v>
      </c>
      <c r="F7256" t="s">
        <v>10</v>
      </c>
      <c r="G7256" t="s">
        <v>11</v>
      </c>
      <c r="H7256" t="s">
        <v>1590</v>
      </c>
      <c r="I7256">
        <v>5.28</v>
      </c>
      <c r="J7256">
        <v>1</v>
      </c>
      <c r="K7256">
        <v>2.38</v>
      </c>
    </row>
    <row r="7257" spans="1:11" x14ac:dyDescent="0.3">
      <c r="A7257" s="1">
        <v>42838</v>
      </c>
      <c r="B7257" s="3">
        <f t="shared" si="226"/>
        <v>4</v>
      </c>
      <c r="C7257" s="3">
        <f t="shared" si="227"/>
        <v>2017</v>
      </c>
      <c r="D7257" t="s">
        <v>882</v>
      </c>
      <c r="E7257" t="s">
        <v>163</v>
      </c>
      <c r="F7257" t="s">
        <v>10</v>
      </c>
      <c r="G7257" t="s">
        <v>19</v>
      </c>
      <c r="H7257" t="s">
        <v>120</v>
      </c>
      <c r="I7257">
        <v>895.92</v>
      </c>
      <c r="J7257">
        <v>5</v>
      </c>
      <c r="K7257">
        <v>302.37</v>
      </c>
    </row>
    <row r="7258" spans="1:11" x14ac:dyDescent="0.3">
      <c r="A7258" s="1">
        <v>42838</v>
      </c>
      <c r="B7258" s="3">
        <f t="shared" si="226"/>
        <v>4</v>
      </c>
      <c r="C7258" s="3">
        <f t="shared" si="227"/>
        <v>2017</v>
      </c>
      <c r="D7258" t="s">
        <v>1890</v>
      </c>
      <c r="E7258" t="s">
        <v>26</v>
      </c>
      <c r="F7258" t="s">
        <v>33</v>
      </c>
      <c r="G7258" t="s">
        <v>34</v>
      </c>
      <c r="H7258" t="s">
        <v>1479</v>
      </c>
      <c r="I7258">
        <v>436.7</v>
      </c>
      <c r="J7258">
        <v>6</v>
      </c>
      <c r="K7258">
        <v>-38.21</v>
      </c>
    </row>
    <row r="7259" spans="1:11" x14ac:dyDescent="0.3">
      <c r="A7259" s="1">
        <v>42838</v>
      </c>
      <c r="B7259" s="3">
        <f t="shared" si="226"/>
        <v>4</v>
      </c>
      <c r="C7259" s="3">
        <f t="shared" si="227"/>
        <v>2017</v>
      </c>
      <c r="D7259" t="s">
        <v>2204</v>
      </c>
      <c r="E7259" t="s">
        <v>22</v>
      </c>
      <c r="F7259" t="s">
        <v>10</v>
      </c>
      <c r="G7259" t="s">
        <v>42</v>
      </c>
      <c r="H7259" t="s">
        <v>2552</v>
      </c>
      <c r="I7259">
        <v>7.92</v>
      </c>
      <c r="J7259">
        <v>5</v>
      </c>
      <c r="K7259">
        <v>1.68</v>
      </c>
    </row>
    <row r="7260" spans="1:11" x14ac:dyDescent="0.3">
      <c r="A7260" s="1">
        <v>42839</v>
      </c>
      <c r="B7260" s="3">
        <f t="shared" si="226"/>
        <v>4</v>
      </c>
      <c r="C7260" s="3">
        <f t="shared" si="227"/>
        <v>2017</v>
      </c>
      <c r="D7260" t="s">
        <v>1632</v>
      </c>
      <c r="E7260" t="s">
        <v>77</v>
      </c>
      <c r="F7260" t="s">
        <v>10</v>
      </c>
      <c r="G7260" t="s">
        <v>23</v>
      </c>
      <c r="H7260" t="s">
        <v>225</v>
      </c>
      <c r="I7260">
        <v>14.59</v>
      </c>
      <c r="J7260">
        <v>3</v>
      </c>
      <c r="K7260">
        <v>2.5499999999999998</v>
      </c>
    </row>
    <row r="7261" spans="1:11" x14ac:dyDescent="0.3">
      <c r="A7261" s="1">
        <v>42839</v>
      </c>
      <c r="B7261" s="3">
        <f t="shared" si="226"/>
        <v>4</v>
      </c>
      <c r="C7261" s="3">
        <f t="shared" si="227"/>
        <v>2017</v>
      </c>
      <c r="D7261" t="s">
        <v>1632</v>
      </c>
      <c r="E7261" t="s">
        <v>77</v>
      </c>
      <c r="F7261" t="s">
        <v>10</v>
      </c>
      <c r="G7261" t="s">
        <v>23</v>
      </c>
      <c r="H7261" t="s">
        <v>2057</v>
      </c>
      <c r="I7261">
        <v>89.86</v>
      </c>
      <c r="J7261">
        <v>3</v>
      </c>
      <c r="K7261">
        <v>21.34</v>
      </c>
    </row>
    <row r="7262" spans="1:11" x14ac:dyDescent="0.3">
      <c r="A7262" s="1">
        <v>42839</v>
      </c>
      <c r="B7262" s="3">
        <f t="shared" si="226"/>
        <v>4</v>
      </c>
      <c r="C7262" s="3">
        <f t="shared" si="227"/>
        <v>2017</v>
      </c>
      <c r="D7262" t="s">
        <v>1632</v>
      </c>
      <c r="E7262" t="s">
        <v>77</v>
      </c>
      <c r="F7262" t="s">
        <v>10</v>
      </c>
      <c r="G7262" t="s">
        <v>11</v>
      </c>
      <c r="H7262" t="s">
        <v>2294</v>
      </c>
      <c r="I7262">
        <v>13.87</v>
      </c>
      <c r="J7262">
        <v>3</v>
      </c>
      <c r="K7262">
        <v>5.03</v>
      </c>
    </row>
    <row r="7263" spans="1:11" x14ac:dyDescent="0.3">
      <c r="A7263" s="1">
        <v>42839</v>
      </c>
      <c r="B7263" s="3">
        <f t="shared" si="226"/>
        <v>4</v>
      </c>
      <c r="C7263" s="3">
        <f t="shared" si="227"/>
        <v>2017</v>
      </c>
      <c r="D7263" t="s">
        <v>2500</v>
      </c>
      <c r="E7263" t="s">
        <v>185</v>
      </c>
      <c r="F7263" t="s">
        <v>10</v>
      </c>
      <c r="G7263" t="s">
        <v>19</v>
      </c>
      <c r="H7263" t="s">
        <v>1379</v>
      </c>
      <c r="I7263">
        <v>8.76</v>
      </c>
      <c r="J7263">
        <v>2</v>
      </c>
      <c r="K7263">
        <v>4.2</v>
      </c>
    </row>
    <row r="7264" spans="1:11" x14ac:dyDescent="0.3">
      <c r="A7264" s="1">
        <v>42839</v>
      </c>
      <c r="B7264" s="3">
        <f t="shared" si="226"/>
        <v>4</v>
      </c>
      <c r="C7264" s="3">
        <f t="shared" si="227"/>
        <v>2017</v>
      </c>
      <c r="D7264" t="s">
        <v>1121</v>
      </c>
      <c r="E7264" t="s">
        <v>148</v>
      </c>
      <c r="F7264" t="s">
        <v>10</v>
      </c>
      <c r="G7264" t="s">
        <v>19</v>
      </c>
      <c r="H7264" t="s">
        <v>450</v>
      </c>
      <c r="I7264">
        <v>10.78</v>
      </c>
      <c r="J7264">
        <v>3</v>
      </c>
      <c r="K7264">
        <v>3.5</v>
      </c>
    </row>
    <row r="7265" spans="1:11" x14ac:dyDescent="0.3">
      <c r="A7265" s="1">
        <v>42839</v>
      </c>
      <c r="B7265" s="3">
        <f t="shared" si="226"/>
        <v>4</v>
      </c>
      <c r="C7265" s="3">
        <f t="shared" si="227"/>
        <v>2017</v>
      </c>
      <c r="D7265" t="s">
        <v>1121</v>
      </c>
      <c r="E7265" t="s">
        <v>148</v>
      </c>
      <c r="F7265" t="s">
        <v>33</v>
      </c>
      <c r="G7265" t="s">
        <v>73</v>
      </c>
      <c r="H7265" t="s">
        <v>2493</v>
      </c>
      <c r="I7265">
        <v>242.35</v>
      </c>
      <c r="J7265">
        <v>3</v>
      </c>
      <c r="K7265">
        <v>9.09</v>
      </c>
    </row>
    <row r="7266" spans="1:11" x14ac:dyDescent="0.3">
      <c r="A7266" s="1">
        <v>42839</v>
      </c>
      <c r="B7266" s="3">
        <f t="shared" si="226"/>
        <v>4</v>
      </c>
      <c r="C7266" s="3">
        <f t="shared" si="227"/>
        <v>2017</v>
      </c>
      <c r="D7266" t="s">
        <v>1162</v>
      </c>
      <c r="E7266" t="s">
        <v>244</v>
      </c>
      <c r="F7266" t="s">
        <v>33</v>
      </c>
      <c r="G7266" t="s">
        <v>73</v>
      </c>
      <c r="H7266" t="s">
        <v>81</v>
      </c>
      <c r="I7266">
        <v>198.27</v>
      </c>
      <c r="J7266">
        <v>8</v>
      </c>
      <c r="K7266">
        <v>-32.22</v>
      </c>
    </row>
    <row r="7267" spans="1:11" x14ac:dyDescent="0.3">
      <c r="A7267" s="1">
        <v>42839</v>
      </c>
      <c r="B7267" s="3">
        <f t="shared" si="226"/>
        <v>4</v>
      </c>
      <c r="C7267" s="3">
        <f t="shared" si="227"/>
        <v>2017</v>
      </c>
      <c r="D7267" t="s">
        <v>991</v>
      </c>
      <c r="E7267" t="s">
        <v>176</v>
      </c>
      <c r="F7267" t="s">
        <v>33</v>
      </c>
      <c r="G7267" t="s">
        <v>46</v>
      </c>
      <c r="H7267" t="s">
        <v>1019</v>
      </c>
      <c r="I7267">
        <v>74.45</v>
      </c>
      <c r="J7267">
        <v>5</v>
      </c>
      <c r="K7267">
        <v>20.100000000000001</v>
      </c>
    </row>
    <row r="7268" spans="1:11" x14ac:dyDescent="0.3">
      <c r="A7268" s="1">
        <v>42840</v>
      </c>
      <c r="B7268" s="3">
        <f t="shared" si="226"/>
        <v>4</v>
      </c>
      <c r="C7268" s="3">
        <f t="shared" si="227"/>
        <v>2017</v>
      </c>
      <c r="D7268" t="s">
        <v>611</v>
      </c>
      <c r="E7268" t="s">
        <v>244</v>
      </c>
      <c r="F7268" t="s">
        <v>10</v>
      </c>
      <c r="G7268" t="s">
        <v>11</v>
      </c>
      <c r="H7268" t="s">
        <v>327</v>
      </c>
      <c r="I7268">
        <v>15.55</v>
      </c>
      <c r="J7268">
        <v>3</v>
      </c>
      <c r="K7268">
        <v>5.44</v>
      </c>
    </row>
    <row r="7269" spans="1:11" x14ac:dyDescent="0.3">
      <c r="A7269" s="1">
        <v>42840</v>
      </c>
      <c r="B7269" s="3">
        <f t="shared" si="226"/>
        <v>4</v>
      </c>
      <c r="C7269" s="3">
        <f t="shared" si="227"/>
        <v>2017</v>
      </c>
      <c r="D7269" t="s">
        <v>1547</v>
      </c>
      <c r="E7269" t="s">
        <v>54</v>
      </c>
      <c r="F7269" t="s">
        <v>10</v>
      </c>
      <c r="G7269" t="s">
        <v>23</v>
      </c>
      <c r="H7269" t="s">
        <v>1143</v>
      </c>
      <c r="I7269">
        <v>4.8899999999999997</v>
      </c>
      <c r="J7269">
        <v>1</v>
      </c>
      <c r="K7269">
        <v>2</v>
      </c>
    </row>
    <row r="7270" spans="1:11" x14ac:dyDescent="0.3">
      <c r="A7270" s="1">
        <v>42840</v>
      </c>
      <c r="B7270" s="3">
        <f t="shared" si="226"/>
        <v>4</v>
      </c>
      <c r="C7270" s="3">
        <f t="shared" si="227"/>
        <v>2017</v>
      </c>
      <c r="D7270" t="s">
        <v>1630</v>
      </c>
      <c r="E7270" t="s">
        <v>125</v>
      </c>
      <c r="F7270" t="s">
        <v>33</v>
      </c>
      <c r="G7270" t="s">
        <v>46</v>
      </c>
      <c r="H7270" t="s">
        <v>2141</v>
      </c>
      <c r="I7270">
        <v>196.45</v>
      </c>
      <c r="J7270">
        <v>5</v>
      </c>
      <c r="K7270">
        <v>70.72</v>
      </c>
    </row>
    <row r="7271" spans="1:11" x14ac:dyDescent="0.3">
      <c r="A7271" s="1">
        <v>42840</v>
      </c>
      <c r="B7271" s="3">
        <f t="shared" si="226"/>
        <v>4</v>
      </c>
      <c r="C7271" s="3">
        <f t="shared" si="227"/>
        <v>2017</v>
      </c>
      <c r="D7271" t="s">
        <v>872</v>
      </c>
      <c r="E7271" t="s">
        <v>26</v>
      </c>
      <c r="F7271" t="s">
        <v>10</v>
      </c>
      <c r="G7271" t="s">
        <v>11</v>
      </c>
      <c r="H7271" t="s">
        <v>1966</v>
      </c>
      <c r="I7271">
        <v>79.14</v>
      </c>
      <c r="J7271">
        <v>3</v>
      </c>
      <c r="K7271">
        <v>36.4</v>
      </c>
    </row>
    <row r="7272" spans="1:11" x14ac:dyDescent="0.3">
      <c r="A7272" s="1">
        <v>42840</v>
      </c>
      <c r="B7272" s="3">
        <f t="shared" si="226"/>
        <v>4</v>
      </c>
      <c r="C7272" s="3">
        <f t="shared" si="227"/>
        <v>2017</v>
      </c>
      <c r="D7272" t="s">
        <v>130</v>
      </c>
      <c r="E7272" t="s">
        <v>9</v>
      </c>
      <c r="F7272" t="s">
        <v>10</v>
      </c>
      <c r="G7272" t="s">
        <v>11</v>
      </c>
      <c r="H7272" t="s">
        <v>2372</v>
      </c>
      <c r="I7272">
        <v>20.74</v>
      </c>
      <c r="J7272">
        <v>4</v>
      </c>
      <c r="K7272">
        <v>7.26</v>
      </c>
    </row>
    <row r="7273" spans="1:11" x14ac:dyDescent="0.3">
      <c r="A7273" s="1">
        <v>42840</v>
      </c>
      <c r="B7273" s="3">
        <f t="shared" si="226"/>
        <v>4</v>
      </c>
      <c r="C7273" s="3">
        <f t="shared" si="227"/>
        <v>2017</v>
      </c>
      <c r="D7273" t="s">
        <v>787</v>
      </c>
      <c r="E7273" t="s">
        <v>122</v>
      </c>
      <c r="F7273" t="s">
        <v>10</v>
      </c>
      <c r="G7273" t="s">
        <v>19</v>
      </c>
      <c r="H7273" t="s">
        <v>190</v>
      </c>
      <c r="I7273">
        <v>15.57</v>
      </c>
      <c r="J7273">
        <v>3</v>
      </c>
      <c r="K7273">
        <v>-11.94</v>
      </c>
    </row>
    <row r="7274" spans="1:11" x14ac:dyDescent="0.3">
      <c r="A7274" s="1">
        <v>42841</v>
      </c>
      <c r="B7274" s="3">
        <f t="shared" si="226"/>
        <v>4</v>
      </c>
      <c r="C7274" s="3">
        <f t="shared" si="227"/>
        <v>2017</v>
      </c>
      <c r="D7274" t="s">
        <v>1540</v>
      </c>
      <c r="E7274" t="s">
        <v>14</v>
      </c>
      <c r="F7274" t="s">
        <v>10</v>
      </c>
      <c r="G7274" t="s">
        <v>23</v>
      </c>
      <c r="H7274" t="s">
        <v>1526</v>
      </c>
      <c r="I7274">
        <v>16.52</v>
      </c>
      <c r="J7274">
        <v>5</v>
      </c>
      <c r="K7274">
        <v>2.0699999999999998</v>
      </c>
    </row>
    <row r="7275" spans="1:11" x14ac:dyDescent="0.3">
      <c r="A7275" s="1">
        <v>42841</v>
      </c>
      <c r="B7275" s="3">
        <f t="shared" si="226"/>
        <v>4</v>
      </c>
      <c r="C7275" s="3">
        <f t="shared" si="227"/>
        <v>2017</v>
      </c>
      <c r="D7275" t="s">
        <v>1609</v>
      </c>
      <c r="E7275" t="s">
        <v>77</v>
      </c>
      <c r="F7275" t="s">
        <v>10</v>
      </c>
      <c r="G7275" t="s">
        <v>19</v>
      </c>
      <c r="H7275" t="s">
        <v>864</v>
      </c>
      <c r="I7275">
        <v>13.71</v>
      </c>
      <c r="J7275">
        <v>5</v>
      </c>
      <c r="K7275">
        <v>-10.050000000000001</v>
      </c>
    </row>
    <row r="7276" spans="1:11" x14ac:dyDescent="0.3">
      <c r="A7276" s="1">
        <v>42841</v>
      </c>
      <c r="B7276" s="3">
        <f t="shared" si="226"/>
        <v>4</v>
      </c>
      <c r="C7276" s="3">
        <f t="shared" si="227"/>
        <v>2017</v>
      </c>
      <c r="D7276" t="s">
        <v>856</v>
      </c>
      <c r="E7276" t="s">
        <v>26</v>
      </c>
      <c r="F7276" t="s">
        <v>10</v>
      </c>
      <c r="G7276" t="s">
        <v>17</v>
      </c>
      <c r="H7276" t="s">
        <v>1016</v>
      </c>
      <c r="I7276">
        <v>205.92</v>
      </c>
      <c r="J7276">
        <v>4</v>
      </c>
      <c r="K7276">
        <v>2.06</v>
      </c>
    </row>
    <row r="7277" spans="1:11" x14ac:dyDescent="0.3">
      <c r="A7277" s="1">
        <v>42841</v>
      </c>
      <c r="B7277" s="3">
        <f t="shared" si="226"/>
        <v>4</v>
      </c>
      <c r="C7277" s="3">
        <f t="shared" si="227"/>
        <v>2017</v>
      </c>
      <c r="D7277" t="s">
        <v>856</v>
      </c>
      <c r="E7277" t="s">
        <v>26</v>
      </c>
      <c r="F7277" t="s">
        <v>33</v>
      </c>
      <c r="G7277" t="s">
        <v>73</v>
      </c>
      <c r="H7277" t="s">
        <v>411</v>
      </c>
      <c r="I7277">
        <v>102.83</v>
      </c>
      <c r="J7277">
        <v>1</v>
      </c>
      <c r="K7277">
        <v>-6.05</v>
      </c>
    </row>
    <row r="7278" spans="1:11" x14ac:dyDescent="0.3">
      <c r="A7278" s="1">
        <v>42841</v>
      </c>
      <c r="B7278" s="3">
        <f t="shared" si="226"/>
        <v>4</v>
      </c>
      <c r="C7278" s="3">
        <f t="shared" si="227"/>
        <v>2017</v>
      </c>
      <c r="D7278" t="s">
        <v>1945</v>
      </c>
      <c r="E7278" t="s">
        <v>487</v>
      </c>
      <c r="F7278" t="s">
        <v>10</v>
      </c>
      <c r="G7278" t="s">
        <v>199</v>
      </c>
      <c r="H7278" t="s">
        <v>200</v>
      </c>
      <c r="I7278">
        <v>477.24</v>
      </c>
      <c r="J7278">
        <v>4</v>
      </c>
      <c r="K7278">
        <v>9.5399999999999991</v>
      </c>
    </row>
    <row r="7279" spans="1:11" x14ac:dyDescent="0.3">
      <c r="A7279" s="1">
        <v>42841</v>
      </c>
      <c r="B7279" s="3">
        <f t="shared" si="226"/>
        <v>4</v>
      </c>
      <c r="C7279" s="3">
        <f t="shared" si="227"/>
        <v>2017</v>
      </c>
      <c r="D7279" t="s">
        <v>1945</v>
      </c>
      <c r="E7279" t="s">
        <v>487</v>
      </c>
      <c r="F7279" t="s">
        <v>38</v>
      </c>
      <c r="G7279" t="s">
        <v>51</v>
      </c>
      <c r="H7279" t="s">
        <v>690</v>
      </c>
      <c r="I7279">
        <v>25.98</v>
      </c>
      <c r="J7279">
        <v>2</v>
      </c>
      <c r="K7279">
        <v>1.56</v>
      </c>
    </row>
    <row r="7280" spans="1:11" x14ac:dyDescent="0.3">
      <c r="A7280" s="1">
        <v>42841</v>
      </c>
      <c r="B7280" s="3">
        <f t="shared" si="226"/>
        <v>4</v>
      </c>
      <c r="C7280" s="3">
        <f t="shared" si="227"/>
        <v>2017</v>
      </c>
      <c r="D7280" t="s">
        <v>68</v>
      </c>
      <c r="E7280" t="s">
        <v>9</v>
      </c>
      <c r="F7280" t="s">
        <v>10</v>
      </c>
      <c r="G7280" t="s">
        <v>19</v>
      </c>
      <c r="H7280" t="s">
        <v>1138</v>
      </c>
      <c r="I7280">
        <v>26.05</v>
      </c>
      <c r="J7280">
        <v>3</v>
      </c>
      <c r="K7280">
        <v>-44.28</v>
      </c>
    </row>
    <row r="7281" spans="1:11" x14ac:dyDescent="0.3">
      <c r="A7281" s="1">
        <v>42841</v>
      </c>
      <c r="B7281" s="3">
        <f t="shared" si="226"/>
        <v>4</v>
      </c>
      <c r="C7281" s="3">
        <f t="shared" si="227"/>
        <v>2017</v>
      </c>
      <c r="D7281" t="s">
        <v>68</v>
      </c>
      <c r="E7281" t="s">
        <v>9</v>
      </c>
      <c r="F7281" t="s">
        <v>10</v>
      </c>
      <c r="G7281" t="s">
        <v>19</v>
      </c>
      <c r="H7281" t="s">
        <v>1648</v>
      </c>
      <c r="I7281">
        <v>2.9</v>
      </c>
      <c r="J7281">
        <v>1</v>
      </c>
      <c r="K7281">
        <v>-4.78</v>
      </c>
    </row>
    <row r="7282" spans="1:11" x14ac:dyDescent="0.3">
      <c r="A7282" s="1">
        <v>42841</v>
      </c>
      <c r="B7282" s="3">
        <f t="shared" si="226"/>
        <v>4</v>
      </c>
      <c r="C7282" s="3">
        <f t="shared" si="227"/>
        <v>2017</v>
      </c>
      <c r="D7282" t="s">
        <v>68</v>
      </c>
      <c r="E7282" t="s">
        <v>9</v>
      </c>
      <c r="F7282" t="s">
        <v>10</v>
      </c>
      <c r="G7282" t="s">
        <v>17</v>
      </c>
      <c r="H7282" t="s">
        <v>355</v>
      </c>
      <c r="I7282">
        <v>32.54</v>
      </c>
      <c r="J7282">
        <v>2</v>
      </c>
      <c r="K7282">
        <v>-7.73</v>
      </c>
    </row>
    <row r="7283" spans="1:11" x14ac:dyDescent="0.3">
      <c r="A7283" s="1">
        <v>42841</v>
      </c>
      <c r="B7283" s="3">
        <f t="shared" si="226"/>
        <v>4</v>
      </c>
      <c r="C7283" s="3">
        <f t="shared" si="227"/>
        <v>2017</v>
      </c>
      <c r="D7283" t="s">
        <v>1956</v>
      </c>
      <c r="E7283" t="s">
        <v>26</v>
      </c>
      <c r="F7283" t="s">
        <v>10</v>
      </c>
      <c r="G7283" t="s">
        <v>91</v>
      </c>
      <c r="H7283" t="s">
        <v>2651</v>
      </c>
      <c r="I7283">
        <v>40.74</v>
      </c>
      <c r="J7283">
        <v>3</v>
      </c>
      <c r="K7283">
        <v>12.22</v>
      </c>
    </row>
    <row r="7284" spans="1:11" x14ac:dyDescent="0.3">
      <c r="A7284" s="1">
        <v>42842</v>
      </c>
      <c r="B7284" s="3">
        <f t="shared" si="226"/>
        <v>4</v>
      </c>
      <c r="C7284" s="3">
        <f t="shared" si="227"/>
        <v>2017</v>
      </c>
      <c r="D7284" t="s">
        <v>814</v>
      </c>
      <c r="E7284" t="s">
        <v>277</v>
      </c>
      <c r="F7284" t="s">
        <v>10</v>
      </c>
      <c r="G7284" t="s">
        <v>19</v>
      </c>
      <c r="H7284" t="s">
        <v>309</v>
      </c>
      <c r="I7284">
        <v>12.03</v>
      </c>
      <c r="J7284">
        <v>5</v>
      </c>
      <c r="K7284">
        <v>-9.2200000000000006</v>
      </c>
    </row>
    <row r="7285" spans="1:11" x14ac:dyDescent="0.3">
      <c r="A7285" s="1">
        <v>42842</v>
      </c>
      <c r="B7285" s="3">
        <f t="shared" si="226"/>
        <v>4</v>
      </c>
      <c r="C7285" s="3">
        <f t="shared" si="227"/>
        <v>2017</v>
      </c>
      <c r="D7285" t="s">
        <v>814</v>
      </c>
      <c r="E7285" t="s">
        <v>277</v>
      </c>
      <c r="F7285" t="s">
        <v>38</v>
      </c>
      <c r="G7285" t="s">
        <v>301</v>
      </c>
      <c r="H7285" t="s">
        <v>1235</v>
      </c>
      <c r="I7285">
        <v>2549.9899999999998</v>
      </c>
      <c r="J7285">
        <v>5</v>
      </c>
      <c r="K7285">
        <v>-3399.98</v>
      </c>
    </row>
    <row r="7286" spans="1:11" x14ac:dyDescent="0.3">
      <c r="A7286" s="1">
        <v>42842</v>
      </c>
      <c r="B7286" s="3">
        <f t="shared" si="226"/>
        <v>4</v>
      </c>
      <c r="C7286" s="3">
        <f t="shared" si="227"/>
        <v>2017</v>
      </c>
      <c r="D7286" t="s">
        <v>814</v>
      </c>
      <c r="E7286" t="s">
        <v>277</v>
      </c>
      <c r="F7286" t="s">
        <v>10</v>
      </c>
      <c r="G7286" t="s">
        <v>19</v>
      </c>
      <c r="H7286" t="s">
        <v>310</v>
      </c>
      <c r="I7286">
        <v>21.59</v>
      </c>
      <c r="J7286">
        <v>2</v>
      </c>
      <c r="K7286">
        <v>-15.84</v>
      </c>
    </row>
    <row r="7287" spans="1:11" x14ac:dyDescent="0.3">
      <c r="A7287" s="1">
        <v>42842</v>
      </c>
      <c r="B7287" s="3">
        <f t="shared" si="226"/>
        <v>4</v>
      </c>
      <c r="C7287" s="3">
        <f t="shared" si="227"/>
        <v>2017</v>
      </c>
      <c r="D7287" t="s">
        <v>814</v>
      </c>
      <c r="E7287" t="s">
        <v>277</v>
      </c>
      <c r="F7287" t="s">
        <v>10</v>
      </c>
      <c r="G7287" t="s">
        <v>19</v>
      </c>
      <c r="H7287" t="s">
        <v>896</v>
      </c>
      <c r="I7287">
        <v>8.9600000000000009</v>
      </c>
      <c r="J7287">
        <v>6</v>
      </c>
      <c r="K7287">
        <v>-6.57</v>
      </c>
    </row>
    <row r="7288" spans="1:11" x14ac:dyDescent="0.3">
      <c r="A7288" s="1">
        <v>42842</v>
      </c>
      <c r="B7288" s="3">
        <f t="shared" si="226"/>
        <v>4</v>
      </c>
      <c r="C7288" s="3">
        <f t="shared" si="227"/>
        <v>2017</v>
      </c>
      <c r="D7288" t="s">
        <v>814</v>
      </c>
      <c r="E7288" t="s">
        <v>277</v>
      </c>
      <c r="F7288" t="s">
        <v>10</v>
      </c>
      <c r="G7288" t="s">
        <v>11</v>
      </c>
      <c r="H7288" t="s">
        <v>27</v>
      </c>
      <c r="I7288">
        <v>20.74</v>
      </c>
      <c r="J7288">
        <v>4</v>
      </c>
      <c r="K7288">
        <v>7.26</v>
      </c>
    </row>
    <row r="7289" spans="1:11" x14ac:dyDescent="0.3">
      <c r="A7289" s="1">
        <v>42842</v>
      </c>
      <c r="B7289" s="3">
        <f t="shared" si="226"/>
        <v>4</v>
      </c>
      <c r="C7289" s="3">
        <f t="shared" si="227"/>
        <v>2017</v>
      </c>
      <c r="D7289" t="s">
        <v>375</v>
      </c>
      <c r="E7289" t="s">
        <v>22</v>
      </c>
      <c r="F7289" t="s">
        <v>33</v>
      </c>
      <c r="G7289" t="s">
        <v>46</v>
      </c>
      <c r="H7289" t="s">
        <v>1645</v>
      </c>
      <c r="I7289">
        <v>60.31</v>
      </c>
      <c r="J7289">
        <v>3</v>
      </c>
      <c r="K7289">
        <v>5.28</v>
      </c>
    </row>
    <row r="7290" spans="1:11" x14ac:dyDescent="0.3">
      <c r="A7290" s="1">
        <v>42842</v>
      </c>
      <c r="B7290" s="3">
        <f t="shared" si="226"/>
        <v>4</v>
      </c>
      <c r="C7290" s="3">
        <f t="shared" si="227"/>
        <v>2017</v>
      </c>
      <c r="D7290" t="s">
        <v>819</v>
      </c>
      <c r="E7290" t="s">
        <v>26</v>
      </c>
      <c r="F7290" t="s">
        <v>10</v>
      </c>
      <c r="G7290" t="s">
        <v>11</v>
      </c>
      <c r="H7290" t="s">
        <v>2582</v>
      </c>
      <c r="I7290">
        <v>28.14</v>
      </c>
      <c r="J7290">
        <v>3</v>
      </c>
      <c r="K7290">
        <v>13.51</v>
      </c>
    </row>
    <row r="7291" spans="1:11" x14ac:dyDescent="0.3">
      <c r="A7291" s="1">
        <v>42842</v>
      </c>
      <c r="B7291" s="3">
        <f t="shared" si="226"/>
        <v>4</v>
      </c>
      <c r="C7291" s="3">
        <f t="shared" si="227"/>
        <v>2017</v>
      </c>
      <c r="D7291" t="s">
        <v>819</v>
      </c>
      <c r="E7291" t="s">
        <v>26</v>
      </c>
      <c r="F7291" t="s">
        <v>10</v>
      </c>
      <c r="G7291" t="s">
        <v>15</v>
      </c>
      <c r="H7291" t="s">
        <v>2642</v>
      </c>
      <c r="I7291">
        <v>7.38</v>
      </c>
      <c r="J7291">
        <v>2</v>
      </c>
      <c r="K7291">
        <v>3.47</v>
      </c>
    </row>
    <row r="7292" spans="1:11" x14ac:dyDescent="0.3">
      <c r="A7292" s="1">
        <v>42842</v>
      </c>
      <c r="B7292" s="3">
        <f t="shared" si="226"/>
        <v>4</v>
      </c>
      <c r="C7292" s="3">
        <f t="shared" si="227"/>
        <v>2017</v>
      </c>
      <c r="D7292" t="s">
        <v>819</v>
      </c>
      <c r="E7292" t="s">
        <v>26</v>
      </c>
      <c r="F7292" t="s">
        <v>10</v>
      </c>
      <c r="G7292" t="s">
        <v>42</v>
      </c>
      <c r="H7292" t="s">
        <v>281</v>
      </c>
      <c r="I7292">
        <v>10.9</v>
      </c>
      <c r="J7292">
        <v>5</v>
      </c>
      <c r="K7292">
        <v>3.6</v>
      </c>
    </row>
    <row r="7293" spans="1:11" x14ac:dyDescent="0.3">
      <c r="A7293" s="1">
        <v>42842</v>
      </c>
      <c r="B7293" s="3">
        <f t="shared" si="226"/>
        <v>4</v>
      </c>
      <c r="C7293" s="3">
        <f t="shared" si="227"/>
        <v>2017</v>
      </c>
      <c r="D7293" t="s">
        <v>819</v>
      </c>
      <c r="E7293" t="s">
        <v>26</v>
      </c>
      <c r="F7293" t="s">
        <v>38</v>
      </c>
      <c r="G7293" t="s">
        <v>51</v>
      </c>
      <c r="H7293" t="s">
        <v>1239</v>
      </c>
      <c r="I7293">
        <v>274.89</v>
      </c>
      <c r="J7293">
        <v>11</v>
      </c>
      <c r="K7293">
        <v>46.73</v>
      </c>
    </row>
    <row r="7294" spans="1:11" x14ac:dyDescent="0.3">
      <c r="A7294" s="1">
        <v>42842</v>
      </c>
      <c r="B7294" s="3">
        <f t="shared" si="226"/>
        <v>4</v>
      </c>
      <c r="C7294" s="3">
        <f t="shared" si="227"/>
        <v>2017</v>
      </c>
      <c r="D7294" t="s">
        <v>819</v>
      </c>
      <c r="E7294" t="s">
        <v>26</v>
      </c>
      <c r="F7294" t="s">
        <v>10</v>
      </c>
      <c r="G7294" t="s">
        <v>15</v>
      </c>
      <c r="H7294" t="s">
        <v>2209</v>
      </c>
      <c r="I7294">
        <v>23.04</v>
      </c>
      <c r="J7294">
        <v>8</v>
      </c>
      <c r="K7294">
        <v>11.29</v>
      </c>
    </row>
    <row r="7295" spans="1:11" x14ac:dyDescent="0.3">
      <c r="A7295" s="1">
        <v>42842</v>
      </c>
      <c r="B7295" s="3">
        <f t="shared" si="226"/>
        <v>4</v>
      </c>
      <c r="C7295" s="3">
        <f t="shared" si="227"/>
        <v>2017</v>
      </c>
      <c r="D7295" t="s">
        <v>819</v>
      </c>
      <c r="E7295" t="s">
        <v>26</v>
      </c>
      <c r="F7295" t="s">
        <v>33</v>
      </c>
      <c r="G7295" t="s">
        <v>34</v>
      </c>
      <c r="H7295" t="s">
        <v>1479</v>
      </c>
      <c r="I7295">
        <v>218.35</v>
      </c>
      <c r="J7295">
        <v>3</v>
      </c>
      <c r="K7295">
        <v>-19.11</v>
      </c>
    </row>
    <row r="7296" spans="1:11" x14ac:dyDescent="0.3">
      <c r="A7296" s="1">
        <v>42842</v>
      </c>
      <c r="B7296" s="3">
        <f t="shared" si="226"/>
        <v>4</v>
      </c>
      <c r="C7296" s="3">
        <f t="shared" si="227"/>
        <v>2017</v>
      </c>
      <c r="D7296" t="s">
        <v>2243</v>
      </c>
      <c r="E7296" t="s">
        <v>14</v>
      </c>
      <c r="F7296" t="s">
        <v>10</v>
      </c>
      <c r="G7296" t="s">
        <v>17</v>
      </c>
      <c r="H7296" t="s">
        <v>2343</v>
      </c>
      <c r="I7296">
        <v>195.14</v>
      </c>
      <c r="J7296">
        <v>4</v>
      </c>
      <c r="K7296">
        <v>-43.91</v>
      </c>
    </row>
    <row r="7297" spans="1:11" x14ac:dyDescent="0.3">
      <c r="A7297" s="1">
        <v>42845</v>
      </c>
      <c r="B7297" s="3">
        <f t="shared" si="226"/>
        <v>4</v>
      </c>
      <c r="C7297" s="3">
        <f t="shared" si="227"/>
        <v>2017</v>
      </c>
      <c r="D7297" t="s">
        <v>2258</v>
      </c>
      <c r="E7297" t="s">
        <v>14</v>
      </c>
      <c r="F7297" t="s">
        <v>33</v>
      </c>
      <c r="G7297" t="s">
        <v>46</v>
      </c>
      <c r="H7297" t="s">
        <v>343</v>
      </c>
      <c r="I7297">
        <v>44.4</v>
      </c>
      <c r="J7297">
        <v>2</v>
      </c>
      <c r="K7297">
        <v>-52.17</v>
      </c>
    </row>
    <row r="7298" spans="1:11" x14ac:dyDescent="0.3">
      <c r="A7298" s="1">
        <v>42845</v>
      </c>
      <c r="B7298" s="3">
        <f t="shared" ref="B7298:B7361" si="228">MONTH(A:A)</f>
        <v>4</v>
      </c>
      <c r="C7298" s="3">
        <f t="shared" ref="C7298:C7361" si="229">YEAR(A:A)</f>
        <v>2017</v>
      </c>
      <c r="D7298" t="s">
        <v>2517</v>
      </c>
      <c r="E7298" t="s">
        <v>22</v>
      </c>
      <c r="F7298" t="s">
        <v>33</v>
      </c>
      <c r="G7298" t="s">
        <v>46</v>
      </c>
      <c r="H7298" t="s">
        <v>1361</v>
      </c>
      <c r="I7298">
        <v>51.97</v>
      </c>
      <c r="J7298">
        <v>2</v>
      </c>
      <c r="K7298">
        <v>10.39</v>
      </c>
    </row>
    <row r="7299" spans="1:11" x14ac:dyDescent="0.3">
      <c r="A7299" s="1">
        <v>42845</v>
      </c>
      <c r="B7299" s="3">
        <f t="shared" si="228"/>
        <v>4</v>
      </c>
      <c r="C7299" s="3">
        <f t="shared" si="229"/>
        <v>2017</v>
      </c>
      <c r="D7299" t="s">
        <v>2517</v>
      </c>
      <c r="E7299" t="s">
        <v>22</v>
      </c>
      <c r="F7299" t="s">
        <v>10</v>
      </c>
      <c r="G7299" t="s">
        <v>17</v>
      </c>
      <c r="H7299" t="s">
        <v>1455</v>
      </c>
      <c r="I7299">
        <v>51.34</v>
      </c>
      <c r="J7299">
        <v>3</v>
      </c>
      <c r="K7299">
        <v>5.78</v>
      </c>
    </row>
    <row r="7300" spans="1:11" x14ac:dyDescent="0.3">
      <c r="A7300" s="1">
        <v>42845</v>
      </c>
      <c r="B7300" s="3">
        <f t="shared" si="228"/>
        <v>4</v>
      </c>
      <c r="C7300" s="3">
        <f t="shared" si="229"/>
        <v>2017</v>
      </c>
      <c r="D7300" t="s">
        <v>2517</v>
      </c>
      <c r="E7300" t="s">
        <v>22</v>
      </c>
      <c r="F7300" t="s">
        <v>10</v>
      </c>
      <c r="G7300" t="s">
        <v>17</v>
      </c>
      <c r="H7300" t="s">
        <v>1957</v>
      </c>
      <c r="I7300">
        <v>332.7</v>
      </c>
      <c r="J7300">
        <v>1</v>
      </c>
      <c r="K7300">
        <v>33.270000000000003</v>
      </c>
    </row>
    <row r="7301" spans="1:11" x14ac:dyDescent="0.3">
      <c r="A7301" s="1">
        <v>42845</v>
      </c>
      <c r="B7301" s="3">
        <f t="shared" si="228"/>
        <v>4</v>
      </c>
      <c r="C7301" s="3">
        <f t="shared" si="229"/>
        <v>2017</v>
      </c>
      <c r="D7301" t="s">
        <v>2517</v>
      </c>
      <c r="E7301" t="s">
        <v>22</v>
      </c>
      <c r="F7301" t="s">
        <v>33</v>
      </c>
      <c r="G7301" t="s">
        <v>46</v>
      </c>
      <c r="H7301" t="s">
        <v>1317</v>
      </c>
      <c r="I7301">
        <v>42.41</v>
      </c>
      <c r="J7301">
        <v>3</v>
      </c>
      <c r="K7301">
        <v>9.5399999999999991</v>
      </c>
    </row>
    <row r="7302" spans="1:11" x14ac:dyDescent="0.3">
      <c r="A7302" s="1">
        <v>42845</v>
      </c>
      <c r="B7302" s="3">
        <f t="shared" si="228"/>
        <v>4</v>
      </c>
      <c r="C7302" s="3">
        <f t="shared" si="229"/>
        <v>2017</v>
      </c>
      <c r="D7302" t="s">
        <v>1915</v>
      </c>
      <c r="E7302" t="s">
        <v>14</v>
      </c>
      <c r="F7302" t="s">
        <v>33</v>
      </c>
      <c r="G7302" t="s">
        <v>34</v>
      </c>
      <c r="H7302" t="s">
        <v>541</v>
      </c>
      <c r="I7302">
        <v>317.06</v>
      </c>
      <c r="J7302">
        <v>3</v>
      </c>
      <c r="K7302">
        <v>-18.12</v>
      </c>
    </row>
    <row r="7303" spans="1:11" x14ac:dyDescent="0.3">
      <c r="A7303" s="1">
        <v>42845</v>
      </c>
      <c r="B7303" s="3">
        <f t="shared" si="228"/>
        <v>4</v>
      </c>
      <c r="C7303" s="3">
        <f t="shared" si="229"/>
        <v>2017</v>
      </c>
      <c r="D7303" t="s">
        <v>1915</v>
      </c>
      <c r="E7303" t="s">
        <v>14</v>
      </c>
      <c r="F7303" t="s">
        <v>10</v>
      </c>
      <c r="G7303" t="s">
        <v>23</v>
      </c>
      <c r="H7303" t="s">
        <v>1529</v>
      </c>
      <c r="I7303">
        <v>15.76</v>
      </c>
      <c r="J7303">
        <v>2</v>
      </c>
      <c r="K7303">
        <v>3.55</v>
      </c>
    </row>
    <row r="7304" spans="1:11" x14ac:dyDescent="0.3">
      <c r="A7304" s="1">
        <v>42845</v>
      </c>
      <c r="B7304" s="3">
        <f t="shared" si="228"/>
        <v>4</v>
      </c>
      <c r="C7304" s="3">
        <f t="shared" si="229"/>
        <v>2017</v>
      </c>
      <c r="D7304" t="s">
        <v>1915</v>
      </c>
      <c r="E7304" t="s">
        <v>14</v>
      </c>
      <c r="F7304" t="s">
        <v>33</v>
      </c>
      <c r="G7304" t="s">
        <v>46</v>
      </c>
      <c r="H7304" t="s">
        <v>1187</v>
      </c>
      <c r="I7304">
        <v>14.56</v>
      </c>
      <c r="J7304">
        <v>5</v>
      </c>
      <c r="K7304">
        <v>-6.19</v>
      </c>
    </row>
    <row r="7305" spans="1:11" x14ac:dyDescent="0.3">
      <c r="A7305" s="1">
        <v>42845</v>
      </c>
      <c r="B7305" s="3">
        <f t="shared" si="228"/>
        <v>4</v>
      </c>
      <c r="C7305" s="3">
        <f t="shared" si="229"/>
        <v>2017</v>
      </c>
      <c r="D7305" t="s">
        <v>393</v>
      </c>
      <c r="E7305" t="s">
        <v>109</v>
      </c>
      <c r="F7305" t="s">
        <v>10</v>
      </c>
      <c r="G7305" t="s">
        <v>19</v>
      </c>
      <c r="H7305" t="s">
        <v>1122</v>
      </c>
      <c r="I7305">
        <v>146.86000000000001</v>
      </c>
      <c r="J7305">
        <v>7</v>
      </c>
      <c r="K7305">
        <v>70.489999999999995</v>
      </c>
    </row>
    <row r="7306" spans="1:11" x14ac:dyDescent="0.3">
      <c r="A7306" s="1">
        <v>42845</v>
      </c>
      <c r="B7306" s="3">
        <f t="shared" si="228"/>
        <v>4</v>
      </c>
      <c r="C7306" s="3">
        <f t="shared" si="229"/>
        <v>2017</v>
      </c>
      <c r="D7306" t="s">
        <v>393</v>
      </c>
      <c r="E7306" t="s">
        <v>109</v>
      </c>
      <c r="F7306" t="s">
        <v>10</v>
      </c>
      <c r="G7306" t="s">
        <v>19</v>
      </c>
      <c r="H7306" t="s">
        <v>1564</v>
      </c>
      <c r="I7306">
        <v>36.56</v>
      </c>
      <c r="J7306">
        <v>4</v>
      </c>
      <c r="K7306">
        <v>18.28</v>
      </c>
    </row>
    <row r="7307" spans="1:11" x14ac:dyDescent="0.3">
      <c r="A7307" s="1">
        <v>42845</v>
      </c>
      <c r="B7307" s="3">
        <f t="shared" si="228"/>
        <v>4</v>
      </c>
      <c r="C7307" s="3">
        <f t="shared" si="229"/>
        <v>2017</v>
      </c>
      <c r="D7307" t="s">
        <v>2173</v>
      </c>
      <c r="E7307" t="s">
        <v>77</v>
      </c>
      <c r="F7307" t="s">
        <v>10</v>
      </c>
      <c r="G7307" t="s">
        <v>17</v>
      </c>
      <c r="H7307" t="s">
        <v>72</v>
      </c>
      <c r="I7307">
        <v>848.54</v>
      </c>
      <c r="J7307">
        <v>4</v>
      </c>
      <c r="K7307">
        <v>-21.21</v>
      </c>
    </row>
    <row r="7308" spans="1:11" x14ac:dyDescent="0.3">
      <c r="A7308" s="1">
        <v>42845</v>
      </c>
      <c r="B7308" s="3">
        <f t="shared" si="228"/>
        <v>4</v>
      </c>
      <c r="C7308" s="3">
        <f t="shared" si="229"/>
        <v>2017</v>
      </c>
      <c r="D7308" t="s">
        <v>2173</v>
      </c>
      <c r="E7308" t="s">
        <v>77</v>
      </c>
      <c r="F7308" t="s">
        <v>10</v>
      </c>
      <c r="G7308" t="s">
        <v>19</v>
      </c>
      <c r="H7308" t="s">
        <v>885</v>
      </c>
      <c r="I7308">
        <v>8.6999999999999993</v>
      </c>
      <c r="J7308">
        <v>5</v>
      </c>
      <c r="K7308">
        <v>-6.38</v>
      </c>
    </row>
    <row r="7309" spans="1:11" x14ac:dyDescent="0.3">
      <c r="A7309" s="1">
        <v>42845</v>
      </c>
      <c r="B7309" s="3">
        <f t="shared" si="228"/>
        <v>4</v>
      </c>
      <c r="C7309" s="3">
        <f t="shared" si="229"/>
        <v>2017</v>
      </c>
      <c r="D7309" t="s">
        <v>2173</v>
      </c>
      <c r="E7309" t="s">
        <v>77</v>
      </c>
      <c r="F7309" t="s">
        <v>38</v>
      </c>
      <c r="G7309" t="s">
        <v>39</v>
      </c>
      <c r="H7309" t="s">
        <v>2426</v>
      </c>
      <c r="I7309">
        <v>122.38</v>
      </c>
      <c r="J7309">
        <v>3</v>
      </c>
      <c r="K7309">
        <v>-24.48</v>
      </c>
    </row>
    <row r="7310" spans="1:11" x14ac:dyDescent="0.3">
      <c r="A7310" s="1">
        <v>42846</v>
      </c>
      <c r="B7310" s="3">
        <f t="shared" si="228"/>
        <v>4</v>
      </c>
      <c r="C7310" s="3">
        <f t="shared" si="229"/>
        <v>2017</v>
      </c>
      <c r="D7310" t="s">
        <v>1197</v>
      </c>
      <c r="E7310" t="s">
        <v>9</v>
      </c>
      <c r="F7310" t="s">
        <v>10</v>
      </c>
      <c r="G7310" t="s">
        <v>91</v>
      </c>
      <c r="H7310" t="s">
        <v>2151</v>
      </c>
      <c r="I7310">
        <v>97.26</v>
      </c>
      <c r="J7310">
        <v>4</v>
      </c>
      <c r="K7310">
        <v>-243.16</v>
      </c>
    </row>
    <row r="7311" spans="1:11" x14ac:dyDescent="0.3">
      <c r="A7311" s="1">
        <v>42846</v>
      </c>
      <c r="B7311" s="3">
        <f t="shared" si="228"/>
        <v>4</v>
      </c>
      <c r="C7311" s="3">
        <f t="shared" si="229"/>
        <v>2017</v>
      </c>
      <c r="D7311" t="s">
        <v>711</v>
      </c>
      <c r="E7311" t="s">
        <v>9</v>
      </c>
      <c r="F7311" t="s">
        <v>10</v>
      </c>
      <c r="G7311" t="s">
        <v>19</v>
      </c>
      <c r="H7311" t="s">
        <v>450</v>
      </c>
      <c r="I7311">
        <v>2.69</v>
      </c>
      <c r="J7311">
        <v>3</v>
      </c>
      <c r="K7311">
        <v>-4.71</v>
      </c>
    </row>
    <row r="7312" spans="1:11" x14ac:dyDescent="0.3">
      <c r="A7312" s="1">
        <v>42846</v>
      </c>
      <c r="B7312" s="3">
        <f t="shared" si="228"/>
        <v>4</v>
      </c>
      <c r="C7312" s="3">
        <f t="shared" si="229"/>
        <v>2017</v>
      </c>
      <c r="D7312" t="s">
        <v>711</v>
      </c>
      <c r="E7312" t="s">
        <v>9</v>
      </c>
      <c r="F7312" t="s">
        <v>10</v>
      </c>
      <c r="G7312" t="s">
        <v>19</v>
      </c>
      <c r="H7312" t="s">
        <v>1685</v>
      </c>
      <c r="I7312">
        <v>2.93</v>
      </c>
      <c r="J7312">
        <v>3</v>
      </c>
      <c r="K7312">
        <v>-4.99</v>
      </c>
    </row>
    <row r="7313" spans="1:11" x14ac:dyDescent="0.3">
      <c r="A7313" s="1">
        <v>42846</v>
      </c>
      <c r="B7313" s="3">
        <f t="shared" si="228"/>
        <v>4</v>
      </c>
      <c r="C7313" s="3">
        <f t="shared" si="229"/>
        <v>2017</v>
      </c>
      <c r="D7313" t="s">
        <v>2196</v>
      </c>
      <c r="E7313" t="s">
        <v>163</v>
      </c>
      <c r="F7313" t="s">
        <v>38</v>
      </c>
      <c r="G7313" t="s">
        <v>51</v>
      </c>
      <c r="H7313" t="s">
        <v>2287</v>
      </c>
      <c r="I7313">
        <v>11.54</v>
      </c>
      <c r="J7313">
        <v>1</v>
      </c>
      <c r="K7313">
        <v>3.46</v>
      </c>
    </row>
    <row r="7314" spans="1:11" x14ac:dyDescent="0.3">
      <c r="A7314" s="1">
        <v>42846</v>
      </c>
      <c r="B7314" s="3">
        <f t="shared" si="228"/>
        <v>4</v>
      </c>
      <c r="C7314" s="3">
        <f t="shared" si="229"/>
        <v>2017</v>
      </c>
      <c r="D7314" t="s">
        <v>2196</v>
      </c>
      <c r="E7314" t="s">
        <v>163</v>
      </c>
      <c r="F7314" t="s">
        <v>33</v>
      </c>
      <c r="G7314" t="s">
        <v>46</v>
      </c>
      <c r="H7314" t="s">
        <v>1995</v>
      </c>
      <c r="I7314">
        <v>162.6</v>
      </c>
      <c r="J7314">
        <v>3</v>
      </c>
      <c r="K7314">
        <v>34.15</v>
      </c>
    </row>
    <row r="7315" spans="1:11" x14ac:dyDescent="0.3">
      <c r="A7315" s="1">
        <v>42846</v>
      </c>
      <c r="B7315" s="3">
        <f t="shared" si="228"/>
        <v>4</v>
      </c>
      <c r="C7315" s="3">
        <f t="shared" si="229"/>
        <v>2017</v>
      </c>
      <c r="D7315" t="s">
        <v>2471</v>
      </c>
      <c r="E7315" t="s">
        <v>530</v>
      </c>
      <c r="F7315" t="s">
        <v>33</v>
      </c>
      <c r="G7315" t="s">
        <v>34</v>
      </c>
      <c r="H7315" t="s">
        <v>1875</v>
      </c>
      <c r="I7315">
        <v>908.82</v>
      </c>
      <c r="J7315">
        <v>9</v>
      </c>
      <c r="K7315">
        <v>227.21</v>
      </c>
    </row>
    <row r="7316" spans="1:11" x14ac:dyDescent="0.3">
      <c r="A7316" s="1">
        <v>42846</v>
      </c>
      <c r="B7316" s="3">
        <f t="shared" si="228"/>
        <v>4</v>
      </c>
      <c r="C7316" s="3">
        <f t="shared" si="229"/>
        <v>2017</v>
      </c>
      <c r="D7316" t="s">
        <v>1735</v>
      </c>
      <c r="E7316" t="s">
        <v>9</v>
      </c>
      <c r="F7316" t="s">
        <v>38</v>
      </c>
      <c r="G7316" t="s">
        <v>51</v>
      </c>
      <c r="H7316" t="s">
        <v>2234</v>
      </c>
      <c r="I7316">
        <v>47.98</v>
      </c>
      <c r="J7316">
        <v>3</v>
      </c>
      <c r="K7316">
        <v>8.4</v>
      </c>
    </row>
    <row r="7317" spans="1:11" x14ac:dyDescent="0.3">
      <c r="A7317" s="1">
        <v>42846</v>
      </c>
      <c r="B7317" s="3">
        <f t="shared" si="228"/>
        <v>4</v>
      </c>
      <c r="C7317" s="3">
        <f t="shared" si="229"/>
        <v>2017</v>
      </c>
      <c r="D7317" t="s">
        <v>1735</v>
      </c>
      <c r="E7317" t="s">
        <v>9</v>
      </c>
      <c r="F7317" t="s">
        <v>10</v>
      </c>
      <c r="G7317" t="s">
        <v>11</v>
      </c>
      <c r="H7317" t="s">
        <v>2537</v>
      </c>
      <c r="I7317">
        <v>20.74</v>
      </c>
      <c r="J7317">
        <v>4</v>
      </c>
      <c r="K7317">
        <v>7.26</v>
      </c>
    </row>
    <row r="7318" spans="1:11" x14ac:dyDescent="0.3">
      <c r="A7318" s="1">
        <v>42847</v>
      </c>
      <c r="B7318" s="3">
        <f t="shared" si="228"/>
        <v>4</v>
      </c>
      <c r="C7318" s="3">
        <f t="shared" si="229"/>
        <v>2017</v>
      </c>
      <c r="D7318" t="s">
        <v>362</v>
      </c>
      <c r="E7318" t="s">
        <v>26</v>
      </c>
      <c r="F7318" t="s">
        <v>33</v>
      </c>
      <c r="G7318" t="s">
        <v>46</v>
      </c>
      <c r="H7318" t="s">
        <v>2128</v>
      </c>
      <c r="I7318">
        <v>18.28</v>
      </c>
      <c r="J7318">
        <v>2</v>
      </c>
      <c r="K7318">
        <v>6.22</v>
      </c>
    </row>
    <row r="7319" spans="1:11" x14ac:dyDescent="0.3">
      <c r="A7319" s="1">
        <v>42847</v>
      </c>
      <c r="B7319" s="3">
        <f t="shared" si="228"/>
        <v>4</v>
      </c>
      <c r="C7319" s="3">
        <f t="shared" si="229"/>
        <v>2017</v>
      </c>
      <c r="D7319" t="s">
        <v>2247</v>
      </c>
      <c r="E7319" t="s">
        <v>22</v>
      </c>
      <c r="F7319" t="s">
        <v>33</v>
      </c>
      <c r="G7319" t="s">
        <v>46</v>
      </c>
      <c r="H7319" t="s">
        <v>2195</v>
      </c>
      <c r="I7319">
        <v>254.35</v>
      </c>
      <c r="J7319">
        <v>3</v>
      </c>
      <c r="K7319">
        <v>0</v>
      </c>
    </row>
    <row r="7320" spans="1:11" x14ac:dyDescent="0.3">
      <c r="A7320" s="1">
        <v>42847</v>
      </c>
      <c r="B7320" s="3">
        <f t="shared" si="228"/>
        <v>4</v>
      </c>
      <c r="C7320" s="3">
        <f t="shared" si="229"/>
        <v>2017</v>
      </c>
      <c r="D7320" t="s">
        <v>2137</v>
      </c>
      <c r="E7320" t="s">
        <v>29</v>
      </c>
      <c r="F7320" t="s">
        <v>10</v>
      </c>
      <c r="G7320" t="s">
        <v>17</v>
      </c>
      <c r="H7320" t="s">
        <v>1571</v>
      </c>
      <c r="I7320">
        <v>675.06</v>
      </c>
      <c r="J7320">
        <v>3</v>
      </c>
      <c r="K7320">
        <v>87.76</v>
      </c>
    </row>
    <row r="7321" spans="1:11" x14ac:dyDescent="0.3">
      <c r="A7321" s="1">
        <v>42848</v>
      </c>
      <c r="B7321" s="3">
        <f t="shared" si="228"/>
        <v>4</v>
      </c>
      <c r="C7321" s="3">
        <f t="shared" si="229"/>
        <v>2017</v>
      </c>
      <c r="D7321" t="s">
        <v>2638</v>
      </c>
      <c r="E7321" t="s">
        <v>148</v>
      </c>
      <c r="F7321" t="s">
        <v>10</v>
      </c>
      <c r="G7321" t="s">
        <v>91</v>
      </c>
      <c r="H7321" t="s">
        <v>2288</v>
      </c>
      <c r="I7321">
        <v>121.94</v>
      </c>
      <c r="J7321">
        <v>2</v>
      </c>
      <c r="K7321">
        <v>35.36</v>
      </c>
    </row>
    <row r="7322" spans="1:11" x14ac:dyDescent="0.3">
      <c r="A7322" s="1">
        <v>42848</v>
      </c>
      <c r="B7322" s="3">
        <f t="shared" si="228"/>
        <v>4</v>
      </c>
      <c r="C7322" s="3">
        <f t="shared" si="229"/>
        <v>2017</v>
      </c>
      <c r="D7322" t="s">
        <v>2638</v>
      </c>
      <c r="E7322" t="s">
        <v>148</v>
      </c>
      <c r="F7322" t="s">
        <v>10</v>
      </c>
      <c r="G7322" t="s">
        <v>199</v>
      </c>
      <c r="H7322" t="s">
        <v>2055</v>
      </c>
      <c r="I7322">
        <v>122.71</v>
      </c>
      <c r="J7322">
        <v>7</v>
      </c>
      <c r="K7322">
        <v>36.81</v>
      </c>
    </row>
    <row r="7323" spans="1:11" x14ac:dyDescent="0.3">
      <c r="A7323" s="1">
        <v>42848</v>
      </c>
      <c r="B7323" s="3">
        <f t="shared" si="228"/>
        <v>4</v>
      </c>
      <c r="C7323" s="3">
        <f t="shared" si="229"/>
        <v>2017</v>
      </c>
      <c r="D7323" t="s">
        <v>1798</v>
      </c>
      <c r="E7323" t="s">
        <v>128</v>
      </c>
      <c r="F7323" t="s">
        <v>38</v>
      </c>
      <c r="G7323" t="s">
        <v>51</v>
      </c>
      <c r="H7323" t="s">
        <v>2033</v>
      </c>
      <c r="I7323">
        <v>155.34</v>
      </c>
      <c r="J7323">
        <v>6</v>
      </c>
      <c r="K7323">
        <v>55.92</v>
      </c>
    </row>
    <row r="7324" spans="1:11" x14ac:dyDescent="0.3">
      <c r="A7324" s="1">
        <v>42848</v>
      </c>
      <c r="B7324" s="3">
        <f t="shared" si="228"/>
        <v>4</v>
      </c>
      <c r="C7324" s="3">
        <f t="shared" si="229"/>
        <v>2017</v>
      </c>
      <c r="D7324" t="s">
        <v>682</v>
      </c>
      <c r="E7324" t="s">
        <v>148</v>
      </c>
      <c r="F7324" t="s">
        <v>10</v>
      </c>
      <c r="G7324" t="s">
        <v>199</v>
      </c>
      <c r="H7324" t="s">
        <v>2214</v>
      </c>
      <c r="I7324">
        <v>54.9</v>
      </c>
      <c r="J7324">
        <v>5</v>
      </c>
      <c r="K7324">
        <v>15.37</v>
      </c>
    </row>
    <row r="7325" spans="1:11" x14ac:dyDescent="0.3">
      <c r="A7325" s="1">
        <v>42848</v>
      </c>
      <c r="B7325" s="3">
        <f t="shared" si="228"/>
        <v>4</v>
      </c>
      <c r="C7325" s="3">
        <f t="shared" si="229"/>
        <v>2017</v>
      </c>
      <c r="D7325" t="s">
        <v>1520</v>
      </c>
      <c r="E7325" t="s">
        <v>77</v>
      </c>
      <c r="F7325" t="s">
        <v>10</v>
      </c>
      <c r="G7325" t="s">
        <v>19</v>
      </c>
      <c r="H7325" t="s">
        <v>1969</v>
      </c>
      <c r="I7325">
        <v>11.76</v>
      </c>
      <c r="J7325">
        <v>5</v>
      </c>
      <c r="K7325">
        <v>-7.84</v>
      </c>
    </row>
    <row r="7326" spans="1:11" x14ac:dyDescent="0.3">
      <c r="A7326" s="1">
        <v>42848</v>
      </c>
      <c r="B7326" s="3">
        <f t="shared" si="228"/>
        <v>4</v>
      </c>
      <c r="C7326" s="3">
        <f t="shared" si="229"/>
        <v>2017</v>
      </c>
      <c r="D7326" t="s">
        <v>1520</v>
      </c>
      <c r="E7326" t="s">
        <v>77</v>
      </c>
      <c r="F7326" t="s">
        <v>10</v>
      </c>
      <c r="G7326" t="s">
        <v>11</v>
      </c>
      <c r="H7326" t="s">
        <v>126</v>
      </c>
      <c r="I7326">
        <v>5.34</v>
      </c>
      <c r="J7326">
        <v>1</v>
      </c>
      <c r="K7326">
        <v>1.87</v>
      </c>
    </row>
    <row r="7327" spans="1:11" x14ac:dyDescent="0.3">
      <c r="A7327" s="1">
        <v>42848</v>
      </c>
      <c r="B7327" s="3">
        <f t="shared" si="228"/>
        <v>4</v>
      </c>
      <c r="C7327" s="3">
        <f t="shared" si="229"/>
        <v>2017</v>
      </c>
      <c r="D7327" t="s">
        <v>2293</v>
      </c>
      <c r="E7327" t="s">
        <v>26</v>
      </c>
      <c r="F7327" t="s">
        <v>33</v>
      </c>
      <c r="G7327" t="s">
        <v>46</v>
      </c>
      <c r="H7327" t="s">
        <v>2048</v>
      </c>
      <c r="I7327">
        <v>66.36</v>
      </c>
      <c r="J7327">
        <v>7</v>
      </c>
      <c r="K7327">
        <v>26.54</v>
      </c>
    </row>
    <row r="7328" spans="1:11" x14ac:dyDescent="0.3">
      <c r="A7328" s="1">
        <v>42848</v>
      </c>
      <c r="B7328" s="3">
        <f t="shared" si="228"/>
        <v>4</v>
      </c>
      <c r="C7328" s="3">
        <f t="shared" si="229"/>
        <v>2017</v>
      </c>
      <c r="D7328" t="s">
        <v>2293</v>
      </c>
      <c r="E7328" t="s">
        <v>26</v>
      </c>
      <c r="F7328" t="s">
        <v>10</v>
      </c>
      <c r="G7328" t="s">
        <v>19</v>
      </c>
      <c r="H7328" t="s">
        <v>547</v>
      </c>
      <c r="I7328">
        <v>92.88</v>
      </c>
      <c r="J7328">
        <v>6</v>
      </c>
      <c r="K7328">
        <v>30.19</v>
      </c>
    </row>
    <row r="7329" spans="1:11" x14ac:dyDescent="0.3">
      <c r="A7329" s="1">
        <v>42848</v>
      </c>
      <c r="B7329" s="3">
        <f t="shared" si="228"/>
        <v>4</v>
      </c>
      <c r="C7329" s="3">
        <f t="shared" si="229"/>
        <v>2017</v>
      </c>
      <c r="D7329" t="s">
        <v>2293</v>
      </c>
      <c r="E7329" t="s">
        <v>26</v>
      </c>
      <c r="F7329" t="s">
        <v>33</v>
      </c>
      <c r="G7329" t="s">
        <v>46</v>
      </c>
      <c r="H7329" t="s">
        <v>2575</v>
      </c>
      <c r="I7329">
        <v>24.14</v>
      </c>
      <c r="J7329">
        <v>2</v>
      </c>
      <c r="K7329">
        <v>7.97</v>
      </c>
    </row>
    <row r="7330" spans="1:11" x14ac:dyDescent="0.3">
      <c r="A7330" s="1">
        <v>42848</v>
      </c>
      <c r="B7330" s="3">
        <f t="shared" si="228"/>
        <v>4</v>
      </c>
      <c r="C7330" s="3">
        <f t="shared" si="229"/>
        <v>2017</v>
      </c>
      <c r="D7330" t="s">
        <v>2175</v>
      </c>
      <c r="E7330" t="s">
        <v>119</v>
      </c>
      <c r="F7330" t="s">
        <v>33</v>
      </c>
      <c r="G7330" t="s">
        <v>73</v>
      </c>
      <c r="H7330" t="s">
        <v>98</v>
      </c>
      <c r="I7330">
        <v>387.14</v>
      </c>
      <c r="J7330">
        <v>4</v>
      </c>
      <c r="K7330">
        <v>-14.52</v>
      </c>
    </row>
    <row r="7331" spans="1:11" x14ac:dyDescent="0.3">
      <c r="A7331" s="1">
        <v>42848</v>
      </c>
      <c r="B7331" s="3">
        <f t="shared" si="228"/>
        <v>4</v>
      </c>
      <c r="C7331" s="3">
        <f t="shared" si="229"/>
        <v>2017</v>
      </c>
      <c r="D7331" t="s">
        <v>2175</v>
      </c>
      <c r="E7331" t="s">
        <v>119</v>
      </c>
      <c r="F7331" t="s">
        <v>38</v>
      </c>
      <c r="G7331" t="s">
        <v>51</v>
      </c>
      <c r="H7331" t="s">
        <v>1062</v>
      </c>
      <c r="I7331">
        <v>45.41</v>
      </c>
      <c r="J7331">
        <v>2</v>
      </c>
      <c r="K7331">
        <v>11.92</v>
      </c>
    </row>
    <row r="7332" spans="1:11" x14ac:dyDescent="0.3">
      <c r="A7332" s="1">
        <v>42848</v>
      </c>
      <c r="B7332" s="3">
        <f t="shared" si="228"/>
        <v>4</v>
      </c>
      <c r="C7332" s="3">
        <f t="shared" si="229"/>
        <v>2017</v>
      </c>
      <c r="D7332" t="s">
        <v>2175</v>
      </c>
      <c r="E7332" t="s">
        <v>119</v>
      </c>
      <c r="F7332" t="s">
        <v>33</v>
      </c>
      <c r="G7332" t="s">
        <v>46</v>
      </c>
      <c r="H7332" t="s">
        <v>1505</v>
      </c>
      <c r="I7332">
        <v>77.95</v>
      </c>
      <c r="J7332">
        <v>3</v>
      </c>
      <c r="K7332">
        <v>-11.69</v>
      </c>
    </row>
    <row r="7333" spans="1:11" x14ac:dyDescent="0.3">
      <c r="A7333" s="1">
        <v>42848</v>
      </c>
      <c r="B7333" s="3">
        <f t="shared" si="228"/>
        <v>4</v>
      </c>
      <c r="C7333" s="3">
        <f t="shared" si="229"/>
        <v>2017</v>
      </c>
      <c r="D7333" t="s">
        <v>2175</v>
      </c>
      <c r="E7333" t="s">
        <v>119</v>
      </c>
      <c r="F7333" t="s">
        <v>10</v>
      </c>
      <c r="G7333" t="s">
        <v>15</v>
      </c>
      <c r="H7333" t="s">
        <v>2508</v>
      </c>
      <c r="I7333">
        <v>3</v>
      </c>
      <c r="J7333">
        <v>1</v>
      </c>
      <c r="K7333">
        <v>1.05</v>
      </c>
    </row>
    <row r="7334" spans="1:11" x14ac:dyDescent="0.3">
      <c r="A7334" s="1">
        <v>42848</v>
      </c>
      <c r="B7334" s="3">
        <f t="shared" si="228"/>
        <v>4</v>
      </c>
      <c r="C7334" s="3">
        <f t="shared" si="229"/>
        <v>2017</v>
      </c>
      <c r="D7334" t="s">
        <v>2283</v>
      </c>
      <c r="E7334" t="s">
        <v>277</v>
      </c>
      <c r="F7334" t="s">
        <v>10</v>
      </c>
      <c r="G7334" t="s">
        <v>62</v>
      </c>
      <c r="H7334" t="s">
        <v>63</v>
      </c>
      <c r="I7334">
        <v>18.690000000000001</v>
      </c>
      <c r="J7334">
        <v>2</v>
      </c>
      <c r="K7334">
        <v>7.01</v>
      </c>
    </row>
    <row r="7335" spans="1:11" x14ac:dyDescent="0.3">
      <c r="A7335" s="1">
        <v>42848</v>
      </c>
      <c r="B7335" s="3">
        <f t="shared" si="228"/>
        <v>4</v>
      </c>
      <c r="C7335" s="3">
        <f t="shared" si="229"/>
        <v>2017</v>
      </c>
      <c r="D7335" t="s">
        <v>2283</v>
      </c>
      <c r="E7335" t="s">
        <v>277</v>
      </c>
      <c r="F7335" t="s">
        <v>33</v>
      </c>
      <c r="G7335" t="s">
        <v>46</v>
      </c>
      <c r="H7335" t="s">
        <v>2050</v>
      </c>
      <c r="I7335">
        <v>11.66</v>
      </c>
      <c r="J7335">
        <v>3</v>
      </c>
      <c r="K7335">
        <v>3.35</v>
      </c>
    </row>
    <row r="7336" spans="1:11" x14ac:dyDescent="0.3">
      <c r="A7336" s="1">
        <v>42849</v>
      </c>
      <c r="B7336" s="3">
        <f t="shared" si="228"/>
        <v>4</v>
      </c>
      <c r="C7336" s="3">
        <f t="shared" si="229"/>
        <v>2017</v>
      </c>
      <c r="D7336" t="s">
        <v>388</v>
      </c>
      <c r="E7336" t="s">
        <v>22</v>
      </c>
      <c r="F7336" t="s">
        <v>10</v>
      </c>
      <c r="G7336" t="s">
        <v>91</v>
      </c>
      <c r="H7336" t="s">
        <v>1089</v>
      </c>
      <c r="I7336">
        <v>99.28</v>
      </c>
      <c r="J7336">
        <v>2</v>
      </c>
      <c r="K7336">
        <v>12.41</v>
      </c>
    </row>
    <row r="7337" spans="1:11" x14ac:dyDescent="0.3">
      <c r="A7337" s="1">
        <v>42849</v>
      </c>
      <c r="B7337" s="3">
        <f t="shared" si="228"/>
        <v>4</v>
      </c>
      <c r="C7337" s="3">
        <f t="shared" si="229"/>
        <v>2017</v>
      </c>
      <c r="D7337" t="s">
        <v>388</v>
      </c>
      <c r="E7337" t="s">
        <v>22</v>
      </c>
      <c r="F7337" t="s">
        <v>10</v>
      </c>
      <c r="G7337" t="s">
        <v>19</v>
      </c>
      <c r="H7337" t="s">
        <v>2286</v>
      </c>
      <c r="I7337">
        <v>1.19</v>
      </c>
      <c r="J7337">
        <v>2</v>
      </c>
      <c r="K7337">
        <v>-0.99</v>
      </c>
    </row>
    <row r="7338" spans="1:11" x14ac:dyDescent="0.3">
      <c r="A7338" s="1">
        <v>42849</v>
      </c>
      <c r="B7338" s="3">
        <f t="shared" si="228"/>
        <v>4</v>
      </c>
      <c r="C7338" s="3">
        <f t="shared" si="229"/>
        <v>2017</v>
      </c>
      <c r="D7338" t="s">
        <v>388</v>
      </c>
      <c r="E7338" t="s">
        <v>22</v>
      </c>
      <c r="F7338" t="s">
        <v>10</v>
      </c>
      <c r="G7338" t="s">
        <v>19</v>
      </c>
      <c r="H7338" t="s">
        <v>2486</v>
      </c>
      <c r="I7338">
        <v>7.52</v>
      </c>
      <c r="J7338">
        <v>2</v>
      </c>
      <c r="K7338">
        <v>-5.76</v>
      </c>
    </row>
    <row r="7339" spans="1:11" x14ac:dyDescent="0.3">
      <c r="A7339" s="1">
        <v>42849</v>
      </c>
      <c r="B7339" s="3">
        <f t="shared" si="228"/>
        <v>4</v>
      </c>
      <c r="C7339" s="3">
        <f t="shared" si="229"/>
        <v>2017</v>
      </c>
      <c r="D7339" t="s">
        <v>318</v>
      </c>
      <c r="E7339" t="s">
        <v>122</v>
      </c>
      <c r="F7339" t="s">
        <v>10</v>
      </c>
      <c r="G7339" t="s">
        <v>17</v>
      </c>
      <c r="H7339" t="s">
        <v>256</v>
      </c>
      <c r="I7339">
        <v>113.57</v>
      </c>
      <c r="J7339">
        <v>2</v>
      </c>
      <c r="K7339">
        <v>-21.29</v>
      </c>
    </row>
    <row r="7340" spans="1:11" x14ac:dyDescent="0.3">
      <c r="A7340" s="1">
        <v>42849</v>
      </c>
      <c r="B7340" s="3">
        <f t="shared" si="228"/>
        <v>4</v>
      </c>
      <c r="C7340" s="3">
        <f t="shared" si="229"/>
        <v>2017</v>
      </c>
      <c r="D7340" t="s">
        <v>1862</v>
      </c>
      <c r="E7340" t="s">
        <v>26</v>
      </c>
      <c r="F7340" t="s">
        <v>10</v>
      </c>
      <c r="G7340" t="s">
        <v>42</v>
      </c>
      <c r="H7340" t="s">
        <v>1132</v>
      </c>
      <c r="I7340">
        <v>1.81</v>
      </c>
      <c r="J7340">
        <v>1</v>
      </c>
      <c r="K7340">
        <v>0.65</v>
      </c>
    </row>
    <row r="7341" spans="1:11" x14ac:dyDescent="0.3">
      <c r="A7341" s="1">
        <v>42849</v>
      </c>
      <c r="B7341" s="3">
        <f t="shared" si="228"/>
        <v>4</v>
      </c>
      <c r="C7341" s="3">
        <f t="shared" si="229"/>
        <v>2017</v>
      </c>
      <c r="D7341" t="s">
        <v>2465</v>
      </c>
      <c r="E7341" t="s">
        <v>94</v>
      </c>
      <c r="F7341" t="s">
        <v>38</v>
      </c>
      <c r="G7341" t="s">
        <v>39</v>
      </c>
      <c r="H7341" t="s">
        <v>86</v>
      </c>
      <c r="I7341">
        <v>552</v>
      </c>
      <c r="J7341">
        <v>10</v>
      </c>
      <c r="K7341">
        <v>34.5</v>
      </c>
    </row>
    <row r="7342" spans="1:11" x14ac:dyDescent="0.3">
      <c r="A7342" s="1">
        <v>42849</v>
      </c>
      <c r="B7342" s="3">
        <f t="shared" si="228"/>
        <v>4</v>
      </c>
      <c r="C7342" s="3">
        <f t="shared" si="229"/>
        <v>2017</v>
      </c>
      <c r="D7342" t="s">
        <v>2041</v>
      </c>
      <c r="E7342" t="s">
        <v>1528</v>
      </c>
      <c r="F7342" t="s">
        <v>38</v>
      </c>
      <c r="G7342" t="s">
        <v>51</v>
      </c>
      <c r="H7342" t="s">
        <v>2463</v>
      </c>
      <c r="I7342">
        <v>69.98</v>
      </c>
      <c r="J7342">
        <v>2</v>
      </c>
      <c r="K7342">
        <v>4.9000000000000004</v>
      </c>
    </row>
    <row r="7343" spans="1:11" x14ac:dyDescent="0.3">
      <c r="A7343" s="1">
        <v>42849</v>
      </c>
      <c r="B7343" s="3">
        <f t="shared" si="228"/>
        <v>4</v>
      </c>
      <c r="C7343" s="3">
        <f t="shared" si="229"/>
        <v>2017</v>
      </c>
      <c r="D7343" t="s">
        <v>2382</v>
      </c>
      <c r="E7343" t="s">
        <v>14</v>
      </c>
      <c r="F7343" t="s">
        <v>10</v>
      </c>
      <c r="G7343" t="s">
        <v>19</v>
      </c>
      <c r="H7343" t="s">
        <v>578</v>
      </c>
      <c r="I7343">
        <v>10.43</v>
      </c>
      <c r="J7343">
        <v>5</v>
      </c>
      <c r="K7343">
        <v>-18.25</v>
      </c>
    </row>
    <row r="7344" spans="1:11" x14ac:dyDescent="0.3">
      <c r="A7344" s="1">
        <v>42849</v>
      </c>
      <c r="B7344" s="3">
        <f t="shared" si="228"/>
        <v>4</v>
      </c>
      <c r="C7344" s="3">
        <f t="shared" si="229"/>
        <v>2017</v>
      </c>
      <c r="D7344" t="s">
        <v>2382</v>
      </c>
      <c r="E7344" t="s">
        <v>14</v>
      </c>
      <c r="F7344" t="s">
        <v>10</v>
      </c>
      <c r="G7344" t="s">
        <v>17</v>
      </c>
      <c r="H7344" t="s">
        <v>837</v>
      </c>
      <c r="I7344">
        <v>72.78</v>
      </c>
      <c r="J7344">
        <v>1</v>
      </c>
      <c r="K7344">
        <v>-18.2</v>
      </c>
    </row>
    <row r="7345" spans="1:11" x14ac:dyDescent="0.3">
      <c r="A7345" s="1">
        <v>42850</v>
      </c>
      <c r="B7345" s="3">
        <f t="shared" si="228"/>
        <v>4</v>
      </c>
      <c r="C7345" s="3">
        <f t="shared" si="229"/>
        <v>2017</v>
      </c>
      <c r="D7345" t="s">
        <v>21</v>
      </c>
      <c r="E7345" t="s">
        <v>26</v>
      </c>
      <c r="F7345" t="s">
        <v>10</v>
      </c>
      <c r="G7345" t="s">
        <v>19</v>
      </c>
      <c r="H7345" t="s">
        <v>965</v>
      </c>
      <c r="I7345">
        <v>13.9</v>
      </c>
      <c r="J7345">
        <v>2</v>
      </c>
      <c r="K7345">
        <v>4.5199999999999996</v>
      </c>
    </row>
    <row r="7346" spans="1:11" x14ac:dyDescent="0.3">
      <c r="A7346" s="1">
        <v>42850</v>
      </c>
      <c r="B7346" s="3">
        <f t="shared" si="228"/>
        <v>4</v>
      </c>
      <c r="C7346" s="3">
        <f t="shared" si="229"/>
        <v>2017</v>
      </c>
      <c r="D7346" t="s">
        <v>2175</v>
      </c>
      <c r="E7346" t="s">
        <v>119</v>
      </c>
      <c r="F7346" t="s">
        <v>10</v>
      </c>
      <c r="G7346" t="s">
        <v>23</v>
      </c>
      <c r="H7346" t="s">
        <v>50</v>
      </c>
      <c r="I7346">
        <v>42.05</v>
      </c>
      <c r="J7346">
        <v>9</v>
      </c>
      <c r="K7346">
        <v>5.26</v>
      </c>
    </row>
    <row r="7347" spans="1:11" x14ac:dyDescent="0.3">
      <c r="A7347" s="1">
        <v>42850</v>
      </c>
      <c r="B7347" s="3">
        <f t="shared" si="228"/>
        <v>4</v>
      </c>
      <c r="C7347" s="3">
        <f t="shared" si="229"/>
        <v>2017</v>
      </c>
      <c r="D7347" t="s">
        <v>2175</v>
      </c>
      <c r="E7347" t="s">
        <v>119</v>
      </c>
      <c r="F7347" t="s">
        <v>10</v>
      </c>
      <c r="G7347" t="s">
        <v>23</v>
      </c>
      <c r="H7347" t="s">
        <v>2409</v>
      </c>
      <c r="I7347">
        <v>67.92</v>
      </c>
      <c r="J7347">
        <v>5</v>
      </c>
      <c r="K7347">
        <v>6.79</v>
      </c>
    </row>
    <row r="7348" spans="1:11" x14ac:dyDescent="0.3">
      <c r="A7348" s="1">
        <v>42850</v>
      </c>
      <c r="B7348" s="3">
        <f t="shared" si="228"/>
        <v>4</v>
      </c>
      <c r="C7348" s="3">
        <f t="shared" si="229"/>
        <v>2017</v>
      </c>
      <c r="D7348" t="s">
        <v>1355</v>
      </c>
      <c r="E7348" t="s">
        <v>94</v>
      </c>
      <c r="F7348" t="s">
        <v>10</v>
      </c>
      <c r="G7348" t="s">
        <v>23</v>
      </c>
      <c r="H7348" t="s">
        <v>2641</v>
      </c>
      <c r="I7348">
        <v>8.9</v>
      </c>
      <c r="J7348">
        <v>4</v>
      </c>
      <c r="K7348">
        <v>0.67</v>
      </c>
    </row>
    <row r="7349" spans="1:11" x14ac:dyDescent="0.3">
      <c r="A7349" s="1">
        <v>42850</v>
      </c>
      <c r="B7349" s="3">
        <f t="shared" si="228"/>
        <v>4</v>
      </c>
      <c r="C7349" s="3">
        <f t="shared" si="229"/>
        <v>2017</v>
      </c>
      <c r="D7349" t="s">
        <v>589</v>
      </c>
      <c r="E7349" t="s">
        <v>26</v>
      </c>
      <c r="F7349" t="s">
        <v>10</v>
      </c>
      <c r="G7349" t="s">
        <v>11</v>
      </c>
      <c r="H7349" t="s">
        <v>2532</v>
      </c>
      <c r="I7349">
        <v>19.05</v>
      </c>
      <c r="J7349">
        <v>3</v>
      </c>
      <c r="K7349">
        <v>8.76</v>
      </c>
    </row>
    <row r="7350" spans="1:11" x14ac:dyDescent="0.3">
      <c r="A7350" s="1">
        <v>42850</v>
      </c>
      <c r="B7350" s="3">
        <f t="shared" si="228"/>
        <v>4</v>
      </c>
      <c r="C7350" s="3">
        <f t="shared" si="229"/>
        <v>2017</v>
      </c>
      <c r="D7350" t="s">
        <v>589</v>
      </c>
      <c r="E7350" t="s">
        <v>26</v>
      </c>
      <c r="F7350" t="s">
        <v>10</v>
      </c>
      <c r="G7350" t="s">
        <v>19</v>
      </c>
      <c r="H7350" t="s">
        <v>161</v>
      </c>
      <c r="I7350">
        <v>73.34</v>
      </c>
      <c r="J7350">
        <v>3</v>
      </c>
      <c r="K7350">
        <v>27.5</v>
      </c>
    </row>
    <row r="7351" spans="1:11" x14ac:dyDescent="0.3">
      <c r="A7351" s="1">
        <v>42850</v>
      </c>
      <c r="B7351" s="3">
        <f t="shared" si="228"/>
        <v>4</v>
      </c>
      <c r="C7351" s="3">
        <f t="shared" si="229"/>
        <v>2017</v>
      </c>
      <c r="D7351" t="s">
        <v>127</v>
      </c>
      <c r="E7351" t="s">
        <v>26</v>
      </c>
      <c r="F7351" t="s">
        <v>38</v>
      </c>
      <c r="G7351" t="s">
        <v>51</v>
      </c>
      <c r="H7351" t="s">
        <v>866</v>
      </c>
      <c r="I7351">
        <v>107.97</v>
      </c>
      <c r="J7351">
        <v>3</v>
      </c>
      <c r="K7351">
        <v>22.67</v>
      </c>
    </row>
    <row r="7352" spans="1:11" x14ac:dyDescent="0.3">
      <c r="A7352" s="1">
        <v>42850</v>
      </c>
      <c r="B7352" s="3">
        <f t="shared" si="228"/>
        <v>4</v>
      </c>
      <c r="C7352" s="3">
        <f t="shared" si="229"/>
        <v>2017</v>
      </c>
      <c r="D7352" t="s">
        <v>1750</v>
      </c>
      <c r="E7352" t="s">
        <v>26</v>
      </c>
      <c r="F7352" t="s">
        <v>33</v>
      </c>
      <c r="G7352" t="s">
        <v>73</v>
      </c>
      <c r="H7352" t="s">
        <v>2160</v>
      </c>
      <c r="I7352">
        <v>344.98</v>
      </c>
      <c r="J7352">
        <v>7</v>
      </c>
      <c r="K7352">
        <v>28.41</v>
      </c>
    </row>
    <row r="7353" spans="1:11" x14ac:dyDescent="0.3">
      <c r="A7353" s="1">
        <v>42851</v>
      </c>
      <c r="B7353" s="3">
        <f t="shared" si="228"/>
        <v>4</v>
      </c>
      <c r="C7353" s="3">
        <f t="shared" si="229"/>
        <v>2017</v>
      </c>
      <c r="D7353" t="s">
        <v>2572</v>
      </c>
      <c r="E7353" t="s">
        <v>9</v>
      </c>
      <c r="F7353" t="s">
        <v>33</v>
      </c>
      <c r="G7353" t="s">
        <v>46</v>
      </c>
      <c r="H7353" t="s">
        <v>59</v>
      </c>
      <c r="I7353">
        <v>1.99</v>
      </c>
      <c r="J7353">
        <v>1</v>
      </c>
      <c r="K7353">
        <v>-1.44</v>
      </c>
    </row>
    <row r="7354" spans="1:11" x14ac:dyDescent="0.3">
      <c r="A7354" s="1">
        <v>42851</v>
      </c>
      <c r="B7354" s="3">
        <f t="shared" si="228"/>
        <v>4</v>
      </c>
      <c r="C7354" s="3">
        <f t="shared" si="229"/>
        <v>2017</v>
      </c>
      <c r="D7354" t="s">
        <v>2187</v>
      </c>
      <c r="E7354" t="s">
        <v>163</v>
      </c>
      <c r="F7354" t="s">
        <v>10</v>
      </c>
      <c r="G7354" t="s">
        <v>11</v>
      </c>
      <c r="H7354" t="s">
        <v>2647</v>
      </c>
      <c r="I7354">
        <v>20.34</v>
      </c>
      <c r="J7354">
        <v>3</v>
      </c>
      <c r="K7354">
        <v>9.36</v>
      </c>
    </row>
    <row r="7355" spans="1:11" x14ac:dyDescent="0.3">
      <c r="A7355" s="1">
        <v>42851</v>
      </c>
      <c r="B7355" s="3">
        <f t="shared" si="228"/>
        <v>4</v>
      </c>
      <c r="C7355" s="3">
        <f t="shared" si="229"/>
        <v>2017</v>
      </c>
      <c r="D7355" t="s">
        <v>2187</v>
      </c>
      <c r="E7355" t="s">
        <v>163</v>
      </c>
      <c r="F7355" t="s">
        <v>10</v>
      </c>
      <c r="G7355" t="s">
        <v>15</v>
      </c>
      <c r="H7355" t="s">
        <v>2580</v>
      </c>
      <c r="I7355">
        <v>39.28</v>
      </c>
      <c r="J7355">
        <v>8</v>
      </c>
      <c r="K7355">
        <v>19.25</v>
      </c>
    </row>
    <row r="7356" spans="1:11" x14ac:dyDescent="0.3">
      <c r="A7356" s="1">
        <v>42852</v>
      </c>
      <c r="B7356" s="3">
        <f t="shared" si="228"/>
        <v>4</v>
      </c>
      <c r="C7356" s="3">
        <f t="shared" si="229"/>
        <v>2017</v>
      </c>
      <c r="D7356" t="s">
        <v>2517</v>
      </c>
      <c r="E7356" t="s">
        <v>9</v>
      </c>
      <c r="F7356" t="s">
        <v>10</v>
      </c>
      <c r="G7356" t="s">
        <v>15</v>
      </c>
      <c r="H7356" t="s">
        <v>1708</v>
      </c>
      <c r="I7356">
        <v>33.119999999999997</v>
      </c>
      <c r="J7356">
        <v>4</v>
      </c>
      <c r="K7356">
        <v>11.59</v>
      </c>
    </row>
    <row r="7357" spans="1:11" x14ac:dyDescent="0.3">
      <c r="A7357" s="1">
        <v>42852</v>
      </c>
      <c r="B7357" s="3">
        <f t="shared" si="228"/>
        <v>4</v>
      </c>
      <c r="C7357" s="3">
        <f t="shared" si="229"/>
        <v>2017</v>
      </c>
      <c r="D7357" t="s">
        <v>2517</v>
      </c>
      <c r="E7357" t="s">
        <v>9</v>
      </c>
      <c r="F7357" t="s">
        <v>33</v>
      </c>
      <c r="G7357" t="s">
        <v>73</v>
      </c>
      <c r="H7357" t="s">
        <v>2349</v>
      </c>
      <c r="I7357">
        <v>220.27</v>
      </c>
      <c r="J7357">
        <v>4</v>
      </c>
      <c r="K7357">
        <v>-42.11</v>
      </c>
    </row>
    <row r="7358" spans="1:11" x14ac:dyDescent="0.3">
      <c r="A7358" s="1">
        <v>42852</v>
      </c>
      <c r="B7358" s="3">
        <f t="shared" si="228"/>
        <v>4</v>
      </c>
      <c r="C7358" s="3">
        <f t="shared" si="229"/>
        <v>2017</v>
      </c>
      <c r="D7358" t="s">
        <v>1151</v>
      </c>
      <c r="E7358" t="s">
        <v>26</v>
      </c>
      <c r="F7358" t="s">
        <v>10</v>
      </c>
      <c r="G7358" t="s">
        <v>23</v>
      </c>
      <c r="H7358" t="s">
        <v>1851</v>
      </c>
      <c r="I7358">
        <v>123.92</v>
      </c>
      <c r="J7358">
        <v>4</v>
      </c>
      <c r="K7358">
        <v>33.46</v>
      </c>
    </row>
    <row r="7359" spans="1:11" x14ac:dyDescent="0.3">
      <c r="A7359" s="1">
        <v>42852</v>
      </c>
      <c r="B7359" s="3">
        <f t="shared" si="228"/>
        <v>4</v>
      </c>
      <c r="C7359" s="3">
        <f t="shared" si="229"/>
        <v>2017</v>
      </c>
      <c r="D7359" t="s">
        <v>1151</v>
      </c>
      <c r="E7359" t="s">
        <v>26</v>
      </c>
      <c r="F7359" t="s">
        <v>10</v>
      </c>
      <c r="G7359" t="s">
        <v>23</v>
      </c>
      <c r="H7359" t="s">
        <v>270</v>
      </c>
      <c r="I7359">
        <v>12.39</v>
      </c>
      <c r="J7359">
        <v>3</v>
      </c>
      <c r="K7359">
        <v>5.7</v>
      </c>
    </row>
    <row r="7360" spans="1:11" x14ac:dyDescent="0.3">
      <c r="A7360" s="1">
        <v>42852</v>
      </c>
      <c r="B7360" s="3">
        <f t="shared" si="228"/>
        <v>4</v>
      </c>
      <c r="C7360" s="3">
        <f t="shared" si="229"/>
        <v>2017</v>
      </c>
      <c r="D7360" t="s">
        <v>1151</v>
      </c>
      <c r="E7360" t="s">
        <v>26</v>
      </c>
      <c r="F7360" t="s">
        <v>10</v>
      </c>
      <c r="G7360" t="s">
        <v>23</v>
      </c>
      <c r="H7360" t="s">
        <v>483</v>
      </c>
      <c r="I7360">
        <v>47.3</v>
      </c>
      <c r="J7360">
        <v>2</v>
      </c>
      <c r="K7360">
        <v>12.3</v>
      </c>
    </row>
    <row r="7361" spans="1:11" x14ac:dyDescent="0.3">
      <c r="A7361" s="1">
        <v>42852</v>
      </c>
      <c r="B7361" s="3">
        <f t="shared" si="228"/>
        <v>4</v>
      </c>
      <c r="C7361" s="3">
        <f t="shared" si="229"/>
        <v>2017</v>
      </c>
      <c r="D7361" t="s">
        <v>2276</v>
      </c>
      <c r="E7361" t="s">
        <v>163</v>
      </c>
      <c r="F7361" t="s">
        <v>33</v>
      </c>
      <c r="G7361" t="s">
        <v>46</v>
      </c>
      <c r="H7361" t="s">
        <v>1585</v>
      </c>
      <c r="I7361">
        <v>139.58000000000001</v>
      </c>
      <c r="J7361">
        <v>7</v>
      </c>
      <c r="K7361">
        <v>39.08</v>
      </c>
    </row>
    <row r="7362" spans="1:11" x14ac:dyDescent="0.3">
      <c r="A7362" s="1">
        <v>42853</v>
      </c>
      <c r="B7362" s="3">
        <f t="shared" ref="B7362:B7425" si="230">MONTH(A:A)</f>
        <v>4</v>
      </c>
      <c r="C7362" s="3">
        <f t="shared" ref="C7362:C7425" si="231">YEAR(A:A)</f>
        <v>2017</v>
      </c>
      <c r="D7362" t="s">
        <v>345</v>
      </c>
      <c r="E7362" t="s">
        <v>22</v>
      </c>
      <c r="F7362" t="s">
        <v>10</v>
      </c>
      <c r="G7362" t="s">
        <v>17</v>
      </c>
      <c r="H7362" t="s">
        <v>2218</v>
      </c>
      <c r="I7362">
        <v>8.3800000000000008</v>
      </c>
      <c r="J7362">
        <v>1</v>
      </c>
      <c r="K7362">
        <v>0.73</v>
      </c>
    </row>
    <row r="7363" spans="1:11" x14ac:dyDescent="0.3">
      <c r="A7363" s="1">
        <v>42853</v>
      </c>
      <c r="B7363" s="3">
        <f t="shared" si="230"/>
        <v>4</v>
      </c>
      <c r="C7363" s="3">
        <f t="shared" si="231"/>
        <v>2017</v>
      </c>
      <c r="D7363" t="s">
        <v>345</v>
      </c>
      <c r="E7363" t="s">
        <v>22</v>
      </c>
      <c r="F7363" t="s">
        <v>10</v>
      </c>
      <c r="G7363" t="s">
        <v>23</v>
      </c>
      <c r="H7363" t="s">
        <v>844</v>
      </c>
      <c r="I7363">
        <v>6.85</v>
      </c>
      <c r="J7363">
        <v>2</v>
      </c>
      <c r="K7363">
        <v>0.77</v>
      </c>
    </row>
    <row r="7364" spans="1:11" x14ac:dyDescent="0.3">
      <c r="A7364" s="1">
        <v>42853</v>
      </c>
      <c r="B7364" s="3">
        <f t="shared" si="230"/>
        <v>4</v>
      </c>
      <c r="C7364" s="3">
        <f t="shared" si="231"/>
        <v>2017</v>
      </c>
      <c r="D7364" t="s">
        <v>964</v>
      </c>
      <c r="E7364" t="s">
        <v>244</v>
      </c>
      <c r="F7364" t="s">
        <v>10</v>
      </c>
      <c r="G7364" t="s">
        <v>91</v>
      </c>
      <c r="H7364" t="s">
        <v>2643</v>
      </c>
      <c r="I7364">
        <v>28.08</v>
      </c>
      <c r="J7364">
        <v>3</v>
      </c>
      <c r="K7364">
        <v>5.27</v>
      </c>
    </row>
    <row r="7365" spans="1:11" x14ac:dyDescent="0.3">
      <c r="A7365" s="1">
        <v>42853</v>
      </c>
      <c r="B7365" s="3">
        <f t="shared" si="230"/>
        <v>4</v>
      </c>
      <c r="C7365" s="3">
        <f t="shared" si="231"/>
        <v>2017</v>
      </c>
      <c r="D7365" t="s">
        <v>713</v>
      </c>
      <c r="E7365" t="s">
        <v>122</v>
      </c>
      <c r="F7365" t="s">
        <v>38</v>
      </c>
      <c r="G7365" t="s">
        <v>39</v>
      </c>
      <c r="H7365" t="s">
        <v>2192</v>
      </c>
      <c r="I7365">
        <v>751.98</v>
      </c>
      <c r="J7365">
        <v>2</v>
      </c>
      <c r="K7365">
        <v>84.6</v>
      </c>
    </row>
    <row r="7366" spans="1:11" x14ac:dyDescent="0.3">
      <c r="A7366" s="1">
        <v>42854</v>
      </c>
      <c r="B7366" s="3">
        <f t="shared" si="230"/>
        <v>4</v>
      </c>
      <c r="C7366" s="3">
        <f t="shared" si="231"/>
        <v>2017</v>
      </c>
      <c r="D7366" t="s">
        <v>284</v>
      </c>
      <c r="E7366" t="s">
        <v>77</v>
      </c>
      <c r="F7366" t="s">
        <v>33</v>
      </c>
      <c r="G7366" t="s">
        <v>144</v>
      </c>
      <c r="H7366" t="s">
        <v>1074</v>
      </c>
      <c r="I7366">
        <v>1048.3499999999999</v>
      </c>
      <c r="J7366">
        <v>5</v>
      </c>
      <c r="K7366">
        <v>-69.89</v>
      </c>
    </row>
    <row r="7367" spans="1:11" x14ac:dyDescent="0.3">
      <c r="A7367" s="1">
        <v>42854</v>
      </c>
      <c r="B7367" s="3">
        <f t="shared" si="230"/>
        <v>4</v>
      </c>
      <c r="C7367" s="3">
        <f t="shared" si="231"/>
        <v>2017</v>
      </c>
      <c r="D7367" t="s">
        <v>276</v>
      </c>
      <c r="E7367" t="s">
        <v>176</v>
      </c>
      <c r="F7367" t="s">
        <v>10</v>
      </c>
      <c r="G7367" t="s">
        <v>15</v>
      </c>
      <c r="H7367" t="s">
        <v>2666</v>
      </c>
      <c r="I7367">
        <v>4.91</v>
      </c>
      <c r="J7367">
        <v>1</v>
      </c>
      <c r="K7367">
        <v>2.41</v>
      </c>
    </row>
    <row r="7368" spans="1:11" x14ac:dyDescent="0.3">
      <c r="A7368" s="1">
        <v>42855</v>
      </c>
      <c r="B7368" s="3">
        <f t="shared" si="230"/>
        <v>4</v>
      </c>
      <c r="C7368" s="3">
        <f t="shared" si="231"/>
        <v>2017</v>
      </c>
      <c r="D7368" t="s">
        <v>2411</v>
      </c>
      <c r="E7368" t="s">
        <v>148</v>
      </c>
      <c r="F7368" t="s">
        <v>10</v>
      </c>
      <c r="G7368" t="s">
        <v>62</v>
      </c>
      <c r="H7368" t="s">
        <v>2414</v>
      </c>
      <c r="I7368">
        <v>62.96</v>
      </c>
      <c r="J7368">
        <v>4</v>
      </c>
      <c r="K7368">
        <v>28.33</v>
      </c>
    </row>
    <row r="7369" spans="1:11" x14ac:dyDescent="0.3">
      <c r="A7369" s="1">
        <v>42855</v>
      </c>
      <c r="B7369" s="3">
        <f t="shared" si="230"/>
        <v>4</v>
      </c>
      <c r="C7369" s="3">
        <f t="shared" si="231"/>
        <v>2017</v>
      </c>
      <c r="D7369" t="s">
        <v>333</v>
      </c>
      <c r="E7369" t="s">
        <v>22</v>
      </c>
      <c r="F7369" t="s">
        <v>38</v>
      </c>
      <c r="G7369" t="s">
        <v>39</v>
      </c>
      <c r="H7369" t="s">
        <v>1265</v>
      </c>
      <c r="I7369">
        <v>677.58</v>
      </c>
      <c r="J7369">
        <v>5</v>
      </c>
      <c r="K7369">
        <v>-158.1</v>
      </c>
    </row>
    <row r="7370" spans="1:11" x14ac:dyDescent="0.3">
      <c r="A7370" s="1">
        <v>42855</v>
      </c>
      <c r="B7370" s="3">
        <f t="shared" si="230"/>
        <v>4</v>
      </c>
      <c r="C7370" s="3">
        <f t="shared" si="231"/>
        <v>2017</v>
      </c>
      <c r="D7370" t="s">
        <v>333</v>
      </c>
      <c r="E7370" t="s">
        <v>22</v>
      </c>
      <c r="F7370" t="s">
        <v>10</v>
      </c>
      <c r="G7370" t="s">
        <v>19</v>
      </c>
      <c r="H7370" t="s">
        <v>1508</v>
      </c>
      <c r="I7370">
        <v>13.9</v>
      </c>
      <c r="J7370">
        <v>3</v>
      </c>
      <c r="K7370">
        <v>-9.26</v>
      </c>
    </row>
    <row r="7371" spans="1:11" x14ac:dyDescent="0.3">
      <c r="A7371" s="1">
        <v>42855</v>
      </c>
      <c r="B7371" s="3">
        <f t="shared" si="230"/>
        <v>4</v>
      </c>
      <c r="C7371" s="3">
        <f t="shared" si="231"/>
        <v>2017</v>
      </c>
      <c r="D7371" t="s">
        <v>1043</v>
      </c>
      <c r="E7371" t="s">
        <v>122</v>
      </c>
      <c r="F7371" t="s">
        <v>10</v>
      </c>
      <c r="G7371" t="s">
        <v>15</v>
      </c>
      <c r="H7371" t="s">
        <v>2209</v>
      </c>
      <c r="I7371">
        <v>4.6100000000000003</v>
      </c>
      <c r="J7371">
        <v>2</v>
      </c>
      <c r="K7371">
        <v>1.67</v>
      </c>
    </row>
    <row r="7372" spans="1:11" x14ac:dyDescent="0.3">
      <c r="A7372" s="1">
        <v>42855</v>
      </c>
      <c r="B7372" s="3">
        <f t="shared" si="230"/>
        <v>4</v>
      </c>
      <c r="C7372" s="3">
        <f t="shared" si="231"/>
        <v>2017</v>
      </c>
      <c r="D7372" t="s">
        <v>1043</v>
      </c>
      <c r="E7372" t="s">
        <v>122</v>
      </c>
      <c r="F7372" t="s">
        <v>10</v>
      </c>
      <c r="G7372" t="s">
        <v>23</v>
      </c>
      <c r="H7372" t="s">
        <v>206</v>
      </c>
      <c r="I7372">
        <v>15.53</v>
      </c>
      <c r="J7372">
        <v>3</v>
      </c>
      <c r="K7372">
        <v>4.8499999999999996</v>
      </c>
    </row>
    <row r="7373" spans="1:11" x14ac:dyDescent="0.3">
      <c r="A7373" s="1">
        <v>42855</v>
      </c>
      <c r="B7373" s="3">
        <f t="shared" si="230"/>
        <v>4</v>
      </c>
      <c r="C7373" s="3">
        <f t="shared" si="231"/>
        <v>2017</v>
      </c>
      <c r="D7373" t="s">
        <v>1043</v>
      </c>
      <c r="E7373" t="s">
        <v>122</v>
      </c>
      <c r="F7373" t="s">
        <v>10</v>
      </c>
      <c r="G7373" t="s">
        <v>15</v>
      </c>
      <c r="H7373" t="s">
        <v>1335</v>
      </c>
      <c r="I7373">
        <v>11.95</v>
      </c>
      <c r="J7373">
        <v>3</v>
      </c>
      <c r="K7373">
        <v>3.88</v>
      </c>
    </row>
    <row r="7374" spans="1:11" x14ac:dyDescent="0.3">
      <c r="A7374" s="1">
        <v>42855</v>
      </c>
      <c r="B7374" s="3">
        <f t="shared" si="230"/>
        <v>4</v>
      </c>
      <c r="C7374" s="3">
        <f t="shared" si="231"/>
        <v>2017</v>
      </c>
      <c r="D7374" t="s">
        <v>1679</v>
      </c>
      <c r="E7374" t="s">
        <v>122</v>
      </c>
      <c r="F7374" t="s">
        <v>33</v>
      </c>
      <c r="G7374" t="s">
        <v>46</v>
      </c>
      <c r="H7374" t="s">
        <v>760</v>
      </c>
      <c r="I7374">
        <v>23.68</v>
      </c>
      <c r="J7374">
        <v>8</v>
      </c>
      <c r="K7374">
        <v>6.22</v>
      </c>
    </row>
    <row r="7375" spans="1:11" x14ac:dyDescent="0.3">
      <c r="A7375" s="1">
        <v>42855</v>
      </c>
      <c r="B7375" s="3">
        <f t="shared" si="230"/>
        <v>4</v>
      </c>
      <c r="C7375" s="3">
        <f t="shared" si="231"/>
        <v>2017</v>
      </c>
      <c r="D7375" t="s">
        <v>1679</v>
      </c>
      <c r="E7375" t="s">
        <v>122</v>
      </c>
      <c r="F7375" t="s">
        <v>38</v>
      </c>
      <c r="G7375" t="s">
        <v>51</v>
      </c>
      <c r="H7375" t="s">
        <v>1519</v>
      </c>
      <c r="I7375">
        <v>2.38</v>
      </c>
      <c r="J7375">
        <v>3</v>
      </c>
      <c r="K7375">
        <v>0.74</v>
      </c>
    </row>
    <row r="7376" spans="1:11" x14ac:dyDescent="0.3">
      <c r="A7376" s="1">
        <v>42855</v>
      </c>
      <c r="B7376" s="3">
        <f t="shared" si="230"/>
        <v>4</v>
      </c>
      <c r="C7376" s="3">
        <f t="shared" si="231"/>
        <v>2017</v>
      </c>
      <c r="D7376" t="s">
        <v>1486</v>
      </c>
      <c r="E7376" t="s">
        <v>77</v>
      </c>
      <c r="F7376" t="s">
        <v>10</v>
      </c>
      <c r="G7376" t="s">
        <v>11</v>
      </c>
      <c r="H7376" t="s">
        <v>2107</v>
      </c>
      <c r="I7376">
        <v>10.37</v>
      </c>
      <c r="J7376">
        <v>2</v>
      </c>
      <c r="K7376">
        <v>3.63</v>
      </c>
    </row>
    <row r="7377" spans="1:11" x14ac:dyDescent="0.3">
      <c r="A7377" s="1">
        <v>42855</v>
      </c>
      <c r="B7377" s="3">
        <f t="shared" si="230"/>
        <v>4</v>
      </c>
      <c r="C7377" s="3">
        <f t="shared" si="231"/>
        <v>2017</v>
      </c>
      <c r="D7377" t="s">
        <v>2229</v>
      </c>
      <c r="E7377" t="s">
        <v>612</v>
      </c>
      <c r="F7377" t="s">
        <v>10</v>
      </c>
      <c r="G7377" t="s">
        <v>15</v>
      </c>
      <c r="H7377" t="s">
        <v>2670</v>
      </c>
      <c r="I7377">
        <v>5.76</v>
      </c>
      <c r="J7377">
        <v>2</v>
      </c>
      <c r="K7377">
        <v>2.82</v>
      </c>
    </row>
    <row r="7378" spans="1:11" x14ac:dyDescent="0.3">
      <c r="A7378" s="1">
        <v>42855</v>
      </c>
      <c r="B7378" s="3">
        <f t="shared" si="230"/>
        <v>4</v>
      </c>
      <c r="C7378" s="3">
        <f t="shared" si="231"/>
        <v>2017</v>
      </c>
      <c r="D7378" t="s">
        <v>1675</v>
      </c>
      <c r="E7378" t="s">
        <v>14</v>
      </c>
      <c r="F7378" t="s">
        <v>10</v>
      </c>
      <c r="G7378" t="s">
        <v>19</v>
      </c>
      <c r="H7378" t="s">
        <v>87</v>
      </c>
      <c r="I7378">
        <v>43.37</v>
      </c>
      <c r="J7378">
        <v>7</v>
      </c>
      <c r="K7378">
        <v>-69.400000000000006</v>
      </c>
    </row>
    <row r="7379" spans="1:11" x14ac:dyDescent="0.3">
      <c r="A7379" s="1">
        <v>42855</v>
      </c>
      <c r="B7379" s="3">
        <f t="shared" si="230"/>
        <v>4</v>
      </c>
      <c r="C7379" s="3">
        <f t="shared" si="231"/>
        <v>2017</v>
      </c>
      <c r="D7379" t="s">
        <v>1664</v>
      </c>
      <c r="E7379" t="s">
        <v>26</v>
      </c>
      <c r="F7379" t="s">
        <v>10</v>
      </c>
      <c r="G7379" t="s">
        <v>11</v>
      </c>
      <c r="H7379" t="s">
        <v>359</v>
      </c>
      <c r="I7379">
        <v>163.96</v>
      </c>
      <c r="J7379">
        <v>4</v>
      </c>
      <c r="K7379">
        <v>80.34</v>
      </c>
    </row>
    <row r="7380" spans="1:11" x14ac:dyDescent="0.3">
      <c r="A7380" s="1">
        <v>42855</v>
      </c>
      <c r="B7380" s="3">
        <f t="shared" si="230"/>
        <v>4</v>
      </c>
      <c r="C7380" s="3">
        <f t="shared" si="231"/>
        <v>2017</v>
      </c>
      <c r="D7380" t="s">
        <v>1130</v>
      </c>
      <c r="E7380" t="s">
        <v>26</v>
      </c>
      <c r="F7380" t="s">
        <v>33</v>
      </c>
      <c r="G7380" t="s">
        <v>46</v>
      </c>
      <c r="H7380" t="s">
        <v>1310</v>
      </c>
      <c r="I7380">
        <v>64.959999999999994</v>
      </c>
      <c r="J7380">
        <v>2</v>
      </c>
      <c r="K7380">
        <v>21.44</v>
      </c>
    </row>
    <row r="7381" spans="1:11" x14ac:dyDescent="0.3">
      <c r="A7381" s="1">
        <v>42855</v>
      </c>
      <c r="B7381" s="3">
        <f t="shared" si="230"/>
        <v>4</v>
      </c>
      <c r="C7381" s="3">
        <f t="shared" si="231"/>
        <v>2017</v>
      </c>
      <c r="D7381" t="s">
        <v>1130</v>
      </c>
      <c r="E7381" t="s">
        <v>26</v>
      </c>
      <c r="F7381" t="s">
        <v>10</v>
      </c>
      <c r="G7381" t="s">
        <v>62</v>
      </c>
      <c r="H7381" t="s">
        <v>1443</v>
      </c>
      <c r="I7381">
        <v>30.56</v>
      </c>
      <c r="J7381">
        <v>4</v>
      </c>
      <c r="K7381">
        <v>14.97</v>
      </c>
    </row>
    <row r="7382" spans="1:11" x14ac:dyDescent="0.3">
      <c r="A7382" s="1">
        <v>42855</v>
      </c>
      <c r="B7382" s="3">
        <f t="shared" si="230"/>
        <v>4</v>
      </c>
      <c r="C7382" s="3">
        <f t="shared" si="231"/>
        <v>2017</v>
      </c>
      <c r="D7382" t="s">
        <v>1286</v>
      </c>
      <c r="E7382" t="s">
        <v>26</v>
      </c>
      <c r="F7382" t="s">
        <v>10</v>
      </c>
      <c r="G7382" t="s">
        <v>23</v>
      </c>
      <c r="H7382" t="s">
        <v>1143</v>
      </c>
      <c r="I7382">
        <v>9.7799999999999994</v>
      </c>
      <c r="J7382">
        <v>2</v>
      </c>
      <c r="K7382">
        <v>4.01</v>
      </c>
    </row>
    <row r="7383" spans="1:11" x14ac:dyDescent="0.3">
      <c r="A7383" s="1">
        <v>42855</v>
      </c>
      <c r="B7383" s="3">
        <f t="shared" si="230"/>
        <v>4</v>
      </c>
      <c r="C7383" s="3">
        <f t="shared" si="231"/>
        <v>2017</v>
      </c>
      <c r="D7383" t="s">
        <v>1045</v>
      </c>
      <c r="E7383" t="s">
        <v>26</v>
      </c>
      <c r="F7383" t="s">
        <v>10</v>
      </c>
      <c r="G7383" t="s">
        <v>19</v>
      </c>
      <c r="H7383" t="s">
        <v>424</v>
      </c>
      <c r="I7383">
        <v>23.24</v>
      </c>
      <c r="J7383">
        <v>5</v>
      </c>
      <c r="K7383">
        <v>7.55</v>
      </c>
    </row>
    <row r="7384" spans="1:11" x14ac:dyDescent="0.3">
      <c r="A7384" s="1">
        <v>42855</v>
      </c>
      <c r="B7384" s="3">
        <f t="shared" si="230"/>
        <v>4</v>
      </c>
      <c r="C7384" s="3">
        <f t="shared" si="231"/>
        <v>2017</v>
      </c>
      <c r="D7384" t="s">
        <v>2584</v>
      </c>
      <c r="E7384" t="s">
        <v>122</v>
      </c>
      <c r="F7384" t="s">
        <v>10</v>
      </c>
      <c r="G7384" t="s">
        <v>19</v>
      </c>
      <c r="H7384" t="s">
        <v>1256</v>
      </c>
      <c r="I7384">
        <v>4.84</v>
      </c>
      <c r="J7384">
        <v>3</v>
      </c>
      <c r="K7384">
        <v>-3.55</v>
      </c>
    </row>
    <row r="7385" spans="1:11" x14ac:dyDescent="0.3">
      <c r="A7385" s="1">
        <v>42855</v>
      </c>
      <c r="B7385" s="3">
        <f t="shared" si="230"/>
        <v>4</v>
      </c>
      <c r="C7385" s="3">
        <f t="shared" si="231"/>
        <v>2017</v>
      </c>
      <c r="D7385" t="s">
        <v>2584</v>
      </c>
      <c r="E7385" t="s">
        <v>122</v>
      </c>
      <c r="F7385" t="s">
        <v>33</v>
      </c>
      <c r="G7385" t="s">
        <v>46</v>
      </c>
      <c r="H7385" t="s">
        <v>478</v>
      </c>
      <c r="I7385">
        <v>220.7</v>
      </c>
      <c r="J7385">
        <v>6</v>
      </c>
      <c r="K7385">
        <v>-8.2799999999999994</v>
      </c>
    </row>
    <row r="7386" spans="1:11" x14ac:dyDescent="0.3">
      <c r="A7386" s="1">
        <v>42856</v>
      </c>
      <c r="B7386" s="3">
        <f t="shared" si="230"/>
        <v>5</v>
      </c>
      <c r="C7386" s="3">
        <f t="shared" si="231"/>
        <v>2017</v>
      </c>
      <c r="D7386" t="s">
        <v>2258</v>
      </c>
      <c r="E7386" t="s">
        <v>100</v>
      </c>
      <c r="F7386" t="s">
        <v>38</v>
      </c>
      <c r="G7386" t="s">
        <v>51</v>
      </c>
      <c r="H7386" t="s">
        <v>1440</v>
      </c>
      <c r="I7386">
        <v>48.9</v>
      </c>
      <c r="J7386">
        <v>5</v>
      </c>
      <c r="K7386">
        <v>18.09</v>
      </c>
    </row>
    <row r="7387" spans="1:11" x14ac:dyDescent="0.3">
      <c r="A7387" s="1">
        <v>42856</v>
      </c>
      <c r="B7387" s="3">
        <f t="shared" si="230"/>
        <v>5</v>
      </c>
      <c r="C7387" s="3">
        <f t="shared" si="231"/>
        <v>2017</v>
      </c>
      <c r="D7387" t="s">
        <v>2454</v>
      </c>
      <c r="E7387" t="s">
        <v>122</v>
      </c>
      <c r="F7387" t="s">
        <v>10</v>
      </c>
      <c r="G7387" t="s">
        <v>199</v>
      </c>
      <c r="H7387" t="s">
        <v>2601</v>
      </c>
      <c r="I7387">
        <v>3.33</v>
      </c>
      <c r="J7387">
        <v>2</v>
      </c>
      <c r="K7387">
        <v>0.42</v>
      </c>
    </row>
    <row r="7388" spans="1:11" x14ac:dyDescent="0.3">
      <c r="A7388" s="1">
        <v>42856</v>
      </c>
      <c r="B7388" s="3">
        <f t="shared" si="230"/>
        <v>5</v>
      </c>
      <c r="C7388" s="3">
        <f t="shared" si="231"/>
        <v>2017</v>
      </c>
      <c r="D7388" t="s">
        <v>2454</v>
      </c>
      <c r="E7388" t="s">
        <v>122</v>
      </c>
      <c r="F7388" t="s">
        <v>33</v>
      </c>
      <c r="G7388" t="s">
        <v>144</v>
      </c>
      <c r="H7388" t="s">
        <v>403</v>
      </c>
      <c r="I7388">
        <v>933.26</v>
      </c>
      <c r="J7388">
        <v>4</v>
      </c>
      <c r="K7388">
        <v>-458.15</v>
      </c>
    </row>
    <row r="7389" spans="1:11" x14ac:dyDescent="0.3">
      <c r="A7389" s="1">
        <v>42856</v>
      </c>
      <c r="B7389" s="3">
        <f t="shared" si="230"/>
        <v>5</v>
      </c>
      <c r="C7389" s="3">
        <f t="shared" si="231"/>
        <v>2017</v>
      </c>
      <c r="D7389" t="s">
        <v>2454</v>
      </c>
      <c r="E7389" t="s">
        <v>122</v>
      </c>
      <c r="F7389" t="s">
        <v>33</v>
      </c>
      <c r="G7389" t="s">
        <v>34</v>
      </c>
      <c r="H7389" t="s">
        <v>975</v>
      </c>
      <c r="I7389">
        <v>2803.92</v>
      </c>
      <c r="J7389">
        <v>5</v>
      </c>
      <c r="K7389">
        <v>0</v>
      </c>
    </row>
    <row r="7390" spans="1:11" x14ac:dyDescent="0.3">
      <c r="A7390" s="1">
        <v>42856</v>
      </c>
      <c r="B7390" s="3">
        <f t="shared" si="230"/>
        <v>5</v>
      </c>
      <c r="C7390" s="3">
        <f t="shared" si="231"/>
        <v>2017</v>
      </c>
      <c r="D7390" t="s">
        <v>1004</v>
      </c>
      <c r="E7390" t="s">
        <v>122</v>
      </c>
      <c r="F7390" t="s">
        <v>33</v>
      </c>
      <c r="G7390" t="s">
        <v>73</v>
      </c>
      <c r="H7390" t="s">
        <v>2483</v>
      </c>
      <c r="I7390">
        <v>314.35000000000002</v>
      </c>
      <c r="J7390">
        <v>3</v>
      </c>
      <c r="K7390">
        <v>-15.72</v>
      </c>
    </row>
    <row r="7391" spans="1:11" x14ac:dyDescent="0.3">
      <c r="A7391" s="1">
        <v>42856</v>
      </c>
      <c r="B7391" s="3">
        <f t="shared" si="230"/>
        <v>5</v>
      </c>
      <c r="C7391" s="3">
        <f t="shared" si="231"/>
        <v>2017</v>
      </c>
      <c r="D7391" t="s">
        <v>1004</v>
      </c>
      <c r="E7391" t="s">
        <v>122</v>
      </c>
      <c r="F7391" t="s">
        <v>10</v>
      </c>
      <c r="G7391" t="s">
        <v>15</v>
      </c>
      <c r="H7391" t="s">
        <v>358</v>
      </c>
      <c r="I7391">
        <v>4.6100000000000003</v>
      </c>
      <c r="J7391">
        <v>2</v>
      </c>
      <c r="K7391">
        <v>1.5</v>
      </c>
    </row>
    <row r="7392" spans="1:11" x14ac:dyDescent="0.3">
      <c r="A7392" s="1">
        <v>42857</v>
      </c>
      <c r="B7392" s="3">
        <f t="shared" si="230"/>
        <v>5</v>
      </c>
      <c r="C7392" s="3">
        <f t="shared" si="231"/>
        <v>2017</v>
      </c>
      <c r="D7392" t="s">
        <v>1162</v>
      </c>
      <c r="E7392" t="s">
        <v>176</v>
      </c>
      <c r="F7392" t="s">
        <v>33</v>
      </c>
      <c r="G7392" t="s">
        <v>46</v>
      </c>
      <c r="H7392" t="s">
        <v>1774</v>
      </c>
      <c r="I7392">
        <v>129.93</v>
      </c>
      <c r="J7392">
        <v>3</v>
      </c>
      <c r="K7392">
        <v>12.99</v>
      </c>
    </row>
    <row r="7393" spans="1:11" x14ac:dyDescent="0.3">
      <c r="A7393" s="1">
        <v>42857</v>
      </c>
      <c r="B7393" s="3">
        <f t="shared" si="230"/>
        <v>5</v>
      </c>
      <c r="C7393" s="3">
        <f t="shared" si="231"/>
        <v>2017</v>
      </c>
      <c r="D7393" t="s">
        <v>1740</v>
      </c>
      <c r="E7393" t="s">
        <v>26</v>
      </c>
      <c r="F7393" t="s">
        <v>38</v>
      </c>
      <c r="G7393" t="s">
        <v>51</v>
      </c>
      <c r="H7393" t="s">
        <v>2424</v>
      </c>
      <c r="I7393">
        <v>159.56</v>
      </c>
      <c r="J7393">
        <v>4</v>
      </c>
      <c r="K7393">
        <v>59.04</v>
      </c>
    </row>
    <row r="7394" spans="1:11" x14ac:dyDescent="0.3">
      <c r="A7394" s="1">
        <v>42857</v>
      </c>
      <c r="B7394" s="3">
        <f t="shared" si="230"/>
        <v>5</v>
      </c>
      <c r="C7394" s="3">
        <f t="shared" si="231"/>
        <v>2017</v>
      </c>
      <c r="D7394" t="s">
        <v>423</v>
      </c>
      <c r="E7394" t="s">
        <v>26</v>
      </c>
      <c r="F7394" t="s">
        <v>10</v>
      </c>
      <c r="G7394" t="s">
        <v>11</v>
      </c>
      <c r="H7394" t="s">
        <v>618</v>
      </c>
      <c r="I7394">
        <v>15.7</v>
      </c>
      <c r="J7394">
        <v>5</v>
      </c>
      <c r="K7394">
        <v>7.07</v>
      </c>
    </row>
    <row r="7395" spans="1:11" x14ac:dyDescent="0.3">
      <c r="A7395" s="1">
        <v>42857</v>
      </c>
      <c r="B7395" s="3">
        <f t="shared" si="230"/>
        <v>5</v>
      </c>
      <c r="C7395" s="3">
        <f t="shared" si="231"/>
        <v>2017</v>
      </c>
      <c r="D7395" t="s">
        <v>423</v>
      </c>
      <c r="E7395" t="s">
        <v>26</v>
      </c>
      <c r="F7395" t="s">
        <v>10</v>
      </c>
      <c r="G7395" t="s">
        <v>23</v>
      </c>
      <c r="H7395" t="s">
        <v>1350</v>
      </c>
      <c r="I7395">
        <v>59.52</v>
      </c>
      <c r="J7395">
        <v>3</v>
      </c>
      <c r="K7395">
        <v>15.48</v>
      </c>
    </row>
    <row r="7396" spans="1:11" x14ac:dyDescent="0.3">
      <c r="A7396" s="1">
        <v>42857</v>
      </c>
      <c r="B7396" s="3">
        <f t="shared" si="230"/>
        <v>5</v>
      </c>
      <c r="C7396" s="3">
        <f t="shared" si="231"/>
        <v>2017</v>
      </c>
      <c r="D7396" t="s">
        <v>423</v>
      </c>
      <c r="E7396" t="s">
        <v>26</v>
      </c>
      <c r="F7396" t="s">
        <v>10</v>
      </c>
      <c r="G7396" t="s">
        <v>11</v>
      </c>
      <c r="H7396" t="s">
        <v>2386</v>
      </c>
      <c r="I7396">
        <v>34.4</v>
      </c>
      <c r="J7396">
        <v>5</v>
      </c>
      <c r="K7396">
        <v>15.82</v>
      </c>
    </row>
    <row r="7397" spans="1:11" x14ac:dyDescent="0.3">
      <c r="A7397" s="1">
        <v>42858</v>
      </c>
      <c r="B7397" s="3">
        <f t="shared" si="230"/>
        <v>5</v>
      </c>
      <c r="C7397" s="3">
        <f t="shared" si="231"/>
        <v>2017</v>
      </c>
      <c r="D7397" t="s">
        <v>1613</v>
      </c>
      <c r="E7397" t="s">
        <v>26</v>
      </c>
      <c r="F7397" t="s">
        <v>10</v>
      </c>
      <c r="G7397" t="s">
        <v>17</v>
      </c>
      <c r="H7397" t="s">
        <v>1539</v>
      </c>
      <c r="I7397">
        <v>69.52</v>
      </c>
      <c r="J7397">
        <v>2</v>
      </c>
      <c r="K7397">
        <v>19.47</v>
      </c>
    </row>
    <row r="7398" spans="1:11" x14ac:dyDescent="0.3">
      <c r="A7398" s="1">
        <v>42858</v>
      </c>
      <c r="B7398" s="3">
        <f t="shared" si="230"/>
        <v>5</v>
      </c>
      <c r="C7398" s="3">
        <f t="shared" si="231"/>
        <v>2017</v>
      </c>
      <c r="D7398" t="s">
        <v>1613</v>
      </c>
      <c r="E7398" t="s">
        <v>26</v>
      </c>
      <c r="F7398" t="s">
        <v>10</v>
      </c>
      <c r="G7398" t="s">
        <v>17</v>
      </c>
      <c r="H7398" t="s">
        <v>67</v>
      </c>
      <c r="I7398">
        <v>763.44</v>
      </c>
      <c r="J7398">
        <v>8</v>
      </c>
      <c r="K7398">
        <v>45.81</v>
      </c>
    </row>
    <row r="7399" spans="1:11" x14ac:dyDescent="0.3">
      <c r="A7399" s="1">
        <v>42858</v>
      </c>
      <c r="B7399" s="3">
        <f t="shared" si="230"/>
        <v>5</v>
      </c>
      <c r="C7399" s="3">
        <f t="shared" si="231"/>
        <v>2017</v>
      </c>
      <c r="D7399" t="s">
        <v>1800</v>
      </c>
      <c r="E7399" t="s">
        <v>26</v>
      </c>
      <c r="F7399" t="s">
        <v>10</v>
      </c>
      <c r="G7399" t="s">
        <v>11</v>
      </c>
      <c r="H7399" t="s">
        <v>835</v>
      </c>
      <c r="I7399">
        <v>25.92</v>
      </c>
      <c r="J7399">
        <v>4</v>
      </c>
      <c r="K7399">
        <v>12.44</v>
      </c>
    </row>
    <row r="7400" spans="1:11" x14ac:dyDescent="0.3">
      <c r="A7400" s="1">
        <v>42858</v>
      </c>
      <c r="B7400" s="3">
        <f t="shared" si="230"/>
        <v>5</v>
      </c>
      <c r="C7400" s="3">
        <f t="shared" si="231"/>
        <v>2017</v>
      </c>
      <c r="D7400" t="s">
        <v>1800</v>
      </c>
      <c r="E7400" t="s">
        <v>26</v>
      </c>
      <c r="F7400" t="s">
        <v>10</v>
      </c>
      <c r="G7400" t="s">
        <v>23</v>
      </c>
      <c r="H7400" t="s">
        <v>619</v>
      </c>
      <c r="I7400">
        <v>22.96</v>
      </c>
      <c r="J7400">
        <v>7</v>
      </c>
      <c r="K7400">
        <v>6.66</v>
      </c>
    </row>
    <row r="7401" spans="1:11" x14ac:dyDescent="0.3">
      <c r="A7401" s="1">
        <v>42858</v>
      </c>
      <c r="B7401" s="3">
        <f t="shared" si="230"/>
        <v>5</v>
      </c>
      <c r="C7401" s="3">
        <f t="shared" si="231"/>
        <v>2017</v>
      </c>
      <c r="D7401" t="s">
        <v>2422</v>
      </c>
      <c r="E7401" t="s">
        <v>22</v>
      </c>
      <c r="F7401" t="s">
        <v>33</v>
      </c>
      <c r="G7401" t="s">
        <v>46</v>
      </c>
      <c r="H7401" t="s">
        <v>2661</v>
      </c>
      <c r="I7401">
        <v>32.450000000000003</v>
      </c>
      <c r="J7401">
        <v>2</v>
      </c>
      <c r="K7401">
        <v>7.3</v>
      </c>
    </row>
    <row r="7402" spans="1:11" x14ac:dyDescent="0.3">
      <c r="A7402" s="1">
        <v>42858</v>
      </c>
      <c r="B7402" s="3">
        <f t="shared" si="230"/>
        <v>5</v>
      </c>
      <c r="C7402" s="3">
        <f t="shared" si="231"/>
        <v>2017</v>
      </c>
      <c r="D7402" t="s">
        <v>2422</v>
      </c>
      <c r="E7402" t="s">
        <v>22</v>
      </c>
      <c r="F7402" t="s">
        <v>10</v>
      </c>
      <c r="G7402" t="s">
        <v>19</v>
      </c>
      <c r="H7402" t="s">
        <v>626</v>
      </c>
      <c r="I7402">
        <v>26.39</v>
      </c>
      <c r="J7402">
        <v>4</v>
      </c>
      <c r="K7402">
        <v>-17.59</v>
      </c>
    </row>
    <row r="7403" spans="1:11" x14ac:dyDescent="0.3">
      <c r="A7403" s="1">
        <v>42858</v>
      </c>
      <c r="B7403" s="3">
        <f t="shared" si="230"/>
        <v>5</v>
      </c>
      <c r="C7403" s="3">
        <f t="shared" si="231"/>
        <v>2017</v>
      </c>
      <c r="D7403" t="s">
        <v>2422</v>
      </c>
      <c r="E7403" t="s">
        <v>22</v>
      </c>
      <c r="F7403" t="s">
        <v>33</v>
      </c>
      <c r="G7403" t="s">
        <v>144</v>
      </c>
      <c r="H7403" t="s">
        <v>500</v>
      </c>
      <c r="I7403">
        <v>373.47</v>
      </c>
      <c r="J7403">
        <v>5</v>
      </c>
      <c r="K7403">
        <v>-112.04</v>
      </c>
    </row>
    <row r="7404" spans="1:11" x14ac:dyDescent="0.3">
      <c r="A7404" s="1">
        <v>42858</v>
      </c>
      <c r="B7404" s="3">
        <f t="shared" si="230"/>
        <v>5</v>
      </c>
      <c r="C7404" s="3">
        <f t="shared" si="231"/>
        <v>2017</v>
      </c>
      <c r="D7404" t="s">
        <v>2422</v>
      </c>
      <c r="E7404" t="s">
        <v>22</v>
      </c>
      <c r="F7404" t="s">
        <v>10</v>
      </c>
      <c r="G7404" t="s">
        <v>19</v>
      </c>
      <c r="H7404" t="s">
        <v>1173</v>
      </c>
      <c r="I7404">
        <v>64.2</v>
      </c>
      <c r="J7404">
        <v>5</v>
      </c>
      <c r="K7404">
        <v>-44.94</v>
      </c>
    </row>
    <row r="7405" spans="1:11" x14ac:dyDescent="0.3">
      <c r="A7405" s="1">
        <v>42858</v>
      </c>
      <c r="B7405" s="3">
        <f t="shared" si="230"/>
        <v>5</v>
      </c>
      <c r="C7405" s="3">
        <f t="shared" si="231"/>
        <v>2017</v>
      </c>
      <c r="D7405" t="s">
        <v>2422</v>
      </c>
      <c r="E7405" t="s">
        <v>22</v>
      </c>
      <c r="F7405" t="s">
        <v>10</v>
      </c>
      <c r="G7405" t="s">
        <v>42</v>
      </c>
      <c r="H7405" t="s">
        <v>1246</v>
      </c>
      <c r="I7405">
        <v>8</v>
      </c>
      <c r="J7405">
        <v>2</v>
      </c>
      <c r="K7405">
        <v>2.8</v>
      </c>
    </row>
    <row r="7406" spans="1:11" x14ac:dyDescent="0.3">
      <c r="A7406" s="1">
        <v>42859</v>
      </c>
      <c r="B7406" s="3">
        <f t="shared" si="230"/>
        <v>5</v>
      </c>
      <c r="C7406" s="3">
        <f t="shared" si="231"/>
        <v>2017</v>
      </c>
      <c r="D7406" t="s">
        <v>2509</v>
      </c>
      <c r="E7406" t="s">
        <v>26</v>
      </c>
      <c r="F7406" t="s">
        <v>38</v>
      </c>
      <c r="G7406" t="s">
        <v>39</v>
      </c>
      <c r="H7406" t="s">
        <v>706</v>
      </c>
      <c r="I7406">
        <v>183.96</v>
      </c>
      <c r="J7406">
        <v>5</v>
      </c>
      <c r="K7406">
        <v>20.7</v>
      </c>
    </row>
    <row r="7407" spans="1:11" x14ac:dyDescent="0.3">
      <c r="A7407" s="1">
        <v>42859</v>
      </c>
      <c r="B7407" s="3">
        <f t="shared" si="230"/>
        <v>5</v>
      </c>
      <c r="C7407" s="3">
        <f t="shared" si="231"/>
        <v>2017</v>
      </c>
      <c r="D7407" t="s">
        <v>2509</v>
      </c>
      <c r="E7407" t="s">
        <v>26</v>
      </c>
      <c r="F7407" t="s">
        <v>10</v>
      </c>
      <c r="G7407" t="s">
        <v>11</v>
      </c>
      <c r="H7407" t="s">
        <v>2075</v>
      </c>
      <c r="I7407">
        <v>17.61</v>
      </c>
      <c r="J7407">
        <v>3</v>
      </c>
      <c r="K7407">
        <v>8.4499999999999993</v>
      </c>
    </row>
    <row r="7408" spans="1:11" x14ac:dyDescent="0.3">
      <c r="A7408" s="1">
        <v>42859</v>
      </c>
      <c r="B7408" s="3">
        <f t="shared" si="230"/>
        <v>5</v>
      </c>
      <c r="C7408" s="3">
        <f t="shared" si="231"/>
        <v>2017</v>
      </c>
      <c r="D7408" t="s">
        <v>2509</v>
      </c>
      <c r="E7408" t="s">
        <v>26</v>
      </c>
      <c r="F7408" t="s">
        <v>33</v>
      </c>
      <c r="G7408" t="s">
        <v>144</v>
      </c>
      <c r="H7408" t="s">
        <v>319</v>
      </c>
      <c r="I7408">
        <v>300.89999999999998</v>
      </c>
      <c r="J7408">
        <v>1</v>
      </c>
      <c r="K7408">
        <v>11.28</v>
      </c>
    </row>
    <row r="7409" spans="1:11" x14ac:dyDescent="0.3">
      <c r="A7409" s="1">
        <v>42859</v>
      </c>
      <c r="B7409" s="3">
        <f t="shared" si="230"/>
        <v>5</v>
      </c>
      <c r="C7409" s="3">
        <f t="shared" si="231"/>
        <v>2017</v>
      </c>
      <c r="D7409" t="s">
        <v>1800</v>
      </c>
      <c r="E7409" t="s">
        <v>54</v>
      </c>
      <c r="F7409" t="s">
        <v>10</v>
      </c>
      <c r="G7409" t="s">
        <v>11</v>
      </c>
      <c r="H7409" t="s">
        <v>2333</v>
      </c>
      <c r="I7409">
        <v>9.11</v>
      </c>
      <c r="J7409">
        <v>1</v>
      </c>
      <c r="K7409">
        <v>4.0999999999999996</v>
      </c>
    </row>
    <row r="7410" spans="1:11" x14ac:dyDescent="0.3">
      <c r="A7410" s="1">
        <v>42859</v>
      </c>
      <c r="B7410" s="3">
        <f t="shared" si="230"/>
        <v>5</v>
      </c>
      <c r="C7410" s="3">
        <f t="shared" si="231"/>
        <v>2017</v>
      </c>
      <c r="D7410" t="s">
        <v>1800</v>
      </c>
      <c r="E7410" t="s">
        <v>54</v>
      </c>
      <c r="F7410" t="s">
        <v>10</v>
      </c>
      <c r="G7410" t="s">
        <v>17</v>
      </c>
      <c r="H7410" t="s">
        <v>973</v>
      </c>
      <c r="I7410">
        <v>571.44000000000005</v>
      </c>
      <c r="J7410">
        <v>4</v>
      </c>
      <c r="K7410">
        <v>165.72</v>
      </c>
    </row>
    <row r="7411" spans="1:11" x14ac:dyDescent="0.3">
      <c r="A7411" s="1">
        <v>42859</v>
      </c>
      <c r="B7411" s="3">
        <f t="shared" si="230"/>
        <v>5</v>
      </c>
      <c r="C7411" s="3">
        <f t="shared" si="231"/>
        <v>2017</v>
      </c>
      <c r="D7411" t="s">
        <v>1800</v>
      </c>
      <c r="E7411" t="s">
        <v>54</v>
      </c>
      <c r="F7411" t="s">
        <v>10</v>
      </c>
      <c r="G7411" t="s">
        <v>11</v>
      </c>
      <c r="H7411" t="s">
        <v>1169</v>
      </c>
      <c r="I7411">
        <v>32.4</v>
      </c>
      <c r="J7411">
        <v>5</v>
      </c>
      <c r="K7411">
        <v>15.55</v>
      </c>
    </row>
    <row r="7412" spans="1:11" x14ac:dyDescent="0.3">
      <c r="A7412" s="1">
        <v>42859</v>
      </c>
      <c r="B7412" s="3">
        <f t="shared" si="230"/>
        <v>5</v>
      </c>
      <c r="C7412" s="3">
        <f t="shared" si="231"/>
        <v>2017</v>
      </c>
      <c r="D7412" t="s">
        <v>1800</v>
      </c>
      <c r="E7412" t="s">
        <v>54</v>
      </c>
      <c r="F7412" t="s">
        <v>10</v>
      </c>
      <c r="G7412" t="s">
        <v>17</v>
      </c>
      <c r="H7412" t="s">
        <v>1955</v>
      </c>
      <c r="I7412">
        <v>16.91</v>
      </c>
      <c r="J7412">
        <v>1</v>
      </c>
      <c r="K7412">
        <v>4.57</v>
      </c>
    </row>
    <row r="7413" spans="1:11" x14ac:dyDescent="0.3">
      <c r="A7413" s="1">
        <v>42859</v>
      </c>
      <c r="B7413" s="3">
        <f t="shared" si="230"/>
        <v>5</v>
      </c>
      <c r="C7413" s="3">
        <f t="shared" si="231"/>
        <v>2017</v>
      </c>
      <c r="D7413" t="s">
        <v>1547</v>
      </c>
      <c r="E7413" t="s">
        <v>77</v>
      </c>
      <c r="F7413" t="s">
        <v>10</v>
      </c>
      <c r="G7413" t="s">
        <v>19</v>
      </c>
      <c r="H7413" t="s">
        <v>799</v>
      </c>
      <c r="I7413">
        <v>2.31</v>
      </c>
      <c r="J7413">
        <v>1</v>
      </c>
      <c r="K7413">
        <v>-1.93</v>
      </c>
    </row>
    <row r="7414" spans="1:11" x14ac:dyDescent="0.3">
      <c r="A7414" s="1">
        <v>42859</v>
      </c>
      <c r="B7414" s="3">
        <f t="shared" si="230"/>
        <v>5</v>
      </c>
      <c r="C7414" s="3">
        <f t="shared" si="231"/>
        <v>2017</v>
      </c>
      <c r="D7414" t="s">
        <v>577</v>
      </c>
      <c r="E7414" t="s">
        <v>22</v>
      </c>
      <c r="F7414" t="s">
        <v>10</v>
      </c>
      <c r="G7414" t="s">
        <v>19</v>
      </c>
      <c r="H7414" t="s">
        <v>1917</v>
      </c>
      <c r="I7414">
        <v>2.2000000000000002</v>
      </c>
      <c r="J7414">
        <v>2</v>
      </c>
      <c r="K7414">
        <v>-1.54</v>
      </c>
    </row>
    <row r="7415" spans="1:11" x14ac:dyDescent="0.3">
      <c r="A7415" s="1">
        <v>42859</v>
      </c>
      <c r="B7415" s="3">
        <f t="shared" si="230"/>
        <v>5</v>
      </c>
      <c r="C7415" s="3">
        <f t="shared" si="231"/>
        <v>2017</v>
      </c>
      <c r="D7415" t="s">
        <v>577</v>
      </c>
      <c r="E7415" t="s">
        <v>22</v>
      </c>
      <c r="F7415" t="s">
        <v>10</v>
      </c>
      <c r="G7415" t="s">
        <v>19</v>
      </c>
      <c r="H7415" t="s">
        <v>968</v>
      </c>
      <c r="I7415">
        <v>9.4</v>
      </c>
      <c r="J7415">
        <v>3</v>
      </c>
      <c r="K7415">
        <v>-7.52</v>
      </c>
    </row>
    <row r="7416" spans="1:11" x14ac:dyDescent="0.3">
      <c r="A7416" s="1">
        <v>42859</v>
      </c>
      <c r="B7416" s="3">
        <f t="shared" si="230"/>
        <v>5</v>
      </c>
      <c r="C7416" s="3">
        <f t="shared" si="231"/>
        <v>2017</v>
      </c>
      <c r="D7416" t="s">
        <v>1270</v>
      </c>
      <c r="E7416" t="s">
        <v>26</v>
      </c>
      <c r="F7416" t="s">
        <v>10</v>
      </c>
      <c r="G7416" t="s">
        <v>91</v>
      </c>
      <c r="H7416" t="s">
        <v>2151</v>
      </c>
      <c r="I7416">
        <v>243.16</v>
      </c>
      <c r="J7416">
        <v>2</v>
      </c>
      <c r="K7416">
        <v>72.95</v>
      </c>
    </row>
    <row r="7417" spans="1:11" x14ac:dyDescent="0.3">
      <c r="A7417" s="1">
        <v>42860</v>
      </c>
      <c r="B7417" s="3">
        <f t="shared" si="230"/>
        <v>5</v>
      </c>
      <c r="C7417" s="3">
        <f t="shared" si="231"/>
        <v>2017</v>
      </c>
      <c r="D7417" t="s">
        <v>1692</v>
      </c>
      <c r="E7417" t="s">
        <v>26</v>
      </c>
      <c r="F7417" t="s">
        <v>10</v>
      </c>
      <c r="G7417" t="s">
        <v>62</v>
      </c>
      <c r="H7417" t="s">
        <v>1666</v>
      </c>
      <c r="I7417">
        <v>23.16</v>
      </c>
      <c r="J7417">
        <v>2</v>
      </c>
      <c r="K7417">
        <v>11.58</v>
      </c>
    </row>
    <row r="7418" spans="1:11" x14ac:dyDescent="0.3">
      <c r="A7418" s="1">
        <v>42860</v>
      </c>
      <c r="B7418" s="3">
        <f t="shared" si="230"/>
        <v>5</v>
      </c>
      <c r="C7418" s="3">
        <f t="shared" si="231"/>
        <v>2017</v>
      </c>
      <c r="D7418" t="s">
        <v>1240</v>
      </c>
      <c r="E7418" t="s">
        <v>277</v>
      </c>
      <c r="F7418" t="s">
        <v>10</v>
      </c>
      <c r="G7418" t="s">
        <v>62</v>
      </c>
      <c r="H7418" t="s">
        <v>1164</v>
      </c>
      <c r="I7418">
        <v>21.24</v>
      </c>
      <c r="J7418">
        <v>9</v>
      </c>
      <c r="K7418">
        <v>7.43</v>
      </c>
    </row>
    <row r="7419" spans="1:11" x14ac:dyDescent="0.3">
      <c r="A7419" s="1">
        <v>42860</v>
      </c>
      <c r="B7419" s="3">
        <f t="shared" si="230"/>
        <v>5</v>
      </c>
      <c r="C7419" s="3">
        <f t="shared" si="231"/>
        <v>2017</v>
      </c>
      <c r="D7419" t="s">
        <v>1240</v>
      </c>
      <c r="E7419" t="s">
        <v>277</v>
      </c>
      <c r="F7419" t="s">
        <v>10</v>
      </c>
      <c r="G7419" t="s">
        <v>19</v>
      </c>
      <c r="H7419" t="s">
        <v>1385</v>
      </c>
      <c r="I7419">
        <v>9.5500000000000007</v>
      </c>
      <c r="J7419">
        <v>8</v>
      </c>
      <c r="K7419">
        <v>-7.32</v>
      </c>
    </row>
    <row r="7420" spans="1:11" x14ac:dyDescent="0.3">
      <c r="A7420" s="1">
        <v>42860</v>
      </c>
      <c r="B7420" s="3">
        <f t="shared" si="230"/>
        <v>5</v>
      </c>
      <c r="C7420" s="3">
        <f t="shared" si="231"/>
        <v>2017</v>
      </c>
      <c r="D7420" t="s">
        <v>1240</v>
      </c>
      <c r="E7420" t="s">
        <v>277</v>
      </c>
      <c r="F7420" t="s">
        <v>33</v>
      </c>
      <c r="G7420" t="s">
        <v>73</v>
      </c>
      <c r="H7420" t="s">
        <v>643</v>
      </c>
      <c r="I7420">
        <v>89.99</v>
      </c>
      <c r="J7420">
        <v>3</v>
      </c>
      <c r="K7420">
        <v>-152.97999999999999</v>
      </c>
    </row>
    <row r="7421" spans="1:11" x14ac:dyDescent="0.3">
      <c r="A7421" s="1">
        <v>42860</v>
      </c>
      <c r="B7421" s="3">
        <f t="shared" si="230"/>
        <v>5</v>
      </c>
      <c r="C7421" s="3">
        <f t="shared" si="231"/>
        <v>2017</v>
      </c>
      <c r="D7421" t="s">
        <v>1890</v>
      </c>
      <c r="E7421" t="s">
        <v>29</v>
      </c>
      <c r="F7421" t="s">
        <v>10</v>
      </c>
      <c r="G7421" t="s">
        <v>19</v>
      </c>
      <c r="H7421" t="s">
        <v>1371</v>
      </c>
      <c r="I7421">
        <v>34.5</v>
      </c>
      <c r="J7421">
        <v>3</v>
      </c>
      <c r="K7421">
        <v>15.53</v>
      </c>
    </row>
    <row r="7422" spans="1:11" x14ac:dyDescent="0.3">
      <c r="A7422" s="1">
        <v>42860</v>
      </c>
      <c r="B7422" s="3">
        <f t="shared" si="230"/>
        <v>5</v>
      </c>
      <c r="C7422" s="3">
        <f t="shared" si="231"/>
        <v>2017</v>
      </c>
      <c r="D7422" t="s">
        <v>586</v>
      </c>
      <c r="E7422" t="s">
        <v>148</v>
      </c>
      <c r="F7422" t="s">
        <v>10</v>
      </c>
      <c r="G7422" t="s">
        <v>11</v>
      </c>
      <c r="H7422" t="s">
        <v>78</v>
      </c>
      <c r="I7422">
        <v>6.68</v>
      </c>
      <c r="J7422">
        <v>1</v>
      </c>
      <c r="K7422">
        <v>3.21</v>
      </c>
    </row>
    <row r="7423" spans="1:11" x14ac:dyDescent="0.3">
      <c r="A7423" s="1">
        <v>42861</v>
      </c>
      <c r="B7423" s="3">
        <f t="shared" si="230"/>
        <v>5</v>
      </c>
      <c r="C7423" s="3">
        <f t="shared" si="231"/>
        <v>2017</v>
      </c>
      <c r="D7423" t="s">
        <v>2579</v>
      </c>
      <c r="E7423" t="s">
        <v>14</v>
      </c>
      <c r="F7423" t="s">
        <v>10</v>
      </c>
      <c r="G7423" t="s">
        <v>23</v>
      </c>
      <c r="H7423" t="s">
        <v>580</v>
      </c>
      <c r="I7423">
        <v>6.41</v>
      </c>
      <c r="J7423">
        <v>3</v>
      </c>
      <c r="K7423">
        <v>0.64</v>
      </c>
    </row>
    <row r="7424" spans="1:11" x14ac:dyDescent="0.3">
      <c r="A7424" s="1">
        <v>42861</v>
      </c>
      <c r="B7424" s="3">
        <f t="shared" si="230"/>
        <v>5</v>
      </c>
      <c r="C7424" s="3">
        <f t="shared" si="231"/>
        <v>2017</v>
      </c>
      <c r="D7424" t="s">
        <v>2579</v>
      </c>
      <c r="E7424" t="s">
        <v>14</v>
      </c>
      <c r="F7424" t="s">
        <v>38</v>
      </c>
      <c r="G7424" t="s">
        <v>51</v>
      </c>
      <c r="H7424" t="s">
        <v>473</v>
      </c>
      <c r="I7424">
        <v>408.74</v>
      </c>
      <c r="J7424">
        <v>7</v>
      </c>
      <c r="K7424">
        <v>76.64</v>
      </c>
    </row>
    <row r="7425" spans="1:11" x14ac:dyDescent="0.3">
      <c r="A7425" s="1">
        <v>42861</v>
      </c>
      <c r="B7425" s="3">
        <f t="shared" si="230"/>
        <v>5</v>
      </c>
      <c r="C7425" s="3">
        <f t="shared" si="231"/>
        <v>2017</v>
      </c>
      <c r="D7425" t="s">
        <v>1470</v>
      </c>
      <c r="E7425" t="s">
        <v>148</v>
      </c>
      <c r="F7425" t="s">
        <v>10</v>
      </c>
      <c r="G7425" t="s">
        <v>15</v>
      </c>
      <c r="H7425" t="s">
        <v>363</v>
      </c>
      <c r="I7425">
        <v>59.2</v>
      </c>
      <c r="J7425">
        <v>4</v>
      </c>
      <c r="K7425">
        <v>29.6</v>
      </c>
    </row>
    <row r="7426" spans="1:11" x14ac:dyDescent="0.3">
      <c r="A7426" s="1">
        <v>42861</v>
      </c>
      <c r="B7426" s="3">
        <f t="shared" ref="B7426:B7489" si="232">MONTH(A:A)</f>
        <v>5</v>
      </c>
      <c r="C7426" s="3">
        <f t="shared" ref="C7426:C7489" si="233">YEAR(A:A)</f>
        <v>2017</v>
      </c>
      <c r="D7426" t="s">
        <v>1073</v>
      </c>
      <c r="E7426" t="s">
        <v>54</v>
      </c>
      <c r="F7426" t="s">
        <v>10</v>
      </c>
      <c r="G7426" t="s">
        <v>23</v>
      </c>
      <c r="H7426" t="s">
        <v>146</v>
      </c>
      <c r="I7426">
        <v>54.66</v>
      </c>
      <c r="J7426">
        <v>6</v>
      </c>
      <c r="K7426">
        <v>18.04</v>
      </c>
    </row>
    <row r="7427" spans="1:11" x14ac:dyDescent="0.3">
      <c r="A7427" s="1">
        <v>42861</v>
      </c>
      <c r="B7427" s="3">
        <f t="shared" si="232"/>
        <v>5</v>
      </c>
      <c r="C7427" s="3">
        <f t="shared" si="233"/>
        <v>2017</v>
      </c>
      <c r="D7427" t="s">
        <v>555</v>
      </c>
      <c r="E7427" t="s">
        <v>9</v>
      </c>
      <c r="F7427" t="s">
        <v>10</v>
      </c>
      <c r="G7427" t="s">
        <v>19</v>
      </c>
      <c r="H7427" t="s">
        <v>165</v>
      </c>
      <c r="I7427">
        <v>11.06</v>
      </c>
      <c r="J7427">
        <v>10</v>
      </c>
      <c r="K7427">
        <v>-18.8</v>
      </c>
    </row>
    <row r="7428" spans="1:11" x14ac:dyDescent="0.3">
      <c r="A7428" s="1">
        <v>42861</v>
      </c>
      <c r="B7428" s="3">
        <f t="shared" si="232"/>
        <v>5</v>
      </c>
      <c r="C7428" s="3">
        <f t="shared" si="233"/>
        <v>2017</v>
      </c>
      <c r="D7428" t="s">
        <v>555</v>
      </c>
      <c r="E7428" t="s">
        <v>9</v>
      </c>
      <c r="F7428" t="s">
        <v>33</v>
      </c>
      <c r="G7428" t="s">
        <v>73</v>
      </c>
      <c r="H7428" t="s">
        <v>1580</v>
      </c>
      <c r="I7428">
        <v>623.46</v>
      </c>
      <c r="J7428">
        <v>7</v>
      </c>
      <c r="K7428">
        <v>-119.19</v>
      </c>
    </row>
    <row r="7429" spans="1:11" x14ac:dyDescent="0.3">
      <c r="A7429" s="1">
        <v>42861</v>
      </c>
      <c r="B7429" s="3">
        <f t="shared" si="232"/>
        <v>5</v>
      </c>
      <c r="C7429" s="3">
        <f t="shared" si="233"/>
        <v>2017</v>
      </c>
      <c r="D7429" t="s">
        <v>555</v>
      </c>
      <c r="E7429" t="s">
        <v>9</v>
      </c>
      <c r="F7429" t="s">
        <v>10</v>
      </c>
      <c r="G7429" t="s">
        <v>17</v>
      </c>
      <c r="H7429" t="s">
        <v>1439</v>
      </c>
      <c r="I7429">
        <v>772.68</v>
      </c>
      <c r="J7429">
        <v>5</v>
      </c>
      <c r="K7429">
        <v>-57.95</v>
      </c>
    </row>
    <row r="7430" spans="1:11" x14ac:dyDescent="0.3">
      <c r="A7430" s="1">
        <v>42861</v>
      </c>
      <c r="B7430" s="3">
        <f t="shared" si="232"/>
        <v>5</v>
      </c>
      <c r="C7430" s="3">
        <f t="shared" si="233"/>
        <v>2017</v>
      </c>
      <c r="D7430" t="s">
        <v>21</v>
      </c>
      <c r="E7430" t="s">
        <v>244</v>
      </c>
      <c r="F7430" t="s">
        <v>10</v>
      </c>
      <c r="G7430" t="s">
        <v>19</v>
      </c>
      <c r="H7430" t="s">
        <v>780</v>
      </c>
      <c r="I7430">
        <v>68.540000000000006</v>
      </c>
      <c r="J7430">
        <v>11</v>
      </c>
      <c r="K7430">
        <v>-52.55</v>
      </c>
    </row>
    <row r="7431" spans="1:11" x14ac:dyDescent="0.3">
      <c r="A7431" s="1">
        <v>42861</v>
      </c>
      <c r="B7431" s="3">
        <f t="shared" si="232"/>
        <v>5</v>
      </c>
      <c r="C7431" s="3">
        <f t="shared" si="233"/>
        <v>2017</v>
      </c>
      <c r="D7431" t="s">
        <v>21</v>
      </c>
      <c r="E7431" t="s">
        <v>244</v>
      </c>
      <c r="F7431" t="s">
        <v>38</v>
      </c>
      <c r="G7431" t="s">
        <v>39</v>
      </c>
      <c r="H7431" t="s">
        <v>40</v>
      </c>
      <c r="I7431">
        <v>627.16999999999996</v>
      </c>
      <c r="J7431">
        <v>4</v>
      </c>
      <c r="K7431">
        <v>70.56</v>
      </c>
    </row>
    <row r="7432" spans="1:11" x14ac:dyDescent="0.3">
      <c r="A7432" s="1">
        <v>42861</v>
      </c>
      <c r="B7432" s="3">
        <f t="shared" si="232"/>
        <v>5</v>
      </c>
      <c r="C7432" s="3">
        <f t="shared" si="233"/>
        <v>2017</v>
      </c>
      <c r="D7432" t="s">
        <v>21</v>
      </c>
      <c r="E7432" t="s">
        <v>244</v>
      </c>
      <c r="F7432" t="s">
        <v>10</v>
      </c>
      <c r="G7432" t="s">
        <v>15</v>
      </c>
      <c r="H7432" t="s">
        <v>1499</v>
      </c>
      <c r="I7432">
        <v>122.12</v>
      </c>
      <c r="J7432">
        <v>5</v>
      </c>
      <c r="K7432">
        <v>39.69</v>
      </c>
    </row>
    <row r="7433" spans="1:11" x14ac:dyDescent="0.3">
      <c r="A7433" s="1">
        <v>42861</v>
      </c>
      <c r="B7433" s="3">
        <f t="shared" si="232"/>
        <v>5</v>
      </c>
      <c r="C7433" s="3">
        <f t="shared" si="233"/>
        <v>2017</v>
      </c>
      <c r="D7433" t="s">
        <v>1909</v>
      </c>
      <c r="E7433" t="s">
        <v>26</v>
      </c>
      <c r="F7433" t="s">
        <v>10</v>
      </c>
      <c r="G7433" t="s">
        <v>91</v>
      </c>
      <c r="H7433" t="s">
        <v>1061</v>
      </c>
      <c r="I7433">
        <v>152.94</v>
      </c>
      <c r="J7433">
        <v>3</v>
      </c>
      <c r="K7433">
        <v>41.29</v>
      </c>
    </row>
    <row r="7434" spans="1:11" x14ac:dyDescent="0.3">
      <c r="A7434" s="1">
        <v>42861</v>
      </c>
      <c r="B7434" s="3">
        <f t="shared" si="232"/>
        <v>5</v>
      </c>
      <c r="C7434" s="3">
        <f t="shared" si="233"/>
        <v>2017</v>
      </c>
      <c r="D7434" t="s">
        <v>1412</v>
      </c>
      <c r="E7434" t="s">
        <v>94</v>
      </c>
      <c r="F7434" t="s">
        <v>10</v>
      </c>
      <c r="G7434" t="s">
        <v>11</v>
      </c>
      <c r="H7434" t="s">
        <v>1966</v>
      </c>
      <c r="I7434">
        <v>84.42</v>
      </c>
      <c r="J7434">
        <v>4</v>
      </c>
      <c r="K7434">
        <v>27.44</v>
      </c>
    </row>
    <row r="7435" spans="1:11" x14ac:dyDescent="0.3">
      <c r="A7435" s="1">
        <v>42861</v>
      </c>
      <c r="B7435" s="3">
        <f t="shared" si="232"/>
        <v>5</v>
      </c>
      <c r="C7435" s="3">
        <f t="shared" si="233"/>
        <v>2017</v>
      </c>
      <c r="D7435" t="s">
        <v>1486</v>
      </c>
      <c r="E7435" t="s">
        <v>14</v>
      </c>
      <c r="F7435" t="s">
        <v>38</v>
      </c>
      <c r="G7435" t="s">
        <v>51</v>
      </c>
      <c r="H7435" t="s">
        <v>2157</v>
      </c>
      <c r="I7435">
        <v>191.97</v>
      </c>
      <c r="J7435">
        <v>4</v>
      </c>
      <c r="K7435">
        <v>28.8</v>
      </c>
    </row>
    <row r="7436" spans="1:11" x14ac:dyDescent="0.3">
      <c r="A7436" s="1">
        <v>42862</v>
      </c>
      <c r="B7436" s="3">
        <f t="shared" si="232"/>
        <v>5</v>
      </c>
      <c r="C7436" s="3">
        <f t="shared" si="233"/>
        <v>2017</v>
      </c>
      <c r="D7436" t="s">
        <v>1906</v>
      </c>
      <c r="E7436" t="s">
        <v>109</v>
      </c>
      <c r="F7436" t="s">
        <v>33</v>
      </c>
      <c r="G7436" t="s">
        <v>34</v>
      </c>
      <c r="H7436" t="s">
        <v>1981</v>
      </c>
      <c r="I7436">
        <v>1458.65</v>
      </c>
      <c r="J7436">
        <v>5</v>
      </c>
      <c r="K7436">
        <v>423.01</v>
      </c>
    </row>
    <row r="7437" spans="1:11" x14ac:dyDescent="0.3">
      <c r="A7437" s="1">
        <v>42862</v>
      </c>
      <c r="B7437" s="3">
        <f t="shared" si="232"/>
        <v>5</v>
      </c>
      <c r="C7437" s="3">
        <f t="shared" si="233"/>
        <v>2017</v>
      </c>
      <c r="D7437" t="s">
        <v>1906</v>
      </c>
      <c r="E7437" t="s">
        <v>109</v>
      </c>
      <c r="F7437" t="s">
        <v>33</v>
      </c>
      <c r="G7437" t="s">
        <v>34</v>
      </c>
      <c r="H7437" t="s">
        <v>1633</v>
      </c>
      <c r="I7437">
        <v>26.64</v>
      </c>
      <c r="J7437">
        <v>1</v>
      </c>
      <c r="K7437">
        <v>7.46</v>
      </c>
    </row>
    <row r="7438" spans="1:11" x14ac:dyDescent="0.3">
      <c r="A7438" s="1">
        <v>42862</v>
      </c>
      <c r="B7438" s="3">
        <f t="shared" si="232"/>
        <v>5</v>
      </c>
      <c r="C7438" s="3">
        <f t="shared" si="233"/>
        <v>2017</v>
      </c>
      <c r="D7438" t="s">
        <v>1906</v>
      </c>
      <c r="E7438" t="s">
        <v>109</v>
      </c>
      <c r="F7438" t="s">
        <v>33</v>
      </c>
      <c r="G7438" t="s">
        <v>34</v>
      </c>
      <c r="H7438" t="s">
        <v>1678</v>
      </c>
      <c r="I7438">
        <v>476.8</v>
      </c>
      <c r="J7438">
        <v>2</v>
      </c>
      <c r="K7438">
        <v>119.2</v>
      </c>
    </row>
    <row r="7439" spans="1:11" x14ac:dyDescent="0.3">
      <c r="A7439" s="1">
        <v>42862</v>
      </c>
      <c r="B7439" s="3">
        <f t="shared" si="232"/>
        <v>5</v>
      </c>
      <c r="C7439" s="3">
        <f t="shared" si="233"/>
        <v>2017</v>
      </c>
      <c r="D7439" t="s">
        <v>1906</v>
      </c>
      <c r="E7439" t="s">
        <v>109</v>
      </c>
      <c r="F7439" t="s">
        <v>10</v>
      </c>
      <c r="G7439" t="s">
        <v>91</v>
      </c>
      <c r="H7439" t="s">
        <v>1819</v>
      </c>
      <c r="I7439">
        <v>87.44</v>
      </c>
      <c r="J7439">
        <v>2</v>
      </c>
      <c r="K7439">
        <v>18.46</v>
      </c>
    </row>
    <row r="7440" spans="1:11" x14ac:dyDescent="0.3">
      <c r="A7440" s="1">
        <v>42862</v>
      </c>
      <c r="B7440" s="3">
        <f t="shared" si="232"/>
        <v>5</v>
      </c>
      <c r="C7440" s="3">
        <f t="shared" si="233"/>
        <v>2017</v>
      </c>
      <c r="D7440" t="s">
        <v>2252</v>
      </c>
      <c r="E7440" t="s">
        <v>26</v>
      </c>
      <c r="F7440" t="s">
        <v>38</v>
      </c>
      <c r="G7440" t="s">
        <v>51</v>
      </c>
      <c r="H7440" t="s">
        <v>197</v>
      </c>
      <c r="I7440">
        <v>79.989999999999995</v>
      </c>
      <c r="J7440">
        <v>1</v>
      </c>
      <c r="K7440">
        <v>28.8</v>
      </c>
    </row>
    <row r="7441" spans="1:11" x14ac:dyDescent="0.3">
      <c r="A7441" s="1">
        <v>42862</v>
      </c>
      <c r="B7441" s="3">
        <f t="shared" si="232"/>
        <v>5</v>
      </c>
      <c r="C7441" s="3">
        <f t="shared" si="233"/>
        <v>2017</v>
      </c>
      <c r="D7441" t="s">
        <v>790</v>
      </c>
      <c r="E7441" t="s">
        <v>26</v>
      </c>
      <c r="F7441" t="s">
        <v>38</v>
      </c>
      <c r="G7441" t="s">
        <v>39</v>
      </c>
      <c r="H7441" t="s">
        <v>2562</v>
      </c>
      <c r="I7441">
        <v>419.94</v>
      </c>
      <c r="J7441">
        <v>7</v>
      </c>
      <c r="K7441">
        <v>52.49</v>
      </c>
    </row>
    <row r="7442" spans="1:11" x14ac:dyDescent="0.3">
      <c r="A7442" s="1">
        <v>42863</v>
      </c>
      <c r="B7442" s="3">
        <f t="shared" si="232"/>
        <v>5</v>
      </c>
      <c r="C7442" s="3">
        <f t="shared" si="233"/>
        <v>2017</v>
      </c>
      <c r="D7442" t="s">
        <v>1570</v>
      </c>
      <c r="E7442" t="s">
        <v>77</v>
      </c>
      <c r="F7442" t="s">
        <v>33</v>
      </c>
      <c r="G7442" t="s">
        <v>34</v>
      </c>
      <c r="H7442" t="s">
        <v>2067</v>
      </c>
      <c r="I7442">
        <v>47.99</v>
      </c>
      <c r="J7442">
        <v>2</v>
      </c>
      <c r="K7442">
        <v>-2.06</v>
      </c>
    </row>
    <row r="7443" spans="1:11" x14ac:dyDescent="0.3">
      <c r="A7443" s="1">
        <v>42863</v>
      </c>
      <c r="B7443" s="3">
        <f t="shared" si="232"/>
        <v>5</v>
      </c>
      <c r="C7443" s="3">
        <f t="shared" si="233"/>
        <v>2017</v>
      </c>
      <c r="D7443" t="s">
        <v>1810</v>
      </c>
      <c r="E7443" t="s">
        <v>26</v>
      </c>
      <c r="F7443" t="s">
        <v>38</v>
      </c>
      <c r="G7443" t="s">
        <v>602</v>
      </c>
      <c r="H7443" t="s">
        <v>915</v>
      </c>
      <c r="I7443">
        <v>3359.95</v>
      </c>
      <c r="J7443">
        <v>6</v>
      </c>
      <c r="K7443">
        <v>1049.99</v>
      </c>
    </row>
    <row r="7444" spans="1:11" x14ac:dyDescent="0.3">
      <c r="A7444" s="1">
        <v>42863</v>
      </c>
      <c r="B7444" s="3">
        <f t="shared" si="232"/>
        <v>5</v>
      </c>
      <c r="C7444" s="3">
        <f t="shared" si="233"/>
        <v>2017</v>
      </c>
      <c r="D7444" t="s">
        <v>1130</v>
      </c>
      <c r="E7444" t="s">
        <v>22</v>
      </c>
      <c r="F7444" t="s">
        <v>33</v>
      </c>
      <c r="G7444" t="s">
        <v>34</v>
      </c>
      <c r="H7444" t="s">
        <v>2040</v>
      </c>
      <c r="I7444">
        <v>128.06</v>
      </c>
      <c r="J7444">
        <v>3</v>
      </c>
      <c r="K7444">
        <v>-23.78</v>
      </c>
    </row>
    <row r="7445" spans="1:11" x14ac:dyDescent="0.3">
      <c r="A7445" s="1">
        <v>42863</v>
      </c>
      <c r="B7445" s="3">
        <f t="shared" si="232"/>
        <v>5</v>
      </c>
      <c r="C7445" s="3">
        <f t="shared" si="233"/>
        <v>2017</v>
      </c>
      <c r="D7445" t="s">
        <v>513</v>
      </c>
      <c r="E7445" t="s">
        <v>26</v>
      </c>
      <c r="F7445" t="s">
        <v>10</v>
      </c>
      <c r="G7445" t="s">
        <v>91</v>
      </c>
      <c r="H7445" t="s">
        <v>92</v>
      </c>
      <c r="I7445">
        <v>81.08</v>
      </c>
      <c r="J7445">
        <v>4</v>
      </c>
      <c r="K7445">
        <v>22.7</v>
      </c>
    </row>
    <row r="7446" spans="1:11" x14ac:dyDescent="0.3">
      <c r="A7446" s="1">
        <v>42863</v>
      </c>
      <c r="B7446" s="3">
        <f t="shared" si="232"/>
        <v>5</v>
      </c>
      <c r="C7446" s="3">
        <f t="shared" si="233"/>
        <v>2017</v>
      </c>
      <c r="D7446" t="s">
        <v>921</v>
      </c>
      <c r="E7446" t="s">
        <v>9</v>
      </c>
      <c r="F7446" t="s">
        <v>10</v>
      </c>
      <c r="G7446" t="s">
        <v>11</v>
      </c>
      <c r="H7446" t="s">
        <v>1943</v>
      </c>
      <c r="I7446">
        <v>41.47</v>
      </c>
      <c r="J7446">
        <v>8</v>
      </c>
      <c r="K7446">
        <v>14.52</v>
      </c>
    </row>
    <row r="7447" spans="1:11" x14ac:dyDescent="0.3">
      <c r="A7447" s="1">
        <v>42864</v>
      </c>
      <c r="B7447" s="3">
        <f t="shared" si="232"/>
        <v>5</v>
      </c>
      <c r="C7447" s="3">
        <f t="shared" si="233"/>
        <v>2017</v>
      </c>
      <c r="D7447" t="s">
        <v>345</v>
      </c>
      <c r="E7447" t="s">
        <v>244</v>
      </c>
      <c r="F7447" t="s">
        <v>10</v>
      </c>
      <c r="G7447" t="s">
        <v>62</v>
      </c>
      <c r="H7447" t="s">
        <v>97</v>
      </c>
      <c r="I7447">
        <v>65.23</v>
      </c>
      <c r="J7447">
        <v>3</v>
      </c>
      <c r="K7447">
        <v>22.02</v>
      </c>
    </row>
    <row r="7448" spans="1:11" x14ac:dyDescent="0.3">
      <c r="A7448" s="1">
        <v>42864</v>
      </c>
      <c r="B7448" s="3">
        <f t="shared" si="232"/>
        <v>5</v>
      </c>
      <c r="C7448" s="3">
        <f t="shared" si="233"/>
        <v>2017</v>
      </c>
      <c r="D7448" t="s">
        <v>345</v>
      </c>
      <c r="E7448" t="s">
        <v>244</v>
      </c>
      <c r="F7448" t="s">
        <v>33</v>
      </c>
      <c r="G7448" t="s">
        <v>34</v>
      </c>
      <c r="H7448" t="s">
        <v>234</v>
      </c>
      <c r="I7448">
        <v>207</v>
      </c>
      <c r="J7448">
        <v>3</v>
      </c>
      <c r="K7448">
        <v>25.88</v>
      </c>
    </row>
    <row r="7449" spans="1:11" x14ac:dyDescent="0.3">
      <c r="A7449" s="1">
        <v>42864</v>
      </c>
      <c r="B7449" s="3">
        <f t="shared" si="232"/>
        <v>5</v>
      </c>
      <c r="C7449" s="3">
        <f t="shared" si="233"/>
        <v>2017</v>
      </c>
      <c r="D7449" t="s">
        <v>561</v>
      </c>
      <c r="E7449" t="s">
        <v>163</v>
      </c>
      <c r="F7449" t="s">
        <v>10</v>
      </c>
      <c r="G7449" t="s">
        <v>19</v>
      </c>
      <c r="H7449" t="s">
        <v>2021</v>
      </c>
      <c r="I7449">
        <v>147.91999999999999</v>
      </c>
      <c r="J7449">
        <v>5</v>
      </c>
      <c r="K7449">
        <v>46.23</v>
      </c>
    </row>
    <row r="7450" spans="1:11" x14ac:dyDescent="0.3">
      <c r="A7450" s="1">
        <v>42864</v>
      </c>
      <c r="B7450" s="3">
        <f t="shared" si="232"/>
        <v>5</v>
      </c>
      <c r="C7450" s="3">
        <f t="shared" si="233"/>
        <v>2017</v>
      </c>
      <c r="D7450" t="s">
        <v>561</v>
      </c>
      <c r="E7450" t="s">
        <v>163</v>
      </c>
      <c r="F7450" t="s">
        <v>10</v>
      </c>
      <c r="G7450" t="s">
        <v>17</v>
      </c>
      <c r="H7450" t="s">
        <v>2337</v>
      </c>
      <c r="I7450">
        <v>104.28</v>
      </c>
      <c r="J7450">
        <v>3</v>
      </c>
      <c r="K7450">
        <v>26.07</v>
      </c>
    </row>
    <row r="7451" spans="1:11" x14ac:dyDescent="0.3">
      <c r="A7451" s="1">
        <v>42864</v>
      </c>
      <c r="B7451" s="3">
        <f t="shared" si="232"/>
        <v>5</v>
      </c>
      <c r="C7451" s="3">
        <f t="shared" si="233"/>
        <v>2017</v>
      </c>
      <c r="D7451" t="s">
        <v>561</v>
      </c>
      <c r="E7451" t="s">
        <v>163</v>
      </c>
      <c r="F7451" t="s">
        <v>33</v>
      </c>
      <c r="G7451" t="s">
        <v>144</v>
      </c>
      <c r="H7451" t="s">
        <v>1225</v>
      </c>
      <c r="I7451">
        <v>286.85000000000002</v>
      </c>
      <c r="J7451">
        <v>1</v>
      </c>
      <c r="K7451">
        <v>63.11</v>
      </c>
    </row>
    <row r="7452" spans="1:11" x14ac:dyDescent="0.3">
      <c r="A7452" s="1">
        <v>42864</v>
      </c>
      <c r="B7452" s="3">
        <f t="shared" si="232"/>
        <v>5</v>
      </c>
      <c r="C7452" s="3">
        <f t="shared" si="233"/>
        <v>2017</v>
      </c>
      <c r="D7452" t="s">
        <v>561</v>
      </c>
      <c r="E7452" t="s">
        <v>163</v>
      </c>
      <c r="F7452" t="s">
        <v>10</v>
      </c>
      <c r="G7452" t="s">
        <v>17</v>
      </c>
      <c r="H7452" t="s">
        <v>434</v>
      </c>
      <c r="I7452">
        <v>66.959999999999994</v>
      </c>
      <c r="J7452">
        <v>4</v>
      </c>
      <c r="K7452">
        <v>2.68</v>
      </c>
    </row>
    <row r="7453" spans="1:11" x14ac:dyDescent="0.3">
      <c r="A7453" s="1">
        <v>42864</v>
      </c>
      <c r="B7453" s="3">
        <f t="shared" si="232"/>
        <v>5</v>
      </c>
      <c r="C7453" s="3">
        <f t="shared" si="233"/>
        <v>2017</v>
      </c>
      <c r="D7453" t="s">
        <v>561</v>
      </c>
      <c r="E7453" t="s">
        <v>163</v>
      </c>
      <c r="F7453" t="s">
        <v>38</v>
      </c>
      <c r="G7453" t="s">
        <v>51</v>
      </c>
      <c r="H7453" t="s">
        <v>485</v>
      </c>
      <c r="I7453">
        <v>199.98</v>
      </c>
      <c r="J7453">
        <v>2</v>
      </c>
      <c r="K7453">
        <v>87.99</v>
      </c>
    </row>
    <row r="7454" spans="1:11" x14ac:dyDescent="0.3">
      <c r="A7454" s="1">
        <v>42866</v>
      </c>
      <c r="B7454" s="3">
        <f t="shared" si="232"/>
        <v>5</v>
      </c>
      <c r="C7454" s="3">
        <f t="shared" si="233"/>
        <v>2017</v>
      </c>
      <c r="D7454" t="s">
        <v>870</v>
      </c>
      <c r="E7454" t="s">
        <v>163</v>
      </c>
      <c r="F7454" t="s">
        <v>10</v>
      </c>
      <c r="G7454" t="s">
        <v>11</v>
      </c>
      <c r="H7454" t="s">
        <v>2135</v>
      </c>
      <c r="I7454">
        <v>37.44</v>
      </c>
      <c r="J7454">
        <v>6</v>
      </c>
      <c r="K7454">
        <v>16.850000000000001</v>
      </c>
    </row>
    <row r="7455" spans="1:11" x14ac:dyDescent="0.3">
      <c r="A7455" s="1">
        <v>42866</v>
      </c>
      <c r="B7455" s="3">
        <f t="shared" si="232"/>
        <v>5</v>
      </c>
      <c r="C7455" s="3">
        <f t="shared" si="233"/>
        <v>2017</v>
      </c>
      <c r="D7455" t="s">
        <v>870</v>
      </c>
      <c r="E7455" t="s">
        <v>163</v>
      </c>
      <c r="F7455" t="s">
        <v>10</v>
      </c>
      <c r="G7455" t="s">
        <v>15</v>
      </c>
      <c r="H7455" t="s">
        <v>2180</v>
      </c>
      <c r="I7455">
        <v>37.590000000000003</v>
      </c>
      <c r="J7455">
        <v>3</v>
      </c>
      <c r="K7455">
        <v>17.670000000000002</v>
      </c>
    </row>
    <row r="7456" spans="1:11" x14ac:dyDescent="0.3">
      <c r="A7456" s="1">
        <v>42866</v>
      </c>
      <c r="B7456" s="3">
        <f t="shared" si="232"/>
        <v>5</v>
      </c>
      <c r="C7456" s="3">
        <f t="shared" si="233"/>
        <v>2017</v>
      </c>
      <c r="D7456" t="s">
        <v>870</v>
      </c>
      <c r="E7456" t="s">
        <v>163</v>
      </c>
      <c r="F7456" t="s">
        <v>10</v>
      </c>
      <c r="G7456" t="s">
        <v>19</v>
      </c>
      <c r="H7456" t="s">
        <v>1566</v>
      </c>
      <c r="I7456">
        <v>26.03</v>
      </c>
      <c r="J7456">
        <v>2</v>
      </c>
      <c r="K7456">
        <v>9.44</v>
      </c>
    </row>
    <row r="7457" spans="1:11" x14ac:dyDescent="0.3">
      <c r="A7457" s="1">
        <v>42866</v>
      </c>
      <c r="B7457" s="3">
        <f t="shared" si="232"/>
        <v>5</v>
      </c>
      <c r="C7457" s="3">
        <f t="shared" si="233"/>
        <v>2017</v>
      </c>
      <c r="D7457" t="s">
        <v>1546</v>
      </c>
      <c r="E7457" t="s">
        <v>9</v>
      </c>
      <c r="F7457" t="s">
        <v>10</v>
      </c>
      <c r="G7457" t="s">
        <v>23</v>
      </c>
      <c r="H7457" t="s">
        <v>987</v>
      </c>
      <c r="I7457">
        <v>5.25</v>
      </c>
      <c r="J7457">
        <v>2</v>
      </c>
      <c r="K7457">
        <v>0.59</v>
      </c>
    </row>
    <row r="7458" spans="1:11" x14ac:dyDescent="0.3">
      <c r="A7458" s="1">
        <v>42866</v>
      </c>
      <c r="B7458" s="3">
        <f t="shared" si="232"/>
        <v>5</v>
      </c>
      <c r="C7458" s="3">
        <f t="shared" si="233"/>
        <v>2017</v>
      </c>
      <c r="D7458" t="s">
        <v>1546</v>
      </c>
      <c r="E7458" t="s">
        <v>9</v>
      </c>
      <c r="F7458" t="s">
        <v>10</v>
      </c>
      <c r="G7458" t="s">
        <v>17</v>
      </c>
      <c r="H7458" t="s">
        <v>452</v>
      </c>
      <c r="I7458">
        <v>74.42</v>
      </c>
      <c r="J7458">
        <v>2</v>
      </c>
      <c r="K7458">
        <v>-14.88</v>
      </c>
    </row>
    <row r="7459" spans="1:11" x14ac:dyDescent="0.3">
      <c r="A7459" s="1">
        <v>42866</v>
      </c>
      <c r="B7459" s="3">
        <f t="shared" si="232"/>
        <v>5</v>
      </c>
      <c r="C7459" s="3">
        <f t="shared" si="233"/>
        <v>2017</v>
      </c>
      <c r="D7459" t="s">
        <v>1546</v>
      </c>
      <c r="E7459" t="s">
        <v>9</v>
      </c>
      <c r="F7459" t="s">
        <v>10</v>
      </c>
      <c r="G7459" t="s">
        <v>11</v>
      </c>
      <c r="H7459" t="s">
        <v>1844</v>
      </c>
      <c r="I7459">
        <v>6.85</v>
      </c>
      <c r="J7459">
        <v>2</v>
      </c>
      <c r="K7459">
        <v>2.14</v>
      </c>
    </row>
    <row r="7460" spans="1:11" x14ac:dyDescent="0.3">
      <c r="A7460" s="1">
        <v>42866</v>
      </c>
      <c r="B7460" s="3">
        <f t="shared" si="232"/>
        <v>5</v>
      </c>
      <c r="C7460" s="3">
        <f t="shared" si="233"/>
        <v>2017</v>
      </c>
      <c r="D7460" t="s">
        <v>1546</v>
      </c>
      <c r="E7460" t="s">
        <v>9</v>
      </c>
      <c r="F7460" t="s">
        <v>33</v>
      </c>
      <c r="G7460" t="s">
        <v>46</v>
      </c>
      <c r="H7460" t="s">
        <v>1212</v>
      </c>
      <c r="I7460">
        <v>8</v>
      </c>
      <c r="J7460">
        <v>1</v>
      </c>
      <c r="K7460">
        <v>-7</v>
      </c>
    </row>
    <row r="7461" spans="1:11" x14ac:dyDescent="0.3">
      <c r="A7461" s="1">
        <v>42866</v>
      </c>
      <c r="B7461" s="3">
        <f t="shared" si="232"/>
        <v>5</v>
      </c>
      <c r="C7461" s="3">
        <f t="shared" si="233"/>
        <v>2017</v>
      </c>
      <c r="D7461" t="s">
        <v>1513</v>
      </c>
      <c r="E7461" t="s">
        <v>94</v>
      </c>
      <c r="F7461" t="s">
        <v>33</v>
      </c>
      <c r="G7461" t="s">
        <v>73</v>
      </c>
      <c r="H7461" t="s">
        <v>643</v>
      </c>
      <c r="I7461">
        <v>209.98</v>
      </c>
      <c r="J7461">
        <v>7</v>
      </c>
      <c r="K7461">
        <v>-356.96</v>
      </c>
    </row>
    <row r="7462" spans="1:11" x14ac:dyDescent="0.3">
      <c r="A7462" s="1">
        <v>42866</v>
      </c>
      <c r="B7462" s="3">
        <f t="shared" si="232"/>
        <v>5</v>
      </c>
      <c r="C7462" s="3">
        <f t="shared" si="233"/>
        <v>2017</v>
      </c>
      <c r="D7462" t="s">
        <v>1458</v>
      </c>
      <c r="E7462" t="s">
        <v>148</v>
      </c>
      <c r="F7462" t="s">
        <v>10</v>
      </c>
      <c r="G7462" t="s">
        <v>23</v>
      </c>
      <c r="H7462" t="s">
        <v>115</v>
      </c>
      <c r="I7462">
        <v>43.92</v>
      </c>
      <c r="J7462">
        <v>3</v>
      </c>
      <c r="K7462">
        <v>12.74</v>
      </c>
    </row>
    <row r="7463" spans="1:11" x14ac:dyDescent="0.3">
      <c r="A7463" s="1">
        <v>42867</v>
      </c>
      <c r="B7463" s="3">
        <f t="shared" si="232"/>
        <v>5</v>
      </c>
      <c r="C7463" s="3">
        <f t="shared" si="233"/>
        <v>2017</v>
      </c>
      <c r="D7463" t="s">
        <v>939</v>
      </c>
      <c r="E7463" t="s">
        <v>9</v>
      </c>
      <c r="F7463" t="s">
        <v>10</v>
      </c>
      <c r="G7463" t="s">
        <v>17</v>
      </c>
      <c r="H7463" t="s">
        <v>908</v>
      </c>
      <c r="I7463">
        <v>127.92</v>
      </c>
      <c r="J7463">
        <v>5</v>
      </c>
      <c r="K7463">
        <v>-15.99</v>
      </c>
    </row>
    <row r="7464" spans="1:11" x14ac:dyDescent="0.3">
      <c r="A7464" s="1">
        <v>42867</v>
      </c>
      <c r="B7464" s="3">
        <f t="shared" si="232"/>
        <v>5</v>
      </c>
      <c r="C7464" s="3">
        <f t="shared" si="233"/>
        <v>2017</v>
      </c>
      <c r="D7464" t="s">
        <v>939</v>
      </c>
      <c r="E7464" t="s">
        <v>9</v>
      </c>
      <c r="F7464" t="s">
        <v>10</v>
      </c>
      <c r="G7464" t="s">
        <v>19</v>
      </c>
      <c r="H7464" t="s">
        <v>1173</v>
      </c>
      <c r="I7464">
        <v>34.24</v>
      </c>
      <c r="J7464">
        <v>4</v>
      </c>
      <c r="K7464">
        <v>-53.07</v>
      </c>
    </row>
    <row r="7465" spans="1:11" x14ac:dyDescent="0.3">
      <c r="A7465" s="1">
        <v>42867</v>
      </c>
      <c r="B7465" s="3">
        <f t="shared" si="232"/>
        <v>5</v>
      </c>
      <c r="C7465" s="3">
        <f t="shared" si="233"/>
        <v>2017</v>
      </c>
      <c r="D7465" t="s">
        <v>279</v>
      </c>
      <c r="E7465" t="s">
        <v>433</v>
      </c>
      <c r="F7465" t="s">
        <v>10</v>
      </c>
      <c r="G7465" t="s">
        <v>11</v>
      </c>
      <c r="H7465" t="s">
        <v>96</v>
      </c>
      <c r="I7465">
        <v>87.6</v>
      </c>
      <c r="J7465">
        <v>5</v>
      </c>
      <c r="K7465">
        <v>42.05</v>
      </c>
    </row>
    <row r="7466" spans="1:11" x14ac:dyDescent="0.3">
      <c r="A7466" s="1">
        <v>42867</v>
      </c>
      <c r="B7466" s="3">
        <f t="shared" si="232"/>
        <v>5</v>
      </c>
      <c r="C7466" s="3">
        <f t="shared" si="233"/>
        <v>2017</v>
      </c>
      <c r="D7466" t="s">
        <v>1368</v>
      </c>
      <c r="E7466" t="s">
        <v>77</v>
      </c>
      <c r="F7466" t="s">
        <v>10</v>
      </c>
      <c r="G7466" t="s">
        <v>23</v>
      </c>
      <c r="H7466" t="s">
        <v>576</v>
      </c>
      <c r="I7466">
        <v>10.27</v>
      </c>
      <c r="J7466">
        <v>3</v>
      </c>
      <c r="K7466">
        <v>1.1599999999999999</v>
      </c>
    </row>
    <row r="7467" spans="1:11" x14ac:dyDescent="0.3">
      <c r="A7467" s="1">
        <v>42867</v>
      </c>
      <c r="B7467" s="3">
        <f t="shared" si="232"/>
        <v>5</v>
      </c>
      <c r="C7467" s="3">
        <f t="shared" si="233"/>
        <v>2017</v>
      </c>
      <c r="D7467" t="s">
        <v>1110</v>
      </c>
      <c r="E7467" t="s">
        <v>26</v>
      </c>
      <c r="F7467" t="s">
        <v>10</v>
      </c>
      <c r="G7467" t="s">
        <v>199</v>
      </c>
      <c r="H7467" t="s">
        <v>200</v>
      </c>
      <c r="I7467">
        <v>238.62</v>
      </c>
      <c r="J7467">
        <v>2</v>
      </c>
      <c r="K7467">
        <v>4.7699999999999996</v>
      </c>
    </row>
    <row r="7468" spans="1:11" x14ac:dyDescent="0.3">
      <c r="A7468" s="1">
        <v>42867</v>
      </c>
      <c r="B7468" s="3">
        <f t="shared" si="232"/>
        <v>5</v>
      </c>
      <c r="C7468" s="3">
        <f t="shared" si="233"/>
        <v>2017</v>
      </c>
      <c r="D7468" t="s">
        <v>1110</v>
      </c>
      <c r="E7468" t="s">
        <v>26</v>
      </c>
      <c r="F7468" t="s">
        <v>10</v>
      </c>
      <c r="G7468" t="s">
        <v>91</v>
      </c>
      <c r="H7468" t="s">
        <v>1813</v>
      </c>
      <c r="I7468">
        <v>7.77</v>
      </c>
      <c r="J7468">
        <v>1</v>
      </c>
      <c r="K7468">
        <v>2.1</v>
      </c>
    </row>
    <row r="7469" spans="1:11" x14ac:dyDescent="0.3">
      <c r="A7469" s="1">
        <v>42867</v>
      </c>
      <c r="B7469" s="3">
        <f t="shared" si="232"/>
        <v>5</v>
      </c>
      <c r="C7469" s="3">
        <f t="shared" si="233"/>
        <v>2017</v>
      </c>
      <c r="D7469" t="s">
        <v>1110</v>
      </c>
      <c r="E7469" t="s">
        <v>26</v>
      </c>
      <c r="F7469" t="s">
        <v>33</v>
      </c>
      <c r="G7469" t="s">
        <v>144</v>
      </c>
      <c r="H7469" t="s">
        <v>817</v>
      </c>
      <c r="I7469">
        <v>285.48</v>
      </c>
      <c r="J7469">
        <v>5</v>
      </c>
      <c r="K7469">
        <v>-10.71</v>
      </c>
    </row>
    <row r="7470" spans="1:11" x14ac:dyDescent="0.3">
      <c r="A7470" s="1">
        <v>42867</v>
      </c>
      <c r="B7470" s="3">
        <f t="shared" si="232"/>
        <v>5</v>
      </c>
      <c r="C7470" s="3">
        <f t="shared" si="233"/>
        <v>2017</v>
      </c>
      <c r="D7470" t="s">
        <v>1110</v>
      </c>
      <c r="E7470" t="s">
        <v>26</v>
      </c>
      <c r="F7470" t="s">
        <v>10</v>
      </c>
      <c r="G7470" t="s">
        <v>19</v>
      </c>
      <c r="H7470" t="s">
        <v>2026</v>
      </c>
      <c r="I7470">
        <v>19.170000000000002</v>
      </c>
      <c r="J7470">
        <v>4</v>
      </c>
      <c r="K7470">
        <v>6.47</v>
      </c>
    </row>
    <row r="7471" spans="1:11" x14ac:dyDescent="0.3">
      <c r="A7471" s="1">
        <v>42867</v>
      </c>
      <c r="B7471" s="3">
        <f t="shared" si="232"/>
        <v>5</v>
      </c>
      <c r="C7471" s="3">
        <f t="shared" si="233"/>
        <v>2017</v>
      </c>
      <c r="D7471" t="s">
        <v>2111</v>
      </c>
      <c r="E7471" t="s">
        <v>77</v>
      </c>
      <c r="F7471" t="s">
        <v>10</v>
      </c>
      <c r="G7471" t="s">
        <v>15</v>
      </c>
      <c r="H7471" t="s">
        <v>347</v>
      </c>
      <c r="I7471">
        <v>5.9</v>
      </c>
      <c r="J7471">
        <v>2</v>
      </c>
      <c r="K7471">
        <v>1.99</v>
      </c>
    </row>
    <row r="7472" spans="1:11" x14ac:dyDescent="0.3">
      <c r="A7472" s="1">
        <v>42867</v>
      </c>
      <c r="B7472" s="3">
        <f t="shared" si="232"/>
        <v>5</v>
      </c>
      <c r="C7472" s="3">
        <f t="shared" si="233"/>
        <v>2017</v>
      </c>
      <c r="D7472" t="s">
        <v>878</v>
      </c>
      <c r="E7472" t="s">
        <v>176</v>
      </c>
      <c r="F7472" t="s">
        <v>33</v>
      </c>
      <c r="G7472" t="s">
        <v>46</v>
      </c>
      <c r="H7472" t="s">
        <v>1025</v>
      </c>
      <c r="I7472">
        <v>42.85</v>
      </c>
      <c r="J7472">
        <v>5</v>
      </c>
      <c r="K7472">
        <v>15.43</v>
      </c>
    </row>
    <row r="7473" spans="1:11" x14ac:dyDescent="0.3">
      <c r="A7473" s="1">
        <v>42867</v>
      </c>
      <c r="B7473" s="3">
        <f t="shared" si="232"/>
        <v>5</v>
      </c>
      <c r="C7473" s="3">
        <f t="shared" si="233"/>
        <v>2017</v>
      </c>
      <c r="D7473" t="s">
        <v>878</v>
      </c>
      <c r="E7473" t="s">
        <v>176</v>
      </c>
      <c r="F7473" t="s">
        <v>10</v>
      </c>
      <c r="G7473" t="s">
        <v>15</v>
      </c>
      <c r="H7473" t="s">
        <v>1429</v>
      </c>
      <c r="I7473">
        <v>6.16</v>
      </c>
      <c r="J7473">
        <v>2</v>
      </c>
      <c r="K7473">
        <v>2.96</v>
      </c>
    </row>
    <row r="7474" spans="1:11" x14ac:dyDescent="0.3">
      <c r="A7474" s="1">
        <v>42867</v>
      </c>
      <c r="B7474" s="3">
        <f t="shared" si="232"/>
        <v>5</v>
      </c>
      <c r="C7474" s="3">
        <f t="shared" si="233"/>
        <v>2017</v>
      </c>
      <c r="D7474" t="s">
        <v>878</v>
      </c>
      <c r="E7474" t="s">
        <v>176</v>
      </c>
      <c r="F7474" t="s">
        <v>10</v>
      </c>
      <c r="G7474" t="s">
        <v>199</v>
      </c>
      <c r="H7474" t="s">
        <v>1153</v>
      </c>
      <c r="I7474">
        <v>17</v>
      </c>
      <c r="J7474">
        <v>2</v>
      </c>
      <c r="K7474">
        <v>4.42</v>
      </c>
    </row>
    <row r="7475" spans="1:11" x14ac:dyDescent="0.3">
      <c r="A7475" s="1">
        <v>42867</v>
      </c>
      <c r="B7475" s="3">
        <f t="shared" si="232"/>
        <v>5</v>
      </c>
      <c r="C7475" s="3">
        <f t="shared" si="233"/>
        <v>2017</v>
      </c>
      <c r="D7475" t="s">
        <v>878</v>
      </c>
      <c r="E7475" t="s">
        <v>176</v>
      </c>
      <c r="F7475" t="s">
        <v>38</v>
      </c>
      <c r="G7475" t="s">
        <v>51</v>
      </c>
      <c r="H7475" t="s">
        <v>1389</v>
      </c>
      <c r="I7475">
        <v>87.4</v>
      </c>
      <c r="J7475">
        <v>5</v>
      </c>
      <c r="K7475">
        <v>34.96</v>
      </c>
    </row>
    <row r="7476" spans="1:11" x14ac:dyDescent="0.3">
      <c r="A7476" s="1">
        <v>42868</v>
      </c>
      <c r="B7476" s="3">
        <f t="shared" si="232"/>
        <v>5</v>
      </c>
      <c r="C7476" s="3">
        <f t="shared" si="233"/>
        <v>2017</v>
      </c>
      <c r="D7476" t="s">
        <v>768</v>
      </c>
      <c r="E7476" t="s">
        <v>26</v>
      </c>
      <c r="F7476" t="s">
        <v>10</v>
      </c>
      <c r="G7476" t="s">
        <v>15</v>
      </c>
      <c r="H7476" t="s">
        <v>1039</v>
      </c>
      <c r="I7476">
        <v>58.48</v>
      </c>
      <c r="J7476">
        <v>8</v>
      </c>
      <c r="K7476">
        <v>27.49</v>
      </c>
    </row>
    <row r="7477" spans="1:11" x14ac:dyDescent="0.3">
      <c r="A7477" s="1">
        <v>42868</v>
      </c>
      <c r="B7477" s="3">
        <f t="shared" si="232"/>
        <v>5</v>
      </c>
      <c r="C7477" s="3">
        <f t="shared" si="233"/>
        <v>2017</v>
      </c>
      <c r="D7477" t="s">
        <v>922</v>
      </c>
      <c r="E7477" t="s">
        <v>128</v>
      </c>
      <c r="F7477" t="s">
        <v>10</v>
      </c>
      <c r="G7477" t="s">
        <v>62</v>
      </c>
      <c r="H7477" t="s">
        <v>2037</v>
      </c>
      <c r="I7477">
        <v>180.96</v>
      </c>
      <c r="J7477">
        <v>2</v>
      </c>
      <c r="K7477">
        <v>81.430000000000007</v>
      </c>
    </row>
    <row r="7478" spans="1:11" x14ac:dyDescent="0.3">
      <c r="A7478" s="1">
        <v>42868</v>
      </c>
      <c r="B7478" s="3">
        <f t="shared" si="232"/>
        <v>5</v>
      </c>
      <c r="C7478" s="3">
        <f t="shared" si="233"/>
        <v>2017</v>
      </c>
      <c r="D7478" t="s">
        <v>922</v>
      </c>
      <c r="E7478" t="s">
        <v>128</v>
      </c>
      <c r="F7478" t="s">
        <v>10</v>
      </c>
      <c r="G7478" t="s">
        <v>19</v>
      </c>
      <c r="H7478" t="s">
        <v>36</v>
      </c>
      <c r="I7478">
        <v>914.97</v>
      </c>
      <c r="J7478">
        <v>3</v>
      </c>
      <c r="K7478">
        <v>411.74</v>
      </c>
    </row>
    <row r="7479" spans="1:11" x14ac:dyDescent="0.3">
      <c r="A7479" s="1">
        <v>42868</v>
      </c>
      <c r="B7479" s="3">
        <f t="shared" si="232"/>
        <v>5</v>
      </c>
      <c r="C7479" s="3">
        <f t="shared" si="233"/>
        <v>2017</v>
      </c>
      <c r="D7479" t="s">
        <v>922</v>
      </c>
      <c r="E7479" t="s">
        <v>128</v>
      </c>
      <c r="F7479" t="s">
        <v>38</v>
      </c>
      <c r="G7479" t="s">
        <v>39</v>
      </c>
      <c r="H7479" t="s">
        <v>2025</v>
      </c>
      <c r="I7479">
        <v>587.97</v>
      </c>
      <c r="J7479">
        <v>3</v>
      </c>
      <c r="K7479">
        <v>158.75</v>
      </c>
    </row>
    <row r="7480" spans="1:11" x14ac:dyDescent="0.3">
      <c r="A7480" s="1">
        <v>42868</v>
      </c>
      <c r="B7480" s="3">
        <f t="shared" si="232"/>
        <v>5</v>
      </c>
      <c r="C7480" s="3">
        <f t="shared" si="233"/>
        <v>2017</v>
      </c>
      <c r="D7480" t="s">
        <v>922</v>
      </c>
      <c r="E7480" t="s">
        <v>128</v>
      </c>
      <c r="F7480" t="s">
        <v>10</v>
      </c>
      <c r="G7480" t="s">
        <v>17</v>
      </c>
      <c r="H7480" t="s">
        <v>72</v>
      </c>
      <c r="I7480">
        <v>530.34</v>
      </c>
      <c r="J7480">
        <v>2</v>
      </c>
      <c r="K7480">
        <v>95.46</v>
      </c>
    </row>
    <row r="7481" spans="1:11" x14ac:dyDescent="0.3">
      <c r="A7481" s="1">
        <v>42868</v>
      </c>
      <c r="B7481" s="3">
        <f t="shared" si="232"/>
        <v>5</v>
      </c>
      <c r="C7481" s="3">
        <f t="shared" si="233"/>
        <v>2017</v>
      </c>
      <c r="D7481" t="s">
        <v>922</v>
      </c>
      <c r="E7481" t="s">
        <v>128</v>
      </c>
      <c r="F7481" t="s">
        <v>10</v>
      </c>
      <c r="G7481" t="s">
        <v>11</v>
      </c>
      <c r="H7481" t="s">
        <v>1677</v>
      </c>
      <c r="I7481">
        <v>14.94</v>
      </c>
      <c r="J7481">
        <v>3</v>
      </c>
      <c r="K7481">
        <v>7.32</v>
      </c>
    </row>
    <row r="7482" spans="1:11" x14ac:dyDescent="0.3">
      <c r="A7482" s="1">
        <v>42868</v>
      </c>
      <c r="B7482" s="3">
        <f t="shared" si="232"/>
        <v>5</v>
      </c>
      <c r="C7482" s="3">
        <f t="shared" si="233"/>
        <v>2017</v>
      </c>
      <c r="D7482" t="s">
        <v>802</v>
      </c>
      <c r="E7482" t="s">
        <v>58</v>
      </c>
      <c r="F7482" t="s">
        <v>10</v>
      </c>
      <c r="G7482" t="s">
        <v>19</v>
      </c>
      <c r="H7482" t="s">
        <v>2074</v>
      </c>
      <c r="I7482">
        <v>299.52</v>
      </c>
      <c r="J7482">
        <v>9</v>
      </c>
      <c r="K7482">
        <v>149.76</v>
      </c>
    </row>
    <row r="7483" spans="1:11" x14ac:dyDescent="0.3">
      <c r="A7483" s="1">
        <v>42868</v>
      </c>
      <c r="B7483" s="3">
        <f t="shared" si="232"/>
        <v>5</v>
      </c>
      <c r="C7483" s="3">
        <f t="shared" si="233"/>
        <v>2017</v>
      </c>
      <c r="D7483" t="s">
        <v>482</v>
      </c>
      <c r="E7483" t="s">
        <v>119</v>
      </c>
      <c r="F7483" t="s">
        <v>10</v>
      </c>
      <c r="G7483" t="s">
        <v>91</v>
      </c>
      <c r="H7483" t="s">
        <v>1348</v>
      </c>
      <c r="I7483">
        <v>20.77</v>
      </c>
      <c r="J7483">
        <v>2</v>
      </c>
      <c r="K7483">
        <v>2.34</v>
      </c>
    </row>
    <row r="7484" spans="1:11" x14ac:dyDescent="0.3">
      <c r="A7484" s="1">
        <v>42868</v>
      </c>
      <c r="B7484" s="3">
        <f t="shared" si="232"/>
        <v>5</v>
      </c>
      <c r="C7484" s="3">
        <f t="shared" si="233"/>
        <v>2017</v>
      </c>
      <c r="D7484" t="s">
        <v>2584</v>
      </c>
      <c r="E7484" t="s">
        <v>22</v>
      </c>
      <c r="F7484" t="s">
        <v>33</v>
      </c>
      <c r="G7484" t="s">
        <v>34</v>
      </c>
      <c r="H7484" t="s">
        <v>370</v>
      </c>
      <c r="I7484">
        <v>458.43</v>
      </c>
      <c r="J7484">
        <v>5</v>
      </c>
      <c r="K7484">
        <v>-124.43</v>
      </c>
    </row>
    <row r="7485" spans="1:11" x14ac:dyDescent="0.3">
      <c r="A7485" s="1">
        <v>42869</v>
      </c>
      <c r="B7485" s="3">
        <f t="shared" si="232"/>
        <v>5</v>
      </c>
      <c r="C7485" s="3">
        <f t="shared" si="233"/>
        <v>2017</v>
      </c>
      <c r="D7485" t="s">
        <v>486</v>
      </c>
      <c r="E7485" t="s">
        <v>26</v>
      </c>
      <c r="F7485" t="s">
        <v>33</v>
      </c>
      <c r="G7485" t="s">
        <v>46</v>
      </c>
      <c r="H7485" t="s">
        <v>2128</v>
      </c>
      <c r="I7485">
        <v>18.28</v>
      </c>
      <c r="J7485">
        <v>2</v>
      </c>
      <c r="K7485">
        <v>6.22</v>
      </c>
    </row>
    <row r="7486" spans="1:11" x14ac:dyDescent="0.3">
      <c r="A7486" s="1">
        <v>42869</v>
      </c>
      <c r="B7486" s="3">
        <f t="shared" si="232"/>
        <v>5</v>
      </c>
      <c r="C7486" s="3">
        <f t="shared" si="233"/>
        <v>2017</v>
      </c>
      <c r="D7486" t="s">
        <v>486</v>
      </c>
      <c r="E7486" t="s">
        <v>26</v>
      </c>
      <c r="F7486" t="s">
        <v>38</v>
      </c>
      <c r="G7486" t="s">
        <v>51</v>
      </c>
      <c r="H7486" t="s">
        <v>2124</v>
      </c>
      <c r="I7486">
        <v>1399.93</v>
      </c>
      <c r="J7486">
        <v>7</v>
      </c>
      <c r="K7486">
        <v>601.97</v>
      </c>
    </row>
    <row r="7487" spans="1:11" x14ac:dyDescent="0.3">
      <c r="A7487" s="1">
        <v>42869</v>
      </c>
      <c r="B7487" s="3">
        <f t="shared" si="232"/>
        <v>5</v>
      </c>
      <c r="C7487" s="3">
        <f t="shared" si="233"/>
        <v>2017</v>
      </c>
      <c r="D7487" t="s">
        <v>253</v>
      </c>
      <c r="E7487" t="s">
        <v>328</v>
      </c>
      <c r="F7487" t="s">
        <v>10</v>
      </c>
      <c r="G7487" t="s">
        <v>62</v>
      </c>
      <c r="H7487" t="s">
        <v>1673</v>
      </c>
      <c r="I7487">
        <v>48.69</v>
      </c>
      <c r="J7487">
        <v>9</v>
      </c>
      <c r="K7487">
        <v>23.86</v>
      </c>
    </row>
    <row r="7488" spans="1:11" x14ac:dyDescent="0.3">
      <c r="A7488" s="1">
        <v>42869</v>
      </c>
      <c r="B7488" s="3">
        <f t="shared" si="232"/>
        <v>5</v>
      </c>
      <c r="C7488" s="3">
        <f t="shared" si="233"/>
        <v>2017</v>
      </c>
      <c r="D7488" t="s">
        <v>1884</v>
      </c>
      <c r="E7488" t="s">
        <v>148</v>
      </c>
      <c r="F7488" t="s">
        <v>38</v>
      </c>
      <c r="G7488" t="s">
        <v>39</v>
      </c>
      <c r="H7488" t="s">
        <v>1916</v>
      </c>
      <c r="I7488">
        <v>539.97</v>
      </c>
      <c r="J7488">
        <v>3</v>
      </c>
      <c r="K7488">
        <v>134.99</v>
      </c>
    </row>
    <row r="7489" spans="1:11" x14ac:dyDescent="0.3">
      <c r="A7489" s="1">
        <v>42869</v>
      </c>
      <c r="B7489" s="3">
        <f t="shared" si="232"/>
        <v>5</v>
      </c>
      <c r="C7489" s="3">
        <f t="shared" si="233"/>
        <v>2017</v>
      </c>
      <c r="D7489" t="s">
        <v>1884</v>
      </c>
      <c r="E7489" t="s">
        <v>148</v>
      </c>
      <c r="F7489" t="s">
        <v>10</v>
      </c>
      <c r="G7489" t="s">
        <v>17</v>
      </c>
      <c r="H7489" t="s">
        <v>584</v>
      </c>
      <c r="I7489">
        <v>22.58</v>
      </c>
      <c r="J7489">
        <v>2</v>
      </c>
      <c r="K7489">
        <v>5.87</v>
      </c>
    </row>
    <row r="7490" spans="1:11" x14ac:dyDescent="0.3">
      <c r="A7490" s="1">
        <v>42869</v>
      </c>
      <c r="B7490" s="3">
        <f t="shared" ref="B7490:B7553" si="234">MONTH(A:A)</f>
        <v>5</v>
      </c>
      <c r="C7490" s="3">
        <f t="shared" ref="C7490:C7553" si="235">YEAR(A:A)</f>
        <v>2017</v>
      </c>
      <c r="D7490" t="s">
        <v>451</v>
      </c>
      <c r="E7490" t="s">
        <v>163</v>
      </c>
      <c r="F7490" t="s">
        <v>10</v>
      </c>
      <c r="G7490" t="s">
        <v>11</v>
      </c>
      <c r="H7490" t="s">
        <v>1491</v>
      </c>
      <c r="I7490">
        <v>440.19</v>
      </c>
      <c r="J7490">
        <v>9</v>
      </c>
      <c r="K7490">
        <v>206.89</v>
      </c>
    </row>
    <row r="7491" spans="1:11" x14ac:dyDescent="0.3">
      <c r="A7491" s="1">
        <v>42869</v>
      </c>
      <c r="B7491" s="3">
        <f t="shared" si="234"/>
        <v>5</v>
      </c>
      <c r="C7491" s="3">
        <f t="shared" si="235"/>
        <v>2017</v>
      </c>
      <c r="D7491" t="s">
        <v>451</v>
      </c>
      <c r="E7491" t="s">
        <v>163</v>
      </c>
      <c r="F7491" t="s">
        <v>10</v>
      </c>
      <c r="G7491" t="s">
        <v>199</v>
      </c>
      <c r="H7491" t="s">
        <v>471</v>
      </c>
      <c r="I7491">
        <v>64.400000000000006</v>
      </c>
      <c r="J7491">
        <v>5</v>
      </c>
      <c r="K7491">
        <v>1.93</v>
      </c>
    </row>
    <row r="7492" spans="1:11" x14ac:dyDescent="0.3">
      <c r="A7492" s="1">
        <v>42869</v>
      </c>
      <c r="B7492" s="3">
        <f t="shared" si="234"/>
        <v>5</v>
      </c>
      <c r="C7492" s="3">
        <f t="shared" si="235"/>
        <v>2017</v>
      </c>
      <c r="D7492" t="s">
        <v>708</v>
      </c>
      <c r="E7492" t="s">
        <v>9</v>
      </c>
      <c r="F7492" t="s">
        <v>33</v>
      </c>
      <c r="G7492" t="s">
        <v>34</v>
      </c>
      <c r="H7492" t="s">
        <v>725</v>
      </c>
      <c r="I7492">
        <v>899.43</v>
      </c>
      <c r="J7492">
        <v>5</v>
      </c>
      <c r="K7492">
        <v>-12.85</v>
      </c>
    </row>
    <row r="7493" spans="1:11" x14ac:dyDescent="0.3">
      <c r="A7493" s="1">
        <v>42869</v>
      </c>
      <c r="B7493" s="3">
        <f t="shared" si="234"/>
        <v>5</v>
      </c>
      <c r="C7493" s="3">
        <f t="shared" si="235"/>
        <v>2017</v>
      </c>
      <c r="D7493" t="s">
        <v>708</v>
      </c>
      <c r="E7493" t="s">
        <v>9</v>
      </c>
      <c r="F7493" t="s">
        <v>10</v>
      </c>
      <c r="G7493" t="s">
        <v>23</v>
      </c>
      <c r="H7493" t="s">
        <v>2188</v>
      </c>
      <c r="I7493">
        <v>46.2</v>
      </c>
      <c r="J7493">
        <v>5</v>
      </c>
      <c r="K7493">
        <v>5.78</v>
      </c>
    </row>
    <row r="7494" spans="1:11" x14ac:dyDescent="0.3">
      <c r="A7494" s="1">
        <v>42869</v>
      </c>
      <c r="B7494" s="3">
        <f t="shared" si="234"/>
        <v>5</v>
      </c>
      <c r="C7494" s="3">
        <f t="shared" si="235"/>
        <v>2017</v>
      </c>
      <c r="D7494" t="s">
        <v>708</v>
      </c>
      <c r="E7494" t="s">
        <v>9</v>
      </c>
      <c r="F7494" t="s">
        <v>10</v>
      </c>
      <c r="G7494" t="s">
        <v>11</v>
      </c>
      <c r="H7494" t="s">
        <v>2355</v>
      </c>
      <c r="I7494">
        <v>47.95</v>
      </c>
      <c r="J7494">
        <v>3</v>
      </c>
      <c r="K7494">
        <v>16.18</v>
      </c>
    </row>
    <row r="7495" spans="1:11" x14ac:dyDescent="0.3">
      <c r="A7495" s="1">
        <v>42869</v>
      </c>
      <c r="B7495" s="3">
        <f t="shared" si="234"/>
        <v>5</v>
      </c>
      <c r="C7495" s="3">
        <f t="shared" si="235"/>
        <v>2017</v>
      </c>
      <c r="D7495" t="s">
        <v>708</v>
      </c>
      <c r="E7495" t="s">
        <v>9</v>
      </c>
      <c r="F7495" t="s">
        <v>38</v>
      </c>
      <c r="G7495" t="s">
        <v>39</v>
      </c>
      <c r="H7495" t="s">
        <v>2602</v>
      </c>
      <c r="I7495">
        <v>7.99</v>
      </c>
      <c r="J7495">
        <v>1</v>
      </c>
      <c r="K7495">
        <v>0.7</v>
      </c>
    </row>
    <row r="7496" spans="1:11" x14ac:dyDescent="0.3">
      <c r="A7496" s="1">
        <v>42869</v>
      </c>
      <c r="B7496" s="3">
        <f t="shared" si="234"/>
        <v>5</v>
      </c>
      <c r="C7496" s="3">
        <f t="shared" si="235"/>
        <v>2017</v>
      </c>
      <c r="D7496" t="s">
        <v>708</v>
      </c>
      <c r="E7496" t="s">
        <v>9</v>
      </c>
      <c r="F7496" t="s">
        <v>10</v>
      </c>
      <c r="G7496" t="s">
        <v>11</v>
      </c>
      <c r="H7496" t="s">
        <v>2081</v>
      </c>
      <c r="I7496">
        <v>76.86</v>
      </c>
      <c r="J7496">
        <v>2</v>
      </c>
      <c r="K7496">
        <v>26.9</v>
      </c>
    </row>
    <row r="7497" spans="1:11" x14ac:dyDescent="0.3">
      <c r="A7497" s="1">
        <v>42869</v>
      </c>
      <c r="B7497" s="3">
        <f t="shared" si="234"/>
        <v>5</v>
      </c>
      <c r="C7497" s="3">
        <f t="shared" si="235"/>
        <v>2017</v>
      </c>
      <c r="D7497" t="s">
        <v>53</v>
      </c>
      <c r="E7497" t="s">
        <v>530</v>
      </c>
      <c r="F7497" t="s">
        <v>10</v>
      </c>
      <c r="G7497" t="s">
        <v>23</v>
      </c>
      <c r="H7497" t="s">
        <v>843</v>
      </c>
      <c r="I7497">
        <v>3.76</v>
      </c>
      <c r="J7497">
        <v>2</v>
      </c>
      <c r="K7497">
        <v>1.0900000000000001</v>
      </c>
    </row>
    <row r="7498" spans="1:11" x14ac:dyDescent="0.3">
      <c r="A7498" s="1">
        <v>42869</v>
      </c>
      <c r="B7498" s="3">
        <f t="shared" si="234"/>
        <v>5</v>
      </c>
      <c r="C7498" s="3">
        <f t="shared" si="235"/>
        <v>2017</v>
      </c>
      <c r="D7498" t="s">
        <v>53</v>
      </c>
      <c r="E7498" t="s">
        <v>530</v>
      </c>
      <c r="F7498" t="s">
        <v>10</v>
      </c>
      <c r="G7498" t="s">
        <v>23</v>
      </c>
      <c r="H7498" t="s">
        <v>1251</v>
      </c>
      <c r="I7498">
        <v>14.7</v>
      </c>
      <c r="J7498">
        <v>5</v>
      </c>
      <c r="K7498">
        <v>6.62</v>
      </c>
    </row>
    <row r="7499" spans="1:11" x14ac:dyDescent="0.3">
      <c r="A7499" s="1">
        <v>42869</v>
      </c>
      <c r="B7499" s="3">
        <f t="shared" si="234"/>
        <v>5</v>
      </c>
      <c r="C7499" s="3">
        <f t="shared" si="235"/>
        <v>2017</v>
      </c>
      <c r="D7499" t="s">
        <v>53</v>
      </c>
      <c r="E7499" t="s">
        <v>530</v>
      </c>
      <c r="F7499" t="s">
        <v>10</v>
      </c>
      <c r="G7499" t="s">
        <v>23</v>
      </c>
      <c r="H7499" t="s">
        <v>383</v>
      </c>
      <c r="I7499">
        <v>37.200000000000003</v>
      </c>
      <c r="J7499">
        <v>5</v>
      </c>
      <c r="K7499">
        <v>9.3000000000000007</v>
      </c>
    </row>
    <row r="7500" spans="1:11" x14ac:dyDescent="0.3">
      <c r="A7500" s="1">
        <v>42869</v>
      </c>
      <c r="B7500" s="3">
        <f t="shared" si="234"/>
        <v>5</v>
      </c>
      <c r="C7500" s="3">
        <f t="shared" si="235"/>
        <v>2017</v>
      </c>
      <c r="D7500" t="s">
        <v>53</v>
      </c>
      <c r="E7500" t="s">
        <v>530</v>
      </c>
      <c r="F7500" t="s">
        <v>38</v>
      </c>
      <c r="G7500" t="s">
        <v>51</v>
      </c>
      <c r="H7500" t="s">
        <v>1555</v>
      </c>
      <c r="I7500">
        <v>89.97</v>
      </c>
      <c r="J7500">
        <v>3</v>
      </c>
      <c r="K7500">
        <v>18.89</v>
      </c>
    </row>
    <row r="7501" spans="1:11" x14ac:dyDescent="0.3">
      <c r="A7501" s="1">
        <v>42869</v>
      </c>
      <c r="B7501" s="3">
        <f t="shared" si="234"/>
        <v>5</v>
      </c>
      <c r="C7501" s="3">
        <f t="shared" si="235"/>
        <v>2017</v>
      </c>
      <c r="D7501" t="s">
        <v>53</v>
      </c>
      <c r="E7501" t="s">
        <v>530</v>
      </c>
      <c r="F7501" t="s">
        <v>33</v>
      </c>
      <c r="G7501" t="s">
        <v>34</v>
      </c>
      <c r="H7501" t="s">
        <v>1434</v>
      </c>
      <c r="I7501">
        <v>261.95999999999998</v>
      </c>
      <c r="J7501">
        <v>2</v>
      </c>
      <c r="K7501">
        <v>23.58</v>
      </c>
    </row>
    <row r="7502" spans="1:11" x14ac:dyDescent="0.3">
      <c r="A7502" s="1">
        <v>42869</v>
      </c>
      <c r="B7502" s="3">
        <f t="shared" si="234"/>
        <v>5</v>
      </c>
      <c r="C7502" s="3">
        <f t="shared" si="235"/>
        <v>2017</v>
      </c>
      <c r="D7502" t="s">
        <v>53</v>
      </c>
      <c r="E7502" t="s">
        <v>530</v>
      </c>
      <c r="F7502" t="s">
        <v>10</v>
      </c>
      <c r="G7502" t="s">
        <v>15</v>
      </c>
      <c r="H7502" t="s">
        <v>363</v>
      </c>
      <c r="I7502">
        <v>74</v>
      </c>
      <c r="J7502">
        <v>5</v>
      </c>
      <c r="K7502">
        <v>37</v>
      </c>
    </row>
    <row r="7503" spans="1:11" x14ac:dyDescent="0.3">
      <c r="A7503" s="1">
        <v>42869</v>
      </c>
      <c r="B7503" s="3">
        <f t="shared" si="234"/>
        <v>5</v>
      </c>
      <c r="C7503" s="3">
        <f t="shared" si="235"/>
        <v>2017</v>
      </c>
      <c r="D7503" t="s">
        <v>8</v>
      </c>
      <c r="E7503" t="s">
        <v>77</v>
      </c>
      <c r="F7503" t="s">
        <v>10</v>
      </c>
      <c r="G7503" t="s">
        <v>19</v>
      </c>
      <c r="H7503" t="s">
        <v>299</v>
      </c>
      <c r="I7503">
        <v>58.17</v>
      </c>
      <c r="J7503">
        <v>5</v>
      </c>
      <c r="K7503">
        <v>-46.54</v>
      </c>
    </row>
    <row r="7504" spans="1:11" x14ac:dyDescent="0.3">
      <c r="A7504" s="1">
        <v>42869</v>
      </c>
      <c r="B7504" s="3">
        <f t="shared" si="234"/>
        <v>5</v>
      </c>
      <c r="C7504" s="3">
        <f t="shared" si="235"/>
        <v>2017</v>
      </c>
      <c r="D7504" t="s">
        <v>8</v>
      </c>
      <c r="E7504" t="s">
        <v>77</v>
      </c>
      <c r="F7504" t="s">
        <v>10</v>
      </c>
      <c r="G7504" t="s">
        <v>15</v>
      </c>
      <c r="H7504" t="s">
        <v>2505</v>
      </c>
      <c r="I7504">
        <v>5.04</v>
      </c>
      <c r="J7504">
        <v>2</v>
      </c>
      <c r="K7504">
        <v>1.76</v>
      </c>
    </row>
    <row r="7505" spans="1:11" x14ac:dyDescent="0.3">
      <c r="A7505" s="1">
        <v>42869</v>
      </c>
      <c r="B7505" s="3">
        <f t="shared" si="234"/>
        <v>5</v>
      </c>
      <c r="C7505" s="3">
        <f t="shared" si="235"/>
        <v>2017</v>
      </c>
      <c r="D7505" t="s">
        <v>8</v>
      </c>
      <c r="E7505" t="s">
        <v>77</v>
      </c>
      <c r="F7505" t="s">
        <v>10</v>
      </c>
      <c r="G7505" t="s">
        <v>11</v>
      </c>
      <c r="H7505" t="s">
        <v>2031</v>
      </c>
      <c r="I7505">
        <v>24.78</v>
      </c>
      <c r="J7505">
        <v>1</v>
      </c>
      <c r="K7505">
        <v>7.75</v>
      </c>
    </row>
    <row r="7506" spans="1:11" x14ac:dyDescent="0.3">
      <c r="A7506" s="1">
        <v>42870</v>
      </c>
      <c r="B7506" s="3">
        <f t="shared" si="234"/>
        <v>5</v>
      </c>
      <c r="C7506" s="3">
        <f t="shared" si="235"/>
        <v>2017</v>
      </c>
      <c r="D7506" t="s">
        <v>1319</v>
      </c>
      <c r="E7506" t="s">
        <v>94</v>
      </c>
      <c r="F7506" t="s">
        <v>38</v>
      </c>
      <c r="G7506" t="s">
        <v>39</v>
      </c>
      <c r="H7506" t="s">
        <v>900</v>
      </c>
      <c r="I7506">
        <v>29.59</v>
      </c>
      <c r="J7506">
        <v>1</v>
      </c>
      <c r="K7506">
        <v>2.59</v>
      </c>
    </row>
    <row r="7507" spans="1:11" x14ac:dyDescent="0.3">
      <c r="A7507" s="1">
        <v>42870</v>
      </c>
      <c r="B7507" s="3">
        <f t="shared" si="234"/>
        <v>5</v>
      </c>
      <c r="C7507" s="3">
        <f t="shared" si="235"/>
        <v>2017</v>
      </c>
      <c r="D7507" t="s">
        <v>1319</v>
      </c>
      <c r="E7507" t="s">
        <v>94</v>
      </c>
      <c r="F7507" t="s">
        <v>10</v>
      </c>
      <c r="G7507" t="s">
        <v>19</v>
      </c>
      <c r="H7507" t="s">
        <v>2467</v>
      </c>
      <c r="I7507">
        <v>4.75</v>
      </c>
      <c r="J7507">
        <v>2</v>
      </c>
      <c r="K7507">
        <v>-3.17</v>
      </c>
    </row>
    <row r="7508" spans="1:11" x14ac:dyDescent="0.3">
      <c r="A7508" s="1">
        <v>42870</v>
      </c>
      <c r="B7508" s="3">
        <f t="shared" si="234"/>
        <v>5</v>
      </c>
      <c r="C7508" s="3">
        <f t="shared" si="235"/>
        <v>2017</v>
      </c>
      <c r="D7508" t="s">
        <v>1319</v>
      </c>
      <c r="E7508" t="s">
        <v>94</v>
      </c>
      <c r="F7508" t="s">
        <v>10</v>
      </c>
      <c r="G7508" t="s">
        <v>11</v>
      </c>
      <c r="H7508" t="s">
        <v>2671</v>
      </c>
      <c r="I7508">
        <v>15.55</v>
      </c>
      <c r="J7508">
        <v>3</v>
      </c>
      <c r="K7508">
        <v>5.64</v>
      </c>
    </row>
    <row r="7509" spans="1:11" x14ac:dyDescent="0.3">
      <c r="A7509" s="1">
        <v>42870</v>
      </c>
      <c r="B7509" s="3">
        <f t="shared" si="234"/>
        <v>5</v>
      </c>
      <c r="C7509" s="3">
        <f t="shared" si="235"/>
        <v>2017</v>
      </c>
      <c r="D7509" t="s">
        <v>294</v>
      </c>
      <c r="E7509" t="s">
        <v>163</v>
      </c>
      <c r="F7509" t="s">
        <v>33</v>
      </c>
      <c r="G7509" t="s">
        <v>46</v>
      </c>
      <c r="H7509" t="s">
        <v>687</v>
      </c>
      <c r="I7509">
        <v>39.96</v>
      </c>
      <c r="J7509">
        <v>2</v>
      </c>
      <c r="K7509">
        <v>17.18</v>
      </c>
    </row>
    <row r="7510" spans="1:11" x14ac:dyDescent="0.3">
      <c r="A7510" s="1">
        <v>42870</v>
      </c>
      <c r="B7510" s="3">
        <f t="shared" si="234"/>
        <v>5</v>
      </c>
      <c r="C7510" s="3">
        <f t="shared" si="235"/>
        <v>2017</v>
      </c>
      <c r="D7510" t="s">
        <v>294</v>
      </c>
      <c r="E7510" t="s">
        <v>163</v>
      </c>
      <c r="F7510" t="s">
        <v>33</v>
      </c>
      <c r="G7510" t="s">
        <v>34</v>
      </c>
      <c r="H7510" t="s">
        <v>1633</v>
      </c>
      <c r="I7510">
        <v>42.62</v>
      </c>
      <c r="J7510">
        <v>2</v>
      </c>
      <c r="K7510">
        <v>4.26</v>
      </c>
    </row>
    <row r="7511" spans="1:11" x14ac:dyDescent="0.3">
      <c r="A7511" s="1">
        <v>42870</v>
      </c>
      <c r="B7511" s="3">
        <f t="shared" si="234"/>
        <v>5</v>
      </c>
      <c r="C7511" s="3">
        <f t="shared" si="235"/>
        <v>2017</v>
      </c>
      <c r="D7511" t="s">
        <v>294</v>
      </c>
      <c r="E7511" t="s">
        <v>163</v>
      </c>
      <c r="F7511" t="s">
        <v>33</v>
      </c>
      <c r="G7511" t="s">
        <v>34</v>
      </c>
      <c r="H7511" t="s">
        <v>1236</v>
      </c>
      <c r="I7511">
        <v>220.96</v>
      </c>
      <c r="J7511">
        <v>1</v>
      </c>
      <c r="K7511">
        <v>24.86</v>
      </c>
    </row>
    <row r="7512" spans="1:11" x14ac:dyDescent="0.3">
      <c r="A7512" s="1">
        <v>42870</v>
      </c>
      <c r="B7512" s="3">
        <f t="shared" si="234"/>
        <v>5</v>
      </c>
      <c r="C7512" s="3">
        <f t="shared" si="235"/>
        <v>2017</v>
      </c>
      <c r="D7512" t="s">
        <v>1432</v>
      </c>
      <c r="E7512" t="s">
        <v>14</v>
      </c>
      <c r="F7512" t="s">
        <v>10</v>
      </c>
      <c r="G7512" t="s">
        <v>11</v>
      </c>
      <c r="H7512" t="s">
        <v>1983</v>
      </c>
      <c r="I7512">
        <v>56.7</v>
      </c>
      <c r="J7512">
        <v>2</v>
      </c>
      <c r="K7512">
        <v>19.14</v>
      </c>
    </row>
    <row r="7513" spans="1:11" x14ac:dyDescent="0.3">
      <c r="A7513" s="1">
        <v>42870</v>
      </c>
      <c r="B7513" s="3">
        <f t="shared" si="234"/>
        <v>5</v>
      </c>
      <c r="C7513" s="3">
        <f t="shared" si="235"/>
        <v>2017</v>
      </c>
      <c r="D7513" t="s">
        <v>1432</v>
      </c>
      <c r="E7513" t="s">
        <v>14</v>
      </c>
      <c r="F7513" t="s">
        <v>38</v>
      </c>
      <c r="G7513" t="s">
        <v>39</v>
      </c>
      <c r="H7513" t="s">
        <v>1341</v>
      </c>
      <c r="I7513">
        <v>11.12</v>
      </c>
      <c r="J7513">
        <v>2</v>
      </c>
      <c r="K7513">
        <v>3.48</v>
      </c>
    </row>
    <row r="7514" spans="1:11" x14ac:dyDescent="0.3">
      <c r="A7514" s="1">
        <v>42871</v>
      </c>
      <c r="B7514" s="3">
        <f t="shared" si="234"/>
        <v>5</v>
      </c>
      <c r="C7514" s="3">
        <f t="shared" si="235"/>
        <v>2017</v>
      </c>
      <c r="D7514" t="s">
        <v>1660</v>
      </c>
      <c r="E7514" t="s">
        <v>77</v>
      </c>
      <c r="F7514" t="s">
        <v>10</v>
      </c>
      <c r="G7514" t="s">
        <v>17</v>
      </c>
      <c r="H7514" t="s">
        <v>556</v>
      </c>
      <c r="I7514">
        <v>221.02</v>
      </c>
      <c r="J7514">
        <v>2</v>
      </c>
      <c r="K7514">
        <v>-55.26</v>
      </c>
    </row>
    <row r="7515" spans="1:11" x14ac:dyDescent="0.3">
      <c r="A7515" s="1">
        <v>42873</v>
      </c>
      <c r="B7515" s="3">
        <f t="shared" si="234"/>
        <v>5</v>
      </c>
      <c r="C7515" s="3">
        <f t="shared" si="235"/>
        <v>2017</v>
      </c>
      <c r="D7515" t="s">
        <v>795</v>
      </c>
      <c r="E7515" t="s">
        <v>22</v>
      </c>
      <c r="F7515" t="s">
        <v>38</v>
      </c>
      <c r="G7515" t="s">
        <v>51</v>
      </c>
      <c r="H7515" t="s">
        <v>1954</v>
      </c>
      <c r="I7515">
        <v>36.049999999999997</v>
      </c>
      <c r="J7515">
        <v>3</v>
      </c>
      <c r="K7515">
        <v>-0.9</v>
      </c>
    </row>
    <row r="7516" spans="1:11" x14ac:dyDescent="0.3">
      <c r="A7516" s="1">
        <v>42873</v>
      </c>
      <c r="B7516" s="3">
        <f t="shared" si="234"/>
        <v>5</v>
      </c>
      <c r="C7516" s="3">
        <f t="shared" si="235"/>
        <v>2017</v>
      </c>
      <c r="D7516" t="s">
        <v>93</v>
      </c>
      <c r="E7516" t="s">
        <v>148</v>
      </c>
      <c r="F7516" t="s">
        <v>33</v>
      </c>
      <c r="G7516" t="s">
        <v>46</v>
      </c>
      <c r="H7516" t="s">
        <v>1187</v>
      </c>
      <c r="I7516">
        <v>14.56</v>
      </c>
      <c r="J7516">
        <v>2</v>
      </c>
      <c r="K7516">
        <v>6.26</v>
      </c>
    </row>
    <row r="7517" spans="1:11" x14ac:dyDescent="0.3">
      <c r="A7517" s="1">
        <v>42873</v>
      </c>
      <c r="B7517" s="3">
        <f t="shared" si="234"/>
        <v>5</v>
      </c>
      <c r="C7517" s="3">
        <f t="shared" si="235"/>
        <v>2017</v>
      </c>
      <c r="D7517" t="s">
        <v>93</v>
      </c>
      <c r="E7517" t="s">
        <v>148</v>
      </c>
      <c r="F7517" t="s">
        <v>10</v>
      </c>
      <c r="G7517" t="s">
        <v>19</v>
      </c>
      <c r="H7517" t="s">
        <v>112</v>
      </c>
      <c r="I7517">
        <v>3.05</v>
      </c>
      <c r="J7517">
        <v>1</v>
      </c>
      <c r="K7517">
        <v>1.03</v>
      </c>
    </row>
    <row r="7518" spans="1:11" x14ac:dyDescent="0.3">
      <c r="A7518" s="1">
        <v>42873</v>
      </c>
      <c r="B7518" s="3">
        <f t="shared" si="234"/>
        <v>5</v>
      </c>
      <c r="C7518" s="3">
        <f t="shared" si="235"/>
        <v>2017</v>
      </c>
      <c r="D7518" t="s">
        <v>409</v>
      </c>
      <c r="E7518" t="s">
        <v>9</v>
      </c>
      <c r="F7518" t="s">
        <v>10</v>
      </c>
      <c r="G7518" t="s">
        <v>19</v>
      </c>
      <c r="H7518" t="s">
        <v>1312</v>
      </c>
      <c r="I7518">
        <v>6.87</v>
      </c>
      <c r="J7518">
        <v>7</v>
      </c>
      <c r="K7518">
        <v>-10.65</v>
      </c>
    </row>
    <row r="7519" spans="1:11" x14ac:dyDescent="0.3">
      <c r="A7519" s="1">
        <v>42873</v>
      </c>
      <c r="B7519" s="3">
        <f t="shared" si="234"/>
        <v>5</v>
      </c>
      <c r="C7519" s="3">
        <f t="shared" si="235"/>
        <v>2017</v>
      </c>
      <c r="D7519" t="s">
        <v>409</v>
      </c>
      <c r="E7519" t="s">
        <v>9</v>
      </c>
      <c r="F7519" t="s">
        <v>10</v>
      </c>
      <c r="G7519" t="s">
        <v>19</v>
      </c>
      <c r="H7519" t="s">
        <v>1522</v>
      </c>
      <c r="I7519">
        <v>2</v>
      </c>
      <c r="J7519">
        <v>1</v>
      </c>
      <c r="K7519">
        <v>-3.29</v>
      </c>
    </row>
    <row r="7520" spans="1:11" x14ac:dyDescent="0.3">
      <c r="A7520" s="1">
        <v>42873</v>
      </c>
      <c r="B7520" s="3">
        <f t="shared" si="234"/>
        <v>5</v>
      </c>
      <c r="C7520" s="3">
        <f t="shared" si="235"/>
        <v>2017</v>
      </c>
      <c r="D7520" t="s">
        <v>409</v>
      </c>
      <c r="E7520" t="s">
        <v>9</v>
      </c>
      <c r="F7520" t="s">
        <v>10</v>
      </c>
      <c r="G7520" t="s">
        <v>17</v>
      </c>
      <c r="H7520" t="s">
        <v>2672</v>
      </c>
      <c r="I7520">
        <v>8.93</v>
      </c>
      <c r="J7520">
        <v>2</v>
      </c>
      <c r="K7520">
        <v>0.67</v>
      </c>
    </row>
    <row r="7521" spans="1:11" x14ac:dyDescent="0.3">
      <c r="A7521" s="1">
        <v>42873</v>
      </c>
      <c r="B7521" s="3">
        <f t="shared" si="234"/>
        <v>5</v>
      </c>
      <c r="C7521" s="3">
        <f t="shared" si="235"/>
        <v>2017</v>
      </c>
      <c r="D7521" t="s">
        <v>2434</v>
      </c>
      <c r="E7521" t="s">
        <v>29</v>
      </c>
      <c r="F7521" t="s">
        <v>10</v>
      </c>
      <c r="G7521" t="s">
        <v>91</v>
      </c>
      <c r="H7521" t="s">
        <v>1386</v>
      </c>
      <c r="I7521">
        <v>17.239999999999998</v>
      </c>
      <c r="J7521">
        <v>2</v>
      </c>
      <c r="K7521">
        <v>4.4800000000000004</v>
      </c>
    </row>
    <row r="7522" spans="1:11" x14ac:dyDescent="0.3">
      <c r="A7522" s="1">
        <v>42873</v>
      </c>
      <c r="B7522" s="3">
        <f t="shared" si="234"/>
        <v>5</v>
      </c>
      <c r="C7522" s="3">
        <f t="shared" si="235"/>
        <v>2017</v>
      </c>
      <c r="D7522" t="s">
        <v>2434</v>
      </c>
      <c r="E7522" t="s">
        <v>29</v>
      </c>
      <c r="F7522" t="s">
        <v>33</v>
      </c>
      <c r="G7522" t="s">
        <v>73</v>
      </c>
      <c r="H7522" t="s">
        <v>1653</v>
      </c>
      <c r="I7522">
        <v>302.94</v>
      </c>
      <c r="J7522">
        <v>3</v>
      </c>
      <c r="K7522">
        <v>75.739999999999995</v>
      </c>
    </row>
    <row r="7523" spans="1:11" x14ac:dyDescent="0.3">
      <c r="A7523" s="1">
        <v>42873</v>
      </c>
      <c r="B7523" s="3">
        <f t="shared" si="234"/>
        <v>5</v>
      </c>
      <c r="C7523" s="3">
        <f t="shared" si="235"/>
        <v>2017</v>
      </c>
      <c r="D7523" t="s">
        <v>2434</v>
      </c>
      <c r="E7523" t="s">
        <v>29</v>
      </c>
      <c r="F7523" t="s">
        <v>38</v>
      </c>
      <c r="G7523" t="s">
        <v>39</v>
      </c>
      <c r="H7523" t="s">
        <v>1341</v>
      </c>
      <c r="I7523">
        <v>34.75</v>
      </c>
      <c r="J7523">
        <v>5</v>
      </c>
      <c r="K7523">
        <v>15.64</v>
      </c>
    </row>
    <row r="7524" spans="1:11" x14ac:dyDescent="0.3">
      <c r="A7524" s="1">
        <v>42873</v>
      </c>
      <c r="B7524" s="3">
        <f t="shared" si="234"/>
        <v>5</v>
      </c>
      <c r="C7524" s="3">
        <f t="shared" si="235"/>
        <v>2017</v>
      </c>
      <c r="D7524" t="s">
        <v>2434</v>
      </c>
      <c r="E7524" t="s">
        <v>29</v>
      </c>
      <c r="F7524" t="s">
        <v>10</v>
      </c>
      <c r="G7524" t="s">
        <v>19</v>
      </c>
      <c r="H7524" t="s">
        <v>1769</v>
      </c>
      <c r="I7524">
        <v>113.94</v>
      </c>
      <c r="J7524">
        <v>6</v>
      </c>
      <c r="K7524">
        <v>54.69</v>
      </c>
    </row>
    <row r="7525" spans="1:11" x14ac:dyDescent="0.3">
      <c r="A7525" s="1">
        <v>42873</v>
      </c>
      <c r="B7525" s="3">
        <f t="shared" si="234"/>
        <v>5</v>
      </c>
      <c r="C7525" s="3">
        <f t="shared" si="235"/>
        <v>2017</v>
      </c>
      <c r="D7525" t="s">
        <v>2434</v>
      </c>
      <c r="E7525" t="s">
        <v>29</v>
      </c>
      <c r="F7525" t="s">
        <v>38</v>
      </c>
      <c r="G7525" t="s">
        <v>39</v>
      </c>
      <c r="H7525" t="s">
        <v>2361</v>
      </c>
      <c r="I7525">
        <v>55.98</v>
      </c>
      <c r="J7525">
        <v>2</v>
      </c>
      <c r="K7525">
        <v>15.67</v>
      </c>
    </row>
    <row r="7526" spans="1:11" x14ac:dyDescent="0.3">
      <c r="A7526" s="1">
        <v>42873</v>
      </c>
      <c r="B7526" s="3">
        <f t="shared" si="234"/>
        <v>5</v>
      </c>
      <c r="C7526" s="3">
        <f t="shared" si="235"/>
        <v>2017</v>
      </c>
      <c r="D7526" t="s">
        <v>1816</v>
      </c>
      <c r="E7526" t="s">
        <v>90</v>
      </c>
      <c r="F7526" t="s">
        <v>38</v>
      </c>
      <c r="G7526" t="s">
        <v>39</v>
      </c>
      <c r="H7526" t="s">
        <v>2311</v>
      </c>
      <c r="I7526">
        <v>344.7</v>
      </c>
      <c r="J7526">
        <v>2</v>
      </c>
      <c r="K7526">
        <v>38.78</v>
      </c>
    </row>
    <row r="7527" spans="1:11" x14ac:dyDescent="0.3">
      <c r="A7527" s="1">
        <v>42873</v>
      </c>
      <c r="B7527" s="3">
        <f t="shared" si="234"/>
        <v>5</v>
      </c>
      <c r="C7527" s="3">
        <f t="shared" si="235"/>
        <v>2017</v>
      </c>
      <c r="D7527" t="s">
        <v>1180</v>
      </c>
      <c r="E7527" t="s">
        <v>185</v>
      </c>
      <c r="F7527" t="s">
        <v>10</v>
      </c>
      <c r="G7527" t="s">
        <v>91</v>
      </c>
      <c r="H7527" t="s">
        <v>2559</v>
      </c>
      <c r="I7527">
        <v>706.86</v>
      </c>
      <c r="J7527">
        <v>7</v>
      </c>
      <c r="K7527">
        <v>197.92</v>
      </c>
    </row>
    <row r="7528" spans="1:11" x14ac:dyDescent="0.3">
      <c r="A7528" s="1">
        <v>42873</v>
      </c>
      <c r="B7528" s="3">
        <f t="shared" si="234"/>
        <v>5</v>
      </c>
      <c r="C7528" s="3">
        <f t="shared" si="235"/>
        <v>2017</v>
      </c>
      <c r="D7528" t="s">
        <v>1180</v>
      </c>
      <c r="E7528" t="s">
        <v>185</v>
      </c>
      <c r="F7528" t="s">
        <v>38</v>
      </c>
      <c r="G7528" t="s">
        <v>39</v>
      </c>
      <c r="H7528" t="s">
        <v>2274</v>
      </c>
      <c r="I7528">
        <v>114.95</v>
      </c>
      <c r="J7528">
        <v>5</v>
      </c>
      <c r="K7528">
        <v>2.2999999999999998</v>
      </c>
    </row>
    <row r="7529" spans="1:11" x14ac:dyDescent="0.3">
      <c r="A7529" s="1">
        <v>42873</v>
      </c>
      <c r="B7529" s="3">
        <f t="shared" si="234"/>
        <v>5</v>
      </c>
      <c r="C7529" s="3">
        <f t="shared" si="235"/>
        <v>2017</v>
      </c>
      <c r="D7529" t="s">
        <v>1180</v>
      </c>
      <c r="E7529" t="s">
        <v>185</v>
      </c>
      <c r="F7529" t="s">
        <v>10</v>
      </c>
      <c r="G7529" t="s">
        <v>19</v>
      </c>
      <c r="H7529" t="s">
        <v>1598</v>
      </c>
      <c r="I7529">
        <v>43.19</v>
      </c>
      <c r="J7529">
        <v>7</v>
      </c>
      <c r="K7529">
        <v>20.73</v>
      </c>
    </row>
    <row r="7530" spans="1:11" x14ac:dyDescent="0.3">
      <c r="A7530" s="1">
        <v>42873</v>
      </c>
      <c r="B7530" s="3">
        <f t="shared" si="234"/>
        <v>5</v>
      </c>
      <c r="C7530" s="3">
        <f t="shared" si="235"/>
        <v>2017</v>
      </c>
      <c r="D7530" t="s">
        <v>2243</v>
      </c>
      <c r="E7530" t="s">
        <v>14</v>
      </c>
      <c r="F7530" t="s">
        <v>33</v>
      </c>
      <c r="G7530" t="s">
        <v>46</v>
      </c>
      <c r="H7530" t="s">
        <v>2014</v>
      </c>
      <c r="I7530">
        <v>22.61</v>
      </c>
      <c r="J7530">
        <v>3</v>
      </c>
      <c r="K7530">
        <v>-10.17</v>
      </c>
    </row>
    <row r="7531" spans="1:11" x14ac:dyDescent="0.3">
      <c r="A7531" s="1">
        <v>42873</v>
      </c>
      <c r="B7531" s="3">
        <f t="shared" si="234"/>
        <v>5</v>
      </c>
      <c r="C7531" s="3">
        <f t="shared" si="235"/>
        <v>2017</v>
      </c>
      <c r="D7531" t="s">
        <v>2243</v>
      </c>
      <c r="E7531" t="s">
        <v>14</v>
      </c>
      <c r="F7531" t="s">
        <v>33</v>
      </c>
      <c r="G7531" t="s">
        <v>46</v>
      </c>
      <c r="H7531" t="s">
        <v>479</v>
      </c>
      <c r="I7531">
        <v>1.89</v>
      </c>
      <c r="J7531">
        <v>1</v>
      </c>
      <c r="K7531">
        <v>-0.99</v>
      </c>
    </row>
    <row r="7532" spans="1:11" x14ac:dyDescent="0.3">
      <c r="A7532" s="1">
        <v>42874</v>
      </c>
      <c r="B7532" s="3">
        <f t="shared" si="234"/>
        <v>5</v>
      </c>
      <c r="C7532" s="3">
        <f t="shared" si="235"/>
        <v>2017</v>
      </c>
      <c r="D7532" t="s">
        <v>1195</v>
      </c>
      <c r="E7532" t="s">
        <v>163</v>
      </c>
      <c r="F7532" t="s">
        <v>10</v>
      </c>
      <c r="G7532" t="s">
        <v>91</v>
      </c>
      <c r="H7532" t="s">
        <v>1819</v>
      </c>
      <c r="I7532">
        <v>97.16</v>
      </c>
      <c r="J7532">
        <v>2</v>
      </c>
      <c r="K7532">
        <v>28.18</v>
      </c>
    </row>
    <row r="7533" spans="1:11" x14ac:dyDescent="0.3">
      <c r="A7533" s="1">
        <v>42874</v>
      </c>
      <c r="B7533" s="3">
        <f t="shared" si="234"/>
        <v>5</v>
      </c>
      <c r="C7533" s="3">
        <f t="shared" si="235"/>
        <v>2017</v>
      </c>
      <c r="D7533" t="s">
        <v>489</v>
      </c>
      <c r="E7533" t="s">
        <v>148</v>
      </c>
      <c r="F7533" t="s">
        <v>10</v>
      </c>
      <c r="G7533" t="s">
        <v>91</v>
      </c>
      <c r="H7533" t="s">
        <v>315</v>
      </c>
      <c r="I7533">
        <v>281.33999999999997</v>
      </c>
      <c r="J7533">
        <v>6</v>
      </c>
      <c r="K7533">
        <v>109.72</v>
      </c>
    </row>
    <row r="7534" spans="1:11" x14ac:dyDescent="0.3">
      <c r="A7534" s="1">
        <v>42874</v>
      </c>
      <c r="B7534" s="3">
        <f t="shared" si="234"/>
        <v>5</v>
      </c>
      <c r="C7534" s="3">
        <f t="shared" si="235"/>
        <v>2017</v>
      </c>
      <c r="D7534" t="s">
        <v>489</v>
      </c>
      <c r="E7534" t="s">
        <v>148</v>
      </c>
      <c r="F7534" t="s">
        <v>38</v>
      </c>
      <c r="G7534" t="s">
        <v>39</v>
      </c>
      <c r="H7534" t="s">
        <v>1346</v>
      </c>
      <c r="I7534">
        <v>307.98</v>
      </c>
      <c r="J7534">
        <v>2</v>
      </c>
      <c r="K7534">
        <v>89.31</v>
      </c>
    </row>
    <row r="7535" spans="1:11" x14ac:dyDescent="0.3">
      <c r="A7535" s="1">
        <v>42874</v>
      </c>
      <c r="B7535" s="3">
        <f t="shared" si="234"/>
        <v>5</v>
      </c>
      <c r="C7535" s="3">
        <f t="shared" si="235"/>
        <v>2017</v>
      </c>
      <c r="D7535" t="s">
        <v>489</v>
      </c>
      <c r="E7535" t="s">
        <v>148</v>
      </c>
      <c r="F7535" t="s">
        <v>38</v>
      </c>
      <c r="G7535" t="s">
        <v>51</v>
      </c>
      <c r="H7535" t="s">
        <v>730</v>
      </c>
      <c r="I7535">
        <v>299.97000000000003</v>
      </c>
      <c r="J7535">
        <v>3</v>
      </c>
      <c r="K7535">
        <v>113.99</v>
      </c>
    </row>
    <row r="7536" spans="1:11" x14ac:dyDescent="0.3">
      <c r="A7536" s="1">
        <v>42874</v>
      </c>
      <c r="B7536" s="3">
        <f t="shared" si="234"/>
        <v>5</v>
      </c>
      <c r="C7536" s="3">
        <f t="shared" si="235"/>
        <v>2017</v>
      </c>
      <c r="D7536" t="s">
        <v>232</v>
      </c>
      <c r="E7536" t="s">
        <v>29</v>
      </c>
      <c r="F7536" t="s">
        <v>38</v>
      </c>
      <c r="G7536" t="s">
        <v>51</v>
      </c>
      <c r="H7536" t="s">
        <v>476</v>
      </c>
      <c r="I7536">
        <v>67.8</v>
      </c>
      <c r="J7536">
        <v>4</v>
      </c>
      <c r="K7536">
        <v>4.07</v>
      </c>
    </row>
    <row r="7537" spans="1:11" x14ac:dyDescent="0.3">
      <c r="A7537" s="1">
        <v>42874</v>
      </c>
      <c r="B7537" s="3">
        <f t="shared" si="234"/>
        <v>5</v>
      </c>
      <c r="C7537" s="3">
        <f t="shared" si="235"/>
        <v>2017</v>
      </c>
      <c r="D7537" t="s">
        <v>232</v>
      </c>
      <c r="E7537" t="s">
        <v>29</v>
      </c>
      <c r="F7537" t="s">
        <v>38</v>
      </c>
      <c r="G7537" t="s">
        <v>39</v>
      </c>
      <c r="H7537" t="s">
        <v>2673</v>
      </c>
      <c r="I7537">
        <v>377.97</v>
      </c>
      <c r="J7537">
        <v>3</v>
      </c>
      <c r="K7537">
        <v>98.27</v>
      </c>
    </row>
    <row r="7538" spans="1:11" x14ac:dyDescent="0.3">
      <c r="A7538" s="1">
        <v>42874</v>
      </c>
      <c r="B7538" s="3">
        <f t="shared" si="234"/>
        <v>5</v>
      </c>
      <c r="C7538" s="3">
        <f t="shared" si="235"/>
        <v>2017</v>
      </c>
      <c r="D7538" t="s">
        <v>232</v>
      </c>
      <c r="E7538" t="s">
        <v>29</v>
      </c>
      <c r="F7538" t="s">
        <v>33</v>
      </c>
      <c r="G7538" t="s">
        <v>73</v>
      </c>
      <c r="H7538" t="s">
        <v>1879</v>
      </c>
      <c r="I7538">
        <v>1628.82</v>
      </c>
      <c r="J7538">
        <v>9</v>
      </c>
      <c r="K7538">
        <v>374.63</v>
      </c>
    </row>
    <row r="7539" spans="1:11" x14ac:dyDescent="0.3">
      <c r="A7539" s="1">
        <v>42874</v>
      </c>
      <c r="B7539" s="3">
        <f t="shared" si="234"/>
        <v>5</v>
      </c>
      <c r="C7539" s="3">
        <f t="shared" si="235"/>
        <v>2017</v>
      </c>
      <c r="D7539" t="s">
        <v>232</v>
      </c>
      <c r="E7539" t="s">
        <v>29</v>
      </c>
      <c r="F7539" t="s">
        <v>10</v>
      </c>
      <c r="G7539" t="s">
        <v>11</v>
      </c>
      <c r="H7539" t="s">
        <v>490</v>
      </c>
      <c r="I7539">
        <v>286.93</v>
      </c>
      <c r="J7539">
        <v>7</v>
      </c>
      <c r="K7539">
        <v>140.6</v>
      </c>
    </row>
    <row r="7540" spans="1:11" x14ac:dyDescent="0.3">
      <c r="A7540" s="1">
        <v>42874</v>
      </c>
      <c r="B7540" s="3">
        <f t="shared" si="234"/>
        <v>5</v>
      </c>
      <c r="C7540" s="3">
        <f t="shared" si="235"/>
        <v>2017</v>
      </c>
      <c r="D7540" t="s">
        <v>916</v>
      </c>
      <c r="E7540" t="s">
        <v>26</v>
      </c>
      <c r="F7540" t="s">
        <v>33</v>
      </c>
      <c r="G7540" t="s">
        <v>34</v>
      </c>
      <c r="H7540" t="s">
        <v>792</v>
      </c>
      <c r="I7540">
        <v>681.41</v>
      </c>
      <c r="J7540">
        <v>12</v>
      </c>
      <c r="K7540">
        <v>42.59</v>
      </c>
    </row>
    <row r="7541" spans="1:11" x14ac:dyDescent="0.3">
      <c r="A7541" s="1">
        <v>42874</v>
      </c>
      <c r="B7541" s="3">
        <f t="shared" si="234"/>
        <v>5</v>
      </c>
      <c r="C7541" s="3">
        <f t="shared" si="235"/>
        <v>2017</v>
      </c>
      <c r="D7541" t="s">
        <v>916</v>
      </c>
      <c r="E7541" t="s">
        <v>26</v>
      </c>
      <c r="F7541" t="s">
        <v>10</v>
      </c>
      <c r="G7541" t="s">
        <v>23</v>
      </c>
      <c r="H7541" t="s">
        <v>1623</v>
      </c>
      <c r="I7541">
        <v>3.52</v>
      </c>
      <c r="J7541">
        <v>2</v>
      </c>
      <c r="K7541">
        <v>1.02</v>
      </c>
    </row>
    <row r="7542" spans="1:11" x14ac:dyDescent="0.3">
      <c r="A7542" s="1">
        <v>42874</v>
      </c>
      <c r="B7542" s="3">
        <f t="shared" si="234"/>
        <v>5</v>
      </c>
      <c r="C7542" s="3">
        <f t="shared" si="235"/>
        <v>2017</v>
      </c>
      <c r="D7542" t="s">
        <v>916</v>
      </c>
      <c r="E7542" t="s">
        <v>26</v>
      </c>
      <c r="F7542" t="s">
        <v>10</v>
      </c>
      <c r="G7542" t="s">
        <v>23</v>
      </c>
      <c r="H7542" t="s">
        <v>526</v>
      </c>
      <c r="I7542">
        <v>5.58</v>
      </c>
      <c r="J7542">
        <v>1</v>
      </c>
      <c r="K7542">
        <v>1.4</v>
      </c>
    </row>
    <row r="7543" spans="1:11" x14ac:dyDescent="0.3">
      <c r="A7543" s="1">
        <v>42874</v>
      </c>
      <c r="B7543" s="3">
        <f t="shared" si="234"/>
        <v>5</v>
      </c>
      <c r="C7543" s="3">
        <f t="shared" si="235"/>
        <v>2017</v>
      </c>
      <c r="D7543" t="s">
        <v>916</v>
      </c>
      <c r="E7543" t="s">
        <v>26</v>
      </c>
      <c r="F7543" t="s">
        <v>38</v>
      </c>
      <c r="G7543" t="s">
        <v>51</v>
      </c>
      <c r="H7543" t="s">
        <v>651</v>
      </c>
      <c r="I7543">
        <v>36.32</v>
      </c>
      <c r="J7543">
        <v>1</v>
      </c>
      <c r="K7543">
        <v>10.9</v>
      </c>
    </row>
    <row r="7544" spans="1:11" x14ac:dyDescent="0.3">
      <c r="A7544" s="1">
        <v>42874</v>
      </c>
      <c r="B7544" s="3">
        <f t="shared" si="234"/>
        <v>5</v>
      </c>
      <c r="C7544" s="3">
        <f t="shared" si="235"/>
        <v>2017</v>
      </c>
      <c r="D7544" t="s">
        <v>1300</v>
      </c>
      <c r="E7544" t="s">
        <v>29</v>
      </c>
      <c r="F7544" t="s">
        <v>10</v>
      </c>
      <c r="G7544" t="s">
        <v>11</v>
      </c>
      <c r="H7544" t="s">
        <v>2166</v>
      </c>
      <c r="I7544">
        <v>195.64</v>
      </c>
      <c r="J7544">
        <v>4</v>
      </c>
      <c r="K7544">
        <v>91.95</v>
      </c>
    </row>
    <row r="7545" spans="1:11" x14ac:dyDescent="0.3">
      <c r="A7545" s="1">
        <v>42874</v>
      </c>
      <c r="B7545" s="3">
        <f t="shared" si="234"/>
        <v>5</v>
      </c>
      <c r="C7545" s="3">
        <f t="shared" si="235"/>
        <v>2017</v>
      </c>
      <c r="D7545" t="s">
        <v>733</v>
      </c>
      <c r="E7545" t="s">
        <v>14</v>
      </c>
      <c r="F7545" t="s">
        <v>10</v>
      </c>
      <c r="G7545" t="s">
        <v>11</v>
      </c>
      <c r="H7545" t="s">
        <v>496</v>
      </c>
      <c r="I7545">
        <v>38.020000000000003</v>
      </c>
      <c r="J7545">
        <v>6</v>
      </c>
      <c r="K7545">
        <v>13.78</v>
      </c>
    </row>
    <row r="7546" spans="1:11" x14ac:dyDescent="0.3">
      <c r="A7546" s="1">
        <v>42874</v>
      </c>
      <c r="B7546" s="3">
        <f t="shared" si="234"/>
        <v>5</v>
      </c>
      <c r="C7546" s="3">
        <f t="shared" si="235"/>
        <v>2017</v>
      </c>
      <c r="D7546" t="s">
        <v>294</v>
      </c>
      <c r="E7546" t="s">
        <v>9</v>
      </c>
      <c r="F7546" t="s">
        <v>38</v>
      </c>
      <c r="G7546" t="s">
        <v>39</v>
      </c>
      <c r="H7546" t="s">
        <v>1742</v>
      </c>
      <c r="I7546">
        <v>95.99</v>
      </c>
      <c r="J7546">
        <v>1</v>
      </c>
      <c r="K7546">
        <v>9.6</v>
      </c>
    </row>
    <row r="7547" spans="1:11" x14ac:dyDescent="0.3">
      <c r="A7547" s="1">
        <v>42874</v>
      </c>
      <c r="B7547" s="3">
        <f t="shared" si="234"/>
        <v>5</v>
      </c>
      <c r="C7547" s="3">
        <f t="shared" si="235"/>
        <v>2017</v>
      </c>
      <c r="D7547" t="s">
        <v>294</v>
      </c>
      <c r="E7547" t="s">
        <v>9</v>
      </c>
      <c r="F7547" t="s">
        <v>10</v>
      </c>
      <c r="G7547" t="s">
        <v>15</v>
      </c>
      <c r="H7547" t="s">
        <v>2098</v>
      </c>
      <c r="I7547">
        <v>13.22</v>
      </c>
      <c r="J7547">
        <v>4</v>
      </c>
      <c r="K7547">
        <v>4.3</v>
      </c>
    </row>
    <row r="7548" spans="1:11" x14ac:dyDescent="0.3">
      <c r="A7548" s="1">
        <v>42874</v>
      </c>
      <c r="B7548" s="3">
        <f t="shared" si="234"/>
        <v>5</v>
      </c>
      <c r="C7548" s="3">
        <f t="shared" si="235"/>
        <v>2017</v>
      </c>
      <c r="D7548" t="s">
        <v>1630</v>
      </c>
      <c r="E7548" t="s">
        <v>119</v>
      </c>
      <c r="F7548" t="s">
        <v>33</v>
      </c>
      <c r="G7548" t="s">
        <v>34</v>
      </c>
      <c r="H7548" t="s">
        <v>370</v>
      </c>
      <c r="I7548">
        <v>314.35000000000002</v>
      </c>
      <c r="J7548">
        <v>3</v>
      </c>
      <c r="K7548">
        <v>-35.36</v>
      </c>
    </row>
    <row r="7549" spans="1:11" x14ac:dyDescent="0.3">
      <c r="A7549" s="1">
        <v>42874</v>
      </c>
      <c r="B7549" s="3">
        <f t="shared" si="234"/>
        <v>5</v>
      </c>
      <c r="C7549" s="3">
        <f t="shared" si="235"/>
        <v>2017</v>
      </c>
      <c r="D7549" t="s">
        <v>1630</v>
      </c>
      <c r="E7549" t="s">
        <v>119</v>
      </c>
      <c r="F7549" t="s">
        <v>10</v>
      </c>
      <c r="G7549" t="s">
        <v>11</v>
      </c>
      <c r="H7549" t="s">
        <v>678</v>
      </c>
      <c r="I7549">
        <v>27.89</v>
      </c>
      <c r="J7549">
        <v>7</v>
      </c>
      <c r="K7549">
        <v>10.11</v>
      </c>
    </row>
    <row r="7550" spans="1:11" x14ac:dyDescent="0.3">
      <c r="A7550" s="1">
        <v>42874</v>
      </c>
      <c r="B7550" s="3">
        <f t="shared" si="234"/>
        <v>5</v>
      </c>
      <c r="C7550" s="3">
        <f t="shared" si="235"/>
        <v>2017</v>
      </c>
      <c r="D7550" t="s">
        <v>217</v>
      </c>
      <c r="E7550" t="s">
        <v>26</v>
      </c>
      <c r="F7550" t="s">
        <v>10</v>
      </c>
      <c r="G7550" t="s">
        <v>19</v>
      </c>
      <c r="H7550" t="s">
        <v>2074</v>
      </c>
      <c r="I7550">
        <v>133.12</v>
      </c>
      <c r="J7550">
        <v>5</v>
      </c>
      <c r="K7550">
        <v>49.92</v>
      </c>
    </row>
    <row r="7551" spans="1:11" x14ac:dyDescent="0.3">
      <c r="A7551" s="1">
        <v>42874</v>
      </c>
      <c r="B7551" s="3">
        <f t="shared" si="234"/>
        <v>5</v>
      </c>
      <c r="C7551" s="3">
        <f t="shared" si="235"/>
        <v>2017</v>
      </c>
      <c r="D7551" t="s">
        <v>170</v>
      </c>
      <c r="E7551" t="s">
        <v>487</v>
      </c>
      <c r="F7551" t="s">
        <v>10</v>
      </c>
      <c r="G7551" t="s">
        <v>19</v>
      </c>
      <c r="H7551" t="s">
        <v>913</v>
      </c>
      <c r="I7551">
        <v>26.16</v>
      </c>
      <c r="J7551">
        <v>4</v>
      </c>
      <c r="K7551">
        <v>12.82</v>
      </c>
    </row>
    <row r="7552" spans="1:11" x14ac:dyDescent="0.3">
      <c r="A7552" s="1">
        <v>42875</v>
      </c>
      <c r="B7552" s="3">
        <f t="shared" si="234"/>
        <v>5</v>
      </c>
      <c r="C7552" s="3">
        <f t="shared" si="235"/>
        <v>2017</v>
      </c>
      <c r="D7552" t="s">
        <v>416</v>
      </c>
      <c r="E7552" t="s">
        <v>2674</v>
      </c>
      <c r="F7552" t="s">
        <v>10</v>
      </c>
      <c r="G7552" t="s">
        <v>23</v>
      </c>
      <c r="H7552" t="s">
        <v>804</v>
      </c>
      <c r="I7552">
        <v>131.94</v>
      </c>
      <c r="J7552">
        <v>3</v>
      </c>
      <c r="K7552">
        <v>35.619999999999997</v>
      </c>
    </row>
    <row r="7553" spans="1:11" x14ac:dyDescent="0.3">
      <c r="A7553" s="1">
        <v>42875</v>
      </c>
      <c r="B7553" s="3">
        <f t="shared" si="234"/>
        <v>5</v>
      </c>
      <c r="C7553" s="3">
        <f t="shared" si="235"/>
        <v>2017</v>
      </c>
      <c r="D7553" t="s">
        <v>416</v>
      </c>
      <c r="E7553" t="s">
        <v>2674</v>
      </c>
      <c r="F7553" t="s">
        <v>10</v>
      </c>
      <c r="G7553" t="s">
        <v>23</v>
      </c>
      <c r="H7553" t="s">
        <v>257</v>
      </c>
      <c r="I7553">
        <v>25.92</v>
      </c>
      <c r="J7553">
        <v>4</v>
      </c>
      <c r="K7553">
        <v>8.2899999999999991</v>
      </c>
    </row>
    <row r="7554" spans="1:11" x14ac:dyDescent="0.3">
      <c r="A7554" s="1">
        <v>42875</v>
      </c>
      <c r="B7554" s="3">
        <f t="shared" ref="B7554:B7617" si="236">MONTH(A:A)</f>
        <v>5</v>
      </c>
      <c r="C7554" s="3">
        <f t="shared" ref="C7554:C7617" si="237">YEAR(A:A)</f>
        <v>2017</v>
      </c>
      <c r="D7554" t="s">
        <v>416</v>
      </c>
      <c r="E7554" t="s">
        <v>2674</v>
      </c>
      <c r="F7554" t="s">
        <v>10</v>
      </c>
      <c r="G7554" t="s">
        <v>17</v>
      </c>
      <c r="H7554" t="s">
        <v>1448</v>
      </c>
      <c r="I7554">
        <v>704.76</v>
      </c>
      <c r="J7554">
        <v>4</v>
      </c>
      <c r="K7554">
        <v>162.09</v>
      </c>
    </row>
    <row r="7555" spans="1:11" x14ac:dyDescent="0.3">
      <c r="A7555" s="1">
        <v>42875</v>
      </c>
      <c r="B7555" s="3">
        <f t="shared" si="236"/>
        <v>5</v>
      </c>
      <c r="C7555" s="3">
        <f t="shared" si="237"/>
        <v>2017</v>
      </c>
      <c r="D7555" t="s">
        <v>416</v>
      </c>
      <c r="E7555" t="s">
        <v>2674</v>
      </c>
      <c r="F7555" t="s">
        <v>10</v>
      </c>
      <c r="G7555" t="s">
        <v>42</v>
      </c>
      <c r="H7555" t="s">
        <v>159</v>
      </c>
      <c r="I7555">
        <v>7.41</v>
      </c>
      <c r="J7555">
        <v>3</v>
      </c>
      <c r="K7555">
        <v>3.48</v>
      </c>
    </row>
    <row r="7556" spans="1:11" x14ac:dyDescent="0.3">
      <c r="A7556" s="1">
        <v>42875</v>
      </c>
      <c r="B7556" s="3">
        <f t="shared" si="236"/>
        <v>5</v>
      </c>
      <c r="C7556" s="3">
        <f t="shared" si="237"/>
        <v>2017</v>
      </c>
      <c r="D7556" t="s">
        <v>416</v>
      </c>
      <c r="E7556" t="s">
        <v>2674</v>
      </c>
      <c r="F7556" t="s">
        <v>10</v>
      </c>
      <c r="G7556" t="s">
        <v>23</v>
      </c>
      <c r="H7556" t="s">
        <v>538</v>
      </c>
      <c r="I7556">
        <v>21.5</v>
      </c>
      <c r="J7556">
        <v>10</v>
      </c>
      <c r="K7556">
        <v>7.1</v>
      </c>
    </row>
    <row r="7557" spans="1:11" x14ac:dyDescent="0.3">
      <c r="A7557" s="1">
        <v>42875</v>
      </c>
      <c r="B7557" s="3">
        <f t="shared" si="236"/>
        <v>5</v>
      </c>
      <c r="C7557" s="3">
        <f t="shared" si="237"/>
        <v>2017</v>
      </c>
      <c r="D7557" t="s">
        <v>2224</v>
      </c>
      <c r="E7557" t="s">
        <v>26</v>
      </c>
      <c r="F7557" t="s">
        <v>33</v>
      </c>
      <c r="G7557" t="s">
        <v>34</v>
      </c>
      <c r="H7557" t="s">
        <v>193</v>
      </c>
      <c r="I7557">
        <v>518.27</v>
      </c>
      <c r="J7557">
        <v>8</v>
      </c>
      <c r="K7557">
        <v>-97.18</v>
      </c>
    </row>
    <row r="7558" spans="1:11" x14ac:dyDescent="0.3">
      <c r="A7558" s="1">
        <v>42875</v>
      </c>
      <c r="B7558" s="3">
        <f t="shared" si="236"/>
        <v>5</v>
      </c>
      <c r="C7558" s="3">
        <f t="shared" si="237"/>
        <v>2017</v>
      </c>
      <c r="D7558" t="s">
        <v>2224</v>
      </c>
      <c r="E7558" t="s">
        <v>26</v>
      </c>
      <c r="F7558" t="s">
        <v>33</v>
      </c>
      <c r="G7558" t="s">
        <v>46</v>
      </c>
      <c r="H7558" t="s">
        <v>562</v>
      </c>
      <c r="I7558">
        <v>6.98</v>
      </c>
      <c r="J7558">
        <v>1</v>
      </c>
      <c r="K7558">
        <v>3.35</v>
      </c>
    </row>
    <row r="7559" spans="1:11" x14ac:dyDescent="0.3">
      <c r="A7559" s="1">
        <v>42875</v>
      </c>
      <c r="B7559" s="3">
        <f t="shared" si="236"/>
        <v>5</v>
      </c>
      <c r="C7559" s="3">
        <f t="shared" si="237"/>
        <v>2017</v>
      </c>
      <c r="D7559" t="s">
        <v>2224</v>
      </c>
      <c r="E7559" t="s">
        <v>26</v>
      </c>
      <c r="F7559" t="s">
        <v>38</v>
      </c>
      <c r="G7559" t="s">
        <v>301</v>
      </c>
      <c r="H7559" t="s">
        <v>2616</v>
      </c>
      <c r="I7559">
        <v>343.2</v>
      </c>
      <c r="J7559">
        <v>1</v>
      </c>
      <c r="K7559">
        <v>38.61</v>
      </c>
    </row>
    <row r="7560" spans="1:11" x14ac:dyDescent="0.3">
      <c r="A7560" s="1">
        <v>42875</v>
      </c>
      <c r="B7560" s="3">
        <f t="shared" si="236"/>
        <v>5</v>
      </c>
      <c r="C7560" s="3">
        <f t="shared" si="237"/>
        <v>2017</v>
      </c>
      <c r="D7560" t="s">
        <v>1423</v>
      </c>
      <c r="E7560" t="s">
        <v>109</v>
      </c>
      <c r="F7560" t="s">
        <v>10</v>
      </c>
      <c r="G7560" t="s">
        <v>19</v>
      </c>
      <c r="H7560" t="s">
        <v>1174</v>
      </c>
      <c r="I7560">
        <v>41.28</v>
      </c>
      <c r="J7560">
        <v>2</v>
      </c>
      <c r="K7560">
        <v>19.809999999999999</v>
      </c>
    </row>
    <row r="7561" spans="1:11" x14ac:dyDescent="0.3">
      <c r="A7561" s="1">
        <v>42875</v>
      </c>
      <c r="B7561" s="3">
        <f t="shared" si="236"/>
        <v>5</v>
      </c>
      <c r="C7561" s="3">
        <f t="shared" si="237"/>
        <v>2017</v>
      </c>
      <c r="D7561" t="s">
        <v>793</v>
      </c>
      <c r="E7561" t="s">
        <v>125</v>
      </c>
      <c r="F7561" t="s">
        <v>10</v>
      </c>
      <c r="G7561" t="s">
        <v>19</v>
      </c>
      <c r="H7561" t="s">
        <v>1279</v>
      </c>
      <c r="I7561">
        <v>8.2899999999999991</v>
      </c>
      <c r="J7561">
        <v>2</v>
      </c>
      <c r="K7561">
        <v>3</v>
      </c>
    </row>
    <row r="7562" spans="1:11" x14ac:dyDescent="0.3">
      <c r="A7562" s="1">
        <v>42875</v>
      </c>
      <c r="B7562" s="3">
        <f t="shared" si="236"/>
        <v>5</v>
      </c>
      <c r="C7562" s="3">
        <f t="shared" si="237"/>
        <v>2017</v>
      </c>
      <c r="D7562" t="s">
        <v>793</v>
      </c>
      <c r="E7562" t="s">
        <v>125</v>
      </c>
      <c r="F7562" t="s">
        <v>38</v>
      </c>
      <c r="G7562" t="s">
        <v>39</v>
      </c>
      <c r="H7562" t="s">
        <v>2170</v>
      </c>
      <c r="I7562">
        <v>1123.1300000000001</v>
      </c>
      <c r="J7562">
        <v>9</v>
      </c>
      <c r="K7562">
        <v>70.2</v>
      </c>
    </row>
    <row r="7563" spans="1:11" x14ac:dyDescent="0.3">
      <c r="A7563" s="1">
        <v>42875</v>
      </c>
      <c r="B7563" s="3">
        <f t="shared" si="236"/>
        <v>5</v>
      </c>
      <c r="C7563" s="3">
        <f t="shared" si="237"/>
        <v>2017</v>
      </c>
      <c r="D7563" t="s">
        <v>793</v>
      </c>
      <c r="E7563" t="s">
        <v>125</v>
      </c>
      <c r="F7563" t="s">
        <v>10</v>
      </c>
      <c r="G7563" t="s">
        <v>91</v>
      </c>
      <c r="H7563" t="s">
        <v>1348</v>
      </c>
      <c r="I7563">
        <v>64.900000000000006</v>
      </c>
      <c r="J7563">
        <v>5</v>
      </c>
      <c r="K7563">
        <v>18.82</v>
      </c>
    </row>
    <row r="7564" spans="1:11" x14ac:dyDescent="0.3">
      <c r="A7564" s="1">
        <v>42876</v>
      </c>
      <c r="B7564" s="3">
        <f t="shared" si="236"/>
        <v>5</v>
      </c>
      <c r="C7564" s="3">
        <f t="shared" si="237"/>
        <v>2017</v>
      </c>
      <c r="D7564" t="s">
        <v>461</v>
      </c>
      <c r="E7564" t="s">
        <v>148</v>
      </c>
      <c r="F7564" t="s">
        <v>33</v>
      </c>
      <c r="G7564" t="s">
        <v>46</v>
      </c>
      <c r="H7564" t="s">
        <v>841</v>
      </c>
      <c r="I7564">
        <v>520.04999999999995</v>
      </c>
      <c r="J7564">
        <v>5</v>
      </c>
      <c r="K7564">
        <v>72.81</v>
      </c>
    </row>
    <row r="7565" spans="1:11" x14ac:dyDescent="0.3">
      <c r="A7565" s="1">
        <v>42876</v>
      </c>
      <c r="B7565" s="3">
        <f t="shared" si="236"/>
        <v>5</v>
      </c>
      <c r="C7565" s="3">
        <f t="shared" si="237"/>
        <v>2017</v>
      </c>
      <c r="D7565" t="s">
        <v>461</v>
      </c>
      <c r="E7565" t="s">
        <v>148</v>
      </c>
      <c r="F7565" t="s">
        <v>10</v>
      </c>
      <c r="G7565" t="s">
        <v>23</v>
      </c>
      <c r="H7565" t="s">
        <v>2675</v>
      </c>
      <c r="I7565">
        <v>17.97</v>
      </c>
      <c r="J7565">
        <v>3</v>
      </c>
      <c r="K7565">
        <v>5.21</v>
      </c>
    </row>
    <row r="7566" spans="1:11" x14ac:dyDescent="0.3">
      <c r="A7566" s="1">
        <v>42877</v>
      </c>
      <c r="B7566" s="3">
        <f t="shared" si="236"/>
        <v>5</v>
      </c>
      <c r="C7566" s="3">
        <f t="shared" si="237"/>
        <v>2017</v>
      </c>
      <c r="D7566" t="s">
        <v>731</v>
      </c>
      <c r="E7566" t="s">
        <v>14</v>
      </c>
      <c r="F7566" t="s">
        <v>33</v>
      </c>
      <c r="G7566" t="s">
        <v>34</v>
      </c>
      <c r="H7566" t="s">
        <v>1804</v>
      </c>
      <c r="I7566">
        <v>181.99</v>
      </c>
      <c r="J7566">
        <v>2</v>
      </c>
      <c r="K7566">
        <v>-54.6</v>
      </c>
    </row>
    <row r="7567" spans="1:11" x14ac:dyDescent="0.3">
      <c r="A7567" s="1">
        <v>42877</v>
      </c>
      <c r="B7567" s="3">
        <f t="shared" si="236"/>
        <v>5</v>
      </c>
      <c r="C7567" s="3">
        <f t="shared" si="237"/>
        <v>2017</v>
      </c>
      <c r="D7567" t="s">
        <v>731</v>
      </c>
      <c r="E7567" t="s">
        <v>14</v>
      </c>
      <c r="F7567" t="s">
        <v>10</v>
      </c>
      <c r="G7567" t="s">
        <v>19</v>
      </c>
      <c r="H7567" t="s">
        <v>1385</v>
      </c>
      <c r="I7567">
        <v>1.59</v>
      </c>
      <c r="J7567">
        <v>2</v>
      </c>
      <c r="K7567">
        <v>-2.63</v>
      </c>
    </row>
    <row r="7568" spans="1:11" x14ac:dyDescent="0.3">
      <c r="A7568" s="1">
        <v>42877</v>
      </c>
      <c r="B7568" s="3">
        <f t="shared" si="236"/>
        <v>5</v>
      </c>
      <c r="C7568" s="3">
        <f t="shared" si="237"/>
        <v>2017</v>
      </c>
      <c r="D7568" t="s">
        <v>731</v>
      </c>
      <c r="E7568" t="s">
        <v>14</v>
      </c>
      <c r="F7568" t="s">
        <v>10</v>
      </c>
      <c r="G7568" t="s">
        <v>199</v>
      </c>
      <c r="H7568" t="s">
        <v>261</v>
      </c>
      <c r="I7568">
        <v>22.34</v>
      </c>
      <c r="J7568">
        <v>3</v>
      </c>
      <c r="K7568">
        <v>2.5099999999999998</v>
      </c>
    </row>
    <row r="7569" spans="1:11" x14ac:dyDescent="0.3">
      <c r="A7569" s="1">
        <v>42877</v>
      </c>
      <c r="B7569" s="3">
        <f t="shared" si="236"/>
        <v>5</v>
      </c>
      <c r="C7569" s="3">
        <f t="shared" si="237"/>
        <v>2017</v>
      </c>
      <c r="D7569" t="s">
        <v>899</v>
      </c>
      <c r="E7569" t="s">
        <v>26</v>
      </c>
      <c r="F7569" t="s">
        <v>38</v>
      </c>
      <c r="G7569" t="s">
        <v>51</v>
      </c>
      <c r="H7569" t="s">
        <v>1440</v>
      </c>
      <c r="I7569">
        <v>68.459999999999994</v>
      </c>
      <c r="J7569">
        <v>7</v>
      </c>
      <c r="K7569">
        <v>25.33</v>
      </c>
    </row>
    <row r="7570" spans="1:11" x14ac:dyDescent="0.3">
      <c r="A7570" s="1">
        <v>42877</v>
      </c>
      <c r="B7570" s="3">
        <f t="shared" si="236"/>
        <v>5</v>
      </c>
      <c r="C7570" s="3">
        <f t="shared" si="237"/>
        <v>2017</v>
      </c>
      <c r="D7570" t="s">
        <v>1750</v>
      </c>
      <c r="E7570" t="s">
        <v>26</v>
      </c>
      <c r="F7570" t="s">
        <v>10</v>
      </c>
      <c r="G7570" t="s">
        <v>23</v>
      </c>
      <c r="H7570" t="s">
        <v>1205</v>
      </c>
      <c r="I7570">
        <v>49.56</v>
      </c>
      <c r="J7570">
        <v>7</v>
      </c>
      <c r="K7570">
        <v>18.829999999999998</v>
      </c>
    </row>
    <row r="7571" spans="1:11" x14ac:dyDescent="0.3">
      <c r="A7571" s="1">
        <v>42877</v>
      </c>
      <c r="B7571" s="3">
        <f t="shared" si="236"/>
        <v>5</v>
      </c>
      <c r="C7571" s="3">
        <f t="shared" si="237"/>
        <v>2017</v>
      </c>
      <c r="D7571" t="s">
        <v>229</v>
      </c>
      <c r="E7571" t="s">
        <v>26</v>
      </c>
      <c r="F7571" t="s">
        <v>10</v>
      </c>
      <c r="G7571" t="s">
        <v>23</v>
      </c>
      <c r="H7571" t="s">
        <v>619</v>
      </c>
      <c r="I7571">
        <v>9.84</v>
      </c>
      <c r="J7571">
        <v>3</v>
      </c>
      <c r="K7571">
        <v>2.85</v>
      </c>
    </row>
    <row r="7572" spans="1:11" x14ac:dyDescent="0.3">
      <c r="A7572" s="1">
        <v>42877</v>
      </c>
      <c r="B7572" s="3">
        <f t="shared" si="236"/>
        <v>5</v>
      </c>
      <c r="C7572" s="3">
        <f t="shared" si="237"/>
        <v>2017</v>
      </c>
      <c r="D7572" t="s">
        <v>229</v>
      </c>
      <c r="E7572" t="s">
        <v>26</v>
      </c>
      <c r="F7572" t="s">
        <v>10</v>
      </c>
      <c r="G7572" t="s">
        <v>23</v>
      </c>
      <c r="H7572" t="s">
        <v>325</v>
      </c>
      <c r="I7572">
        <v>2.78</v>
      </c>
      <c r="J7572">
        <v>1</v>
      </c>
      <c r="K7572">
        <v>0.72</v>
      </c>
    </row>
    <row r="7573" spans="1:11" x14ac:dyDescent="0.3">
      <c r="A7573" s="1">
        <v>42878</v>
      </c>
      <c r="B7573" s="3">
        <f t="shared" si="236"/>
        <v>5</v>
      </c>
      <c r="C7573" s="3">
        <f t="shared" si="237"/>
        <v>2017</v>
      </c>
      <c r="D7573" t="s">
        <v>45</v>
      </c>
      <c r="E7573" t="s">
        <v>26</v>
      </c>
      <c r="F7573" t="s">
        <v>33</v>
      </c>
      <c r="G7573" t="s">
        <v>144</v>
      </c>
      <c r="H7573" t="s">
        <v>817</v>
      </c>
      <c r="I7573">
        <v>171.29</v>
      </c>
      <c r="J7573">
        <v>3</v>
      </c>
      <c r="K7573">
        <v>-6.42</v>
      </c>
    </row>
    <row r="7574" spans="1:11" x14ac:dyDescent="0.3">
      <c r="A7574" s="1">
        <v>42878</v>
      </c>
      <c r="B7574" s="3">
        <f t="shared" si="236"/>
        <v>5</v>
      </c>
      <c r="C7574" s="3">
        <f t="shared" si="237"/>
        <v>2017</v>
      </c>
      <c r="D7574" t="s">
        <v>1011</v>
      </c>
      <c r="E7574" t="s">
        <v>9</v>
      </c>
      <c r="F7574" t="s">
        <v>10</v>
      </c>
      <c r="G7574" t="s">
        <v>42</v>
      </c>
      <c r="H7574" t="s">
        <v>613</v>
      </c>
      <c r="I7574">
        <v>1.82</v>
      </c>
      <c r="J7574">
        <v>2</v>
      </c>
      <c r="K7574">
        <v>0.62</v>
      </c>
    </row>
    <row r="7575" spans="1:11" x14ac:dyDescent="0.3">
      <c r="A7575" s="1">
        <v>42878</v>
      </c>
      <c r="B7575" s="3">
        <f t="shared" si="236"/>
        <v>5</v>
      </c>
      <c r="C7575" s="3">
        <f t="shared" si="237"/>
        <v>2017</v>
      </c>
      <c r="D7575" t="s">
        <v>1011</v>
      </c>
      <c r="E7575" t="s">
        <v>9</v>
      </c>
      <c r="F7575" t="s">
        <v>10</v>
      </c>
      <c r="G7575" t="s">
        <v>91</v>
      </c>
      <c r="H7575" t="s">
        <v>1982</v>
      </c>
      <c r="I7575">
        <v>18.32</v>
      </c>
      <c r="J7575">
        <v>5</v>
      </c>
      <c r="K7575">
        <v>-46.72</v>
      </c>
    </row>
    <row r="7576" spans="1:11" x14ac:dyDescent="0.3">
      <c r="A7576" s="1">
        <v>42878</v>
      </c>
      <c r="B7576" s="3">
        <f t="shared" si="236"/>
        <v>5</v>
      </c>
      <c r="C7576" s="3">
        <f t="shared" si="237"/>
        <v>2017</v>
      </c>
      <c r="D7576" t="s">
        <v>1011</v>
      </c>
      <c r="E7576" t="s">
        <v>9</v>
      </c>
      <c r="F7576" t="s">
        <v>10</v>
      </c>
      <c r="G7576" t="s">
        <v>17</v>
      </c>
      <c r="H7576" t="s">
        <v>355</v>
      </c>
      <c r="I7576">
        <v>48.82</v>
      </c>
      <c r="J7576">
        <v>3</v>
      </c>
      <c r="K7576">
        <v>-11.59</v>
      </c>
    </row>
    <row r="7577" spans="1:11" x14ac:dyDescent="0.3">
      <c r="A7577" s="1">
        <v>42878</v>
      </c>
      <c r="B7577" s="3">
        <f t="shared" si="236"/>
        <v>5</v>
      </c>
      <c r="C7577" s="3">
        <f t="shared" si="237"/>
        <v>2017</v>
      </c>
      <c r="D7577" t="s">
        <v>1011</v>
      </c>
      <c r="E7577" t="s">
        <v>9</v>
      </c>
      <c r="F7577" t="s">
        <v>10</v>
      </c>
      <c r="G7577" t="s">
        <v>19</v>
      </c>
      <c r="H7577" t="s">
        <v>117</v>
      </c>
      <c r="I7577">
        <v>1.19</v>
      </c>
      <c r="J7577">
        <v>1</v>
      </c>
      <c r="K7577">
        <v>-1.96</v>
      </c>
    </row>
    <row r="7578" spans="1:11" x14ac:dyDescent="0.3">
      <c r="A7578" s="1">
        <v>42880</v>
      </c>
      <c r="B7578" s="3">
        <f t="shared" si="236"/>
        <v>5</v>
      </c>
      <c r="C7578" s="3">
        <f t="shared" si="237"/>
        <v>2017</v>
      </c>
      <c r="D7578" t="s">
        <v>2584</v>
      </c>
      <c r="E7578" t="s">
        <v>29</v>
      </c>
      <c r="F7578" t="s">
        <v>10</v>
      </c>
      <c r="G7578" t="s">
        <v>19</v>
      </c>
      <c r="H7578" t="s">
        <v>1824</v>
      </c>
      <c r="I7578">
        <v>29.84</v>
      </c>
      <c r="J7578">
        <v>2</v>
      </c>
      <c r="K7578">
        <v>13.43</v>
      </c>
    </row>
    <row r="7579" spans="1:11" x14ac:dyDescent="0.3">
      <c r="A7579" s="1">
        <v>42880</v>
      </c>
      <c r="B7579" s="3">
        <f t="shared" si="236"/>
        <v>5</v>
      </c>
      <c r="C7579" s="3">
        <f t="shared" si="237"/>
        <v>2017</v>
      </c>
      <c r="D7579" t="s">
        <v>1076</v>
      </c>
      <c r="E7579" t="s">
        <v>148</v>
      </c>
      <c r="F7579" t="s">
        <v>10</v>
      </c>
      <c r="G7579" t="s">
        <v>19</v>
      </c>
      <c r="H7579" t="s">
        <v>665</v>
      </c>
      <c r="I7579">
        <v>663.92</v>
      </c>
      <c r="J7579">
        <v>5</v>
      </c>
      <c r="K7579">
        <v>207.48</v>
      </c>
    </row>
    <row r="7580" spans="1:11" x14ac:dyDescent="0.3">
      <c r="A7580" s="1">
        <v>42880</v>
      </c>
      <c r="B7580" s="3">
        <f t="shared" si="236"/>
        <v>5</v>
      </c>
      <c r="C7580" s="3">
        <f t="shared" si="237"/>
        <v>2017</v>
      </c>
      <c r="D7580" t="s">
        <v>1076</v>
      </c>
      <c r="E7580" t="s">
        <v>148</v>
      </c>
      <c r="F7580" t="s">
        <v>38</v>
      </c>
      <c r="G7580" t="s">
        <v>51</v>
      </c>
      <c r="H7580" t="s">
        <v>1010</v>
      </c>
      <c r="I7580">
        <v>120</v>
      </c>
      <c r="J7580">
        <v>8</v>
      </c>
      <c r="K7580">
        <v>13.2</v>
      </c>
    </row>
    <row r="7581" spans="1:11" x14ac:dyDescent="0.3">
      <c r="A7581" s="1">
        <v>42880</v>
      </c>
      <c r="B7581" s="3">
        <f t="shared" si="236"/>
        <v>5</v>
      </c>
      <c r="C7581" s="3">
        <f t="shared" si="237"/>
        <v>2017</v>
      </c>
      <c r="D7581" t="s">
        <v>1076</v>
      </c>
      <c r="E7581" t="s">
        <v>148</v>
      </c>
      <c r="F7581" t="s">
        <v>10</v>
      </c>
      <c r="G7581" t="s">
        <v>42</v>
      </c>
      <c r="H7581" t="s">
        <v>1232</v>
      </c>
      <c r="I7581">
        <v>3.29</v>
      </c>
      <c r="J7581">
        <v>1</v>
      </c>
      <c r="K7581">
        <v>1.48</v>
      </c>
    </row>
    <row r="7582" spans="1:11" x14ac:dyDescent="0.3">
      <c r="A7582" s="1">
        <v>42880</v>
      </c>
      <c r="B7582" s="3">
        <f t="shared" si="236"/>
        <v>5</v>
      </c>
      <c r="C7582" s="3">
        <f t="shared" si="237"/>
        <v>2017</v>
      </c>
      <c r="D7582" t="s">
        <v>1076</v>
      </c>
      <c r="E7582" t="s">
        <v>148</v>
      </c>
      <c r="F7582" t="s">
        <v>33</v>
      </c>
      <c r="G7582" t="s">
        <v>46</v>
      </c>
      <c r="H7582" t="s">
        <v>2120</v>
      </c>
      <c r="I7582">
        <v>18.84</v>
      </c>
      <c r="J7582">
        <v>3</v>
      </c>
      <c r="K7582">
        <v>6.03</v>
      </c>
    </row>
    <row r="7583" spans="1:11" x14ac:dyDescent="0.3">
      <c r="A7583" s="1">
        <v>42880</v>
      </c>
      <c r="B7583" s="3">
        <f t="shared" si="236"/>
        <v>5</v>
      </c>
      <c r="C7583" s="3">
        <f t="shared" si="237"/>
        <v>2017</v>
      </c>
      <c r="D7583" t="s">
        <v>1616</v>
      </c>
      <c r="E7583" t="s">
        <v>9</v>
      </c>
      <c r="F7583" t="s">
        <v>10</v>
      </c>
      <c r="G7583" t="s">
        <v>17</v>
      </c>
      <c r="H7583" t="s">
        <v>1972</v>
      </c>
      <c r="I7583">
        <v>50.14</v>
      </c>
      <c r="J7583">
        <v>3</v>
      </c>
      <c r="K7583">
        <v>-11.28</v>
      </c>
    </row>
    <row r="7584" spans="1:11" x14ac:dyDescent="0.3">
      <c r="A7584" s="1">
        <v>42881</v>
      </c>
      <c r="B7584" s="3">
        <f t="shared" si="236"/>
        <v>5</v>
      </c>
      <c r="C7584" s="3">
        <f t="shared" si="237"/>
        <v>2017</v>
      </c>
      <c r="D7584" t="s">
        <v>1782</v>
      </c>
      <c r="E7584" t="s">
        <v>32</v>
      </c>
      <c r="F7584" t="s">
        <v>10</v>
      </c>
      <c r="G7584" t="s">
        <v>91</v>
      </c>
      <c r="H7584" t="s">
        <v>2676</v>
      </c>
      <c r="I7584">
        <v>208.44</v>
      </c>
      <c r="J7584">
        <v>3</v>
      </c>
      <c r="K7584">
        <v>62.53</v>
      </c>
    </row>
    <row r="7585" spans="1:11" x14ac:dyDescent="0.3">
      <c r="A7585" s="1">
        <v>42881</v>
      </c>
      <c r="B7585" s="3">
        <f t="shared" si="236"/>
        <v>5</v>
      </c>
      <c r="C7585" s="3">
        <f t="shared" si="237"/>
        <v>2017</v>
      </c>
      <c r="D7585" t="s">
        <v>1782</v>
      </c>
      <c r="E7585" t="s">
        <v>32</v>
      </c>
      <c r="F7585" t="s">
        <v>10</v>
      </c>
      <c r="G7585" t="s">
        <v>199</v>
      </c>
      <c r="H7585" t="s">
        <v>471</v>
      </c>
      <c r="I7585">
        <v>25.76</v>
      </c>
      <c r="J7585">
        <v>2</v>
      </c>
      <c r="K7585">
        <v>0.77</v>
      </c>
    </row>
    <row r="7586" spans="1:11" x14ac:dyDescent="0.3">
      <c r="A7586" s="1">
        <v>42881</v>
      </c>
      <c r="B7586" s="3">
        <f t="shared" si="236"/>
        <v>5</v>
      </c>
      <c r="C7586" s="3">
        <f t="shared" si="237"/>
        <v>2017</v>
      </c>
      <c r="D7586" t="s">
        <v>777</v>
      </c>
      <c r="E7586" t="s">
        <v>54</v>
      </c>
      <c r="F7586" t="s">
        <v>38</v>
      </c>
      <c r="G7586" t="s">
        <v>51</v>
      </c>
      <c r="H7586" t="s">
        <v>2287</v>
      </c>
      <c r="I7586">
        <v>23.08</v>
      </c>
      <c r="J7586">
        <v>2</v>
      </c>
      <c r="K7586">
        <v>6.92</v>
      </c>
    </row>
    <row r="7587" spans="1:11" x14ac:dyDescent="0.3">
      <c r="A7587" s="1">
        <v>42881</v>
      </c>
      <c r="B7587" s="3">
        <f t="shared" si="236"/>
        <v>5</v>
      </c>
      <c r="C7587" s="3">
        <f t="shared" si="237"/>
        <v>2017</v>
      </c>
      <c r="D7587" t="s">
        <v>377</v>
      </c>
      <c r="E7587" t="s">
        <v>26</v>
      </c>
      <c r="F7587" t="s">
        <v>10</v>
      </c>
      <c r="G7587" t="s">
        <v>11</v>
      </c>
      <c r="H7587" t="s">
        <v>2385</v>
      </c>
      <c r="I7587">
        <v>12.96</v>
      </c>
      <c r="J7587">
        <v>2</v>
      </c>
      <c r="K7587">
        <v>6.22</v>
      </c>
    </row>
    <row r="7588" spans="1:11" x14ac:dyDescent="0.3">
      <c r="A7588" s="1">
        <v>42882</v>
      </c>
      <c r="B7588" s="3">
        <f t="shared" si="236"/>
        <v>5</v>
      </c>
      <c r="C7588" s="3">
        <f t="shared" si="237"/>
        <v>2017</v>
      </c>
      <c r="D7588" t="s">
        <v>751</v>
      </c>
      <c r="E7588" t="s">
        <v>32</v>
      </c>
      <c r="F7588" t="s">
        <v>10</v>
      </c>
      <c r="G7588" t="s">
        <v>19</v>
      </c>
      <c r="H7588" t="s">
        <v>1895</v>
      </c>
      <c r="I7588">
        <v>58.34</v>
      </c>
      <c r="J7588">
        <v>2</v>
      </c>
      <c r="K7588">
        <v>28</v>
      </c>
    </row>
    <row r="7589" spans="1:11" x14ac:dyDescent="0.3">
      <c r="A7589" s="1">
        <v>42882</v>
      </c>
      <c r="B7589" s="3">
        <f t="shared" si="236"/>
        <v>5</v>
      </c>
      <c r="C7589" s="3">
        <f t="shared" si="237"/>
        <v>2017</v>
      </c>
      <c r="D7589" t="s">
        <v>751</v>
      </c>
      <c r="E7589" t="s">
        <v>32</v>
      </c>
      <c r="F7589" t="s">
        <v>38</v>
      </c>
      <c r="G7589" t="s">
        <v>39</v>
      </c>
      <c r="H7589" t="s">
        <v>1916</v>
      </c>
      <c r="I7589">
        <v>539.97</v>
      </c>
      <c r="J7589">
        <v>3</v>
      </c>
      <c r="K7589">
        <v>134.99</v>
      </c>
    </row>
    <row r="7590" spans="1:11" x14ac:dyDescent="0.3">
      <c r="A7590" s="1">
        <v>42882</v>
      </c>
      <c r="B7590" s="3">
        <f t="shared" si="236"/>
        <v>5</v>
      </c>
      <c r="C7590" s="3">
        <f t="shared" si="237"/>
        <v>2017</v>
      </c>
      <c r="D7590" t="s">
        <v>899</v>
      </c>
      <c r="E7590" t="s">
        <v>119</v>
      </c>
      <c r="F7590" t="s">
        <v>10</v>
      </c>
      <c r="G7590" t="s">
        <v>11</v>
      </c>
      <c r="H7590" t="s">
        <v>835</v>
      </c>
      <c r="I7590">
        <v>25.92</v>
      </c>
      <c r="J7590">
        <v>5</v>
      </c>
      <c r="K7590">
        <v>9.07</v>
      </c>
    </row>
    <row r="7591" spans="1:11" x14ac:dyDescent="0.3">
      <c r="A7591" s="1">
        <v>42882</v>
      </c>
      <c r="B7591" s="3">
        <f t="shared" si="236"/>
        <v>5</v>
      </c>
      <c r="C7591" s="3">
        <f t="shared" si="237"/>
        <v>2017</v>
      </c>
      <c r="D7591" t="s">
        <v>467</v>
      </c>
      <c r="E7591" t="s">
        <v>163</v>
      </c>
      <c r="F7591" t="s">
        <v>38</v>
      </c>
      <c r="G7591" t="s">
        <v>51</v>
      </c>
      <c r="H7591" t="s">
        <v>1067</v>
      </c>
      <c r="I7591">
        <v>98.16</v>
      </c>
      <c r="J7591">
        <v>6</v>
      </c>
      <c r="K7591">
        <v>9.82</v>
      </c>
    </row>
    <row r="7592" spans="1:11" x14ac:dyDescent="0.3">
      <c r="A7592" s="1">
        <v>42882</v>
      </c>
      <c r="B7592" s="3">
        <f t="shared" si="236"/>
        <v>5</v>
      </c>
      <c r="C7592" s="3">
        <f t="shared" si="237"/>
        <v>2017</v>
      </c>
      <c r="D7592" t="s">
        <v>467</v>
      </c>
      <c r="E7592" t="s">
        <v>163</v>
      </c>
      <c r="F7592" t="s">
        <v>10</v>
      </c>
      <c r="G7592" t="s">
        <v>23</v>
      </c>
      <c r="H7592" t="s">
        <v>206</v>
      </c>
      <c r="I7592">
        <v>31.44</v>
      </c>
      <c r="J7592">
        <v>3</v>
      </c>
      <c r="K7592">
        <v>7.86</v>
      </c>
    </row>
    <row r="7593" spans="1:11" x14ac:dyDescent="0.3">
      <c r="A7593" s="1">
        <v>42882</v>
      </c>
      <c r="B7593" s="3">
        <f t="shared" si="236"/>
        <v>5</v>
      </c>
      <c r="C7593" s="3">
        <f t="shared" si="237"/>
        <v>2017</v>
      </c>
      <c r="D7593" t="s">
        <v>741</v>
      </c>
      <c r="E7593" t="s">
        <v>509</v>
      </c>
      <c r="F7593" t="s">
        <v>33</v>
      </c>
      <c r="G7593" t="s">
        <v>46</v>
      </c>
      <c r="H7593" t="s">
        <v>2603</v>
      </c>
      <c r="I7593">
        <v>35</v>
      </c>
      <c r="J7593">
        <v>4</v>
      </c>
      <c r="K7593">
        <v>14.7</v>
      </c>
    </row>
    <row r="7594" spans="1:11" x14ac:dyDescent="0.3">
      <c r="A7594" s="1">
        <v>42882</v>
      </c>
      <c r="B7594" s="3">
        <f t="shared" si="236"/>
        <v>5</v>
      </c>
      <c r="C7594" s="3">
        <f t="shared" si="237"/>
        <v>2017</v>
      </c>
      <c r="D7594" t="s">
        <v>741</v>
      </c>
      <c r="E7594" t="s">
        <v>509</v>
      </c>
      <c r="F7594" t="s">
        <v>10</v>
      </c>
      <c r="G7594" t="s">
        <v>17</v>
      </c>
      <c r="H7594" t="s">
        <v>67</v>
      </c>
      <c r="I7594">
        <v>477.15</v>
      </c>
      <c r="J7594">
        <v>5</v>
      </c>
      <c r="K7594">
        <v>28.63</v>
      </c>
    </row>
    <row r="7595" spans="1:11" x14ac:dyDescent="0.3">
      <c r="A7595" s="1">
        <v>42882</v>
      </c>
      <c r="B7595" s="3">
        <f t="shared" si="236"/>
        <v>5</v>
      </c>
      <c r="C7595" s="3">
        <f t="shared" si="237"/>
        <v>2017</v>
      </c>
      <c r="D7595" t="s">
        <v>741</v>
      </c>
      <c r="E7595" t="s">
        <v>509</v>
      </c>
      <c r="F7595" t="s">
        <v>38</v>
      </c>
      <c r="G7595" t="s">
        <v>39</v>
      </c>
      <c r="H7595" t="s">
        <v>2673</v>
      </c>
      <c r="I7595">
        <v>302.38</v>
      </c>
      <c r="J7595">
        <v>3</v>
      </c>
      <c r="K7595">
        <v>22.68</v>
      </c>
    </row>
    <row r="7596" spans="1:11" x14ac:dyDescent="0.3">
      <c r="A7596" s="1">
        <v>42882</v>
      </c>
      <c r="B7596" s="3">
        <f t="shared" si="236"/>
        <v>5</v>
      </c>
      <c r="C7596" s="3">
        <f t="shared" si="237"/>
        <v>2017</v>
      </c>
      <c r="D7596" t="s">
        <v>1338</v>
      </c>
      <c r="E7596" t="s">
        <v>839</v>
      </c>
      <c r="F7596" t="s">
        <v>33</v>
      </c>
      <c r="G7596" t="s">
        <v>46</v>
      </c>
      <c r="H7596" t="s">
        <v>2598</v>
      </c>
      <c r="I7596">
        <v>477.3</v>
      </c>
      <c r="J7596">
        <v>5</v>
      </c>
      <c r="K7596">
        <v>138.41999999999999</v>
      </c>
    </row>
    <row r="7597" spans="1:11" x14ac:dyDescent="0.3">
      <c r="A7597" s="1">
        <v>42882</v>
      </c>
      <c r="B7597" s="3">
        <f t="shared" si="236"/>
        <v>5</v>
      </c>
      <c r="C7597" s="3">
        <f t="shared" si="237"/>
        <v>2017</v>
      </c>
      <c r="D7597" t="s">
        <v>1962</v>
      </c>
      <c r="E7597" t="s">
        <v>244</v>
      </c>
      <c r="F7597" t="s">
        <v>38</v>
      </c>
      <c r="G7597" t="s">
        <v>51</v>
      </c>
      <c r="H7597" t="s">
        <v>2677</v>
      </c>
      <c r="I7597">
        <v>27.19</v>
      </c>
      <c r="J7597">
        <v>3</v>
      </c>
      <c r="K7597">
        <v>0.34</v>
      </c>
    </row>
    <row r="7598" spans="1:11" x14ac:dyDescent="0.3">
      <c r="A7598" s="1">
        <v>42882</v>
      </c>
      <c r="B7598" s="3">
        <f t="shared" si="236"/>
        <v>5</v>
      </c>
      <c r="C7598" s="3">
        <f t="shared" si="237"/>
        <v>2017</v>
      </c>
      <c r="D7598" t="s">
        <v>1962</v>
      </c>
      <c r="E7598" t="s">
        <v>244</v>
      </c>
      <c r="F7598" t="s">
        <v>10</v>
      </c>
      <c r="G7598" t="s">
        <v>19</v>
      </c>
      <c r="H7598" t="s">
        <v>466</v>
      </c>
      <c r="I7598">
        <v>12.06</v>
      </c>
      <c r="J7598">
        <v>5</v>
      </c>
      <c r="K7598">
        <v>-10.050000000000001</v>
      </c>
    </row>
    <row r="7599" spans="1:11" x14ac:dyDescent="0.3">
      <c r="A7599" s="1">
        <v>42883</v>
      </c>
      <c r="B7599" s="3">
        <f t="shared" si="236"/>
        <v>5</v>
      </c>
      <c r="C7599" s="3">
        <f t="shared" si="237"/>
        <v>2017</v>
      </c>
      <c r="D7599" t="s">
        <v>372</v>
      </c>
      <c r="E7599" t="s">
        <v>69</v>
      </c>
      <c r="F7599" t="s">
        <v>33</v>
      </c>
      <c r="G7599" t="s">
        <v>34</v>
      </c>
      <c r="H7599" t="s">
        <v>230</v>
      </c>
      <c r="I7599">
        <v>301.95999999999998</v>
      </c>
      <c r="J7599">
        <v>2</v>
      </c>
      <c r="K7599">
        <v>33.22</v>
      </c>
    </row>
    <row r="7600" spans="1:11" x14ac:dyDescent="0.3">
      <c r="A7600" s="1">
        <v>42883</v>
      </c>
      <c r="B7600" s="3">
        <f t="shared" si="236"/>
        <v>5</v>
      </c>
      <c r="C7600" s="3">
        <f t="shared" si="237"/>
        <v>2017</v>
      </c>
      <c r="D7600" t="s">
        <v>2111</v>
      </c>
      <c r="E7600" t="s">
        <v>9</v>
      </c>
      <c r="F7600" t="s">
        <v>38</v>
      </c>
      <c r="G7600" t="s">
        <v>39</v>
      </c>
      <c r="H7600" t="s">
        <v>1304</v>
      </c>
      <c r="I7600">
        <v>54.37</v>
      </c>
      <c r="J7600">
        <v>4</v>
      </c>
      <c r="K7600">
        <v>4.08</v>
      </c>
    </row>
    <row r="7601" spans="1:11" x14ac:dyDescent="0.3">
      <c r="A7601" s="1">
        <v>42883</v>
      </c>
      <c r="B7601" s="3">
        <f t="shared" si="236"/>
        <v>5</v>
      </c>
      <c r="C7601" s="3">
        <f t="shared" si="237"/>
        <v>2017</v>
      </c>
      <c r="D7601" t="s">
        <v>1911</v>
      </c>
      <c r="E7601" t="s">
        <v>684</v>
      </c>
      <c r="F7601" t="s">
        <v>33</v>
      </c>
      <c r="G7601" t="s">
        <v>46</v>
      </c>
      <c r="H7601" t="s">
        <v>2104</v>
      </c>
      <c r="I7601">
        <v>247.44</v>
      </c>
      <c r="J7601">
        <v>8</v>
      </c>
      <c r="K7601">
        <v>101.45</v>
      </c>
    </row>
    <row r="7602" spans="1:11" x14ac:dyDescent="0.3">
      <c r="A7602" s="1">
        <v>42883</v>
      </c>
      <c r="B7602" s="3">
        <f t="shared" si="236"/>
        <v>5</v>
      </c>
      <c r="C7602" s="3">
        <f t="shared" si="237"/>
        <v>2017</v>
      </c>
      <c r="D7602" t="s">
        <v>1567</v>
      </c>
      <c r="E7602" t="s">
        <v>14</v>
      </c>
      <c r="F7602" t="s">
        <v>33</v>
      </c>
      <c r="G7602" t="s">
        <v>34</v>
      </c>
      <c r="H7602" t="s">
        <v>2595</v>
      </c>
      <c r="I7602">
        <v>106.87</v>
      </c>
      <c r="J7602">
        <v>3</v>
      </c>
      <c r="K7602">
        <v>-29.01</v>
      </c>
    </row>
    <row r="7603" spans="1:11" x14ac:dyDescent="0.3">
      <c r="A7603" s="1">
        <v>42883</v>
      </c>
      <c r="B7603" s="3">
        <f t="shared" si="236"/>
        <v>5</v>
      </c>
      <c r="C7603" s="3">
        <f t="shared" si="237"/>
        <v>2017</v>
      </c>
      <c r="D7603" t="s">
        <v>1567</v>
      </c>
      <c r="E7603" t="s">
        <v>14</v>
      </c>
      <c r="F7603" t="s">
        <v>10</v>
      </c>
      <c r="G7603" t="s">
        <v>19</v>
      </c>
      <c r="H7603" t="s">
        <v>117</v>
      </c>
      <c r="I7603">
        <v>3.56</v>
      </c>
      <c r="J7603">
        <v>3</v>
      </c>
      <c r="K7603">
        <v>-6.24</v>
      </c>
    </row>
    <row r="7604" spans="1:11" x14ac:dyDescent="0.3">
      <c r="A7604" s="1">
        <v>42883</v>
      </c>
      <c r="B7604" s="3">
        <f t="shared" si="236"/>
        <v>5</v>
      </c>
      <c r="C7604" s="3">
        <f t="shared" si="237"/>
        <v>2017</v>
      </c>
      <c r="D7604" t="s">
        <v>1617</v>
      </c>
      <c r="E7604" t="s">
        <v>94</v>
      </c>
      <c r="F7604" t="s">
        <v>38</v>
      </c>
      <c r="G7604" t="s">
        <v>39</v>
      </c>
      <c r="H7604" t="s">
        <v>1492</v>
      </c>
      <c r="I7604">
        <v>195.96</v>
      </c>
      <c r="J7604">
        <v>5</v>
      </c>
      <c r="K7604">
        <v>19.600000000000001</v>
      </c>
    </row>
    <row r="7605" spans="1:11" x14ac:dyDescent="0.3">
      <c r="A7605" s="1">
        <v>42883</v>
      </c>
      <c r="B7605" s="3">
        <f t="shared" si="236"/>
        <v>5</v>
      </c>
      <c r="C7605" s="3">
        <f t="shared" si="237"/>
        <v>2017</v>
      </c>
      <c r="D7605" t="s">
        <v>1617</v>
      </c>
      <c r="E7605" t="s">
        <v>94</v>
      </c>
      <c r="F7605" t="s">
        <v>10</v>
      </c>
      <c r="G7605" t="s">
        <v>11</v>
      </c>
      <c r="H7605" t="s">
        <v>2537</v>
      </c>
      <c r="I7605">
        <v>15.55</v>
      </c>
      <c r="J7605">
        <v>3</v>
      </c>
      <c r="K7605">
        <v>5.44</v>
      </c>
    </row>
    <row r="7606" spans="1:11" x14ac:dyDescent="0.3">
      <c r="A7606" s="1">
        <v>42883</v>
      </c>
      <c r="B7606" s="3">
        <f t="shared" si="236"/>
        <v>5</v>
      </c>
      <c r="C7606" s="3">
        <f t="shared" si="237"/>
        <v>2017</v>
      </c>
      <c r="D7606" t="s">
        <v>1617</v>
      </c>
      <c r="E7606" t="s">
        <v>94</v>
      </c>
      <c r="F7606" t="s">
        <v>38</v>
      </c>
      <c r="G7606" t="s">
        <v>51</v>
      </c>
      <c r="H7606" t="s">
        <v>1133</v>
      </c>
      <c r="I7606">
        <v>271.97000000000003</v>
      </c>
      <c r="J7606">
        <v>4</v>
      </c>
      <c r="K7606">
        <v>54.39</v>
      </c>
    </row>
    <row r="7607" spans="1:11" x14ac:dyDescent="0.3">
      <c r="A7607" s="1">
        <v>42883</v>
      </c>
      <c r="B7607" s="3">
        <f t="shared" si="236"/>
        <v>5</v>
      </c>
      <c r="C7607" s="3">
        <f t="shared" si="237"/>
        <v>2017</v>
      </c>
      <c r="D7607" t="s">
        <v>1733</v>
      </c>
      <c r="E7607" t="s">
        <v>530</v>
      </c>
      <c r="F7607" t="s">
        <v>33</v>
      </c>
      <c r="G7607" t="s">
        <v>46</v>
      </c>
      <c r="H7607" t="s">
        <v>364</v>
      </c>
      <c r="I7607">
        <v>27.46</v>
      </c>
      <c r="J7607">
        <v>2</v>
      </c>
      <c r="K7607">
        <v>9.89</v>
      </c>
    </row>
    <row r="7608" spans="1:11" x14ac:dyDescent="0.3">
      <c r="A7608" s="1">
        <v>42883</v>
      </c>
      <c r="B7608" s="3">
        <f t="shared" si="236"/>
        <v>5</v>
      </c>
      <c r="C7608" s="3">
        <f t="shared" si="237"/>
        <v>2017</v>
      </c>
      <c r="D7608" t="s">
        <v>1733</v>
      </c>
      <c r="E7608" t="s">
        <v>530</v>
      </c>
      <c r="F7608" t="s">
        <v>10</v>
      </c>
      <c r="G7608" t="s">
        <v>91</v>
      </c>
      <c r="H7608" t="s">
        <v>1277</v>
      </c>
      <c r="I7608">
        <v>125.13</v>
      </c>
      <c r="J7608">
        <v>3</v>
      </c>
      <c r="K7608">
        <v>36.29</v>
      </c>
    </row>
    <row r="7609" spans="1:11" x14ac:dyDescent="0.3">
      <c r="A7609" s="1">
        <v>42883</v>
      </c>
      <c r="B7609" s="3">
        <f t="shared" si="236"/>
        <v>5</v>
      </c>
      <c r="C7609" s="3">
        <f t="shared" si="237"/>
        <v>2017</v>
      </c>
      <c r="D7609" t="s">
        <v>1437</v>
      </c>
      <c r="E7609" t="s">
        <v>77</v>
      </c>
      <c r="F7609" t="s">
        <v>10</v>
      </c>
      <c r="G7609" t="s">
        <v>11</v>
      </c>
      <c r="H7609" t="s">
        <v>2239</v>
      </c>
      <c r="I7609">
        <v>13.87</v>
      </c>
      <c r="J7609">
        <v>3</v>
      </c>
      <c r="K7609">
        <v>5.03</v>
      </c>
    </row>
    <row r="7610" spans="1:11" x14ac:dyDescent="0.3">
      <c r="A7610" s="1">
        <v>42883</v>
      </c>
      <c r="B7610" s="3">
        <f t="shared" si="236"/>
        <v>5</v>
      </c>
      <c r="C7610" s="3">
        <f t="shared" si="237"/>
        <v>2017</v>
      </c>
      <c r="D7610" t="s">
        <v>1437</v>
      </c>
      <c r="E7610" t="s">
        <v>77</v>
      </c>
      <c r="F7610" t="s">
        <v>33</v>
      </c>
      <c r="G7610" t="s">
        <v>73</v>
      </c>
      <c r="H7610" t="s">
        <v>2160</v>
      </c>
      <c r="I7610">
        <v>115.96</v>
      </c>
      <c r="J7610">
        <v>4</v>
      </c>
      <c r="K7610">
        <v>-64.94</v>
      </c>
    </row>
    <row r="7611" spans="1:11" x14ac:dyDescent="0.3">
      <c r="A7611" s="1">
        <v>42884</v>
      </c>
      <c r="B7611" s="3">
        <f t="shared" si="236"/>
        <v>5</v>
      </c>
      <c r="C7611" s="3">
        <f t="shared" si="237"/>
        <v>2017</v>
      </c>
      <c r="D7611" t="s">
        <v>1919</v>
      </c>
      <c r="E7611" t="s">
        <v>9</v>
      </c>
      <c r="F7611" t="s">
        <v>10</v>
      </c>
      <c r="G7611" t="s">
        <v>11</v>
      </c>
      <c r="H7611" t="s">
        <v>2393</v>
      </c>
      <c r="I7611">
        <v>25.92</v>
      </c>
      <c r="J7611">
        <v>5</v>
      </c>
      <c r="K7611">
        <v>9.4</v>
      </c>
    </row>
    <row r="7612" spans="1:11" x14ac:dyDescent="0.3">
      <c r="A7612" s="1">
        <v>42884</v>
      </c>
      <c r="B7612" s="3">
        <f t="shared" si="236"/>
        <v>5</v>
      </c>
      <c r="C7612" s="3">
        <f t="shared" si="237"/>
        <v>2017</v>
      </c>
      <c r="D7612" t="s">
        <v>1919</v>
      </c>
      <c r="E7612" t="s">
        <v>9</v>
      </c>
      <c r="F7612" t="s">
        <v>10</v>
      </c>
      <c r="G7612" t="s">
        <v>17</v>
      </c>
      <c r="H7612" t="s">
        <v>1752</v>
      </c>
      <c r="I7612">
        <v>53.42</v>
      </c>
      <c r="J7612">
        <v>3</v>
      </c>
      <c r="K7612">
        <v>4.67</v>
      </c>
    </row>
    <row r="7613" spans="1:11" x14ac:dyDescent="0.3">
      <c r="A7613" s="1">
        <v>42884</v>
      </c>
      <c r="B7613" s="3">
        <f t="shared" si="236"/>
        <v>5</v>
      </c>
      <c r="C7613" s="3">
        <f t="shared" si="237"/>
        <v>2017</v>
      </c>
      <c r="D7613" t="s">
        <v>2462</v>
      </c>
      <c r="E7613" t="s">
        <v>9</v>
      </c>
      <c r="F7613" t="s">
        <v>33</v>
      </c>
      <c r="G7613" t="s">
        <v>46</v>
      </c>
      <c r="H7613" t="s">
        <v>2553</v>
      </c>
      <c r="I7613">
        <v>65.42</v>
      </c>
      <c r="J7613">
        <v>4</v>
      </c>
      <c r="K7613">
        <v>-52.34</v>
      </c>
    </row>
    <row r="7614" spans="1:11" x14ac:dyDescent="0.3">
      <c r="A7614" s="1">
        <v>42884</v>
      </c>
      <c r="B7614" s="3">
        <f t="shared" si="236"/>
        <v>5</v>
      </c>
      <c r="C7614" s="3">
        <f t="shared" si="237"/>
        <v>2017</v>
      </c>
      <c r="D7614" t="s">
        <v>1956</v>
      </c>
      <c r="E7614" t="s">
        <v>995</v>
      </c>
      <c r="F7614" t="s">
        <v>10</v>
      </c>
      <c r="G7614" t="s">
        <v>42</v>
      </c>
      <c r="H7614" t="s">
        <v>233</v>
      </c>
      <c r="I7614">
        <v>23.55</v>
      </c>
      <c r="J7614">
        <v>5</v>
      </c>
      <c r="K7614">
        <v>1.18</v>
      </c>
    </row>
    <row r="7615" spans="1:11" x14ac:dyDescent="0.3">
      <c r="A7615" s="1">
        <v>42884</v>
      </c>
      <c r="B7615" s="3">
        <f t="shared" si="236"/>
        <v>5</v>
      </c>
      <c r="C7615" s="3">
        <f t="shared" si="237"/>
        <v>2017</v>
      </c>
      <c r="D7615" t="s">
        <v>1615</v>
      </c>
      <c r="E7615" t="s">
        <v>128</v>
      </c>
      <c r="F7615" t="s">
        <v>10</v>
      </c>
      <c r="G7615" t="s">
        <v>19</v>
      </c>
      <c r="H7615" t="s">
        <v>1138</v>
      </c>
      <c r="I7615">
        <v>43.41</v>
      </c>
      <c r="J7615">
        <v>1</v>
      </c>
      <c r="K7615">
        <v>19.97</v>
      </c>
    </row>
    <row r="7616" spans="1:11" x14ac:dyDescent="0.3">
      <c r="A7616" s="1">
        <v>42884</v>
      </c>
      <c r="B7616" s="3">
        <f t="shared" si="236"/>
        <v>5</v>
      </c>
      <c r="C7616" s="3">
        <f t="shared" si="237"/>
        <v>2017</v>
      </c>
      <c r="D7616" t="s">
        <v>1615</v>
      </c>
      <c r="E7616" t="s">
        <v>128</v>
      </c>
      <c r="F7616" t="s">
        <v>33</v>
      </c>
      <c r="G7616" t="s">
        <v>46</v>
      </c>
      <c r="H7616" t="s">
        <v>280</v>
      </c>
      <c r="I7616">
        <v>6.24</v>
      </c>
      <c r="J7616">
        <v>3</v>
      </c>
      <c r="K7616">
        <v>2.62</v>
      </c>
    </row>
    <row r="7617" spans="1:11" x14ac:dyDescent="0.3">
      <c r="A7617" s="1">
        <v>42884</v>
      </c>
      <c r="B7617" s="3">
        <f t="shared" si="236"/>
        <v>5</v>
      </c>
      <c r="C7617" s="3">
        <f t="shared" si="237"/>
        <v>2017</v>
      </c>
      <c r="D7617" t="s">
        <v>1615</v>
      </c>
      <c r="E7617" t="s">
        <v>128</v>
      </c>
      <c r="F7617" t="s">
        <v>10</v>
      </c>
      <c r="G7617" t="s">
        <v>91</v>
      </c>
      <c r="H7617" t="s">
        <v>2605</v>
      </c>
      <c r="I7617">
        <v>465.16</v>
      </c>
      <c r="J7617">
        <v>2</v>
      </c>
      <c r="K7617">
        <v>120.94</v>
      </c>
    </row>
    <row r="7618" spans="1:11" x14ac:dyDescent="0.3">
      <c r="A7618" s="1">
        <v>42884</v>
      </c>
      <c r="B7618" s="3">
        <f t="shared" ref="B7618:B7681" si="238">MONTH(A:A)</f>
        <v>5</v>
      </c>
      <c r="C7618" s="3">
        <f t="shared" ref="C7618:C7681" si="239">YEAR(A:A)</f>
        <v>2017</v>
      </c>
      <c r="D7618" t="s">
        <v>1615</v>
      </c>
      <c r="E7618" t="s">
        <v>128</v>
      </c>
      <c r="F7618" t="s">
        <v>10</v>
      </c>
      <c r="G7618" t="s">
        <v>11</v>
      </c>
      <c r="H7618" t="s">
        <v>753</v>
      </c>
      <c r="I7618">
        <v>7.98</v>
      </c>
      <c r="J7618">
        <v>1</v>
      </c>
      <c r="K7618">
        <v>3.99</v>
      </c>
    </row>
    <row r="7619" spans="1:11" x14ac:dyDescent="0.3">
      <c r="A7619" s="1">
        <v>42885</v>
      </c>
      <c r="B7619" s="3">
        <f t="shared" si="238"/>
        <v>5</v>
      </c>
      <c r="C7619" s="3">
        <f t="shared" si="239"/>
        <v>2017</v>
      </c>
      <c r="D7619" t="s">
        <v>2137</v>
      </c>
      <c r="E7619" t="s">
        <v>61</v>
      </c>
      <c r="F7619" t="s">
        <v>33</v>
      </c>
      <c r="G7619" t="s">
        <v>73</v>
      </c>
      <c r="H7619" t="s">
        <v>1716</v>
      </c>
      <c r="I7619">
        <v>241.96</v>
      </c>
      <c r="J7619">
        <v>2</v>
      </c>
      <c r="K7619">
        <v>33.869999999999997</v>
      </c>
    </row>
    <row r="7620" spans="1:11" x14ac:dyDescent="0.3">
      <c r="A7620" s="1">
        <v>42885</v>
      </c>
      <c r="B7620" s="3">
        <f t="shared" si="238"/>
        <v>5</v>
      </c>
      <c r="C7620" s="3">
        <f t="shared" si="239"/>
        <v>2017</v>
      </c>
      <c r="D7620" t="s">
        <v>2137</v>
      </c>
      <c r="E7620" t="s">
        <v>61</v>
      </c>
      <c r="F7620" t="s">
        <v>10</v>
      </c>
      <c r="G7620" t="s">
        <v>19</v>
      </c>
      <c r="H7620" t="s">
        <v>1791</v>
      </c>
      <c r="I7620">
        <v>3.89</v>
      </c>
      <c r="J7620">
        <v>1</v>
      </c>
      <c r="K7620">
        <v>1.87</v>
      </c>
    </row>
    <row r="7621" spans="1:11" x14ac:dyDescent="0.3">
      <c r="A7621" s="1">
        <v>42885</v>
      </c>
      <c r="B7621" s="3">
        <f t="shared" si="238"/>
        <v>5</v>
      </c>
      <c r="C7621" s="3">
        <f t="shared" si="239"/>
        <v>2017</v>
      </c>
      <c r="D7621" t="s">
        <v>2137</v>
      </c>
      <c r="E7621" t="s">
        <v>61</v>
      </c>
      <c r="F7621" t="s">
        <v>33</v>
      </c>
      <c r="G7621" t="s">
        <v>46</v>
      </c>
      <c r="H7621" t="s">
        <v>871</v>
      </c>
      <c r="I7621">
        <v>8.01</v>
      </c>
      <c r="J7621">
        <v>3</v>
      </c>
      <c r="K7621">
        <v>3.04</v>
      </c>
    </row>
    <row r="7622" spans="1:11" x14ac:dyDescent="0.3">
      <c r="A7622" s="1">
        <v>42885</v>
      </c>
      <c r="B7622" s="3">
        <f t="shared" si="238"/>
        <v>5</v>
      </c>
      <c r="C7622" s="3">
        <f t="shared" si="239"/>
        <v>2017</v>
      </c>
      <c r="D7622" t="s">
        <v>1862</v>
      </c>
      <c r="E7622" t="s">
        <v>90</v>
      </c>
      <c r="F7622" t="s">
        <v>38</v>
      </c>
      <c r="G7622" t="s">
        <v>39</v>
      </c>
      <c r="H7622" t="s">
        <v>1939</v>
      </c>
      <c r="I7622">
        <v>156.79</v>
      </c>
      <c r="J7622">
        <v>1</v>
      </c>
      <c r="K7622">
        <v>17.64</v>
      </c>
    </row>
    <row r="7623" spans="1:11" x14ac:dyDescent="0.3">
      <c r="A7623" s="1">
        <v>42885</v>
      </c>
      <c r="B7623" s="3">
        <f t="shared" si="238"/>
        <v>5</v>
      </c>
      <c r="C7623" s="3">
        <f t="shared" si="239"/>
        <v>2017</v>
      </c>
      <c r="D7623" t="s">
        <v>1862</v>
      </c>
      <c r="E7623" t="s">
        <v>90</v>
      </c>
      <c r="F7623" t="s">
        <v>38</v>
      </c>
      <c r="G7623" t="s">
        <v>51</v>
      </c>
      <c r="H7623" t="s">
        <v>387</v>
      </c>
      <c r="I7623">
        <v>35.36</v>
      </c>
      <c r="J7623">
        <v>2</v>
      </c>
      <c r="K7623">
        <v>-3.09</v>
      </c>
    </row>
    <row r="7624" spans="1:11" x14ac:dyDescent="0.3">
      <c r="A7624" s="1">
        <v>42885</v>
      </c>
      <c r="B7624" s="3">
        <f t="shared" si="238"/>
        <v>5</v>
      </c>
      <c r="C7624" s="3">
        <f t="shared" si="239"/>
        <v>2017</v>
      </c>
      <c r="D7624" t="s">
        <v>1862</v>
      </c>
      <c r="E7624" t="s">
        <v>90</v>
      </c>
      <c r="F7624" t="s">
        <v>33</v>
      </c>
      <c r="G7624" t="s">
        <v>46</v>
      </c>
      <c r="H7624" t="s">
        <v>2222</v>
      </c>
      <c r="I7624">
        <v>13.59</v>
      </c>
      <c r="J7624">
        <v>1</v>
      </c>
      <c r="K7624">
        <v>-0.34</v>
      </c>
    </row>
    <row r="7625" spans="1:11" x14ac:dyDescent="0.3">
      <c r="A7625" s="1">
        <v>42885</v>
      </c>
      <c r="B7625" s="3">
        <f t="shared" si="238"/>
        <v>5</v>
      </c>
      <c r="C7625" s="3">
        <f t="shared" si="239"/>
        <v>2017</v>
      </c>
      <c r="D7625" t="s">
        <v>1400</v>
      </c>
      <c r="E7625" t="s">
        <v>26</v>
      </c>
      <c r="F7625" t="s">
        <v>10</v>
      </c>
      <c r="G7625" t="s">
        <v>11</v>
      </c>
      <c r="H7625" t="s">
        <v>2582</v>
      </c>
      <c r="I7625">
        <v>37.520000000000003</v>
      </c>
      <c r="J7625">
        <v>4</v>
      </c>
      <c r="K7625">
        <v>18.010000000000002</v>
      </c>
    </row>
    <row r="7626" spans="1:11" x14ac:dyDescent="0.3">
      <c r="A7626" s="1">
        <v>42885</v>
      </c>
      <c r="B7626" s="3">
        <f t="shared" si="238"/>
        <v>5</v>
      </c>
      <c r="C7626" s="3">
        <f t="shared" si="239"/>
        <v>2017</v>
      </c>
      <c r="D7626" t="s">
        <v>276</v>
      </c>
      <c r="E7626" t="s">
        <v>9</v>
      </c>
      <c r="F7626" t="s">
        <v>33</v>
      </c>
      <c r="G7626" t="s">
        <v>73</v>
      </c>
      <c r="H7626" t="s">
        <v>1929</v>
      </c>
      <c r="I7626">
        <v>204.67</v>
      </c>
      <c r="J7626">
        <v>1</v>
      </c>
      <c r="K7626">
        <v>-6.02</v>
      </c>
    </row>
    <row r="7627" spans="1:11" x14ac:dyDescent="0.3">
      <c r="A7627" s="1">
        <v>42885</v>
      </c>
      <c r="B7627" s="3">
        <f t="shared" si="238"/>
        <v>5</v>
      </c>
      <c r="C7627" s="3">
        <f t="shared" si="239"/>
        <v>2017</v>
      </c>
      <c r="D7627" t="s">
        <v>282</v>
      </c>
      <c r="E7627" t="s">
        <v>26</v>
      </c>
      <c r="F7627" t="s">
        <v>10</v>
      </c>
      <c r="G7627" t="s">
        <v>23</v>
      </c>
      <c r="H7627" t="s">
        <v>884</v>
      </c>
      <c r="I7627">
        <v>35.1</v>
      </c>
      <c r="J7627">
        <v>6</v>
      </c>
      <c r="K7627">
        <v>10.18</v>
      </c>
    </row>
    <row r="7628" spans="1:11" x14ac:dyDescent="0.3">
      <c r="A7628" s="1">
        <v>42887</v>
      </c>
      <c r="B7628" s="3">
        <f t="shared" si="238"/>
        <v>6</v>
      </c>
      <c r="C7628" s="3">
        <f t="shared" si="239"/>
        <v>2017</v>
      </c>
      <c r="D7628" t="s">
        <v>1034</v>
      </c>
      <c r="E7628" t="s">
        <v>77</v>
      </c>
      <c r="F7628" t="s">
        <v>10</v>
      </c>
      <c r="G7628" t="s">
        <v>91</v>
      </c>
      <c r="H7628" t="s">
        <v>1974</v>
      </c>
      <c r="I7628">
        <v>17.48</v>
      </c>
      <c r="J7628">
        <v>5</v>
      </c>
      <c r="K7628">
        <v>1.31</v>
      </c>
    </row>
    <row r="7629" spans="1:11" x14ac:dyDescent="0.3">
      <c r="A7629" s="1">
        <v>42887</v>
      </c>
      <c r="B7629" s="3">
        <f t="shared" si="238"/>
        <v>6</v>
      </c>
      <c r="C7629" s="3">
        <f t="shared" si="239"/>
        <v>2017</v>
      </c>
      <c r="D7629" t="s">
        <v>2208</v>
      </c>
      <c r="E7629" t="s">
        <v>77</v>
      </c>
      <c r="F7629" t="s">
        <v>10</v>
      </c>
      <c r="G7629" t="s">
        <v>19</v>
      </c>
      <c r="H7629" t="s">
        <v>247</v>
      </c>
      <c r="I7629">
        <v>3.8</v>
      </c>
      <c r="J7629">
        <v>2</v>
      </c>
      <c r="K7629">
        <v>-2.66</v>
      </c>
    </row>
    <row r="7630" spans="1:11" x14ac:dyDescent="0.3">
      <c r="A7630" s="1">
        <v>42887</v>
      </c>
      <c r="B7630" s="3">
        <f t="shared" si="238"/>
        <v>6</v>
      </c>
      <c r="C7630" s="3">
        <f t="shared" si="239"/>
        <v>2017</v>
      </c>
      <c r="D7630" t="s">
        <v>2208</v>
      </c>
      <c r="E7630" t="s">
        <v>77</v>
      </c>
      <c r="F7630" t="s">
        <v>10</v>
      </c>
      <c r="G7630" t="s">
        <v>11</v>
      </c>
      <c r="H7630" t="s">
        <v>1314</v>
      </c>
      <c r="I7630">
        <v>27.74</v>
      </c>
      <c r="J7630">
        <v>6</v>
      </c>
      <c r="K7630">
        <v>10.06</v>
      </c>
    </row>
    <row r="7631" spans="1:11" x14ac:dyDescent="0.3">
      <c r="A7631" s="1">
        <v>42887</v>
      </c>
      <c r="B7631" s="3">
        <f t="shared" si="238"/>
        <v>6</v>
      </c>
      <c r="C7631" s="3">
        <f t="shared" si="239"/>
        <v>2017</v>
      </c>
      <c r="D7631" t="s">
        <v>2208</v>
      </c>
      <c r="E7631" t="s">
        <v>77</v>
      </c>
      <c r="F7631" t="s">
        <v>38</v>
      </c>
      <c r="G7631" t="s">
        <v>39</v>
      </c>
      <c r="H7631" t="s">
        <v>2299</v>
      </c>
      <c r="I7631">
        <v>158.38</v>
      </c>
      <c r="J7631">
        <v>4</v>
      </c>
      <c r="K7631">
        <v>-34.31</v>
      </c>
    </row>
    <row r="7632" spans="1:11" x14ac:dyDescent="0.3">
      <c r="A7632" s="1">
        <v>42887</v>
      </c>
      <c r="B7632" s="3">
        <f t="shared" si="238"/>
        <v>6</v>
      </c>
      <c r="C7632" s="3">
        <f t="shared" si="239"/>
        <v>2017</v>
      </c>
      <c r="D7632" t="s">
        <v>2517</v>
      </c>
      <c r="E7632" t="s">
        <v>995</v>
      </c>
      <c r="F7632" t="s">
        <v>10</v>
      </c>
      <c r="G7632" t="s">
        <v>19</v>
      </c>
      <c r="H7632" t="s">
        <v>95</v>
      </c>
      <c r="I7632">
        <v>53.9</v>
      </c>
      <c r="J7632">
        <v>5</v>
      </c>
      <c r="K7632">
        <v>25.87</v>
      </c>
    </row>
    <row r="7633" spans="1:11" x14ac:dyDescent="0.3">
      <c r="A7633" s="1">
        <v>42887</v>
      </c>
      <c r="B7633" s="3">
        <f t="shared" si="238"/>
        <v>6</v>
      </c>
      <c r="C7633" s="3">
        <f t="shared" si="239"/>
        <v>2017</v>
      </c>
      <c r="D7633" t="s">
        <v>716</v>
      </c>
      <c r="E7633" t="s">
        <v>22</v>
      </c>
      <c r="F7633" t="s">
        <v>10</v>
      </c>
      <c r="G7633" t="s">
        <v>17</v>
      </c>
      <c r="H7633" t="s">
        <v>2030</v>
      </c>
      <c r="I7633">
        <v>324.74</v>
      </c>
      <c r="J7633">
        <v>3</v>
      </c>
      <c r="K7633">
        <v>-77.13</v>
      </c>
    </row>
    <row r="7634" spans="1:11" x14ac:dyDescent="0.3">
      <c r="A7634" s="1">
        <v>42887</v>
      </c>
      <c r="B7634" s="3">
        <f t="shared" si="238"/>
        <v>6</v>
      </c>
      <c r="C7634" s="3">
        <f t="shared" si="239"/>
        <v>2017</v>
      </c>
      <c r="D7634" t="s">
        <v>2270</v>
      </c>
      <c r="E7634" t="s">
        <v>128</v>
      </c>
      <c r="F7634" t="s">
        <v>33</v>
      </c>
      <c r="G7634" t="s">
        <v>34</v>
      </c>
      <c r="H7634" t="s">
        <v>1730</v>
      </c>
      <c r="I7634">
        <v>1925.88</v>
      </c>
      <c r="J7634">
        <v>6</v>
      </c>
      <c r="K7634">
        <v>539.25</v>
      </c>
    </row>
    <row r="7635" spans="1:11" x14ac:dyDescent="0.3">
      <c r="A7635" s="1">
        <v>42887</v>
      </c>
      <c r="B7635" s="3">
        <f t="shared" si="238"/>
        <v>6</v>
      </c>
      <c r="C7635" s="3">
        <f t="shared" si="239"/>
        <v>2017</v>
      </c>
      <c r="D7635" t="s">
        <v>2270</v>
      </c>
      <c r="E7635" t="s">
        <v>128</v>
      </c>
      <c r="F7635" t="s">
        <v>10</v>
      </c>
      <c r="G7635" t="s">
        <v>91</v>
      </c>
      <c r="H7635" t="s">
        <v>754</v>
      </c>
      <c r="I7635">
        <v>2405.1999999999998</v>
      </c>
      <c r="J7635">
        <v>8</v>
      </c>
      <c r="K7635">
        <v>793.72</v>
      </c>
    </row>
    <row r="7636" spans="1:11" x14ac:dyDescent="0.3">
      <c r="A7636" s="1">
        <v>42887</v>
      </c>
      <c r="B7636" s="3">
        <f t="shared" si="238"/>
        <v>6</v>
      </c>
      <c r="C7636" s="3">
        <f t="shared" si="239"/>
        <v>2017</v>
      </c>
      <c r="D7636" t="s">
        <v>2270</v>
      </c>
      <c r="E7636" t="s">
        <v>128</v>
      </c>
      <c r="F7636" t="s">
        <v>38</v>
      </c>
      <c r="G7636" t="s">
        <v>51</v>
      </c>
      <c r="H7636" t="s">
        <v>1525</v>
      </c>
      <c r="I7636">
        <v>83.97</v>
      </c>
      <c r="J7636">
        <v>3</v>
      </c>
      <c r="K7636">
        <v>15.95</v>
      </c>
    </row>
    <row r="7637" spans="1:11" x14ac:dyDescent="0.3">
      <c r="A7637" s="1">
        <v>42887</v>
      </c>
      <c r="B7637" s="3">
        <f t="shared" si="238"/>
        <v>6</v>
      </c>
      <c r="C7637" s="3">
        <f t="shared" si="239"/>
        <v>2017</v>
      </c>
      <c r="D7637" t="s">
        <v>2270</v>
      </c>
      <c r="E7637" t="s">
        <v>128</v>
      </c>
      <c r="F7637" t="s">
        <v>38</v>
      </c>
      <c r="G7637" t="s">
        <v>51</v>
      </c>
      <c r="H7637" t="s">
        <v>2424</v>
      </c>
      <c r="I7637">
        <v>39.89</v>
      </c>
      <c r="J7637">
        <v>1</v>
      </c>
      <c r="K7637">
        <v>14.76</v>
      </c>
    </row>
    <row r="7638" spans="1:11" x14ac:dyDescent="0.3">
      <c r="A7638" s="1">
        <v>42887</v>
      </c>
      <c r="B7638" s="3">
        <f t="shared" si="238"/>
        <v>6</v>
      </c>
      <c r="C7638" s="3">
        <f t="shared" si="239"/>
        <v>2017</v>
      </c>
      <c r="D7638" t="s">
        <v>2270</v>
      </c>
      <c r="E7638" t="s">
        <v>128</v>
      </c>
      <c r="F7638" t="s">
        <v>10</v>
      </c>
      <c r="G7638" t="s">
        <v>19</v>
      </c>
      <c r="H7638" t="s">
        <v>1997</v>
      </c>
      <c r="I7638">
        <v>17.38</v>
      </c>
      <c r="J7638">
        <v>2</v>
      </c>
      <c r="K7638">
        <v>8.69</v>
      </c>
    </row>
    <row r="7639" spans="1:11" x14ac:dyDescent="0.3">
      <c r="A7639" s="1">
        <v>42888</v>
      </c>
      <c r="B7639" s="3">
        <f t="shared" si="238"/>
        <v>6</v>
      </c>
      <c r="C7639" s="3">
        <f t="shared" si="239"/>
        <v>2017</v>
      </c>
      <c r="D7639" t="s">
        <v>1002</v>
      </c>
      <c r="E7639" t="s">
        <v>77</v>
      </c>
      <c r="F7639" t="s">
        <v>38</v>
      </c>
      <c r="G7639" t="s">
        <v>39</v>
      </c>
      <c r="H7639" t="s">
        <v>1998</v>
      </c>
      <c r="I7639">
        <v>2.97</v>
      </c>
      <c r="J7639">
        <v>1</v>
      </c>
      <c r="K7639">
        <v>-0.64</v>
      </c>
    </row>
    <row r="7640" spans="1:11" x14ac:dyDescent="0.3">
      <c r="A7640" s="1">
        <v>42888</v>
      </c>
      <c r="B7640" s="3">
        <f t="shared" si="238"/>
        <v>6</v>
      </c>
      <c r="C7640" s="3">
        <f t="shared" si="239"/>
        <v>2017</v>
      </c>
      <c r="D7640" t="s">
        <v>1002</v>
      </c>
      <c r="E7640" t="s">
        <v>77</v>
      </c>
      <c r="F7640" t="s">
        <v>10</v>
      </c>
      <c r="G7640" t="s">
        <v>17</v>
      </c>
      <c r="H7640" t="s">
        <v>1846</v>
      </c>
      <c r="I7640">
        <v>27.44</v>
      </c>
      <c r="J7640">
        <v>2</v>
      </c>
      <c r="K7640">
        <v>2.4</v>
      </c>
    </row>
    <row r="7641" spans="1:11" x14ac:dyDescent="0.3">
      <c r="A7641" s="1">
        <v>42888</v>
      </c>
      <c r="B7641" s="3">
        <f t="shared" si="238"/>
        <v>6</v>
      </c>
      <c r="C7641" s="3">
        <f t="shared" si="239"/>
        <v>2017</v>
      </c>
      <c r="D7641" t="s">
        <v>1425</v>
      </c>
      <c r="E7641" t="s">
        <v>94</v>
      </c>
      <c r="F7641" t="s">
        <v>10</v>
      </c>
      <c r="G7641" t="s">
        <v>11</v>
      </c>
      <c r="H7641" t="s">
        <v>1590</v>
      </c>
      <c r="I7641">
        <v>25.34</v>
      </c>
      <c r="J7641">
        <v>6</v>
      </c>
      <c r="K7641">
        <v>7.92</v>
      </c>
    </row>
    <row r="7642" spans="1:11" x14ac:dyDescent="0.3">
      <c r="A7642" s="1">
        <v>42888</v>
      </c>
      <c r="B7642" s="3">
        <f t="shared" si="238"/>
        <v>6</v>
      </c>
      <c r="C7642" s="3">
        <f t="shared" si="239"/>
        <v>2017</v>
      </c>
      <c r="D7642" t="s">
        <v>1425</v>
      </c>
      <c r="E7642" t="s">
        <v>94</v>
      </c>
      <c r="F7642" t="s">
        <v>10</v>
      </c>
      <c r="G7642" t="s">
        <v>62</v>
      </c>
      <c r="H7642" t="s">
        <v>2520</v>
      </c>
      <c r="I7642">
        <v>43.92</v>
      </c>
      <c r="J7642">
        <v>5</v>
      </c>
      <c r="K7642">
        <v>15.92</v>
      </c>
    </row>
    <row r="7643" spans="1:11" x14ac:dyDescent="0.3">
      <c r="A7643" s="1">
        <v>42888</v>
      </c>
      <c r="B7643" s="3">
        <f t="shared" si="238"/>
        <v>6</v>
      </c>
      <c r="C7643" s="3">
        <f t="shared" si="239"/>
        <v>2017</v>
      </c>
      <c r="D7643" t="s">
        <v>601</v>
      </c>
      <c r="E7643" t="s">
        <v>244</v>
      </c>
      <c r="F7643" t="s">
        <v>10</v>
      </c>
      <c r="G7643" t="s">
        <v>11</v>
      </c>
      <c r="H7643" t="s">
        <v>496</v>
      </c>
      <c r="I7643">
        <v>25.34</v>
      </c>
      <c r="J7643">
        <v>4</v>
      </c>
      <c r="K7643">
        <v>9.19</v>
      </c>
    </row>
    <row r="7644" spans="1:11" x14ac:dyDescent="0.3">
      <c r="A7644" s="1">
        <v>42888</v>
      </c>
      <c r="B7644" s="3">
        <f t="shared" si="238"/>
        <v>6</v>
      </c>
      <c r="C7644" s="3">
        <f t="shared" si="239"/>
        <v>2017</v>
      </c>
      <c r="D7644" t="s">
        <v>1993</v>
      </c>
      <c r="E7644" t="s">
        <v>9</v>
      </c>
      <c r="F7644" t="s">
        <v>10</v>
      </c>
      <c r="G7644" t="s">
        <v>11</v>
      </c>
      <c r="H7644" t="s">
        <v>1980</v>
      </c>
      <c r="I7644">
        <v>10.69</v>
      </c>
      <c r="J7644">
        <v>2</v>
      </c>
      <c r="K7644">
        <v>3.74</v>
      </c>
    </row>
    <row r="7645" spans="1:11" x14ac:dyDescent="0.3">
      <c r="A7645" s="1">
        <v>42889</v>
      </c>
      <c r="B7645" s="3">
        <f t="shared" si="238"/>
        <v>6</v>
      </c>
      <c r="C7645" s="3">
        <f t="shared" si="239"/>
        <v>2017</v>
      </c>
      <c r="D7645" t="s">
        <v>812</v>
      </c>
      <c r="E7645" t="s">
        <v>119</v>
      </c>
      <c r="F7645" t="s">
        <v>33</v>
      </c>
      <c r="G7645" t="s">
        <v>46</v>
      </c>
      <c r="H7645" t="s">
        <v>1693</v>
      </c>
      <c r="I7645">
        <v>35.17</v>
      </c>
      <c r="J7645">
        <v>7</v>
      </c>
      <c r="K7645">
        <v>9.67</v>
      </c>
    </row>
    <row r="7646" spans="1:11" x14ac:dyDescent="0.3">
      <c r="A7646" s="1">
        <v>42889</v>
      </c>
      <c r="B7646" s="3">
        <f t="shared" si="238"/>
        <v>6</v>
      </c>
      <c r="C7646" s="3">
        <f t="shared" si="239"/>
        <v>2017</v>
      </c>
      <c r="D7646" t="s">
        <v>623</v>
      </c>
      <c r="E7646" t="s">
        <v>163</v>
      </c>
      <c r="F7646" t="s">
        <v>38</v>
      </c>
      <c r="G7646" t="s">
        <v>51</v>
      </c>
      <c r="H7646" t="s">
        <v>2284</v>
      </c>
      <c r="I7646">
        <v>1099.5</v>
      </c>
      <c r="J7646">
        <v>10</v>
      </c>
      <c r="K7646">
        <v>362.84</v>
      </c>
    </row>
    <row r="7647" spans="1:11" x14ac:dyDescent="0.3">
      <c r="A7647" s="1">
        <v>42889</v>
      </c>
      <c r="B7647" s="3">
        <f t="shared" si="238"/>
        <v>6</v>
      </c>
      <c r="C7647" s="3">
        <f t="shared" si="239"/>
        <v>2017</v>
      </c>
      <c r="D7647" t="s">
        <v>1679</v>
      </c>
      <c r="E7647" t="s">
        <v>26</v>
      </c>
      <c r="F7647" t="s">
        <v>38</v>
      </c>
      <c r="G7647" t="s">
        <v>51</v>
      </c>
      <c r="H7647" t="s">
        <v>1421</v>
      </c>
      <c r="I7647">
        <v>44.75</v>
      </c>
      <c r="J7647">
        <v>5</v>
      </c>
      <c r="K7647">
        <v>8.5</v>
      </c>
    </row>
    <row r="7648" spans="1:11" x14ac:dyDescent="0.3">
      <c r="A7648" s="1">
        <v>42889</v>
      </c>
      <c r="B7648" s="3">
        <f t="shared" si="238"/>
        <v>6</v>
      </c>
      <c r="C7648" s="3">
        <f t="shared" si="239"/>
        <v>2017</v>
      </c>
      <c r="D7648" t="s">
        <v>1679</v>
      </c>
      <c r="E7648" t="s">
        <v>26</v>
      </c>
      <c r="F7648" t="s">
        <v>10</v>
      </c>
      <c r="G7648" t="s">
        <v>11</v>
      </c>
      <c r="H7648" t="s">
        <v>441</v>
      </c>
      <c r="I7648">
        <v>11.96</v>
      </c>
      <c r="J7648">
        <v>2</v>
      </c>
      <c r="K7648">
        <v>5.38</v>
      </c>
    </row>
    <row r="7649" spans="1:11" x14ac:dyDescent="0.3">
      <c r="A7649" s="1">
        <v>42889</v>
      </c>
      <c r="B7649" s="3">
        <f t="shared" si="238"/>
        <v>6</v>
      </c>
      <c r="C7649" s="3">
        <f t="shared" si="239"/>
        <v>2017</v>
      </c>
      <c r="D7649" t="s">
        <v>1679</v>
      </c>
      <c r="E7649" t="s">
        <v>26</v>
      </c>
      <c r="F7649" t="s">
        <v>10</v>
      </c>
      <c r="G7649" t="s">
        <v>19</v>
      </c>
      <c r="H7649" t="s">
        <v>1685</v>
      </c>
      <c r="I7649">
        <v>3.91</v>
      </c>
      <c r="J7649">
        <v>1</v>
      </c>
      <c r="K7649">
        <v>1.27</v>
      </c>
    </row>
    <row r="7650" spans="1:11" x14ac:dyDescent="0.3">
      <c r="A7650" s="1">
        <v>42889</v>
      </c>
      <c r="B7650" s="3">
        <f t="shared" si="238"/>
        <v>6</v>
      </c>
      <c r="C7650" s="3">
        <f t="shared" si="239"/>
        <v>2017</v>
      </c>
      <c r="D7650" t="s">
        <v>788</v>
      </c>
      <c r="E7650" t="s">
        <v>122</v>
      </c>
      <c r="F7650" t="s">
        <v>10</v>
      </c>
      <c r="G7650" t="s">
        <v>19</v>
      </c>
      <c r="H7650" t="s">
        <v>1196</v>
      </c>
      <c r="I7650">
        <v>4.55</v>
      </c>
      <c r="J7650">
        <v>3</v>
      </c>
      <c r="K7650">
        <v>-3.49</v>
      </c>
    </row>
    <row r="7651" spans="1:11" x14ac:dyDescent="0.3">
      <c r="A7651" s="1">
        <v>42889</v>
      </c>
      <c r="B7651" s="3">
        <f t="shared" si="238"/>
        <v>6</v>
      </c>
      <c r="C7651" s="3">
        <f t="shared" si="239"/>
        <v>2017</v>
      </c>
      <c r="D7651" t="s">
        <v>788</v>
      </c>
      <c r="E7651" t="s">
        <v>122</v>
      </c>
      <c r="F7651" t="s">
        <v>10</v>
      </c>
      <c r="G7651" t="s">
        <v>91</v>
      </c>
      <c r="H7651" t="s">
        <v>1049</v>
      </c>
      <c r="I7651">
        <v>5.2</v>
      </c>
      <c r="J7651">
        <v>2</v>
      </c>
      <c r="K7651">
        <v>0.59</v>
      </c>
    </row>
    <row r="7652" spans="1:11" x14ac:dyDescent="0.3">
      <c r="A7652" s="1">
        <v>42889</v>
      </c>
      <c r="B7652" s="3">
        <f t="shared" si="238"/>
        <v>6</v>
      </c>
      <c r="C7652" s="3">
        <f t="shared" si="239"/>
        <v>2017</v>
      </c>
      <c r="D7652" t="s">
        <v>788</v>
      </c>
      <c r="E7652" t="s">
        <v>122</v>
      </c>
      <c r="F7652" t="s">
        <v>38</v>
      </c>
      <c r="G7652" t="s">
        <v>51</v>
      </c>
      <c r="H7652" t="s">
        <v>1627</v>
      </c>
      <c r="I7652">
        <v>205.99</v>
      </c>
      <c r="J7652">
        <v>1</v>
      </c>
      <c r="K7652">
        <v>-2.57</v>
      </c>
    </row>
    <row r="7653" spans="1:11" x14ac:dyDescent="0.3">
      <c r="A7653" s="1">
        <v>42889</v>
      </c>
      <c r="B7653" s="3">
        <f t="shared" si="238"/>
        <v>6</v>
      </c>
      <c r="C7653" s="3">
        <f t="shared" si="239"/>
        <v>2017</v>
      </c>
      <c r="D7653" t="s">
        <v>788</v>
      </c>
      <c r="E7653" t="s">
        <v>122</v>
      </c>
      <c r="F7653" t="s">
        <v>10</v>
      </c>
      <c r="G7653" t="s">
        <v>11</v>
      </c>
      <c r="H7653" t="s">
        <v>2207</v>
      </c>
      <c r="I7653">
        <v>15.55</v>
      </c>
      <c r="J7653">
        <v>3</v>
      </c>
      <c r="K7653">
        <v>5.44</v>
      </c>
    </row>
    <row r="7654" spans="1:11" x14ac:dyDescent="0.3">
      <c r="A7654" s="1">
        <v>42889</v>
      </c>
      <c r="B7654" s="3">
        <f t="shared" si="238"/>
        <v>6</v>
      </c>
      <c r="C7654" s="3">
        <f t="shared" si="239"/>
        <v>2017</v>
      </c>
      <c r="D7654" t="s">
        <v>788</v>
      </c>
      <c r="E7654" t="s">
        <v>122</v>
      </c>
      <c r="F7654" t="s">
        <v>38</v>
      </c>
      <c r="G7654" t="s">
        <v>39</v>
      </c>
      <c r="H7654" t="s">
        <v>719</v>
      </c>
      <c r="I7654">
        <v>503.96</v>
      </c>
      <c r="J7654">
        <v>5</v>
      </c>
      <c r="K7654">
        <v>50.4</v>
      </c>
    </row>
    <row r="7655" spans="1:11" x14ac:dyDescent="0.3">
      <c r="A7655" s="1">
        <v>42889</v>
      </c>
      <c r="B7655" s="3">
        <f t="shared" si="238"/>
        <v>6</v>
      </c>
      <c r="C7655" s="3">
        <f t="shared" si="239"/>
        <v>2017</v>
      </c>
      <c r="D7655" t="s">
        <v>788</v>
      </c>
      <c r="E7655" t="s">
        <v>122</v>
      </c>
      <c r="F7655" t="s">
        <v>10</v>
      </c>
      <c r="G7655" t="s">
        <v>91</v>
      </c>
      <c r="H7655" t="s">
        <v>1974</v>
      </c>
      <c r="I7655">
        <v>24.47</v>
      </c>
      <c r="J7655">
        <v>7</v>
      </c>
      <c r="K7655">
        <v>1.84</v>
      </c>
    </row>
    <row r="7656" spans="1:11" x14ac:dyDescent="0.3">
      <c r="A7656" s="1">
        <v>42889</v>
      </c>
      <c r="B7656" s="3">
        <f t="shared" si="238"/>
        <v>6</v>
      </c>
      <c r="C7656" s="3">
        <f t="shared" si="239"/>
        <v>2017</v>
      </c>
      <c r="D7656" t="s">
        <v>788</v>
      </c>
      <c r="E7656" t="s">
        <v>122</v>
      </c>
      <c r="F7656" t="s">
        <v>33</v>
      </c>
      <c r="G7656" t="s">
        <v>73</v>
      </c>
      <c r="H7656" t="s">
        <v>2148</v>
      </c>
      <c r="I7656">
        <v>241.57</v>
      </c>
      <c r="J7656">
        <v>2</v>
      </c>
      <c r="K7656">
        <v>0</v>
      </c>
    </row>
    <row r="7657" spans="1:11" x14ac:dyDescent="0.3">
      <c r="A7657" s="1">
        <v>42889</v>
      </c>
      <c r="B7657" s="3">
        <f t="shared" si="238"/>
        <v>6</v>
      </c>
      <c r="C7657" s="3">
        <f t="shared" si="239"/>
        <v>2017</v>
      </c>
      <c r="D7657" t="s">
        <v>788</v>
      </c>
      <c r="E7657" t="s">
        <v>122</v>
      </c>
      <c r="F7657" t="s">
        <v>38</v>
      </c>
      <c r="G7657" t="s">
        <v>51</v>
      </c>
      <c r="H7657" t="s">
        <v>1450</v>
      </c>
      <c r="I7657">
        <v>110.4</v>
      </c>
      <c r="J7657">
        <v>2</v>
      </c>
      <c r="K7657">
        <v>-4.1399999999999997</v>
      </c>
    </row>
    <row r="7658" spans="1:11" x14ac:dyDescent="0.3">
      <c r="A7658" s="1">
        <v>42889</v>
      </c>
      <c r="B7658" s="3">
        <f t="shared" si="238"/>
        <v>6</v>
      </c>
      <c r="C7658" s="3">
        <f t="shared" si="239"/>
        <v>2017</v>
      </c>
      <c r="D7658" t="s">
        <v>1735</v>
      </c>
      <c r="E7658" t="s">
        <v>148</v>
      </c>
      <c r="F7658" t="s">
        <v>33</v>
      </c>
      <c r="G7658" t="s">
        <v>144</v>
      </c>
      <c r="H7658" t="s">
        <v>1811</v>
      </c>
      <c r="I7658">
        <v>384.77</v>
      </c>
      <c r="J7658">
        <v>2</v>
      </c>
      <c r="K7658">
        <v>-115.43</v>
      </c>
    </row>
    <row r="7659" spans="1:11" x14ac:dyDescent="0.3">
      <c r="A7659" s="1">
        <v>42889</v>
      </c>
      <c r="B7659" s="3">
        <f t="shared" si="238"/>
        <v>6</v>
      </c>
      <c r="C7659" s="3">
        <f t="shared" si="239"/>
        <v>2017</v>
      </c>
      <c r="D7659" t="s">
        <v>1735</v>
      </c>
      <c r="E7659" t="s">
        <v>148</v>
      </c>
      <c r="F7659" t="s">
        <v>38</v>
      </c>
      <c r="G7659" t="s">
        <v>301</v>
      </c>
      <c r="H7659" t="s">
        <v>2678</v>
      </c>
      <c r="I7659">
        <v>78.66</v>
      </c>
      <c r="J7659">
        <v>6</v>
      </c>
      <c r="K7659">
        <v>36.18</v>
      </c>
    </row>
    <row r="7660" spans="1:11" x14ac:dyDescent="0.3">
      <c r="A7660" s="1">
        <v>42889</v>
      </c>
      <c r="B7660" s="3">
        <f t="shared" si="238"/>
        <v>6</v>
      </c>
      <c r="C7660" s="3">
        <f t="shared" si="239"/>
        <v>2017</v>
      </c>
      <c r="D7660" t="s">
        <v>1735</v>
      </c>
      <c r="E7660" t="s">
        <v>148</v>
      </c>
      <c r="F7660" t="s">
        <v>10</v>
      </c>
      <c r="G7660" t="s">
        <v>11</v>
      </c>
      <c r="H7660" t="s">
        <v>2115</v>
      </c>
      <c r="I7660">
        <v>45.36</v>
      </c>
      <c r="J7660">
        <v>4</v>
      </c>
      <c r="K7660">
        <v>22.23</v>
      </c>
    </row>
    <row r="7661" spans="1:11" x14ac:dyDescent="0.3">
      <c r="A7661" s="1">
        <v>42889</v>
      </c>
      <c r="B7661" s="3">
        <f t="shared" si="238"/>
        <v>6</v>
      </c>
      <c r="C7661" s="3">
        <f t="shared" si="239"/>
        <v>2017</v>
      </c>
      <c r="D7661" t="s">
        <v>2247</v>
      </c>
      <c r="E7661" t="s">
        <v>163</v>
      </c>
      <c r="F7661" t="s">
        <v>10</v>
      </c>
      <c r="G7661" t="s">
        <v>17</v>
      </c>
      <c r="H7661" t="s">
        <v>1315</v>
      </c>
      <c r="I7661">
        <v>136.26</v>
      </c>
      <c r="J7661">
        <v>9</v>
      </c>
      <c r="K7661">
        <v>5.45</v>
      </c>
    </row>
    <row r="7662" spans="1:11" x14ac:dyDescent="0.3">
      <c r="A7662" s="1">
        <v>42890</v>
      </c>
      <c r="B7662" s="3">
        <f t="shared" si="238"/>
        <v>6</v>
      </c>
      <c r="C7662" s="3">
        <f t="shared" si="239"/>
        <v>2017</v>
      </c>
      <c r="D7662" t="s">
        <v>2509</v>
      </c>
      <c r="E7662" t="s">
        <v>244</v>
      </c>
      <c r="F7662" t="s">
        <v>33</v>
      </c>
      <c r="G7662" t="s">
        <v>46</v>
      </c>
      <c r="H7662" t="s">
        <v>1212</v>
      </c>
      <c r="I7662">
        <v>31.98</v>
      </c>
      <c r="J7662">
        <v>2</v>
      </c>
      <c r="K7662">
        <v>2</v>
      </c>
    </row>
    <row r="7663" spans="1:11" x14ac:dyDescent="0.3">
      <c r="A7663" s="1">
        <v>42890</v>
      </c>
      <c r="B7663" s="3">
        <f t="shared" si="238"/>
        <v>6</v>
      </c>
      <c r="C7663" s="3">
        <f t="shared" si="239"/>
        <v>2017</v>
      </c>
      <c r="D7663" t="s">
        <v>2509</v>
      </c>
      <c r="E7663" t="s">
        <v>244</v>
      </c>
      <c r="F7663" t="s">
        <v>38</v>
      </c>
      <c r="G7663" t="s">
        <v>39</v>
      </c>
      <c r="H7663" t="s">
        <v>414</v>
      </c>
      <c r="I7663">
        <v>71.98</v>
      </c>
      <c r="J7663">
        <v>2</v>
      </c>
      <c r="K7663">
        <v>25.19</v>
      </c>
    </row>
    <row r="7664" spans="1:11" x14ac:dyDescent="0.3">
      <c r="A7664" s="1">
        <v>42890</v>
      </c>
      <c r="B7664" s="3">
        <f t="shared" si="238"/>
        <v>6</v>
      </c>
      <c r="C7664" s="3">
        <f t="shared" si="239"/>
        <v>2017</v>
      </c>
      <c r="D7664" t="s">
        <v>906</v>
      </c>
      <c r="E7664" t="s">
        <v>487</v>
      </c>
      <c r="F7664" t="s">
        <v>10</v>
      </c>
      <c r="G7664" t="s">
        <v>11</v>
      </c>
      <c r="H7664" t="s">
        <v>2135</v>
      </c>
      <c r="I7664">
        <v>12.48</v>
      </c>
      <c r="J7664">
        <v>2</v>
      </c>
      <c r="K7664">
        <v>5.62</v>
      </c>
    </row>
    <row r="7665" spans="1:11" x14ac:dyDescent="0.3">
      <c r="A7665" s="1">
        <v>42890</v>
      </c>
      <c r="B7665" s="3">
        <f t="shared" si="238"/>
        <v>6</v>
      </c>
      <c r="C7665" s="3">
        <f t="shared" si="239"/>
        <v>2017</v>
      </c>
      <c r="D7665" t="s">
        <v>629</v>
      </c>
      <c r="E7665" t="s">
        <v>314</v>
      </c>
      <c r="F7665" t="s">
        <v>10</v>
      </c>
      <c r="G7665" t="s">
        <v>23</v>
      </c>
      <c r="H7665" t="s">
        <v>2191</v>
      </c>
      <c r="I7665">
        <v>8.64</v>
      </c>
      <c r="J7665">
        <v>3</v>
      </c>
      <c r="K7665">
        <v>2.5099999999999998</v>
      </c>
    </row>
    <row r="7666" spans="1:11" x14ac:dyDescent="0.3">
      <c r="A7666" s="1">
        <v>42890</v>
      </c>
      <c r="B7666" s="3">
        <f t="shared" si="238"/>
        <v>6</v>
      </c>
      <c r="C7666" s="3">
        <f t="shared" si="239"/>
        <v>2017</v>
      </c>
      <c r="D7666" t="s">
        <v>2660</v>
      </c>
      <c r="E7666" t="s">
        <v>9</v>
      </c>
      <c r="F7666" t="s">
        <v>10</v>
      </c>
      <c r="G7666" t="s">
        <v>19</v>
      </c>
      <c r="H7666" t="s">
        <v>786</v>
      </c>
      <c r="I7666">
        <v>6.37</v>
      </c>
      <c r="J7666">
        <v>7</v>
      </c>
      <c r="K7666">
        <v>-9.56</v>
      </c>
    </row>
    <row r="7667" spans="1:11" x14ac:dyDescent="0.3">
      <c r="A7667" s="1">
        <v>42890</v>
      </c>
      <c r="B7667" s="3">
        <f t="shared" si="238"/>
        <v>6</v>
      </c>
      <c r="C7667" s="3">
        <f t="shared" si="239"/>
        <v>2017</v>
      </c>
      <c r="D7667" t="s">
        <v>664</v>
      </c>
      <c r="E7667" t="s">
        <v>100</v>
      </c>
      <c r="F7667" t="s">
        <v>10</v>
      </c>
      <c r="G7667" t="s">
        <v>19</v>
      </c>
      <c r="H7667" t="s">
        <v>1508</v>
      </c>
      <c r="I7667">
        <v>108.08</v>
      </c>
      <c r="J7667">
        <v>7</v>
      </c>
      <c r="K7667">
        <v>54.04</v>
      </c>
    </row>
    <row r="7668" spans="1:11" x14ac:dyDescent="0.3">
      <c r="A7668" s="1">
        <v>42890</v>
      </c>
      <c r="B7668" s="3">
        <f t="shared" si="238"/>
        <v>6</v>
      </c>
      <c r="C7668" s="3">
        <f t="shared" si="239"/>
        <v>2017</v>
      </c>
      <c r="D7668" t="s">
        <v>664</v>
      </c>
      <c r="E7668" t="s">
        <v>100</v>
      </c>
      <c r="F7668" t="s">
        <v>10</v>
      </c>
      <c r="G7668" t="s">
        <v>19</v>
      </c>
      <c r="H7668" t="s">
        <v>1175</v>
      </c>
      <c r="I7668">
        <v>9.5399999999999991</v>
      </c>
      <c r="J7668">
        <v>3</v>
      </c>
      <c r="K7668">
        <v>4.3899999999999997</v>
      </c>
    </row>
    <row r="7669" spans="1:11" x14ac:dyDescent="0.3">
      <c r="A7669" s="1">
        <v>42890</v>
      </c>
      <c r="B7669" s="3">
        <f t="shared" si="238"/>
        <v>6</v>
      </c>
      <c r="C7669" s="3">
        <f t="shared" si="239"/>
        <v>2017</v>
      </c>
      <c r="D7669" t="s">
        <v>996</v>
      </c>
      <c r="E7669" t="s">
        <v>9</v>
      </c>
      <c r="F7669" t="s">
        <v>33</v>
      </c>
      <c r="G7669" t="s">
        <v>46</v>
      </c>
      <c r="H7669" t="s">
        <v>1268</v>
      </c>
      <c r="I7669">
        <v>30.34</v>
      </c>
      <c r="J7669">
        <v>6</v>
      </c>
      <c r="K7669">
        <v>-17.440000000000001</v>
      </c>
    </row>
    <row r="7670" spans="1:11" x14ac:dyDescent="0.3">
      <c r="A7670" s="1">
        <v>42891</v>
      </c>
      <c r="B7670" s="3">
        <f t="shared" si="238"/>
        <v>6</v>
      </c>
      <c r="C7670" s="3">
        <f t="shared" si="239"/>
        <v>2017</v>
      </c>
      <c r="D7670" t="s">
        <v>1816</v>
      </c>
      <c r="E7670" t="s">
        <v>9</v>
      </c>
      <c r="F7670" t="s">
        <v>38</v>
      </c>
      <c r="G7670" t="s">
        <v>39</v>
      </c>
      <c r="H7670" t="s">
        <v>1939</v>
      </c>
      <c r="I7670">
        <v>470.38</v>
      </c>
      <c r="J7670">
        <v>3</v>
      </c>
      <c r="K7670">
        <v>52.92</v>
      </c>
    </row>
    <row r="7671" spans="1:11" x14ac:dyDescent="0.3">
      <c r="A7671" s="1">
        <v>42891</v>
      </c>
      <c r="B7671" s="3">
        <f t="shared" si="238"/>
        <v>6</v>
      </c>
      <c r="C7671" s="3">
        <f t="shared" si="239"/>
        <v>2017</v>
      </c>
      <c r="D7671" t="s">
        <v>872</v>
      </c>
      <c r="E7671" t="s">
        <v>122</v>
      </c>
      <c r="F7671" t="s">
        <v>10</v>
      </c>
      <c r="G7671" t="s">
        <v>11</v>
      </c>
      <c r="H7671" t="s">
        <v>2194</v>
      </c>
      <c r="I7671">
        <v>20.74</v>
      </c>
      <c r="J7671">
        <v>4</v>
      </c>
      <c r="K7671">
        <v>7.26</v>
      </c>
    </row>
    <row r="7672" spans="1:11" x14ac:dyDescent="0.3">
      <c r="A7672" s="1">
        <v>42892</v>
      </c>
      <c r="B7672" s="3">
        <f t="shared" si="238"/>
        <v>6</v>
      </c>
      <c r="C7672" s="3">
        <f t="shared" si="239"/>
        <v>2017</v>
      </c>
      <c r="D7672" t="s">
        <v>924</v>
      </c>
      <c r="E7672" t="s">
        <v>26</v>
      </c>
      <c r="F7672" t="s">
        <v>33</v>
      </c>
      <c r="G7672" t="s">
        <v>46</v>
      </c>
      <c r="H7672" t="s">
        <v>2567</v>
      </c>
      <c r="I7672">
        <v>4.95</v>
      </c>
      <c r="J7672">
        <v>1</v>
      </c>
      <c r="K7672">
        <v>2.1800000000000002</v>
      </c>
    </row>
    <row r="7673" spans="1:11" x14ac:dyDescent="0.3">
      <c r="A7673" s="1">
        <v>42892</v>
      </c>
      <c r="B7673" s="3">
        <f t="shared" si="238"/>
        <v>6</v>
      </c>
      <c r="C7673" s="3">
        <f t="shared" si="239"/>
        <v>2017</v>
      </c>
      <c r="D7673" t="s">
        <v>924</v>
      </c>
      <c r="E7673" t="s">
        <v>26</v>
      </c>
      <c r="F7673" t="s">
        <v>10</v>
      </c>
      <c r="G7673" t="s">
        <v>17</v>
      </c>
      <c r="H7673" t="s">
        <v>407</v>
      </c>
      <c r="I7673">
        <v>26.4</v>
      </c>
      <c r="J7673">
        <v>5</v>
      </c>
      <c r="K7673">
        <v>0</v>
      </c>
    </row>
    <row r="7674" spans="1:11" x14ac:dyDescent="0.3">
      <c r="A7674" s="1">
        <v>42894</v>
      </c>
      <c r="B7674" s="3">
        <f t="shared" si="238"/>
        <v>6</v>
      </c>
      <c r="C7674" s="3">
        <f t="shared" si="239"/>
        <v>2017</v>
      </c>
      <c r="D7674" t="s">
        <v>406</v>
      </c>
      <c r="E7674" t="s">
        <v>9</v>
      </c>
      <c r="F7674" t="s">
        <v>10</v>
      </c>
      <c r="G7674" t="s">
        <v>91</v>
      </c>
      <c r="H7674" t="s">
        <v>2679</v>
      </c>
      <c r="I7674">
        <v>1.62</v>
      </c>
      <c r="J7674">
        <v>2</v>
      </c>
      <c r="K7674">
        <v>-4.47</v>
      </c>
    </row>
    <row r="7675" spans="1:11" x14ac:dyDescent="0.3">
      <c r="A7675" s="1">
        <v>42894</v>
      </c>
      <c r="B7675" s="3">
        <f t="shared" si="238"/>
        <v>6</v>
      </c>
      <c r="C7675" s="3">
        <f t="shared" si="239"/>
        <v>2017</v>
      </c>
      <c r="D7675" t="s">
        <v>1567</v>
      </c>
      <c r="E7675" t="s">
        <v>9</v>
      </c>
      <c r="F7675" t="s">
        <v>10</v>
      </c>
      <c r="G7675" t="s">
        <v>199</v>
      </c>
      <c r="H7675" t="s">
        <v>2206</v>
      </c>
      <c r="I7675">
        <v>23.76</v>
      </c>
      <c r="J7675">
        <v>3</v>
      </c>
      <c r="K7675">
        <v>2.08</v>
      </c>
    </row>
    <row r="7676" spans="1:11" x14ac:dyDescent="0.3">
      <c r="A7676" s="1">
        <v>42894</v>
      </c>
      <c r="B7676" s="3">
        <f t="shared" si="238"/>
        <v>6</v>
      </c>
      <c r="C7676" s="3">
        <f t="shared" si="239"/>
        <v>2017</v>
      </c>
      <c r="D7676" t="s">
        <v>1567</v>
      </c>
      <c r="E7676" t="s">
        <v>9</v>
      </c>
      <c r="F7676" t="s">
        <v>10</v>
      </c>
      <c r="G7676" t="s">
        <v>11</v>
      </c>
      <c r="H7676" t="s">
        <v>624</v>
      </c>
      <c r="I7676">
        <v>85.06</v>
      </c>
      <c r="J7676">
        <v>3</v>
      </c>
      <c r="K7676">
        <v>28.71</v>
      </c>
    </row>
    <row r="7677" spans="1:11" x14ac:dyDescent="0.3">
      <c r="A7677" s="1">
        <v>42894</v>
      </c>
      <c r="B7677" s="3">
        <f t="shared" si="238"/>
        <v>6</v>
      </c>
      <c r="C7677" s="3">
        <f t="shared" si="239"/>
        <v>2017</v>
      </c>
      <c r="D7677" t="s">
        <v>1567</v>
      </c>
      <c r="E7677" t="s">
        <v>9</v>
      </c>
      <c r="F7677" t="s">
        <v>38</v>
      </c>
      <c r="G7677" t="s">
        <v>39</v>
      </c>
      <c r="H7677" t="s">
        <v>2296</v>
      </c>
      <c r="I7677">
        <v>381.58</v>
      </c>
      <c r="J7677">
        <v>3</v>
      </c>
      <c r="K7677">
        <v>28.62</v>
      </c>
    </row>
    <row r="7678" spans="1:11" x14ac:dyDescent="0.3">
      <c r="A7678" s="1">
        <v>42894</v>
      </c>
      <c r="B7678" s="3">
        <f t="shared" si="238"/>
        <v>6</v>
      </c>
      <c r="C7678" s="3">
        <f t="shared" si="239"/>
        <v>2017</v>
      </c>
      <c r="D7678" t="s">
        <v>1274</v>
      </c>
      <c r="E7678" t="s">
        <v>612</v>
      </c>
      <c r="F7678" t="s">
        <v>10</v>
      </c>
      <c r="G7678" t="s">
        <v>19</v>
      </c>
      <c r="H7678" t="s">
        <v>1279</v>
      </c>
      <c r="I7678">
        <v>10.36</v>
      </c>
      <c r="J7678">
        <v>2</v>
      </c>
      <c r="K7678">
        <v>5.08</v>
      </c>
    </row>
    <row r="7679" spans="1:11" x14ac:dyDescent="0.3">
      <c r="A7679" s="1">
        <v>42894</v>
      </c>
      <c r="B7679" s="3">
        <f t="shared" si="238"/>
        <v>6</v>
      </c>
      <c r="C7679" s="3">
        <f t="shared" si="239"/>
        <v>2017</v>
      </c>
      <c r="D7679" t="s">
        <v>1112</v>
      </c>
      <c r="E7679" t="s">
        <v>14</v>
      </c>
      <c r="F7679" t="s">
        <v>10</v>
      </c>
      <c r="G7679" t="s">
        <v>19</v>
      </c>
      <c r="H7679" t="s">
        <v>329</v>
      </c>
      <c r="I7679">
        <v>12.18</v>
      </c>
      <c r="J7679">
        <v>4</v>
      </c>
      <c r="K7679">
        <v>-18.87</v>
      </c>
    </row>
    <row r="7680" spans="1:11" x14ac:dyDescent="0.3">
      <c r="A7680" s="1">
        <v>42894</v>
      </c>
      <c r="B7680" s="3">
        <f t="shared" si="238"/>
        <v>6</v>
      </c>
      <c r="C7680" s="3">
        <f t="shared" si="239"/>
        <v>2017</v>
      </c>
      <c r="D7680" t="s">
        <v>1504</v>
      </c>
      <c r="E7680" t="s">
        <v>26</v>
      </c>
      <c r="F7680" t="s">
        <v>33</v>
      </c>
      <c r="G7680" t="s">
        <v>73</v>
      </c>
      <c r="H7680" t="s">
        <v>2246</v>
      </c>
      <c r="I7680">
        <v>1497.67</v>
      </c>
      <c r="J7680">
        <v>2</v>
      </c>
      <c r="K7680">
        <v>140.96</v>
      </c>
    </row>
    <row r="7681" spans="1:11" x14ac:dyDescent="0.3">
      <c r="A7681" s="1">
        <v>42894</v>
      </c>
      <c r="B7681" s="3">
        <f t="shared" si="238"/>
        <v>6</v>
      </c>
      <c r="C7681" s="3">
        <f t="shared" si="239"/>
        <v>2017</v>
      </c>
      <c r="D7681" t="s">
        <v>1504</v>
      </c>
      <c r="E7681" t="s">
        <v>26</v>
      </c>
      <c r="F7681" t="s">
        <v>38</v>
      </c>
      <c r="G7681" t="s">
        <v>39</v>
      </c>
      <c r="H7681" t="s">
        <v>1754</v>
      </c>
      <c r="I7681">
        <v>17.52</v>
      </c>
      <c r="J7681">
        <v>2</v>
      </c>
      <c r="K7681">
        <v>-3.5</v>
      </c>
    </row>
    <row r="7682" spans="1:11" x14ac:dyDescent="0.3">
      <c r="A7682" s="1">
        <v>42894</v>
      </c>
      <c r="B7682" s="3">
        <f t="shared" ref="B7682:B7745" si="240">MONTH(A:A)</f>
        <v>6</v>
      </c>
      <c r="C7682" s="3">
        <f t="shared" ref="C7682:C7745" si="241">YEAR(A:A)</f>
        <v>2017</v>
      </c>
      <c r="D7682" t="s">
        <v>808</v>
      </c>
      <c r="E7682" t="s">
        <v>94</v>
      </c>
      <c r="F7682" t="s">
        <v>38</v>
      </c>
      <c r="G7682" t="s">
        <v>51</v>
      </c>
      <c r="H7682" t="s">
        <v>1021</v>
      </c>
      <c r="I7682">
        <v>89.54</v>
      </c>
      <c r="J7682">
        <v>7</v>
      </c>
      <c r="K7682">
        <v>12.31</v>
      </c>
    </row>
    <row r="7683" spans="1:11" x14ac:dyDescent="0.3">
      <c r="A7683" s="1">
        <v>42894</v>
      </c>
      <c r="B7683" s="3">
        <f t="shared" si="240"/>
        <v>6</v>
      </c>
      <c r="C7683" s="3">
        <f t="shared" si="241"/>
        <v>2017</v>
      </c>
      <c r="D7683" t="s">
        <v>808</v>
      </c>
      <c r="E7683" t="s">
        <v>94</v>
      </c>
      <c r="F7683" t="s">
        <v>10</v>
      </c>
      <c r="G7683" t="s">
        <v>17</v>
      </c>
      <c r="H7683" t="s">
        <v>1755</v>
      </c>
      <c r="I7683">
        <v>35.17</v>
      </c>
      <c r="J7683">
        <v>2</v>
      </c>
      <c r="K7683">
        <v>-8.35</v>
      </c>
    </row>
    <row r="7684" spans="1:11" x14ac:dyDescent="0.3">
      <c r="A7684" s="1">
        <v>42894</v>
      </c>
      <c r="B7684" s="3">
        <f t="shared" si="240"/>
        <v>6</v>
      </c>
      <c r="C7684" s="3">
        <f t="shared" si="241"/>
        <v>2017</v>
      </c>
      <c r="D7684" t="s">
        <v>808</v>
      </c>
      <c r="E7684" t="s">
        <v>94</v>
      </c>
      <c r="F7684" t="s">
        <v>10</v>
      </c>
      <c r="G7684" t="s">
        <v>19</v>
      </c>
      <c r="H7684" t="s">
        <v>2268</v>
      </c>
      <c r="I7684">
        <v>72.59</v>
      </c>
      <c r="J7684">
        <v>2</v>
      </c>
      <c r="K7684">
        <v>-48.39</v>
      </c>
    </row>
    <row r="7685" spans="1:11" x14ac:dyDescent="0.3">
      <c r="A7685" s="1">
        <v>42895</v>
      </c>
      <c r="B7685" s="3">
        <f t="shared" si="240"/>
        <v>6</v>
      </c>
      <c r="C7685" s="3">
        <f t="shared" si="241"/>
        <v>2017</v>
      </c>
      <c r="D7685" t="s">
        <v>2247</v>
      </c>
      <c r="E7685" t="s">
        <v>14</v>
      </c>
      <c r="F7685" t="s">
        <v>33</v>
      </c>
      <c r="G7685" t="s">
        <v>46</v>
      </c>
      <c r="H7685" t="s">
        <v>1734</v>
      </c>
      <c r="I7685">
        <v>23.98</v>
      </c>
      <c r="J7685">
        <v>3</v>
      </c>
      <c r="K7685">
        <v>-14.39</v>
      </c>
    </row>
    <row r="7686" spans="1:11" x14ac:dyDescent="0.3">
      <c r="A7686" s="1">
        <v>42895</v>
      </c>
      <c r="B7686" s="3">
        <f t="shared" si="240"/>
        <v>6</v>
      </c>
      <c r="C7686" s="3">
        <f t="shared" si="241"/>
        <v>2017</v>
      </c>
      <c r="D7686" t="s">
        <v>2247</v>
      </c>
      <c r="E7686" t="s">
        <v>14</v>
      </c>
      <c r="F7686" t="s">
        <v>33</v>
      </c>
      <c r="G7686" t="s">
        <v>144</v>
      </c>
      <c r="H7686" t="s">
        <v>475</v>
      </c>
      <c r="I7686">
        <v>108.93</v>
      </c>
      <c r="J7686">
        <v>1</v>
      </c>
      <c r="K7686">
        <v>-71.89</v>
      </c>
    </row>
    <row r="7687" spans="1:11" x14ac:dyDescent="0.3">
      <c r="A7687" s="1">
        <v>42895</v>
      </c>
      <c r="B7687" s="3">
        <f t="shared" si="240"/>
        <v>6</v>
      </c>
      <c r="C7687" s="3">
        <f t="shared" si="241"/>
        <v>2017</v>
      </c>
      <c r="D7687" t="s">
        <v>2247</v>
      </c>
      <c r="E7687" t="s">
        <v>14</v>
      </c>
      <c r="F7687" t="s">
        <v>10</v>
      </c>
      <c r="G7687" t="s">
        <v>11</v>
      </c>
      <c r="H7687" t="s">
        <v>1923</v>
      </c>
      <c r="I7687">
        <v>36.35</v>
      </c>
      <c r="J7687">
        <v>8</v>
      </c>
      <c r="K7687">
        <v>11.36</v>
      </c>
    </row>
    <row r="7688" spans="1:11" x14ac:dyDescent="0.3">
      <c r="A7688" s="1">
        <v>42895</v>
      </c>
      <c r="B7688" s="3">
        <f t="shared" si="240"/>
        <v>6</v>
      </c>
      <c r="C7688" s="3">
        <f t="shared" si="241"/>
        <v>2017</v>
      </c>
      <c r="D7688" t="s">
        <v>1518</v>
      </c>
      <c r="E7688" t="s">
        <v>9</v>
      </c>
      <c r="F7688" t="s">
        <v>10</v>
      </c>
      <c r="G7688" t="s">
        <v>17</v>
      </c>
      <c r="H7688" t="s">
        <v>1756</v>
      </c>
      <c r="I7688">
        <v>720.76</v>
      </c>
      <c r="J7688">
        <v>5</v>
      </c>
      <c r="K7688">
        <v>54.06</v>
      </c>
    </row>
    <row r="7689" spans="1:11" x14ac:dyDescent="0.3">
      <c r="A7689" s="1">
        <v>42895</v>
      </c>
      <c r="B7689" s="3">
        <f t="shared" si="240"/>
        <v>6</v>
      </c>
      <c r="C7689" s="3">
        <f t="shared" si="241"/>
        <v>2017</v>
      </c>
      <c r="D7689" t="s">
        <v>2064</v>
      </c>
      <c r="E7689" t="s">
        <v>54</v>
      </c>
      <c r="F7689" t="s">
        <v>10</v>
      </c>
      <c r="G7689" t="s">
        <v>11</v>
      </c>
      <c r="H7689" t="s">
        <v>624</v>
      </c>
      <c r="I7689">
        <v>49.12</v>
      </c>
      <c r="J7689">
        <v>4</v>
      </c>
      <c r="K7689">
        <v>23.09</v>
      </c>
    </row>
    <row r="7690" spans="1:11" x14ac:dyDescent="0.3">
      <c r="A7690" s="1">
        <v>42896</v>
      </c>
      <c r="B7690" s="3">
        <f t="shared" si="240"/>
        <v>6</v>
      </c>
      <c r="C7690" s="3">
        <f t="shared" si="241"/>
        <v>2017</v>
      </c>
      <c r="D7690" t="s">
        <v>1374</v>
      </c>
      <c r="E7690" t="s">
        <v>26</v>
      </c>
      <c r="F7690" t="s">
        <v>10</v>
      </c>
      <c r="G7690" t="s">
        <v>15</v>
      </c>
      <c r="H7690" t="s">
        <v>1258</v>
      </c>
      <c r="I7690">
        <v>29.6</v>
      </c>
      <c r="J7690">
        <v>2</v>
      </c>
      <c r="K7690">
        <v>14.8</v>
      </c>
    </row>
    <row r="7691" spans="1:11" x14ac:dyDescent="0.3">
      <c r="A7691" s="1">
        <v>42896</v>
      </c>
      <c r="B7691" s="3">
        <f t="shared" si="240"/>
        <v>6</v>
      </c>
      <c r="C7691" s="3">
        <f t="shared" si="241"/>
        <v>2017</v>
      </c>
      <c r="D7691" t="s">
        <v>1374</v>
      </c>
      <c r="E7691" t="s">
        <v>26</v>
      </c>
      <c r="F7691" t="s">
        <v>33</v>
      </c>
      <c r="G7691" t="s">
        <v>73</v>
      </c>
      <c r="H7691" t="s">
        <v>411</v>
      </c>
      <c r="I7691">
        <v>514.16999999999996</v>
      </c>
      <c r="J7691">
        <v>5</v>
      </c>
      <c r="K7691">
        <v>-30.25</v>
      </c>
    </row>
    <row r="7692" spans="1:11" x14ac:dyDescent="0.3">
      <c r="A7692" s="1">
        <v>42896</v>
      </c>
      <c r="B7692" s="3">
        <f t="shared" si="240"/>
        <v>6</v>
      </c>
      <c r="C7692" s="3">
        <f t="shared" si="241"/>
        <v>2017</v>
      </c>
      <c r="D7692" t="s">
        <v>1374</v>
      </c>
      <c r="E7692" t="s">
        <v>26</v>
      </c>
      <c r="F7692" t="s">
        <v>38</v>
      </c>
      <c r="G7692" t="s">
        <v>39</v>
      </c>
      <c r="H7692" t="s">
        <v>2569</v>
      </c>
      <c r="I7692">
        <v>279.95999999999998</v>
      </c>
      <c r="J7692">
        <v>5</v>
      </c>
      <c r="K7692">
        <v>17.5</v>
      </c>
    </row>
    <row r="7693" spans="1:11" x14ac:dyDescent="0.3">
      <c r="A7693" s="1">
        <v>42896</v>
      </c>
      <c r="B7693" s="3">
        <f t="shared" si="240"/>
        <v>6</v>
      </c>
      <c r="C7693" s="3">
        <f t="shared" si="241"/>
        <v>2017</v>
      </c>
      <c r="D7693" t="s">
        <v>1798</v>
      </c>
      <c r="E7693" t="s">
        <v>109</v>
      </c>
      <c r="F7693" t="s">
        <v>38</v>
      </c>
      <c r="G7693" t="s">
        <v>51</v>
      </c>
      <c r="H7693" t="s">
        <v>1614</v>
      </c>
      <c r="I7693">
        <v>132.52000000000001</v>
      </c>
      <c r="J7693">
        <v>4</v>
      </c>
      <c r="K7693">
        <v>54.33</v>
      </c>
    </row>
    <row r="7694" spans="1:11" x14ac:dyDescent="0.3">
      <c r="A7694" s="1">
        <v>42896</v>
      </c>
      <c r="B7694" s="3">
        <f t="shared" si="240"/>
        <v>6</v>
      </c>
      <c r="C7694" s="3">
        <f t="shared" si="241"/>
        <v>2017</v>
      </c>
      <c r="D7694" t="s">
        <v>1112</v>
      </c>
      <c r="E7694" t="s">
        <v>26</v>
      </c>
      <c r="F7694" t="s">
        <v>10</v>
      </c>
      <c r="G7694" t="s">
        <v>23</v>
      </c>
      <c r="H7694" t="s">
        <v>102</v>
      </c>
      <c r="I7694">
        <v>16.399999999999999</v>
      </c>
      <c r="J7694">
        <v>5</v>
      </c>
      <c r="K7694">
        <v>4.76</v>
      </c>
    </row>
    <row r="7695" spans="1:11" x14ac:dyDescent="0.3">
      <c r="A7695" s="1">
        <v>42896</v>
      </c>
      <c r="B7695" s="3">
        <f t="shared" si="240"/>
        <v>6</v>
      </c>
      <c r="C7695" s="3">
        <f t="shared" si="241"/>
        <v>2017</v>
      </c>
      <c r="D7695" t="s">
        <v>1015</v>
      </c>
      <c r="E7695" t="s">
        <v>22</v>
      </c>
      <c r="F7695" t="s">
        <v>10</v>
      </c>
      <c r="G7695" t="s">
        <v>11</v>
      </c>
      <c r="H7695" t="s">
        <v>134</v>
      </c>
      <c r="I7695">
        <v>40.03</v>
      </c>
      <c r="J7695">
        <v>6</v>
      </c>
      <c r="K7695">
        <v>15.01</v>
      </c>
    </row>
    <row r="7696" spans="1:11" x14ac:dyDescent="0.3">
      <c r="A7696" s="1">
        <v>42896</v>
      </c>
      <c r="B7696" s="3">
        <f t="shared" si="240"/>
        <v>6</v>
      </c>
      <c r="C7696" s="3">
        <f t="shared" si="241"/>
        <v>2017</v>
      </c>
      <c r="D7696" t="s">
        <v>170</v>
      </c>
      <c r="E7696" t="s">
        <v>122</v>
      </c>
      <c r="F7696" t="s">
        <v>10</v>
      </c>
      <c r="G7696" t="s">
        <v>17</v>
      </c>
      <c r="H7696" t="s">
        <v>1497</v>
      </c>
      <c r="I7696">
        <v>1347.52</v>
      </c>
      <c r="J7696">
        <v>8</v>
      </c>
      <c r="K7696">
        <v>84.22</v>
      </c>
    </row>
    <row r="7697" spans="1:11" x14ac:dyDescent="0.3">
      <c r="A7697" s="1">
        <v>42896</v>
      </c>
      <c r="B7697" s="3">
        <f t="shared" si="240"/>
        <v>6</v>
      </c>
      <c r="C7697" s="3">
        <f t="shared" si="241"/>
        <v>2017</v>
      </c>
      <c r="D7697" t="s">
        <v>211</v>
      </c>
      <c r="E7697" t="s">
        <v>148</v>
      </c>
      <c r="F7697" t="s">
        <v>10</v>
      </c>
      <c r="G7697" t="s">
        <v>23</v>
      </c>
      <c r="H7697" t="s">
        <v>540</v>
      </c>
      <c r="I7697">
        <v>8.4</v>
      </c>
      <c r="J7697">
        <v>5</v>
      </c>
      <c r="K7697">
        <v>4.2</v>
      </c>
    </row>
    <row r="7698" spans="1:11" x14ac:dyDescent="0.3">
      <c r="A7698" s="1">
        <v>42896</v>
      </c>
      <c r="B7698" s="3">
        <f t="shared" si="240"/>
        <v>6</v>
      </c>
      <c r="C7698" s="3">
        <f t="shared" si="241"/>
        <v>2017</v>
      </c>
      <c r="D7698" t="s">
        <v>2093</v>
      </c>
      <c r="E7698" t="s">
        <v>163</v>
      </c>
      <c r="F7698" t="s">
        <v>38</v>
      </c>
      <c r="G7698" t="s">
        <v>39</v>
      </c>
      <c r="H7698" t="s">
        <v>900</v>
      </c>
      <c r="I7698">
        <v>88.78</v>
      </c>
      <c r="J7698">
        <v>3</v>
      </c>
      <c r="K7698">
        <v>7.77</v>
      </c>
    </row>
    <row r="7699" spans="1:11" x14ac:dyDescent="0.3">
      <c r="A7699" s="1">
        <v>42896</v>
      </c>
      <c r="B7699" s="3">
        <f t="shared" si="240"/>
        <v>6</v>
      </c>
      <c r="C7699" s="3">
        <f t="shared" si="241"/>
        <v>2017</v>
      </c>
      <c r="D7699" t="s">
        <v>2093</v>
      </c>
      <c r="E7699" t="s">
        <v>163</v>
      </c>
      <c r="F7699" t="s">
        <v>10</v>
      </c>
      <c r="G7699" t="s">
        <v>15</v>
      </c>
      <c r="H7699" t="s">
        <v>1431</v>
      </c>
      <c r="I7699">
        <v>11.56</v>
      </c>
      <c r="J7699">
        <v>4</v>
      </c>
      <c r="K7699">
        <v>5.43</v>
      </c>
    </row>
    <row r="7700" spans="1:11" x14ac:dyDescent="0.3">
      <c r="A7700" s="1">
        <v>42896</v>
      </c>
      <c r="B7700" s="3">
        <f t="shared" si="240"/>
        <v>6</v>
      </c>
      <c r="C7700" s="3">
        <f t="shared" si="241"/>
        <v>2017</v>
      </c>
      <c r="D7700" t="s">
        <v>2093</v>
      </c>
      <c r="E7700" t="s">
        <v>163</v>
      </c>
      <c r="F7700" t="s">
        <v>10</v>
      </c>
      <c r="G7700" t="s">
        <v>17</v>
      </c>
      <c r="H7700" t="s">
        <v>1949</v>
      </c>
      <c r="I7700">
        <v>15.58</v>
      </c>
      <c r="J7700">
        <v>1</v>
      </c>
      <c r="K7700">
        <v>3.9</v>
      </c>
    </row>
    <row r="7701" spans="1:11" x14ac:dyDescent="0.3">
      <c r="A7701" s="1">
        <v>42896</v>
      </c>
      <c r="B7701" s="3">
        <f t="shared" si="240"/>
        <v>6</v>
      </c>
      <c r="C7701" s="3">
        <f t="shared" si="241"/>
        <v>2017</v>
      </c>
      <c r="D7701" t="s">
        <v>1392</v>
      </c>
      <c r="E7701" t="s">
        <v>26</v>
      </c>
      <c r="F7701" t="s">
        <v>10</v>
      </c>
      <c r="G7701" t="s">
        <v>23</v>
      </c>
      <c r="H7701" t="s">
        <v>410</v>
      </c>
      <c r="I7701">
        <v>14.7</v>
      </c>
      <c r="J7701">
        <v>7</v>
      </c>
      <c r="K7701">
        <v>4.12</v>
      </c>
    </row>
    <row r="7702" spans="1:11" x14ac:dyDescent="0.3">
      <c r="A7702" s="1">
        <v>42896</v>
      </c>
      <c r="B7702" s="3">
        <f t="shared" si="240"/>
        <v>6</v>
      </c>
      <c r="C7702" s="3">
        <f t="shared" si="241"/>
        <v>2017</v>
      </c>
      <c r="D7702" t="s">
        <v>118</v>
      </c>
      <c r="E7702" t="s">
        <v>148</v>
      </c>
      <c r="F7702" t="s">
        <v>10</v>
      </c>
      <c r="G7702" t="s">
        <v>42</v>
      </c>
      <c r="H7702" t="s">
        <v>233</v>
      </c>
      <c r="I7702">
        <v>14.13</v>
      </c>
      <c r="J7702">
        <v>3</v>
      </c>
      <c r="K7702">
        <v>0.71</v>
      </c>
    </row>
    <row r="7703" spans="1:11" x14ac:dyDescent="0.3">
      <c r="A7703" s="1">
        <v>42897</v>
      </c>
      <c r="B7703" s="3">
        <f t="shared" si="240"/>
        <v>6</v>
      </c>
      <c r="C7703" s="3">
        <f t="shared" si="241"/>
        <v>2017</v>
      </c>
      <c r="D7703" t="s">
        <v>858</v>
      </c>
      <c r="E7703" t="s">
        <v>26</v>
      </c>
      <c r="F7703" t="s">
        <v>10</v>
      </c>
      <c r="G7703" t="s">
        <v>11</v>
      </c>
      <c r="H7703" t="s">
        <v>1988</v>
      </c>
      <c r="I7703">
        <v>122.97</v>
      </c>
      <c r="J7703">
        <v>3</v>
      </c>
      <c r="K7703">
        <v>60.26</v>
      </c>
    </row>
    <row r="7704" spans="1:11" x14ac:dyDescent="0.3">
      <c r="A7704" s="1">
        <v>42897</v>
      </c>
      <c r="B7704" s="3">
        <f t="shared" si="240"/>
        <v>6</v>
      </c>
      <c r="C7704" s="3">
        <f t="shared" si="241"/>
        <v>2017</v>
      </c>
      <c r="D7704" t="s">
        <v>916</v>
      </c>
      <c r="E7704" t="s">
        <v>94</v>
      </c>
      <c r="F7704" t="s">
        <v>33</v>
      </c>
      <c r="G7704" t="s">
        <v>34</v>
      </c>
      <c r="H7704" t="s">
        <v>593</v>
      </c>
      <c r="I7704">
        <v>280.79000000000002</v>
      </c>
      <c r="J7704">
        <v>1</v>
      </c>
      <c r="K7704">
        <v>35.1</v>
      </c>
    </row>
    <row r="7705" spans="1:11" x14ac:dyDescent="0.3">
      <c r="A7705" s="1">
        <v>42897</v>
      </c>
      <c r="B7705" s="3">
        <f t="shared" si="240"/>
        <v>6</v>
      </c>
      <c r="C7705" s="3">
        <f t="shared" si="241"/>
        <v>2017</v>
      </c>
      <c r="D7705" t="s">
        <v>916</v>
      </c>
      <c r="E7705" t="s">
        <v>94</v>
      </c>
      <c r="F7705" t="s">
        <v>10</v>
      </c>
      <c r="G7705" t="s">
        <v>17</v>
      </c>
      <c r="H7705" t="s">
        <v>1455</v>
      </c>
      <c r="I7705">
        <v>68.45</v>
      </c>
      <c r="J7705">
        <v>4</v>
      </c>
      <c r="K7705">
        <v>7.7</v>
      </c>
    </row>
    <row r="7706" spans="1:11" x14ac:dyDescent="0.3">
      <c r="A7706" s="1">
        <v>42897</v>
      </c>
      <c r="B7706" s="3">
        <f t="shared" si="240"/>
        <v>6</v>
      </c>
      <c r="C7706" s="3">
        <f t="shared" si="241"/>
        <v>2017</v>
      </c>
      <c r="D7706" t="s">
        <v>916</v>
      </c>
      <c r="E7706" t="s">
        <v>94</v>
      </c>
      <c r="F7706" t="s">
        <v>10</v>
      </c>
      <c r="G7706" t="s">
        <v>23</v>
      </c>
      <c r="H7706" t="s">
        <v>1357</v>
      </c>
      <c r="I7706">
        <v>88.04</v>
      </c>
      <c r="J7706">
        <v>5</v>
      </c>
      <c r="K7706">
        <v>6.6</v>
      </c>
    </row>
    <row r="7707" spans="1:11" x14ac:dyDescent="0.3">
      <c r="A7707" s="1">
        <v>42897</v>
      </c>
      <c r="B7707" s="3">
        <f t="shared" si="240"/>
        <v>6</v>
      </c>
      <c r="C7707" s="3">
        <f t="shared" si="241"/>
        <v>2017</v>
      </c>
      <c r="D7707" t="s">
        <v>916</v>
      </c>
      <c r="E7707" t="s">
        <v>94</v>
      </c>
      <c r="F7707" t="s">
        <v>10</v>
      </c>
      <c r="G7707" t="s">
        <v>23</v>
      </c>
      <c r="H7707" t="s">
        <v>448</v>
      </c>
      <c r="I7707">
        <v>15.87</v>
      </c>
      <c r="J7707">
        <v>1</v>
      </c>
      <c r="K7707">
        <v>1.98</v>
      </c>
    </row>
    <row r="7708" spans="1:11" x14ac:dyDescent="0.3">
      <c r="A7708" s="1">
        <v>42897</v>
      </c>
      <c r="B7708" s="3">
        <f t="shared" si="240"/>
        <v>6</v>
      </c>
      <c r="C7708" s="3">
        <f t="shared" si="241"/>
        <v>2017</v>
      </c>
      <c r="D7708" t="s">
        <v>916</v>
      </c>
      <c r="E7708" t="s">
        <v>94</v>
      </c>
      <c r="F7708" t="s">
        <v>10</v>
      </c>
      <c r="G7708" t="s">
        <v>17</v>
      </c>
      <c r="H7708" t="s">
        <v>728</v>
      </c>
      <c r="I7708">
        <v>215.59</v>
      </c>
      <c r="J7708">
        <v>3</v>
      </c>
      <c r="K7708">
        <v>-48.51</v>
      </c>
    </row>
    <row r="7709" spans="1:11" x14ac:dyDescent="0.3">
      <c r="A7709" s="1">
        <v>42897</v>
      </c>
      <c r="B7709" s="3">
        <f t="shared" si="240"/>
        <v>6</v>
      </c>
      <c r="C7709" s="3">
        <f t="shared" si="241"/>
        <v>2017</v>
      </c>
      <c r="D7709" t="s">
        <v>238</v>
      </c>
      <c r="E7709" t="s">
        <v>487</v>
      </c>
      <c r="F7709" t="s">
        <v>10</v>
      </c>
      <c r="G7709" t="s">
        <v>23</v>
      </c>
      <c r="H7709" t="s">
        <v>843</v>
      </c>
      <c r="I7709">
        <v>3.76</v>
      </c>
      <c r="J7709">
        <v>2</v>
      </c>
      <c r="K7709">
        <v>1.0900000000000001</v>
      </c>
    </row>
    <row r="7710" spans="1:11" x14ac:dyDescent="0.3">
      <c r="A7710" s="1">
        <v>42897</v>
      </c>
      <c r="B7710" s="3">
        <f t="shared" si="240"/>
        <v>6</v>
      </c>
      <c r="C7710" s="3">
        <f t="shared" si="241"/>
        <v>2017</v>
      </c>
      <c r="D7710" t="s">
        <v>121</v>
      </c>
      <c r="E7710" t="s">
        <v>163</v>
      </c>
      <c r="F7710" t="s">
        <v>10</v>
      </c>
      <c r="G7710" t="s">
        <v>11</v>
      </c>
      <c r="H7710" t="s">
        <v>2476</v>
      </c>
      <c r="I7710">
        <v>37.94</v>
      </c>
      <c r="J7710">
        <v>2</v>
      </c>
      <c r="K7710">
        <v>18.21</v>
      </c>
    </row>
    <row r="7711" spans="1:11" x14ac:dyDescent="0.3">
      <c r="A7711" s="1">
        <v>42897</v>
      </c>
      <c r="B7711" s="3">
        <f t="shared" si="240"/>
        <v>6</v>
      </c>
      <c r="C7711" s="3">
        <f t="shared" si="241"/>
        <v>2017</v>
      </c>
      <c r="D7711" t="s">
        <v>121</v>
      </c>
      <c r="E7711" t="s">
        <v>163</v>
      </c>
      <c r="F7711" t="s">
        <v>10</v>
      </c>
      <c r="G7711" t="s">
        <v>19</v>
      </c>
      <c r="H7711" t="s">
        <v>971</v>
      </c>
      <c r="I7711">
        <v>18.29</v>
      </c>
      <c r="J7711">
        <v>6</v>
      </c>
      <c r="K7711">
        <v>6.63</v>
      </c>
    </row>
    <row r="7712" spans="1:11" x14ac:dyDescent="0.3">
      <c r="A7712" s="1">
        <v>42897</v>
      </c>
      <c r="B7712" s="3">
        <f t="shared" si="240"/>
        <v>6</v>
      </c>
      <c r="C7712" s="3">
        <f t="shared" si="241"/>
        <v>2017</v>
      </c>
      <c r="D7712" t="s">
        <v>121</v>
      </c>
      <c r="E7712" t="s">
        <v>163</v>
      </c>
      <c r="F7712" t="s">
        <v>38</v>
      </c>
      <c r="G7712" t="s">
        <v>301</v>
      </c>
      <c r="H7712" t="s">
        <v>2680</v>
      </c>
      <c r="I7712">
        <v>385.8</v>
      </c>
      <c r="J7712">
        <v>5</v>
      </c>
      <c r="K7712">
        <v>130.21</v>
      </c>
    </row>
    <row r="7713" spans="1:11" x14ac:dyDescent="0.3">
      <c r="A7713" s="1">
        <v>42897</v>
      </c>
      <c r="B7713" s="3">
        <f t="shared" si="240"/>
        <v>6</v>
      </c>
      <c r="C7713" s="3">
        <f t="shared" si="241"/>
        <v>2017</v>
      </c>
      <c r="D7713" t="s">
        <v>121</v>
      </c>
      <c r="E7713" t="s">
        <v>163</v>
      </c>
      <c r="F7713" t="s">
        <v>10</v>
      </c>
      <c r="G7713" t="s">
        <v>17</v>
      </c>
      <c r="H7713" t="s">
        <v>1016</v>
      </c>
      <c r="I7713">
        <v>102.96</v>
      </c>
      <c r="J7713">
        <v>2</v>
      </c>
      <c r="K7713">
        <v>1.03</v>
      </c>
    </row>
    <row r="7714" spans="1:11" x14ac:dyDescent="0.3">
      <c r="A7714" s="1">
        <v>42897</v>
      </c>
      <c r="B7714" s="3">
        <f t="shared" si="240"/>
        <v>6</v>
      </c>
      <c r="C7714" s="3">
        <f t="shared" si="241"/>
        <v>2017</v>
      </c>
      <c r="D7714" t="s">
        <v>121</v>
      </c>
      <c r="E7714" t="s">
        <v>163</v>
      </c>
      <c r="F7714" t="s">
        <v>33</v>
      </c>
      <c r="G7714" t="s">
        <v>73</v>
      </c>
      <c r="H7714" t="s">
        <v>2023</v>
      </c>
      <c r="I7714">
        <v>174.42</v>
      </c>
      <c r="J7714">
        <v>3</v>
      </c>
      <c r="K7714">
        <v>41.86</v>
      </c>
    </row>
    <row r="7715" spans="1:11" x14ac:dyDescent="0.3">
      <c r="A7715" s="1">
        <v>42897</v>
      </c>
      <c r="B7715" s="3">
        <f t="shared" si="240"/>
        <v>6</v>
      </c>
      <c r="C7715" s="3">
        <f t="shared" si="241"/>
        <v>2017</v>
      </c>
      <c r="D7715" t="s">
        <v>1182</v>
      </c>
      <c r="E7715" t="s">
        <v>26</v>
      </c>
      <c r="F7715" t="s">
        <v>10</v>
      </c>
      <c r="G7715" t="s">
        <v>91</v>
      </c>
      <c r="H7715" t="s">
        <v>1273</v>
      </c>
      <c r="I7715">
        <v>61.44</v>
      </c>
      <c r="J7715">
        <v>3</v>
      </c>
      <c r="K7715">
        <v>16.59</v>
      </c>
    </row>
    <row r="7716" spans="1:11" x14ac:dyDescent="0.3">
      <c r="A7716" s="1">
        <v>42897</v>
      </c>
      <c r="B7716" s="3">
        <f t="shared" si="240"/>
        <v>6</v>
      </c>
      <c r="C7716" s="3">
        <f t="shared" si="241"/>
        <v>2017</v>
      </c>
      <c r="D7716" t="s">
        <v>1458</v>
      </c>
      <c r="E7716" t="s">
        <v>244</v>
      </c>
      <c r="F7716" t="s">
        <v>10</v>
      </c>
      <c r="G7716" t="s">
        <v>19</v>
      </c>
      <c r="H7716" t="s">
        <v>574</v>
      </c>
      <c r="I7716">
        <v>4.57</v>
      </c>
      <c r="J7716">
        <v>4</v>
      </c>
      <c r="K7716">
        <v>-3.81</v>
      </c>
    </row>
    <row r="7717" spans="1:11" x14ac:dyDescent="0.3">
      <c r="A7717" s="1">
        <v>42898</v>
      </c>
      <c r="B7717" s="3">
        <f t="shared" si="240"/>
        <v>6</v>
      </c>
      <c r="C7717" s="3">
        <f t="shared" si="241"/>
        <v>2017</v>
      </c>
      <c r="D7717" t="s">
        <v>31</v>
      </c>
      <c r="E7717" t="s">
        <v>29</v>
      </c>
      <c r="F7717" t="s">
        <v>10</v>
      </c>
      <c r="G7717" t="s">
        <v>19</v>
      </c>
      <c r="H7717" t="s">
        <v>700</v>
      </c>
      <c r="I7717">
        <v>91.2</v>
      </c>
      <c r="J7717">
        <v>3</v>
      </c>
      <c r="K7717">
        <v>41.95</v>
      </c>
    </row>
    <row r="7718" spans="1:11" x14ac:dyDescent="0.3">
      <c r="A7718" s="1">
        <v>42898</v>
      </c>
      <c r="B7718" s="3">
        <f t="shared" si="240"/>
        <v>6</v>
      </c>
      <c r="C7718" s="3">
        <f t="shared" si="241"/>
        <v>2017</v>
      </c>
      <c r="D7718" t="s">
        <v>31</v>
      </c>
      <c r="E7718" t="s">
        <v>29</v>
      </c>
      <c r="F7718" t="s">
        <v>33</v>
      </c>
      <c r="G7718" t="s">
        <v>144</v>
      </c>
      <c r="H7718" t="s">
        <v>2017</v>
      </c>
      <c r="I7718">
        <v>452.94</v>
      </c>
      <c r="J7718">
        <v>3</v>
      </c>
      <c r="K7718">
        <v>67.94</v>
      </c>
    </row>
    <row r="7719" spans="1:11" x14ac:dyDescent="0.3">
      <c r="A7719" s="1">
        <v>42898</v>
      </c>
      <c r="B7719" s="3">
        <f t="shared" si="240"/>
        <v>6</v>
      </c>
      <c r="C7719" s="3">
        <f t="shared" si="241"/>
        <v>2017</v>
      </c>
      <c r="D7719" t="s">
        <v>783</v>
      </c>
      <c r="E7719" t="s">
        <v>148</v>
      </c>
      <c r="F7719" t="s">
        <v>10</v>
      </c>
      <c r="G7719" t="s">
        <v>11</v>
      </c>
      <c r="H7719" t="s">
        <v>2522</v>
      </c>
      <c r="I7719">
        <v>19.04</v>
      </c>
      <c r="J7719">
        <v>4</v>
      </c>
      <c r="K7719">
        <v>9.33</v>
      </c>
    </row>
    <row r="7720" spans="1:11" x14ac:dyDescent="0.3">
      <c r="A7720" s="1">
        <v>42898</v>
      </c>
      <c r="B7720" s="3">
        <f t="shared" si="240"/>
        <v>6</v>
      </c>
      <c r="C7720" s="3">
        <f t="shared" si="241"/>
        <v>2017</v>
      </c>
      <c r="D7720" t="s">
        <v>783</v>
      </c>
      <c r="E7720" t="s">
        <v>148</v>
      </c>
      <c r="F7720" t="s">
        <v>10</v>
      </c>
      <c r="G7720" t="s">
        <v>19</v>
      </c>
      <c r="H7720" t="s">
        <v>704</v>
      </c>
      <c r="I7720">
        <v>13.13</v>
      </c>
      <c r="J7720">
        <v>3</v>
      </c>
      <c r="K7720">
        <v>4.2699999999999996</v>
      </c>
    </row>
    <row r="7721" spans="1:11" x14ac:dyDescent="0.3">
      <c r="A7721" s="1">
        <v>42898</v>
      </c>
      <c r="B7721" s="3">
        <f t="shared" si="240"/>
        <v>6</v>
      </c>
      <c r="C7721" s="3">
        <f t="shared" si="241"/>
        <v>2017</v>
      </c>
      <c r="D7721" t="s">
        <v>783</v>
      </c>
      <c r="E7721" t="s">
        <v>148</v>
      </c>
      <c r="F7721" t="s">
        <v>10</v>
      </c>
      <c r="G7721" t="s">
        <v>23</v>
      </c>
      <c r="H7721" t="s">
        <v>1888</v>
      </c>
      <c r="I7721">
        <v>64.14</v>
      </c>
      <c r="J7721">
        <v>3</v>
      </c>
      <c r="K7721">
        <v>16.68</v>
      </c>
    </row>
    <row r="7722" spans="1:11" x14ac:dyDescent="0.3">
      <c r="A7722" s="1">
        <v>42898</v>
      </c>
      <c r="B7722" s="3">
        <f t="shared" si="240"/>
        <v>6</v>
      </c>
      <c r="C7722" s="3">
        <f t="shared" si="241"/>
        <v>2017</v>
      </c>
      <c r="D7722" t="s">
        <v>783</v>
      </c>
      <c r="E7722" t="s">
        <v>148</v>
      </c>
      <c r="F7722" t="s">
        <v>33</v>
      </c>
      <c r="G7722" t="s">
        <v>34</v>
      </c>
      <c r="H7722" t="s">
        <v>1678</v>
      </c>
      <c r="I7722">
        <v>858.24</v>
      </c>
      <c r="J7722">
        <v>4</v>
      </c>
      <c r="K7722">
        <v>143.04</v>
      </c>
    </row>
    <row r="7723" spans="1:11" x14ac:dyDescent="0.3">
      <c r="A7723" s="1">
        <v>42898</v>
      </c>
      <c r="B7723" s="3">
        <f t="shared" si="240"/>
        <v>6</v>
      </c>
      <c r="C7723" s="3">
        <f t="shared" si="241"/>
        <v>2017</v>
      </c>
      <c r="D7723" t="s">
        <v>566</v>
      </c>
      <c r="E7723" t="s">
        <v>122</v>
      </c>
      <c r="F7723" t="s">
        <v>33</v>
      </c>
      <c r="G7723" t="s">
        <v>46</v>
      </c>
      <c r="H7723" t="s">
        <v>1354</v>
      </c>
      <c r="I7723">
        <v>17.09</v>
      </c>
      <c r="J7723">
        <v>2</v>
      </c>
      <c r="K7723">
        <v>1.07</v>
      </c>
    </row>
    <row r="7724" spans="1:11" x14ac:dyDescent="0.3">
      <c r="A7724" s="1">
        <v>42898</v>
      </c>
      <c r="B7724" s="3">
        <f t="shared" si="240"/>
        <v>6</v>
      </c>
      <c r="C7724" s="3">
        <f t="shared" si="241"/>
        <v>2017</v>
      </c>
      <c r="D7724" t="s">
        <v>1466</v>
      </c>
      <c r="E7724" t="s">
        <v>77</v>
      </c>
      <c r="F7724" t="s">
        <v>38</v>
      </c>
      <c r="G7724" t="s">
        <v>51</v>
      </c>
      <c r="H7724" t="s">
        <v>1938</v>
      </c>
      <c r="I7724">
        <v>63.92</v>
      </c>
      <c r="J7724">
        <v>2</v>
      </c>
      <c r="K7724">
        <v>19.18</v>
      </c>
    </row>
    <row r="7725" spans="1:11" x14ac:dyDescent="0.3">
      <c r="A7725" s="1">
        <v>42898</v>
      </c>
      <c r="B7725" s="3">
        <f t="shared" si="240"/>
        <v>6</v>
      </c>
      <c r="C7725" s="3">
        <f t="shared" si="241"/>
        <v>2017</v>
      </c>
      <c r="D7725" t="s">
        <v>1340</v>
      </c>
      <c r="E7725" t="s">
        <v>163</v>
      </c>
      <c r="F7725" t="s">
        <v>38</v>
      </c>
      <c r="G7725" t="s">
        <v>39</v>
      </c>
      <c r="H7725" t="s">
        <v>2289</v>
      </c>
      <c r="I7725">
        <v>71.98</v>
      </c>
      <c r="J7725">
        <v>3</v>
      </c>
      <c r="K7725">
        <v>9</v>
      </c>
    </row>
    <row r="7726" spans="1:11" x14ac:dyDescent="0.3">
      <c r="A7726" s="1">
        <v>42898</v>
      </c>
      <c r="B7726" s="3">
        <f t="shared" si="240"/>
        <v>6</v>
      </c>
      <c r="C7726" s="3">
        <f t="shared" si="241"/>
        <v>2017</v>
      </c>
      <c r="D7726" t="s">
        <v>1340</v>
      </c>
      <c r="E7726" t="s">
        <v>163</v>
      </c>
      <c r="F7726" t="s">
        <v>10</v>
      </c>
      <c r="G7726" t="s">
        <v>11</v>
      </c>
      <c r="H7726" t="s">
        <v>1129</v>
      </c>
      <c r="I7726">
        <v>19.440000000000001</v>
      </c>
      <c r="J7726">
        <v>3</v>
      </c>
      <c r="K7726">
        <v>9.33</v>
      </c>
    </row>
    <row r="7727" spans="1:11" x14ac:dyDescent="0.3">
      <c r="A7727" s="1">
        <v>42898</v>
      </c>
      <c r="B7727" s="3">
        <f t="shared" si="240"/>
        <v>6</v>
      </c>
      <c r="C7727" s="3">
        <f t="shared" si="241"/>
        <v>2017</v>
      </c>
      <c r="D7727" t="s">
        <v>1128</v>
      </c>
      <c r="E7727" t="s">
        <v>14</v>
      </c>
      <c r="F7727" t="s">
        <v>33</v>
      </c>
      <c r="G7727" t="s">
        <v>46</v>
      </c>
      <c r="H7727" t="s">
        <v>1531</v>
      </c>
      <c r="I7727">
        <v>8.86</v>
      </c>
      <c r="J7727">
        <v>3</v>
      </c>
      <c r="K7727">
        <v>-6.86</v>
      </c>
    </row>
    <row r="7728" spans="1:11" x14ac:dyDescent="0.3">
      <c r="A7728" s="1">
        <v>42899</v>
      </c>
      <c r="B7728" s="3">
        <f t="shared" si="240"/>
        <v>6</v>
      </c>
      <c r="C7728" s="3">
        <f t="shared" si="241"/>
        <v>2017</v>
      </c>
      <c r="D7728" t="s">
        <v>130</v>
      </c>
      <c r="E7728" t="s">
        <v>14</v>
      </c>
      <c r="F7728" t="s">
        <v>10</v>
      </c>
      <c r="G7728" t="s">
        <v>17</v>
      </c>
      <c r="H7728" t="s">
        <v>1016</v>
      </c>
      <c r="I7728">
        <v>164.74</v>
      </c>
      <c r="J7728">
        <v>4</v>
      </c>
      <c r="K7728">
        <v>-39.119999999999997</v>
      </c>
    </row>
    <row r="7729" spans="1:11" x14ac:dyDescent="0.3">
      <c r="A7729" s="1">
        <v>42899</v>
      </c>
      <c r="B7729" s="3">
        <f t="shared" si="240"/>
        <v>6</v>
      </c>
      <c r="C7729" s="3">
        <f t="shared" si="241"/>
        <v>2017</v>
      </c>
      <c r="D7729" t="s">
        <v>130</v>
      </c>
      <c r="E7729" t="s">
        <v>14</v>
      </c>
      <c r="F7729" t="s">
        <v>33</v>
      </c>
      <c r="G7729" t="s">
        <v>34</v>
      </c>
      <c r="H7729" t="s">
        <v>1255</v>
      </c>
      <c r="I7729">
        <v>470.3</v>
      </c>
      <c r="J7729">
        <v>7</v>
      </c>
      <c r="K7729">
        <v>-87.34</v>
      </c>
    </row>
    <row r="7730" spans="1:11" x14ac:dyDescent="0.3">
      <c r="A7730" s="1">
        <v>42899</v>
      </c>
      <c r="B7730" s="3">
        <f t="shared" si="240"/>
        <v>6</v>
      </c>
      <c r="C7730" s="3">
        <f t="shared" si="241"/>
        <v>2017</v>
      </c>
      <c r="D7730" t="s">
        <v>130</v>
      </c>
      <c r="E7730" t="s">
        <v>14</v>
      </c>
      <c r="F7730" t="s">
        <v>38</v>
      </c>
      <c r="G7730" t="s">
        <v>39</v>
      </c>
      <c r="H7730" t="s">
        <v>2289</v>
      </c>
      <c r="I7730">
        <v>47.98</v>
      </c>
      <c r="J7730">
        <v>2</v>
      </c>
      <c r="K7730">
        <v>6</v>
      </c>
    </row>
    <row r="7731" spans="1:11" x14ac:dyDescent="0.3">
      <c r="A7731" s="1">
        <v>42899</v>
      </c>
      <c r="B7731" s="3">
        <f t="shared" si="240"/>
        <v>6</v>
      </c>
      <c r="C7731" s="3">
        <f t="shared" si="241"/>
        <v>2017</v>
      </c>
      <c r="D7731" t="s">
        <v>650</v>
      </c>
      <c r="E7731" t="s">
        <v>54</v>
      </c>
      <c r="F7731" t="s">
        <v>10</v>
      </c>
      <c r="G7731" t="s">
        <v>23</v>
      </c>
      <c r="H7731" t="s">
        <v>2681</v>
      </c>
      <c r="I7731">
        <v>181.86</v>
      </c>
      <c r="J7731">
        <v>7</v>
      </c>
      <c r="K7731">
        <v>50.92</v>
      </c>
    </row>
    <row r="7732" spans="1:11" x14ac:dyDescent="0.3">
      <c r="A7732" s="1">
        <v>42899</v>
      </c>
      <c r="B7732" s="3">
        <f t="shared" si="240"/>
        <v>6</v>
      </c>
      <c r="C7732" s="3">
        <f t="shared" si="241"/>
        <v>2017</v>
      </c>
      <c r="D7732" t="s">
        <v>1825</v>
      </c>
      <c r="E7732" t="s">
        <v>163</v>
      </c>
      <c r="F7732" t="s">
        <v>33</v>
      </c>
      <c r="G7732" t="s">
        <v>34</v>
      </c>
      <c r="H7732" t="s">
        <v>1479</v>
      </c>
      <c r="I7732">
        <v>291.14</v>
      </c>
      <c r="J7732">
        <v>4</v>
      </c>
      <c r="K7732">
        <v>-25.47</v>
      </c>
    </row>
    <row r="7733" spans="1:11" x14ac:dyDescent="0.3">
      <c r="A7733" s="1">
        <v>42901</v>
      </c>
      <c r="B7733" s="3">
        <f t="shared" si="240"/>
        <v>6</v>
      </c>
      <c r="C7733" s="3">
        <f t="shared" si="241"/>
        <v>2017</v>
      </c>
      <c r="D7733" t="s">
        <v>2682</v>
      </c>
      <c r="E7733" t="s">
        <v>26</v>
      </c>
      <c r="F7733" t="s">
        <v>38</v>
      </c>
      <c r="G7733" t="s">
        <v>39</v>
      </c>
      <c r="H7733" t="s">
        <v>2407</v>
      </c>
      <c r="I7733">
        <v>47.98</v>
      </c>
      <c r="J7733">
        <v>3</v>
      </c>
      <c r="K7733">
        <v>4.8</v>
      </c>
    </row>
    <row r="7734" spans="1:11" x14ac:dyDescent="0.3">
      <c r="A7734" s="1">
        <v>42901</v>
      </c>
      <c r="B7734" s="3">
        <f t="shared" si="240"/>
        <v>6</v>
      </c>
      <c r="C7734" s="3">
        <f t="shared" si="241"/>
        <v>2017</v>
      </c>
      <c r="D7734" t="s">
        <v>682</v>
      </c>
      <c r="E7734" t="s">
        <v>14</v>
      </c>
      <c r="F7734" t="s">
        <v>10</v>
      </c>
      <c r="G7734" t="s">
        <v>23</v>
      </c>
      <c r="H7734" t="s">
        <v>1712</v>
      </c>
      <c r="I7734">
        <v>19.559999999999999</v>
      </c>
      <c r="J7734">
        <v>5</v>
      </c>
      <c r="K7734">
        <v>1.71</v>
      </c>
    </row>
    <row r="7735" spans="1:11" x14ac:dyDescent="0.3">
      <c r="A7735" s="1">
        <v>42901</v>
      </c>
      <c r="B7735" s="3">
        <f t="shared" si="240"/>
        <v>6</v>
      </c>
      <c r="C7735" s="3">
        <f t="shared" si="241"/>
        <v>2017</v>
      </c>
      <c r="D7735" t="s">
        <v>2387</v>
      </c>
      <c r="E7735" t="s">
        <v>26</v>
      </c>
      <c r="F7735" t="s">
        <v>10</v>
      </c>
      <c r="G7735" t="s">
        <v>23</v>
      </c>
      <c r="H7735" t="s">
        <v>30</v>
      </c>
      <c r="I7735">
        <v>4.26</v>
      </c>
      <c r="J7735">
        <v>1</v>
      </c>
      <c r="K7735">
        <v>1.75</v>
      </c>
    </row>
    <row r="7736" spans="1:11" x14ac:dyDescent="0.3">
      <c r="A7736" s="1">
        <v>42901</v>
      </c>
      <c r="B7736" s="3">
        <f t="shared" si="240"/>
        <v>6</v>
      </c>
      <c r="C7736" s="3">
        <f t="shared" si="241"/>
        <v>2017</v>
      </c>
      <c r="D7736" t="s">
        <v>723</v>
      </c>
      <c r="E7736" t="s">
        <v>314</v>
      </c>
      <c r="F7736" t="s">
        <v>10</v>
      </c>
      <c r="G7736" t="s">
        <v>15</v>
      </c>
      <c r="H7736" t="s">
        <v>408</v>
      </c>
      <c r="I7736">
        <v>44.4</v>
      </c>
      <c r="J7736">
        <v>3</v>
      </c>
      <c r="K7736">
        <v>22.2</v>
      </c>
    </row>
    <row r="7737" spans="1:11" x14ac:dyDescent="0.3">
      <c r="A7737" s="1">
        <v>42901</v>
      </c>
      <c r="B7737" s="3">
        <f t="shared" si="240"/>
        <v>6</v>
      </c>
      <c r="C7737" s="3">
        <f t="shared" si="241"/>
        <v>2017</v>
      </c>
      <c r="D7737" t="s">
        <v>723</v>
      </c>
      <c r="E7737" t="s">
        <v>314</v>
      </c>
      <c r="F7737" t="s">
        <v>10</v>
      </c>
      <c r="G7737" t="s">
        <v>17</v>
      </c>
      <c r="H7737" t="s">
        <v>1955</v>
      </c>
      <c r="I7737">
        <v>84.55</v>
      </c>
      <c r="J7737">
        <v>5</v>
      </c>
      <c r="K7737">
        <v>22.83</v>
      </c>
    </row>
    <row r="7738" spans="1:11" x14ac:dyDescent="0.3">
      <c r="A7738" s="1">
        <v>42901</v>
      </c>
      <c r="B7738" s="3">
        <f t="shared" si="240"/>
        <v>6</v>
      </c>
      <c r="C7738" s="3">
        <f t="shared" si="241"/>
        <v>2017</v>
      </c>
      <c r="D7738" t="s">
        <v>723</v>
      </c>
      <c r="E7738" t="s">
        <v>314</v>
      </c>
      <c r="F7738" t="s">
        <v>10</v>
      </c>
      <c r="G7738" t="s">
        <v>11</v>
      </c>
      <c r="H7738" t="s">
        <v>697</v>
      </c>
      <c r="I7738">
        <v>17.940000000000001</v>
      </c>
      <c r="J7738">
        <v>3</v>
      </c>
      <c r="K7738">
        <v>8.7899999999999991</v>
      </c>
    </row>
    <row r="7739" spans="1:11" x14ac:dyDescent="0.3">
      <c r="A7739" s="1">
        <v>42901</v>
      </c>
      <c r="B7739" s="3">
        <f t="shared" si="240"/>
        <v>6</v>
      </c>
      <c r="C7739" s="3">
        <f t="shared" si="241"/>
        <v>2017</v>
      </c>
      <c r="D7739" t="s">
        <v>356</v>
      </c>
      <c r="E7739" t="s">
        <v>26</v>
      </c>
      <c r="F7739" t="s">
        <v>38</v>
      </c>
      <c r="G7739" t="s">
        <v>39</v>
      </c>
      <c r="H7739" t="s">
        <v>1749</v>
      </c>
      <c r="I7739">
        <v>119.96</v>
      </c>
      <c r="J7739">
        <v>1</v>
      </c>
      <c r="K7739">
        <v>7.5</v>
      </c>
    </row>
    <row r="7740" spans="1:11" x14ac:dyDescent="0.3">
      <c r="A7740" s="1">
        <v>42901</v>
      </c>
      <c r="B7740" s="3">
        <f t="shared" si="240"/>
        <v>6</v>
      </c>
      <c r="C7740" s="3">
        <f t="shared" si="241"/>
        <v>2017</v>
      </c>
      <c r="D7740" t="s">
        <v>354</v>
      </c>
      <c r="E7740" t="s">
        <v>119</v>
      </c>
      <c r="F7740" t="s">
        <v>38</v>
      </c>
      <c r="G7740" t="s">
        <v>39</v>
      </c>
      <c r="H7740" t="s">
        <v>1863</v>
      </c>
      <c r="I7740">
        <v>239.98</v>
      </c>
      <c r="J7740">
        <v>3</v>
      </c>
      <c r="K7740">
        <v>27</v>
      </c>
    </row>
    <row r="7741" spans="1:11" x14ac:dyDescent="0.3">
      <c r="A7741" s="1">
        <v>42901</v>
      </c>
      <c r="B7741" s="3">
        <f t="shared" si="240"/>
        <v>6</v>
      </c>
      <c r="C7741" s="3">
        <f t="shared" si="241"/>
        <v>2017</v>
      </c>
      <c r="D7741" t="s">
        <v>354</v>
      </c>
      <c r="E7741" t="s">
        <v>119</v>
      </c>
      <c r="F7741" t="s">
        <v>33</v>
      </c>
      <c r="G7741" t="s">
        <v>46</v>
      </c>
      <c r="H7741" t="s">
        <v>1014</v>
      </c>
      <c r="I7741">
        <v>31.17</v>
      </c>
      <c r="J7741">
        <v>4</v>
      </c>
      <c r="K7741">
        <v>9.35</v>
      </c>
    </row>
    <row r="7742" spans="1:11" x14ac:dyDescent="0.3">
      <c r="A7742" s="1">
        <v>42901</v>
      </c>
      <c r="B7742" s="3">
        <f t="shared" si="240"/>
        <v>6</v>
      </c>
      <c r="C7742" s="3">
        <f t="shared" si="241"/>
        <v>2017</v>
      </c>
      <c r="D7742" t="s">
        <v>354</v>
      </c>
      <c r="E7742" t="s">
        <v>119</v>
      </c>
      <c r="F7742" t="s">
        <v>33</v>
      </c>
      <c r="G7742" t="s">
        <v>144</v>
      </c>
      <c r="H7742" t="s">
        <v>967</v>
      </c>
      <c r="I7742">
        <v>120.96</v>
      </c>
      <c r="J7742">
        <v>2</v>
      </c>
      <c r="K7742">
        <v>-28.22</v>
      </c>
    </row>
    <row r="7743" spans="1:11" x14ac:dyDescent="0.3">
      <c r="A7743" s="1">
        <v>42901</v>
      </c>
      <c r="B7743" s="3">
        <f t="shared" si="240"/>
        <v>6</v>
      </c>
      <c r="C7743" s="3">
        <f t="shared" si="241"/>
        <v>2017</v>
      </c>
      <c r="D7743" t="s">
        <v>354</v>
      </c>
      <c r="E7743" t="s">
        <v>119</v>
      </c>
      <c r="F7743" t="s">
        <v>38</v>
      </c>
      <c r="G7743" t="s">
        <v>39</v>
      </c>
      <c r="H7743" t="s">
        <v>1595</v>
      </c>
      <c r="I7743">
        <v>2239.94</v>
      </c>
      <c r="J7743">
        <v>8</v>
      </c>
      <c r="K7743">
        <v>223.99</v>
      </c>
    </row>
    <row r="7744" spans="1:11" x14ac:dyDescent="0.3">
      <c r="A7744" s="1">
        <v>42901</v>
      </c>
      <c r="B7744" s="3">
        <f t="shared" si="240"/>
        <v>6</v>
      </c>
      <c r="C7744" s="3">
        <f t="shared" si="241"/>
        <v>2017</v>
      </c>
      <c r="D7744" t="s">
        <v>354</v>
      </c>
      <c r="E7744" t="s">
        <v>119</v>
      </c>
      <c r="F7744" t="s">
        <v>10</v>
      </c>
      <c r="G7744" t="s">
        <v>91</v>
      </c>
      <c r="H7744" t="s">
        <v>657</v>
      </c>
      <c r="I7744">
        <v>76.61</v>
      </c>
      <c r="J7744">
        <v>8</v>
      </c>
      <c r="K7744">
        <v>6.7</v>
      </c>
    </row>
    <row r="7745" spans="1:11" x14ac:dyDescent="0.3">
      <c r="A7745" s="1">
        <v>42901</v>
      </c>
      <c r="B7745" s="3">
        <f t="shared" si="240"/>
        <v>6</v>
      </c>
      <c r="C7745" s="3">
        <f t="shared" si="241"/>
        <v>2017</v>
      </c>
      <c r="D7745" t="s">
        <v>354</v>
      </c>
      <c r="E7745" t="s">
        <v>119</v>
      </c>
      <c r="F7745" t="s">
        <v>10</v>
      </c>
      <c r="G7745" t="s">
        <v>17</v>
      </c>
      <c r="H7745" t="s">
        <v>307</v>
      </c>
      <c r="I7745">
        <v>142.78</v>
      </c>
      <c r="J7745">
        <v>1</v>
      </c>
      <c r="K7745">
        <v>17.850000000000001</v>
      </c>
    </row>
    <row r="7746" spans="1:11" x14ac:dyDescent="0.3">
      <c r="A7746" s="1">
        <v>42901</v>
      </c>
      <c r="B7746" s="3">
        <f t="shared" ref="B7746:B7809" si="242">MONTH(A:A)</f>
        <v>6</v>
      </c>
      <c r="C7746" s="3">
        <f t="shared" ref="C7746:C7809" si="243">YEAR(A:A)</f>
        <v>2017</v>
      </c>
      <c r="D7746" t="s">
        <v>354</v>
      </c>
      <c r="E7746" t="s">
        <v>119</v>
      </c>
      <c r="F7746" t="s">
        <v>10</v>
      </c>
      <c r="G7746" t="s">
        <v>11</v>
      </c>
      <c r="H7746" t="s">
        <v>1123</v>
      </c>
      <c r="I7746">
        <v>91.36</v>
      </c>
      <c r="J7746">
        <v>5</v>
      </c>
      <c r="K7746">
        <v>29.69</v>
      </c>
    </row>
    <row r="7747" spans="1:11" x14ac:dyDescent="0.3">
      <c r="A7747" s="1">
        <v>42901</v>
      </c>
      <c r="B7747" s="3">
        <f t="shared" si="242"/>
        <v>6</v>
      </c>
      <c r="C7747" s="3">
        <f t="shared" si="243"/>
        <v>2017</v>
      </c>
      <c r="D7747" t="s">
        <v>1172</v>
      </c>
      <c r="E7747" t="s">
        <v>244</v>
      </c>
      <c r="F7747" t="s">
        <v>33</v>
      </c>
      <c r="G7747" t="s">
        <v>34</v>
      </c>
      <c r="H7747" t="s">
        <v>1691</v>
      </c>
      <c r="I7747">
        <v>698.35</v>
      </c>
      <c r="J7747">
        <v>3</v>
      </c>
      <c r="K7747">
        <v>52.38</v>
      </c>
    </row>
    <row r="7748" spans="1:11" x14ac:dyDescent="0.3">
      <c r="A7748" s="1">
        <v>42901</v>
      </c>
      <c r="B7748" s="3">
        <f t="shared" si="242"/>
        <v>6</v>
      </c>
      <c r="C7748" s="3">
        <f t="shared" si="243"/>
        <v>2017</v>
      </c>
      <c r="D7748" t="s">
        <v>1172</v>
      </c>
      <c r="E7748" t="s">
        <v>244</v>
      </c>
      <c r="F7748" t="s">
        <v>33</v>
      </c>
      <c r="G7748" t="s">
        <v>73</v>
      </c>
      <c r="H7748" t="s">
        <v>1093</v>
      </c>
      <c r="I7748">
        <v>77.73</v>
      </c>
      <c r="J7748">
        <v>2</v>
      </c>
      <c r="K7748">
        <v>-3.89</v>
      </c>
    </row>
    <row r="7749" spans="1:11" x14ac:dyDescent="0.3">
      <c r="A7749" s="1">
        <v>42902</v>
      </c>
      <c r="B7749" s="3">
        <f t="shared" si="242"/>
        <v>6</v>
      </c>
      <c r="C7749" s="3">
        <f t="shared" si="243"/>
        <v>2017</v>
      </c>
      <c r="D7749" t="s">
        <v>1882</v>
      </c>
      <c r="E7749" t="s">
        <v>244</v>
      </c>
      <c r="F7749" t="s">
        <v>10</v>
      </c>
      <c r="G7749" t="s">
        <v>23</v>
      </c>
      <c r="H7749" t="s">
        <v>2203</v>
      </c>
      <c r="I7749">
        <v>14.02</v>
      </c>
      <c r="J7749">
        <v>3</v>
      </c>
      <c r="K7749">
        <v>4.7300000000000004</v>
      </c>
    </row>
    <row r="7750" spans="1:11" x14ac:dyDescent="0.3">
      <c r="A7750" s="1">
        <v>42902</v>
      </c>
      <c r="B7750" s="3">
        <f t="shared" si="242"/>
        <v>6</v>
      </c>
      <c r="C7750" s="3">
        <f t="shared" si="243"/>
        <v>2017</v>
      </c>
      <c r="D7750" t="s">
        <v>856</v>
      </c>
      <c r="E7750" t="s">
        <v>32</v>
      </c>
      <c r="F7750" t="s">
        <v>33</v>
      </c>
      <c r="G7750" t="s">
        <v>34</v>
      </c>
      <c r="H7750" t="s">
        <v>1596</v>
      </c>
      <c r="I7750">
        <v>301.95999999999998</v>
      </c>
      <c r="J7750">
        <v>2</v>
      </c>
      <c r="K7750">
        <v>90.59</v>
      </c>
    </row>
    <row r="7751" spans="1:11" x14ac:dyDescent="0.3">
      <c r="A7751" s="1">
        <v>42902</v>
      </c>
      <c r="B7751" s="3">
        <f t="shared" si="242"/>
        <v>6</v>
      </c>
      <c r="C7751" s="3">
        <f t="shared" si="243"/>
        <v>2017</v>
      </c>
      <c r="D7751" t="s">
        <v>856</v>
      </c>
      <c r="E7751" t="s">
        <v>32</v>
      </c>
      <c r="F7751" t="s">
        <v>10</v>
      </c>
      <c r="G7751" t="s">
        <v>91</v>
      </c>
      <c r="H7751" t="s">
        <v>2683</v>
      </c>
      <c r="I7751">
        <v>180.66</v>
      </c>
      <c r="J7751">
        <v>3</v>
      </c>
      <c r="K7751">
        <v>50.58</v>
      </c>
    </row>
    <row r="7752" spans="1:11" x14ac:dyDescent="0.3">
      <c r="A7752" s="1">
        <v>42902</v>
      </c>
      <c r="B7752" s="3">
        <f t="shared" si="242"/>
        <v>6</v>
      </c>
      <c r="C7752" s="3">
        <f t="shared" si="243"/>
        <v>2017</v>
      </c>
      <c r="D7752" t="s">
        <v>856</v>
      </c>
      <c r="E7752" t="s">
        <v>32</v>
      </c>
      <c r="F7752" t="s">
        <v>38</v>
      </c>
      <c r="G7752" t="s">
        <v>39</v>
      </c>
      <c r="H7752" t="s">
        <v>519</v>
      </c>
      <c r="I7752">
        <v>191.98</v>
      </c>
      <c r="J7752">
        <v>2</v>
      </c>
      <c r="K7752">
        <v>51.83</v>
      </c>
    </row>
    <row r="7753" spans="1:11" x14ac:dyDescent="0.3">
      <c r="A7753" s="1">
        <v>42902</v>
      </c>
      <c r="B7753" s="3">
        <f t="shared" si="242"/>
        <v>6</v>
      </c>
      <c r="C7753" s="3">
        <f t="shared" si="243"/>
        <v>2017</v>
      </c>
      <c r="D7753" t="s">
        <v>856</v>
      </c>
      <c r="E7753" t="s">
        <v>32</v>
      </c>
      <c r="F7753" t="s">
        <v>38</v>
      </c>
      <c r="G7753" t="s">
        <v>39</v>
      </c>
      <c r="H7753" t="s">
        <v>1807</v>
      </c>
      <c r="I7753">
        <v>65.989999999999995</v>
      </c>
      <c r="J7753">
        <v>1</v>
      </c>
      <c r="K7753">
        <v>17.16</v>
      </c>
    </row>
    <row r="7754" spans="1:11" x14ac:dyDescent="0.3">
      <c r="A7754" s="1">
        <v>42902</v>
      </c>
      <c r="B7754" s="3">
        <f t="shared" si="242"/>
        <v>6</v>
      </c>
      <c r="C7754" s="3">
        <f t="shared" si="243"/>
        <v>2017</v>
      </c>
      <c r="D7754" t="s">
        <v>1128</v>
      </c>
      <c r="E7754" t="s">
        <v>26</v>
      </c>
      <c r="F7754" t="s">
        <v>33</v>
      </c>
      <c r="G7754" t="s">
        <v>34</v>
      </c>
      <c r="H7754" t="s">
        <v>659</v>
      </c>
      <c r="I7754">
        <v>1212.96</v>
      </c>
      <c r="J7754">
        <v>7</v>
      </c>
      <c r="K7754">
        <v>90.97</v>
      </c>
    </row>
    <row r="7755" spans="1:11" x14ac:dyDescent="0.3">
      <c r="A7755" s="1">
        <v>42902</v>
      </c>
      <c r="B7755" s="3">
        <f t="shared" si="242"/>
        <v>6</v>
      </c>
      <c r="C7755" s="3">
        <f t="shared" si="243"/>
        <v>2017</v>
      </c>
      <c r="D7755" t="s">
        <v>1128</v>
      </c>
      <c r="E7755" t="s">
        <v>26</v>
      </c>
      <c r="F7755" t="s">
        <v>10</v>
      </c>
      <c r="G7755" t="s">
        <v>11</v>
      </c>
      <c r="H7755" t="s">
        <v>1607</v>
      </c>
      <c r="I7755">
        <v>18.54</v>
      </c>
      <c r="J7755">
        <v>2</v>
      </c>
      <c r="K7755">
        <v>8.7100000000000009</v>
      </c>
    </row>
    <row r="7756" spans="1:11" x14ac:dyDescent="0.3">
      <c r="A7756" s="1">
        <v>42902</v>
      </c>
      <c r="B7756" s="3">
        <f t="shared" si="242"/>
        <v>6</v>
      </c>
      <c r="C7756" s="3">
        <f t="shared" si="243"/>
        <v>2017</v>
      </c>
      <c r="D7756" t="s">
        <v>1002</v>
      </c>
      <c r="E7756" t="s">
        <v>398</v>
      </c>
      <c r="F7756" t="s">
        <v>10</v>
      </c>
      <c r="G7756" t="s">
        <v>199</v>
      </c>
      <c r="H7756" t="s">
        <v>1959</v>
      </c>
      <c r="I7756">
        <v>16.68</v>
      </c>
      <c r="J7756">
        <v>2</v>
      </c>
      <c r="K7756">
        <v>4.34</v>
      </c>
    </row>
    <row r="7757" spans="1:11" x14ac:dyDescent="0.3">
      <c r="A7757" s="1">
        <v>42902</v>
      </c>
      <c r="B7757" s="3">
        <f t="shared" si="242"/>
        <v>6</v>
      </c>
      <c r="C7757" s="3">
        <f t="shared" si="243"/>
        <v>2017</v>
      </c>
      <c r="D7757" t="s">
        <v>1002</v>
      </c>
      <c r="E7757" t="s">
        <v>398</v>
      </c>
      <c r="F7757" t="s">
        <v>10</v>
      </c>
      <c r="G7757" t="s">
        <v>11</v>
      </c>
      <c r="H7757" t="s">
        <v>2637</v>
      </c>
      <c r="I7757">
        <v>19.440000000000001</v>
      </c>
      <c r="J7757">
        <v>3</v>
      </c>
      <c r="K7757">
        <v>9.33</v>
      </c>
    </row>
    <row r="7758" spans="1:11" x14ac:dyDescent="0.3">
      <c r="A7758" s="1">
        <v>42902</v>
      </c>
      <c r="B7758" s="3">
        <f t="shared" si="242"/>
        <v>6</v>
      </c>
      <c r="C7758" s="3">
        <f t="shared" si="243"/>
        <v>2017</v>
      </c>
      <c r="D7758" t="s">
        <v>1002</v>
      </c>
      <c r="E7758" t="s">
        <v>398</v>
      </c>
      <c r="F7758" t="s">
        <v>10</v>
      </c>
      <c r="G7758" t="s">
        <v>11</v>
      </c>
      <c r="H7758" t="s">
        <v>1696</v>
      </c>
      <c r="I7758">
        <v>192.16</v>
      </c>
      <c r="J7758">
        <v>4</v>
      </c>
      <c r="K7758">
        <v>92.24</v>
      </c>
    </row>
    <row r="7759" spans="1:11" x14ac:dyDescent="0.3">
      <c r="A7759" s="1">
        <v>42902</v>
      </c>
      <c r="B7759" s="3">
        <f t="shared" si="242"/>
        <v>6</v>
      </c>
      <c r="C7759" s="3">
        <f t="shared" si="243"/>
        <v>2017</v>
      </c>
      <c r="D7759" t="s">
        <v>1656</v>
      </c>
      <c r="E7759" t="s">
        <v>14</v>
      </c>
      <c r="F7759" t="s">
        <v>10</v>
      </c>
      <c r="G7759" t="s">
        <v>19</v>
      </c>
      <c r="H7759" t="s">
        <v>833</v>
      </c>
      <c r="I7759">
        <v>5.94</v>
      </c>
      <c r="J7759">
        <v>7</v>
      </c>
      <c r="K7759">
        <v>-8.9</v>
      </c>
    </row>
    <row r="7760" spans="1:11" x14ac:dyDescent="0.3">
      <c r="A7760" s="1">
        <v>42902</v>
      </c>
      <c r="B7760" s="3">
        <f t="shared" si="242"/>
        <v>6</v>
      </c>
      <c r="C7760" s="3">
        <f t="shared" si="243"/>
        <v>2017</v>
      </c>
      <c r="D7760" t="s">
        <v>1121</v>
      </c>
      <c r="E7760" t="s">
        <v>77</v>
      </c>
      <c r="F7760" t="s">
        <v>38</v>
      </c>
      <c r="G7760" t="s">
        <v>51</v>
      </c>
      <c r="H7760" t="s">
        <v>730</v>
      </c>
      <c r="I7760">
        <v>479.95</v>
      </c>
      <c r="J7760">
        <v>6</v>
      </c>
      <c r="K7760">
        <v>107.99</v>
      </c>
    </row>
    <row r="7761" spans="1:11" x14ac:dyDescent="0.3">
      <c r="A7761" s="1">
        <v>42902</v>
      </c>
      <c r="B7761" s="3">
        <f t="shared" si="242"/>
        <v>6</v>
      </c>
      <c r="C7761" s="3">
        <f t="shared" si="243"/>
        <v>2017</v>
      </c>
      <c r="D7761" t="s">
        <v>1121</v>
      </c>
      <c r="E7761" t="s">
        <v>77</v>
      </c>
      <c r="F7761" t="s">
        <v>10</v>
      </c>
      <c r="G7761" t="s">
        <v>23</v>
      </c>
      <c r="H7761" t="s">
        <v>265</v>
      </c>
      <c r="I7761">
        <v>23.92</v>
      </c>
      <c r="J7761">
        <v>5</v>
      </c>
      <c r="K7761">
        <v>1.79</v>
      </c>
    </row>
    <row r="7762" spans="1:11" x14ac:dyDescent="0.3">
      <c r="A7762" s="1">
        <v>42903</v>
      </c>
      <c r="B7762" s="3">
        <f t="shared" si="242"/>
        <v>6</v>
      </c>
      <c r="C7762" s="3">
        <f t="shared" si="243"/>
        <v>2017</v>
      </c>
      <c r="D7762" t="s">
        <v>1206</v>
      </c>
      <c r="E7762" t="s">
        <v>26</v>
      </c>
      <c r="F7762" t="s">
        <v>10</v>
      </c>
      <c r="G7762" t="s">
        <v>19</v>
      </c>
      <c r="H7762" t="s">
        <v>1308</v>
      </c>
      <c r="I7762">
        <v>51.31</v>
      </c>
      <c r="J7762">
        <v>3</v>
      </c>
      <c r="K7762">
        <v>17.96</v>
      </c>
    </row>
    <row r="7763" spans="1:11" x14ac:dyDescent="0.3">
      <c r="A7763" s="1">
        <v>42903</v>
      </c>
      <c r="B7763" s="3">
        <f t="shared" si="242"/>
        <v>6</v>
      </c>
      <c r="C7763" s="3">
        <f t="shared" si="243"/>
        <v>2017</v>
      </c>
      <c r="D7763" t="s">
        <v>1333</v>
      </c>
      <c r="E7763" t="s">
        <v>163</v>
      </c>
      <c r="F7763" t="s">
        <v>33</v>
      </c>
      <c r="G7763" t="s">
        <v>46</v>
      </c>
      <c r="H7763" t="s">
        <v>2152</v>
      </c>
      <c r="I7763">
        <v>155.25</v>
      </c>
      <c r="J7763">
        <v>3</v>
      </c>
      <c r="K7763">
        <v>46.58</v>
      </c>
    </row>
    <row r="7764" spans="1:11" x14ac:dyDescent="0.3">
      <c r="A7764" s="1">
        <v>42903</v>
      </c>
      <c r="B7764" s="3">
        <f t="shared" si="242"/>
        <v>6</v>
      </c>
      <c r="C7764" s="3">
        <f t="shared" si="243"/>
        <v>2017</v>
      </c>
      <c r="D7764" t="s">
        <v>1333</v>
      </c>
      <c r="E7764" t="s">
        <v>163</v>
      </c>
      <c r="F7764" t="s">
        <v>10</v>
      </c>
      <c r="G7764" t="s">
        <v>17</v>
      </c>
      <c r="H7764" t="s">
        <v>1327</v>
      </c>
      <c r="I7764">
        <v>14.03</v>
      </c>
      <c r="J7764">
        <v>1</v>
      </c>
      <c r="K7764">
        <v>4.07</v>
      </c>
    </row>
    <row r="7765" spans="1:11" x14ac:dyDescent="0.3">
      <c r="A7765" s="1">
        <v>42903</v>
      </c>
      <c r="B7765" s="3">
        <f t="shared" si="242"/>
        <v>6</v>
      </c>
      <c r="C7765" s="3">
        <f t="shared" si="243"/>
        <v>2017</v>
      </c>
      <c r="D7765" t="s">
        <v>1482</v>
      </c>
      <c r="E7765" t="s">
        <v>14</v>
      </c>
      <c r="F7765" t="s">
        <v>10</v>
      </c>
      <c r="G7765" t="s">
        <v>11</v>
      </c>
      <c r="H7765" t="s">
        <v>2450</v>
      </c>
      <c r="I7765">
        <v>12.22</v>
      </c>
      <c r="J7765">
        <v>2</v>
      </c>
      <c r="K7765">
        <v>4.43</v>
      </c>
    </row>
    <row r="7766" spans="1:11" x14ac:dyDescent="0.3">
      <c r="A7766" s="1">
        <v>42903</v>
      </c>
      <c r="B7766" s="3">
        <f t="shared" si="242"/>
        <v>6</v>
      </c>
      <c r="C7766" s="3">
        <f t="shared" si="243"/>
        <v>2017</v>
      </c>
      <c r="D7766" t="s">
        <v>1482</v>
      </c>
      <c r="E7766" t="s">
        <v>14</v>
      </c>
      <c r="F7766" t="s">
        <v>10</v>
      </c>
      <c r="G7766" t="s">
        <v>19</v>
      </c>
      <c r="H7766" t="s">
        <v>898</v>
      </c>
      <c r="I7766">
        <v>2.2999999999999998</v>
      </c>
      <c r="J7766">
        <v>4</v>
      </c>
      <c r="K7766">
        <v>-3.57</v>
      </c>
    </row>
    <row r="7767" spans="1:11" x14ac:dyDescent="0.3">
      <c r="A7767" s="1">
        <v>42903</v>
      </c>
      <c r="B7767" s="3">
        <f t="shared" si="242"/>
        <v>6</v>
      </c>
      <c r="C7767" s="3">
        <f t="shared" si="243"/>
        <v>2017</v>
      </c>
      <c r="D7767" t="s">
        <v>1482</v>
      </c>
      <c r="E7767" t="s">
        <v>14</v>
      </c>
      <c r="F7767" t="s">
        <v>10</v>
      </c>
      <c r="G7767" t="s">
        <v>19</v>
      </c>
      <c r="H7767" t="s">
        <v>610</v>
      </c>
      <c r="I7767">
        <v>9.36</v>
      </c>
      <c r="J7767">
        <v>4</v>
      </c>
      <c r="K7767">
        <v>-16.38</v>
      </c>
    </row>
    <row r="7768" spans="1:11" x14ac:dyDescent="0.3">
      <c r="A7768" s="1">
        <v>42903</v>
      </c>
      <c r="B7768" s="3">
        <f t="shared" si="242"/>
        <v>6</v>
      </c>
      <c r="C7768" s="3">
        <f t="shared" si="243"/>
        <v>2017</v>
      </c>
      <c r="D7768" t="s">
        <v>1192</v>
      </c>
      <c r="E7768" t="s">
        <v>277</v>
      </c>
      <c r="F7768" t="s">
        <v>10</v>
      </c>
      <c r="G7768" t="s">
        <v>17</v>
      </c>
      <c r="H7768" t="s">
        <v>2343</v>
      </c>
      <c r="I7768">
        <v>146.35</v>
      </c>
      <c r="J7768">
        <v>3</v>
      </c>
      <c r="K7768">
        <v>-32.93</v>
      </c>
    </row>
    <row r="7769" spans="1:11" x14ac:dyDescent="0.3">
      <c r="A7769" s="1">
        <v>42903</v>
      </c>
      <c r="B7769" s="3">
        <f t="shared" si="242"/>
        <v>6</v>
      </c>
      <c r="C7769" s="3">
        <f t="shared" si="243"/>
        <v>2017</v>
      </c>
      <c r="D7769" t="s">
        <v>214</v>
      </c>
      <c r="E7769" t="s">
        <v>148</v>
      </c>
      <c r="F7769" t="s">
        <v>38</v>
      </c>
      <c r="G7769" t="s">
        <v>301</v>
      </c>
      <c r="H7769" t="s">
        <v>2684</v>
      </c>
      <c r="I7769">
        <v>3404.5</v>
      </c>
      <c r="J7769">
        <v>5</v>
      </c>
      <c r="K7769">
        <v>1668.21</v>
      </c>
    </row>
    <row r="7770" spans="1:11" x14ac:dyDescent="0.3">
      <c r="A7770" s="1">
        <v>42903</v>
      </c>
      <c r="B7770" s="3">
        <f t="shared" si="242"/>
        <v>6</v>
      </c>
      <c r="C7770" s="3">
        <f t="shared" si="243"/>
        <v>2017</v>
      </c>
      <c r="D7770" t="s">
        <v>214</v>
      </c>
      <c r="E7770" t="s">
        <v>148</v>
      </c>
      <c r="F7770" t="s">
        <v>38</v>
      </c>
      <c r="G7770" t="s">
        <v>51</v>
      </c>
      <c r="H7770" t="s">
        <v>2685</v>
      </c>
      <c r="I7770">
        <v>101.34</v>
      </c>
      <c r="J7770">
        <v>3</v>
      </c>
      <c r="K7770">
        <v>8.11</v>
      </c>
    </row>
    <row r="7771" spans="1:11" x14ac:dyDescent="0.3">
      <c r="A7771" s="1">
        <v>42904</v>
      </c>
      <c r="B7771" s="3">
        <f t="shared" si="242"/>
        <v>6</v>
      </c>
      <c r="C7771" s="3">
        <f t="shared" si="243"/>
        <v>2017</v>
      </c>
      <c r="D7771" t="s">
        <v>1830</v>
      </c>
      <c r="E7771" t="s">
        <v>26</v>
      </c>
      <c r="F7771" t="s">
        <v>33</v>
      </c>
      <c r="G7771" t="s">
        <v>73</v>
      </c>
      <c r="H7771" t="s">
        <v>1636</v>
      </c>
      <c r="I7771">
        <v>917.92</v>
      </c>
      <c r="J7771">
        <v>9</v>
      </c>
      <c r="K7771">
        <v>75.59</v>
      </c>
    </row>
    <row r="7772" spans="1:11" x14ac:dyDescent="0.3">
      <c r="A7772" s="1">
        <v>42904</v>
      </c>
      <c r="B7772" s="3">
        <f t="shared" si="242"/>
        <v>6</v>
      </c>
      <c r="C7772" s="3">
        <f t="shared" si="243"/>
        <v>2017</v>
      </c>
      <c r="D7772" t="s">
        <v>1830</v>
      </c>
      <c r="E7772" t="s">
        <v>26</v>
      </c>
      <c r="F7772" t="s">
        <v>10</v>
      </c>
      <c r="G7772" t="s">
        <v>11</v>
      </c>
      <c r="H7772" t="s">
        <v>2393</v>
      </c>
      <c r="I7772">
        <v>38.880000000000003</v>
      </c>
      <c r="J7772">
        <v>6</v>
      </c>
      <c r="K7772">
        <v>19.05</v>
      </c>
    </row>
    <row r="7773" spans="1:11" x14ac:dyDescent="0.3">
      <c r="A7773" s="1">
        <v>42904</v>
      </c>
      <c r="B7773" s="3">
        <f t="shared" si="242"/>
        <v>6</v>
      </c>
      <c r="C7773" s="3">
        <f t="shared" si="243"/>
        <v>2017</v>
      </c>
      <c r="D7773" t="s">
        <v>2082</v>
      </c>
      <c r="E7773" t="s">
        <v>9</v>
      </c>
      <c r="F7773" t="s">
        <v>10</v>
      </c>
      <c r="G7773" t="s">
        <v>11</v>
      </c>
      <c r="H7773" t="s">
        <v>1125</v>
      </c>
      <c r="I7773">
        <v>74.349999999999994</v>
      </c>
      <c r="J7773">
        <v>3</v>
      </c>
      <c r="K7773">
        <v>23.24</v>
      </c>
    </row>
    <row r="7774" spans="1:11" x14ac:dyDescent="0.3">
      <c r="A7774" s="1">
        <v>42905</v>
      </c>
      <c r="B7774" s="3">
        <f t="shared" si="242"/>
        <v>6</v>
      </c>
      <c r="C7774" s="3">
        <f t="shared" si="243"/>
        <v>2017</v>
      </c>
      <c r="D7774" t="s">
        <v>1423</v>
      </c>
      <c r="E7774" t="s">
        <v>148</v>
      </c>
      <c r="F7774" t="s">
        <v>10</v>
      </c>
      <c r="G7774" t="s">
        <v>11</v>
      </c>
      <c r="H7774" t="s">
        <v>2357</v>
      </c>
      <c r="I7774">
        <v>97.82</v>
      </c>
      <c r="J7774">
        <v>2</v>
      </c>
      <c r="K7774">
        <v>45.98</v>
      </c>
    </row>
    <row r="7775" spans="1:11" x14ac:dyDescent="0.3">
      <c r="A7775" s="1">
        <v>42905</v>
      </c>
      <c r="B7775" s="3">
        <f t="shared" si="242"/>
        <v>6</v>
      </c>
      <c r="C7775" s="3">
        <f t="shared" si="243"/>
        <v>2017</v>
      </c>
      <c r="D7775" t="s">
        <v>1423</v>
      </c>
      <c r="E7775" t="s">
        <v>148</v>
      </c>
      <c r="F7775" t="s">
        <v>38</v>
      </c>
      <c r="G7775" t="s">
        <v>51</v>
      </c>
      <c r="H7775" t="s">
        <v>1460</v>
      </c>
      <c r="I7775">
        <v>103.12</v>
      </c>
      <c r="J7775">
        <v>8</v>
      </c>
      <c r="K7775">
        <v>10.31</v>
      </c>
    </row>
    <row r="7776" spans="1:11" x14ac:dyDescent="0.3">
      <c r="A7776" s="1">
        <v>42905</v>
      </c>
      <c r="B7776" s="3">
        <f t="shared" si="242"/>
        <v>6</v>
      </c>
      <c r="C7776" s="3">
        <f t="shared" si="243"/>
        <v>2017</v>
      </c>
      <c r="D7776" t="s">
        <v>808</v>
      </c>
      <c r="E7776" t="s">
        <v>9</v>
      </c>
      <c r="F7776" t="s">
        <v>10</v>
      </c>
      <c r="G7776" t="s">
        <v>199</v>
      </c>
      <c r="H7776" t="s">
        <v>2079</v>
      </c>
      <c r="I7776">
        <v>11.18</v>
      </c>
      <c r="J7776">
        <v>1</v>
      </c>
      <c r="K7776">
        <v>0.84</v>
      </c>
    </row>
    <row r="7777" spans="1:11" x14ac:dyDescent="0.3">
      <c r="A7777" s="1">
        <v>42905</v>
      </c>
      <c r="B7777" s="3">
        <f t="shared" si="242"/>
        <v>6</v>
      </c>
      <c r="C7777" s="3">
        <f t="shared" si="243"/>
        <v>2017</v>
      </c>
      <c r="D7777" t="s">
        <v>808</v>
      </c>
      <c r="E7777" t="s">
        <v>9</v>
      </c>
      <c r="F7777" t="s">
        <v>10</v>
      </c>
      <c r="G7777" t="s">
        <v>17</v>
      </c>
      <c r="H7777" t="s">
        <v>1644</v>
      </c>
      <c r="I7777">
        <v>153.58000000000001</v>
      </c>
      <c r="J7777">
        <v>2</v>
      </c>
      <c r="K7777">
        <v>-32.64</v>
      </c>
    </row>
    <row r="7778" spans="1:11" x14ac:dyDescent="0.3">
      <c r="A7778" s="1">
        <v>42905</v>
      </c>
      <c r="B7778" s="3">
        <f t="shared" si="242"/>
        <v>6</v>
      </c>
      <c r="C7778" s="3">
        <f t="shared" si="243"/>
        <v>2017</v>
      </c>
      <c r="D7778" t="s">
        <v>1458</v>
      </c>
      <c r="E7778" t="s">
        <v>9</v>
      </c>
      <c r="F7778" t="s">
        <v>10</v>
      </c>
      <c r="G7778" t="s">
        <v>91</v>
      </c>
      <c r="H7778" t="s">
        <v>2366</v>
      </c>
      <c r="I7778">
        <v>2.2599999999999998</v>
      </c>
      <c r="J7778">
        <v>1</v>
      </c>
      <c r="K7778">
        <v>-5.21</v>
      </c>
    </row>
    <row r="7779" spans="1:11" x14ac:dyDescent="0.3">
      <c r="A7779" s="1">
        <v>42905</v>
      </c>
      <c r="B7779" s="3">
        <f t="shared" si="242"/>
        <v>6</v>
      </c>
      <c r="C7779" s="3">
        <f t="shared" si="243"/>
        <v>2017</v>
      </c>
      <c r="D7779" t="s">
        <v>1458</v>
      </c>
      <c r="E7779" t="s">
        <v>9</v>
      </c>
      <c r="F7779" t="s">
        <v>10</v>
      </c>
      <c r="G7779" t="s">
        <v>91</v>
      </c>
      <c r="H7779" t="s">
        <v>1927</v>
      </c>
      <c r="I7779">
        <v>0.44</v>
      </c>
      <c r="J7779">
        <v>1</v>
      </c>
      <c r="K7779">
        <v>-1.1100000000000001</v>
      </c>
    </row>
    <row r="7780" spans="1:11" x14ac:dyDescent="0.3">
      <c r="A7780" s="1">
        <v>42905</v>
      </c>
      <c r="B7780" s="3">
        <f t="shared" si="242"/>
        <v>6</v>
      </c>
      <c r="C7780" s="3">
        <f t="shared" si="243"/>
        <v>2017</v>
      </c>
      <c r="D7780" t="s">
        <v>1458</v>
      </c>
      <c r="E7780" t="s">
        <v>9</v>
      </c>
      <c r="F7780" t="s">
        <v>10</v>
      </c>
      <c r="G7780" t="s">
        <v>11</v>
      </c>
      <c r="H7780" t="s">
        <v>2612</v>
      </c>
      <c r="I7780">
        <v>146.18</v>
      </c>
      <c r="J7780">
        <v>8</v>
      </c>
      <c r="K7780">
        <v>47.51</v>
      </c>
    </row>
    <row r="7781" spans="1:11" x14ac:dyDescent="0.3">
      <c r="A7781" s="1">
        <v>42905</v>
      </c>
      <c r="B7781" s="3">
        <f t="shared" si="242"/>
        <v>6</v>
      </c>
      <c r="C7781" s="3">
        <f t="shared" si="243"/>
        <v>2017</v>
      </c>
      <c r="D7781" t="s">
        <v>432</v>
      </c>
      <c r="E7781" t="s">
        <v>77</v>
      </c>
      <c r="F7781" t="s">
        <v>33</v>
      </c>
      <c r="G7781" t="s">
        <v>34</v>
      </c>
      <c r="H7781" t="s">
        <v>2181</v>
      </c>
      <c r="I7781">
        <v>760.12</v>
      </c>
      <c r="J7781">
        <v>6</v>
      </c>
      <c r="K7781">
        <v>-43.44</v>
      </c>
    </row>
    <row r="7782" spans="1:11" x14ac:dyDescent="0.3">
      <c r="A7782" s="1">
        <v>42905</v>
      </c>
      <c r="B7782" s="3">
        <f t="shared" si="242"/>
        <v>6</v>
      </c>
      <c r="C7782" s="3">
        <f t="shared" si="243"/>
        <v>2017</v>
      </c>
      <c r="D7782" t="s">
        <v>432</v>
      </c>
      <c r="E7782" t="s">
        <v>77</v>
      </c>
      <c r="F7782" t="s">
        <v>33</v>
      </c>
      <c r="G7782" t="s">
        <v>46</v>
      </c>
      <c r="H7782" t="s">
        <v>2309</v>
      </c>
      <c r="I7782">
        <v>38.78</v>
      </c>
      <c r="J7782">
        <v>3</v>
      </c>
      <c r="K7782">
        <v>7.27</v>
      </c>
    </row>
    <row r="7783" spans="1:11" x14ac:dyDescent="0.3">
      <c r="A7783" s="1">
        <v>42905</v>
      </c>
      <c r="B7783" s="3">
        <f t="shared" si="242"/>
        <v>6</v>
      </c>
      <c r="C7783" s="3">
        <f t="shared" si="243"/>
        <v>2017</v>
      </c>
      <c r="D7783" t="s">
        <v>432</v>
      </c>
      <c r="E7783" t="s">
        <v>77</v>
      </c>
      <c r="F7783" t="s">
        <v>38</v>
      </c>
      <c r="G7783" t="s">
        <v>51</v>
      </c>
      <c r="H7783" t="s">
        <v>1509</v>
      </c>
      <c r="I7783">
        <v>122.33</v>
      </c>
      <c r="J7783">
        <v>9</v>
      </c>
      <c r="K7783">
        <v>1.53</v>
      </c>
    </row>
    <row r="7784" spans="1:11" x14ac:dyDescent="0.3">
      <c r="A7784" s="1">
        <v>42905</v>
      </c>
      <c r="B7784" s="3">
        <f t="shared" si="242"/>
        <v>6</v>
      </c>
      <c r="C7784" s="3">
        <f t="shared" si="243"/>
        <v>2017</v>
      </c>
      <c r="D7784" t="s">
        <v>166</v>
      </c>
      <c r="E7784" t="s">
        <v>9</v>
      </c>
      <c r="F7784" t="s">
        <v>10</v>
      </c>
      <c r="G7784" t="s">
        <v>19</v>
      </c>
      <c r="H7784" t="s">
        <v>2225</v>
      </c>
      <c r="I7784">
        <v>6.89</v>
      </c>
      <c r="J7784">
        <v>3</v>
      </c>
      <c r="K7784">
        <v>-11.02</v>
      </c>
    </row>
    <row r="7785" spans="1:11" x14ac:dyDescent="0.3">
      <c r="A7785" s="1">
        <v>42905</v>
      </c>
      <c r="B7785" s="3">
        <f t="shared" si="242"/>
        <v>6</v>
      </c>
      <c r="C7785" s="3">
        <f t="shared" si="243"/>
        <v>2017</v>
      </c>
      <c r="D7785" t="s">
        <v>166</v>
      </c>
      <c r="E7785" t="s">
        <v>9</v>
      </c>
      <c r="F7785" t="s">
        <v>33</v>
      </c>
      <c r="G7785" t="s">
        <v>144</v>
      </c>
      <c r="H7785" t="s">
        <v>475</v>
      </c>
      <c r="I7785">
        <v>457.49</v>
      </c>
      <c r="J7785">
        <v>3</v>
      </c>
      <c r="K7785">
        <v>-84.96</v>
      </c>
    </row>
    <row r="7786" spans="1:11" x14ac:dyDescent="0.3">
      <c r="A7786" s="1">
        <v>42905</v>
      </c>
      <c r="B7786" s="3">
        <f t="shared" si="242"/>
        <v>6</v>
      </c>
      <c r="C7786" s="3">
        <f t="shared" si="243"/>
        <v>2017</v>
      </c>
      <c r="D7786" t="s">
        <v>2547</v>
      </c>
      <c r="E7786" t="s">
        <v>148</v>
      </c>
      <c r="F7786" t="s">
        <v>10</v>
      </c>
      <c r="G7786" t="s">
        <v>17</v>
      </c>
      <c r="H7786" t="s">
        <v>417</v>
      </c>
      <c r="I7786">
        <v>129.30000000000001</v>
      </c>
      <c r="J7786">
        <v>2</v>
      </c>
      <c r="K7786">
        <v>6.47</v>
      </c>
    </row>
    <row r="7787" spans="1:11" x14ac:dyDescent="0.3">
      <c r="A7787" s="1">
        <v>42905</v>
      </c>
      <c r="B7787" s="3">
        <f t="shared" si="242"/>
        <v>6</v>
      </c>
      <c r="C7787" s="3">
        <f t="shared" si="243"/>
        <v>2017</v>
      </c>
      <c r="D7787" t="s">
        <v>2547</v>
      </c>
      <c r="E7787" t="s">
        <v>148</v>
      </c>
      <c r="F7787" t="s">
        <v>10</v>
      </c>
      <c r="G7787" t="s">
        <v>19</v>
      </c>
      <c r="H7787" t="s">
        <v>188</v>
      </c>
      <c r="I7787">
        <v>11.57</v>
      </c>
      <c r="J7787">
        <v>3</v>
      </c>
      <c r="K7787">
        <v>3.76</v>
      </c>
    </row>
    <row r="7788" spans="1:11" x14ac:dyDescent="0.3">
      <c r="A7788" s="1">
        <v>42905</v>
      </c>
      <c r="B7788" s="3">
        <f t="shared" si="242"/>
        <v>6</v>
      </c>
      <c r="C7788" s="3">
        <f t="shared" si="243"/>
        <v>2017</v>
      </c>
      <c r="D7788" t="s">
        <v>679</v>
      </c>
      <c r="E7788" t="s">
        <v>26</v>
      </c>
      <c r="F7788" t="s">
        <v>33</v>
      </c>
      <c r="G7788" t="s">
        <v>46</v>
      </c>
      <c r="H7788" t="s">
        <v>208</v>
      </c>
      <c r="I7788">
        <v>50.32</v>
      </c>
      <c r="J7788">
        <v>4</v>
      </c>
      <c r="K7788">
        <v>21.13</v>
      </c>
    </row>
    <row r="7789" spans="1:11" x14ac:dyDescent="0.3">
      <c r="A7789" s="1">
        <v>42905</v>
      </c>
      <c r="B7789" s="3">
        <f t="shared" si="242"/>
        <v>6</v>
      </c>
      <c r="C7789" s="3">
        <f t="shared" si="243"/>
        <v>2017</v>
      </c>
      <c r="D7789" t="s">
        <v>679</v>
      </c>
      <c r="E7789" t="s">
        <v>26</v>
      </c>
      <c r="F7789" t="s">
        <v>10</v>
      </c>
      <c r="G7789" t="s">
        <v>11</v>
      </c>
      <c r="H7789" t="s">
        <v>2644</v>
      </c>
      <c r="I7789">
        <v>24.56</v>
      </c>
      <c r="J7789">
        <v>2</v>
      </c>
      <c r="K7789">
        <v>11.54</v>
      </c>
    </row>
    <row r="7790" spans="1:11" x14ac:dyDescent="0.3">
      <c r="A7790" s="1">
        <v>42906</v>
      </c>
      <c r="B7790" s="3">
        <f t="shared" si="242"/>
        <v>6</v>
      </c>
      <c r="C7790" s="3">
        <f t="shared" si="243"/>
        <v>2017</v>
      </c>
      <c r="D7790" t="s">
        <v>1726</v>
      </c>
      <c r="E7790" t="s">
        <v>176</v>
      </c>
      <c r="F7790" t="s">
        <v>38</v>
      </c>
      <c r="G7790" t="s">
        <v>51</v>
      </c>
      <c r="H7790" t="s">
        <v>2001</v>
      </c>
      <c r="I7790">
        <v>239.97</v>
      </c>
      <c r="J7790">
        <v>3</v>
      </c>
      <c r="K7790">
        <v>71.989999999999995</v>
      </c>
    </row>
    <row r="7791" spans="1:11" x14ac:dyDescent="0.3">
      <c r="A7791" s="1">
        <v>42906</v>
      </c>
      <c r="B7791" s="3">
        <f t="shared" si="242"/>
        <v>6</v>
      </c>
      <c r="C7791" s="3">
        <f t="shared" si="243"/>
        <v>2017</v>
      </c>
      <c r="D7791" t="s">
        <v>1726</v>
      </c>
      <c r="E7791" t="s">
        <v>176</v>
      </c>
      <c r="F7791" t="s">
        <v>10</v>
      </c>
      <c r="G7791" t="s">
        <v>15</v>
      </c>
      <c r="H7791" t="s">
        <v>16</v>
      </c>
      <c r="I7791">
        <v>9.82</v>
      </c>
      <c r="J7791">
        <v>2</v>
      </c>
      <c r="K7791">
        <v>4.8099999999999996</v>
      </c>
    </row>
    <row r="7792" spans="1:11" x14ac:dyDescent="0.3">
      <c r="A7792" s="1">
        <v>42906</v>
      </c>
      <c r="B7792" s="3">
        <f t="shared" si="242"/>
        <v>6</v>
      </c>
      <c r="C7792" s="3">
        <f t="shared" si="243"/>
        <v>2017</v>
      </c>
      <c r="D7792" t="s">
        <v>1950</v>
      </c>
      <c r="E7792" t="s">
        <v>148</v>
      </c>
      <c r="F7792" t="s">
        <v>38</v>
      </c>
      <c r="G7792" t="s">
        <v>51</v>
      </c>
      <c r="H7792" t="s">
        <v>1920</v>
      </c>
      <c r="I7792">
        <v>149.94999999999999</v>
      </c>
      <c r="J7792">
        <v>5</v>
      </c>
      <c r="K7792">
        <v>15</v>
      </c>
    </row>
    <row r="7793" spans="1:11" x14ac:dyDescent="0.3">
      <c r="A7793" s="1">
        <v>42906</v>
      </c>
      <c r="B7793" s="3">
        <f t="shared" si="242"/>
        <v>6</v>
      </c>
      <c r="C7793" s="3">
        <f t="shared" si="243"/>
        <v>2017</v>
      </c>
      <c r="D7793" t="s">
        <v>1950</v>
      </c>
      <c r="E7793" t="s">
        <v>148</v>
      </c>
      <c r="F7793" t="s">
        <v>10</v>
      </c>
      <c r="G7793" t="s">
        <v>19</v>
      </c>
      <c r="H7793" t="s">
        <v>951</v>
      </c>
      <c r="I7793">
        <v>51.31</v>
      </c>
      <c r="J7793">
        <v>3</v>
      </c>
      <c r="K7793">
        <v>18.600000000000001</v>
      </c>
    </row>
    <row r="7794" spans="1:11" x14ac:dyDescent="0.3">
      <c r="A7794" s="1">
        <v>42906</v>
      </c>
      <c r="B7794" s="3">
        <f t="shared" si="242"/>
        <v>6</v>
      </c>
      <c r="C7794" s="3">
        <f t="shared" si="243"/>
        <v>2017</v>
      </c>
      <c r="D7794" t="s">
        <v>194</v>
      </c>
      <c r="E7794" t="s">
        <v>77</v>
      </c>
      <c r="F7794" t="s">
        <v>10</v>
      </c>
      <c r="G7794" t="s">
        <v>11</v>
      </c>
      <c r="H7794" t="s">
        <v>1129</v>
      </c>
      <c r="I7794">
        <v>31.1</v>
      </c>
      <c r="J7794">
        <v>6</v>
      </c>
      <c r="K7794">
        <v>10.89</v>
      </c>
    </row>
    <row r="7795" spans="1:11" x14ac:dyDescent="0.3">
      <c r="A7795" s="1">
        <v>42906</v>
      </c>
      <c r="B7795" s="3">
        <f t="shared" si="242"/>
        <v>6</v>
      </c>
      <c r="C7795" s="3">
        <f t="shared" si="243"/>
        <v>2017</v>
      </c>
      <c r="D7795" t="s">
        <v>194</v>
      </c>
      <c r="E7795" t="s">
        <v>77</v>
      </c>
      <c r="F7795" t="s">
        <v>10</v>
      </c>
      <c r="G7795" t="s">
        <v>23</v>
      </c>
      <c r="H7795" t="s">
        <v>316</v>
      </c>
      <c r="I7795">
        <v>5.25</v>
      </c>
      <c r="J7795">
        <v>2</v>
      </c>
      <c r="K7795">
        <v>0.59</v>
      </c>
    </row>
    <row r="7796" spans="1:11" x14ac:dyDescent="0.3">
      <c r="A7796" s="1">
        <v>42906</v>
      </c>
      <c r="B7796" s="3">
        <f t="shared" si="242"/>
        <v>6</v>
      </c>
      <c r="C7796" s="3">
        <f t="shared" si="243"/>
        <v>2017</v>
      </c>
      <c r="D7796" t="s">
        <v>486</v>
      </c>
      <c r="E7796" t="s">
        <v>122</v>
      </c>
      <c r="F7796" t="s">
        <v>10</v>
      </c>
      <c r="G7796" t="s">
        <v>17</v>
      </c>
      <c r="H7796" t="s">
        <v>2672</v>
      </c>
      <c r="I7796">
        <v>4.46</v>
      </c>
      <c r="J7796">
        <v>1</v>
      </c>
      <c r="K7796">
        <v>0.33</v>
      </c>
    </row>
    <row r="7797" spans="1:11" x14ac:dyDescent="0.3">
      <c r="A7797" s="1">
        <v>42906</v>
      </c>
      <c r="B7797" s="3">
        <f t="shared" si="242"/>
        <v>6</v>
      </c>
      <c r="C7797" s="3">
        <f t="shared" si="243"/>
        <v>2017</v>
      </c>
      <c r="D7797" t="s">
        <v>650</v>
      </c>
      <c r="E7797" t="s">
        <v>54</v>
      </c>
      <c r="F7797" t="s">
        <v>10</v>
      </c>
      <c r="G7797" t="s">
        <v>11</v>
      </c>
      <c r="H7797" t="s">
        <v>2537</v>
      </c>
      <c r="I7797">
        <v>32.4</v>
      </c>
      <c r="J7797">
        <v>5</v>
      </c>
      <c r="K7797">
        <v>15.55</v>
      </c>
    </row>
    <row r="7798" spans="1:11" x14ac:dyDescent="0.3">
      <c r="A7798" s="1">
        <v>42906</v>
      </c>
      <c r="B7798" s="3">
        <f t="shared" si="242"/>
        <v>6</v>
      </c>
      <c r="C7798" s="3">
        <f t="shared" si="243"/>
        <v>2017</v>
      </c>
      <c r="D7798" t="s">
        <v>650</v>
      </c>
      <c r="E7798" t="s">
        <v>54</v>
      </c>
      <c r="F7798" t="s">
        <v>38</v>
      </c>
      <c r="G7798" t="s">
        <v>39</v>
      </c>
      <c r="H7798" t="s">
        <v>1113</v>
      </c>
      <c r="I7798">
        <v>503.96</v>
      </c>
      <c r="J7798">
        <v>4</v>
      </c>
      <c r="K7798">
        <v>125.99</v>
      </c>
    </row>
    <row r="7799" spans="1:11" x14ac:dyDescent="0.3">
      <c r="A7799" s="1">
        <v>42907</v>
      </c>
      <c r="B7799" s="3">
        <f t="shared" si="242"/>
        <v>6</v>
      </c>
      <c r="C7799" s="3">
        <f t="shared" si="243"/>
        <v>2017</v>
      </c>
      <c r="D7799" t="s">
        <v>306</v>
      </c>
      <c r="E7799" t="s">
        <v>77</v>
      </c>
      <c r="F7799" t="s">
        <v>33</v>
      </c>
      <c r="G7799" t="s">
        <v>46</v>
      </c>
      <c r="H7799" t="s">
        <v>488</v>
      </c>
      <c r="I7799">
        <v>17.920000000000002</v>
      </c>
      <c r="J7799">
        <v>5</v>
      </c>
      <c r="K7799">
        <v>2.46</v>
      </c>
    </row>
    <row r="7800" spans="1:11" x14ac:dyDescent="0.3">
      <c r="A7800" s="1">
        <v>42907</v>
      </c>
      <c r="B7800" s="3">
        <f t="shared" si="242"/>
        <v>6</v>
      </c>
      <c r="C7800" s="3">
        <f t="shared" si="243"/>
        <v>2017</v>
      </c>
      <c r="D7800" t="s">
        <v>306</v>
      </c>
      <c r="E7800" t="s">
        <v>77</v>
      </c>
      <c r="F7800" t="s">
        <v>10</v>
      </c>
      <c r="G7800" t="s">
        <v>19</v>
      </c>
      <c r="H7800" t="s">
        <v>2217</v>
      </c>
      <c r="I7800">
        <v>41.26</v>
      </c>
      <c r="J7800">
        <v>6</v>
      </c>
      <c r="K7800">
        <v>-34.380000000000003</v>
      </c>
    </row>
    <row r="7801" spans="1:11" x14ac:dyDescent="0.3">
      <c r="A7801" s="1">
        <v>42907</v>
      </c>
      <c r="B7801" s="3">
        <f t="shared" si="242"/>
        <v>6</v>
      </c>
      <c r="C7801" s="3">
        <f t="shared" si="243"/>
        <v>2017</v>
      </c>
      <c r="D7801" t="s">
        <v>1493</v>
      </c>
      <c r="E7801" t="s">
        <v>2686</v>
      </c>
      <c r="F7801" t="s">
        <v>10</v>
      </c>
      <c r="G7801" t="s">
        <v>19</v>
      </c>
      <c r="H7801" t="s">
        <v>468</v>
      </c>
      <c r="I7801">
        <v>82.4</v>
      </c>
      <c r="J7801">
        <v>5</v>
      </c>
      <c r="K7801">
        <v>40.380000000000003</v>
      </c>
    </row>
    <row r="7802" spans="1:11" x14ac:dyDescent="0.3">
      <c r="A7802" s="1">
        <v>42907</v>
      </c>
      <c r="B7802" s="3">
        <f t="shared" si="242"/>
        <v>6</v>
      </c>
      <c r="C7802" s="3">
        <f t="shared" si="243"/>
        <v>2017</v>
      </c>
      <c r="D7802" t="s">
        <v>1493</v>
      </c>
      <c r="E7802" t="s">
        <v>2686</v>
      </c>
      <c r="F7802" t="s">
        <v>10</v>
      </c>
      <c r="G7802" t="s">
        <v>19</v>
      </c>
      <c r="H7802" t="s">
        <v>435</v>
      </c>
      <c r="I7802">
        <v>6.24</v>
      </c>
      <c r="J7802">
        <v>2</v>
      </c>
      <c r="K7802">
        <v>3.06</v>
      </c>
    </row>
    <row r="7803" spans="1:11" x14ac:dyDescent="0.3">
      <c r="A7803" s="1">
        <v>42907</v>
      </c>
      <c r="B7803" s="3">
        <f t="shared" si="242"/>
        <v>6</v>
      </c>
      <c r="C7803" s="3">
        <f t="shared" si="243"/>
        <v>2017</v>
      </c>
      <c r="D7803" t="s">
        <v>1493</v>
      </c>
      <c r="E7803" t="s">
        <v>2686</v>
      </c>
      <c r="F7803" t="s">
        <v>10</v>
      </c>
      <c r="G7803" t="s">
        <v>11</v>
      </c>
      <c r="H7803" t="s">
        <v>2219</v>
      </c>
      <c r="I7803">
        <v>447.84</v>
      </c>
      <c r="J7803">
        <v>8</v>
      </c>
      <c r="K7803">
        <v>219.44</v>
      </c>
    </row>
    <row r="7804" spans="1:11" x14ac:dyDescent="0.3">
      <c r="A7804" s="1">
        <v>42908</v>
      </c>
      <c r="B7804" s="3">
        <f t="shared" si="242"/>
        <v>6</v>
      </c>
      <c r="C7804" s="3">
        <f t="shared" si="243"/>
        <v>2017</v>
      </c>
      <c r="D7804" t="s">
        <v>906</v>
      </c>
      <c r="E7804" t="s">
        <v>122</v>
      </c>
      <c r="F7804" t="s">
        <v>10</v>
      </c>
      <c r="G7804" t="s">
        <v>62</v>
      </c>
      <c r="H7804" t="s">
        <v>1349</v>
      </c>
      <c r="I7804">
        <v>37.61</v>
      </c>
      <c r="J7804">
        <v>3</v>
      </c>
      <c r="K7804">
        <v>12.69</v>
      </c>
    </row>
    <row r="7805" spans="1:11" x14ac:dyDescent="0.3">
      <c r="A7805" s="1">
        <v>42908</v>
      </c>
      <c r="B7805" s="3">
        <f t="shared" si="242"/>
        <v>6</v>
      </c>
      <c r="C7805" s="3">
        <f t="shared" si="243"/>
        <v>2017</v>
      </c>
      <c r="D7805" t="s">
        <v>1540</v>
      </c>
      <c r="E7805" t="s">
        <v>22</v>
      </c>
      <c r="F7805" t="s">
        <v>10</v>
      </c>
      <c r="G7805" t="s">
        <v>19</v>
      </c>
      <c r="H7805" t="s">
        <v>2225</v>
      </c>
      <c r="I7805">
        <v>10.33</v>
      </c>
      <c r="J7805">
        <v>3</v>
      </c>
      <c r="K7805">
        <v>-7.58</v>
      </c>
    </row>
    <row r="7806" spans="1:11" x14ac:dyDescent="0.3">
      <c r="A7806" s="1">
        <v>42908</v>
      </c>
      <c r="B7806" s="3">
        <f t="shared" si="242"/>
        <v>6</v>
      </c>
      <c r="C7806" s="3">
        <f t="shared" si="243"/>
        <v>2017</v>
      </c>
      <c r="D7806" t="s">
        <v>1540</v>
      </c>
      <c r="E7806" t="s">
        <v>22</v>
      </c>
      <c r="F7806" t="s">
        <v>10</v>
      </c>
      <c r="G7806" t="s">
        <v>19</v>
      </c>
      <c r="H7806" t="s">
        <v>780</v>
      </c>
      <c r="I7806">
        <v>31.16</v>
      </c>
      <c r="J7806">
        <v>5</v>
      </c>
      <c r="K7806">
        <v>-23.89</v>
      </c>
    </row>
    <row r="7807" spans="1:11" x14ac:dyDescent="0.3">
      <c r="A7807" s="1">
        <v>42908</v>
      </c>
      <c r="B7807" s="3">
        <f t="shared" si="242"/>
        <v>6</v>
      </c>
      <c r="C7807" s="3">
        <f t="shared" si="243"/>
        <v>2017</v>
      </c>
      <c r="D7807" t="s">
        <v>1540</v>
      </c>
      <c r="E7807" t="s">
        <v>22</v>
      </c>
      <c r="F7807" t="s">
        <v>10</v>
      </c>
      <c r="G7807" t="s">
        <v>17</v>
      </c>
      <c r="H7807" t="s">
        <v>2672</v>
      </c>
      <c r="I7807">
        <v>8.93</v>
      </c>
      <c r="J7807">
        <v>2</v>
      </c>
      <c r="K7807">
        <v>0.67</v>
      </c>
    </row>
    <row r="7808" spans="1:11" x14ac:dyDescent="0.3">
      <c r="A7808" s="1">
        <v>42908</v>
      </c>
      <c r="B7808" s="3">
        <f t="shared" si="242"/>
        <v>6</v>
      </c>
      <c r="C7808" s="3">
        <f t="shared" si="243"/>
        <v>2017</v>
      </c>
      <c r="D7808" t="s">
        <v>1651</v>
      </c>
      <c r="E7808" t="s">
        <v>14</v>
      </c>
      <c r="F7808" t="s">
        <v>10</v>
      </c>
      <c r="G7808" t="s">
        <v>19</v>
      </c>
      <c r="H7808" t="s">
        <v>1196</v>
      </c>
      <c r="I7808">
        <v>3.04</v>
      </c>
      <c r="J7808">
        <v>3</v>
      </c>
      <c r="K7808">
        <v>-5.01</v>
      </c>
    </row>
    <row r="7809" spans="1:11" x14ac:dyDescent="0.3">
      <c r="A7809" s="1">
        <v>42908</v>
      </c>
      <c r="B7809" s="3">
        <f t="shared" si="242"/>
        <v>6</v>
      </c>
      <c r="C7809" s="3">
        <f t="shared" si="243"/>
        <v>2017</v>
      </c>
      <c r="D7809" t="s">
        <v>300</v>
      </c>
      <c r="E7809" t="s">
        <v>109</v>
      </c>
      <c r="F7809" t="s">
        <v>33</v>
      </c>
      <c r="G7809" t="s">
        <v>34</v>
      </c>
      <c r="H7809" t="s">
        <v>863</v>
      </c>
      <c r="I7809">
        <v>487.96</v>
      </c>
      <c r="J7809">
        <v>2</v>
      </c>
      <c r="K7809">
        <v>146.38999999999999</v>
      </c>
    </row>
    <row r="7810" spans="1:11" x14ac:dyDescent="0.3">
      <c r="A7810" s="1">
        <v>42910</v>
      </c>
      <c r="B7810" s="3">
        <f t="shared" ref="B7810:B7873" si="244">MONTH(A:A)</f>
        <v>6</v>
      </c>
      <c r="C7810" s="3">
        <f t="shared" ref="C7810:C7873" si="245">YEAR(A:A)</f>
        <v>2017</v>
      </c>
      <c r="D7810" t="s">
        <v>1083</v>
      </c>
      <c r="E7810" t="s">
        <v>77</v>
      </c>
      <c r="F7810" t="s">
        <v>10</v>
      </c>
      <c r="G7810" t="s">
        <v>11</v>
      </c>
      <c r="H7810" t="s">
        <v>2498</v>
      </c>
      <c r="I7810">
        <v>21.74</v>
      </c>
      <c r="J7810">
        <v>3</v>
      </c>
      <c r="K7810">
        <v>6.8</v>
      </c>
    </row>
    <row r="7811" spans="1:11" x14ac:dyDescent="0.3">
      <c r="A7811" s="1">
        <v>42910</v>
      </c>
      <c r="B7811" s="3">
        <f t="shared" si="244"/>
        <v>6</v>
      </c>
      <c r="C7811" s="3">
        <f t="shared" si="245"/>
        <v>2017</v>
      </c>
      <c r="D7811" t="s">
        <v>2454</v>
      </c>
      <c r="E7811" t="s">
        <v>26</v>
      </c>
      <c r="F7811" t="s">
        <v>10</v>
      </c>
      <c r="G7811" t="s">
        <v>23</v>
      </c>
      <c r="H7811" t="s">
        <v>1116</v>
      </c>
      <c r="I7811">
        <v>95.92</v>
      </c>
      <c r="J7811">
        <v>8</v>
      </c>
      <c r="K7811">
        <v>25.9</v>
      </c>
    </row>
    <row r="7812" spans="1:11" x14ac:dyDescent="0.3">
      <c r="A7812" s="1">
        <v>42910</v>
      </c>
      <c r="B7812" s="3">
        <f t="shared" si="244"/>
        <v>6</v>
      </c>
      <c r="C7812" s="3">
        <f t="shared" si="245"/>
        <v>2017</v>
      </c>
      <c r="D7812" t="s">
        <v>240</v>
      </c>
      <c r="E7812" t="s">
        <v>26</v>
      </c>
      <c r="F7812" t="s">
        <v>10</v>
      </c>
      <c r="G7812" t="s">
        <v>23</v>
      </c>
      <c r="H7812" t="s">
        <v>758</v>
      </c>
      <c r="I7812">
        <v>385.6</v>
      </c>
      <c r="J7812">
        <v>8</v>
      </c>
      <c r="K7812">
        <v>111.82</v>
      </c>
    </row>
    <row r="7813" spans="1:11" x14ac:dyDescent="0.3">
      <c r="A7813" s="1">
        <v>42910</v>
      </c>
      <c r="B7813" s="3">
        <f t="shared" si="244"/>
        <v>6</v>
      </c>
      <c r="C7813" s="3">
        <f t="shared" si="245"/>
        <v>2017</v>
      </c>
      <c r="D7813" t="s">
        <v>240</v>
      </c>
      <c r="E7813" t="s">
        <v>26</v>
      </c>
      <c r="F7813" t="s">
        <v>10</v>
      </c>
      <c r="G7813" t="s">
        <v>23</v>
      </c>
      <c r="H7813" t="s">
        <v>75</v>
      </c>
      <c r="I7813">
        <v>35.82</v>
      </c>
      <c r="J7813">
        <v>9</v>
      </c>
      <c r="K7813">
        <v>11.82</v>
      </c>
    </row>
    <row r="7814" spans="1:11" x14ac:dyDescent="0.3">
      <c r="A7814" s="1">
        <v>42910</v>
      </c>
      <c r="B7814" s="3">
        <f t="shared" si="244"/>
        <v>6</v>
      </c>
      <c r="C7814" s="3">
        <f t="shared" si="245"/>
        <v>2017</v>
      </c>
      <c r="D7814" t="s">
        <v>679</v>
      </c>
      <c r="E7814" t="s">
        <v>148</v>
      </c>
      <c r="F7814" t="s">
        <v>33</v>
      </c>
      <c r="G7814" t="s">
        <v>46</v>
      </c>
      <c r="H7814" t="s">
        <v>2441</v>
      </c>
      <c r="I7814">
        <v>276.69</v>
      </c>
      <c r="J7814">
        <v>3</v>
      </c>
      <c r="K7814">
        <v>49.8</v>
      </c>
    </row>
    <row r="7815" spans="1:11" x14ac:dyDescent="0.3">
      <c r="A7815" s="1">
        <v>42910</v>
      </c>
      <c r="B7815" s="3">
        <f t="shared" si="244"/>
        <v>6</v>
      </c>
      <c r="C7815" s="3">
        <f t="shared" si="245"/>
        <v>2017</v>
      </c>
      <c r="D7815" t="s">
        <v>679</v>
      </c>
      <c r="E7815" t="s">
        <v>148</v>
      </c>
      <c r="F7815" t="s">
        <v>33</v>
      </c>
      <c r="G7815" t="s">
        <v>34</v>
      </c>
      <c r="H7815" t="s">
        <v>1838</v>
      </c>
      <c r="I7815">
        <v>172.76</v>
      </c>
      <c r="J7815">
        <v>2</v>
      </c>
      <c r="K7815">
        <v>32.630000000000003</v>
      </c>
    </row>
    <row r="7816" spans="1:11" x14ac:dyDescent="0.3">
      <c r="A7816" s="1">
        <v>42910</v>
      </c>
      <c r="B7816" s="3">
        <f t="shared" si="244"/>
        <v>6</v>
      </c>
      <c r="C7816" s="3">
        <f t="shared" si="245"/>
        <v>2017</v>
      </c>
      <c r="D7816" t="s">
        <v>1719</v>
      </c>
      <c r="E7816" t="s">
        <v>14</v>
      </c>
      <c r="F7816" t="s">
        <v>10</v>
      </c>
      <c r="G7816" t="s">
        <v>19</v>
      </c>
      <c r="H7816" t="s">
        <v>36</v>
      </c>
      <c r="I7816">
        <v>182.99</v>
      </c>
      <c r="J7816">
        <v>3</v>
      </c>
      <c r="K7816">
        <v>-320.24</v>
      </c>
    </row>
    <row r="7817" spans="1:11" x14ac:dyDescent="0.3">
      <c r="A7817" s="1">
        <v>42910</v>
      </c>
      <c r="B7817" s="3">
        <f t="shared" si="244"/>
        <v>6</v>
      </c>
      <c r="C7817" s="3">
        <f t="shared" si="245"/>
        <v>2017</v>
      </c>
      <c r="D7817" t="s">
        <v>1719</v>
      </c>
      <c r="E7817" t="s">
        <v>14</v>
      </c>
      <c r="F7817" t="s">
        <v>10</v>
      </c>
      <c r="G7817" t="s">
        <v>11</v>
      </c>
      <c r="H7817" t="s">
        <v>241</v>
      </c>
      <c r="I7817">
        <v>10.27</v>
      </c>
      <c r="J7817">
        <v>3</v>
      </c>
      <c r="K7817">
        <v>3.21</v>
      </c>
    </row>
    <row r="7818" spans="1:11" x14ac:dyDescent="0.3">
      <c r="A7818" s="1">
        <v>42910</v>
      </c>
      <c r="B7818" s="3">
        <f t="shared" si="244"/>
        <v>6</v>
      </c>
      <c r="C7818" s="3">
        <f t="shared" si="245"/>
        <v>2017</v>
      </c>
      <c r="D7818" t="s">
        <v>276</v>
      </c>
      <c r="E7818" t="s">
        <v>26</v>
      </c>
      <c r="F7818" t="s">
        <v>10</v>
      </c>
      <c r="G7818" t="s">
        <v>42</v>
      </c>
      <c r="H7818" t="s">
        <v>505</v>
      </c>
      <c r="I7818">
        <v>2.88</v>
      </c>
      <c r="J7818">
        <v>1</v>
      </c>
      <c r="K7818">
        <v>1.35</v>
      </c>
    </row>
    <row r="7819" spans="1:11" x14ac:dyDescent="0.3">
      <c r="A7819" s="1">
        <v>42910</v>
      </c>
      <c r="B7819" s="3">
        <f t="shared" si="244"/>
        <v>6</v>
      </c>
      <c r="C7819" s="3">
        <f t="shared" si="245"/>
        <v>2017</v>
      </c>
      <c r="D7819" t="s">
        <v>821</v>
      </c>
      <c r="E7819" t="s">
        <v>1528</v>
      </c>
      <c r="F7819" t="s">
        <v>10</v>
      </c>
      <c r="G7819" t="s">
        <v>19</v>
      </c>
      <c r="H7819" t="s">
        <v>367</v>
      </c>
      <c r="I7819">
        <v>102.93</v>
      </c>
      <c r="J7819">
        <v>3</v>
      </c>
      <c r="K7819">
        <v>48.38</v>
      </c>
    </row>
    <row r="7820" spans="1:11" x14ac:dyDescent="0.3">
      <c r="A7820" s="1">
        <v>42911</v>
      </c>
      <c r="B7820" s="3">
        <f t="shared" si="244"/>
        <v>6</v>
      </c>
      <c r="C7820" s="3">
        <f t="shared" si="245"/>
        <v>2017</v>
      </c>
      <c r="D7820" t="s">
        <v>2579</v>
      </c>
      <c r="E7820" t="s">
        <v>90</v>
      </c>
      <c r="F7820" t="s">
        <v>10</v>
      </c>
      <c r="G7820" t="s">
        <v>15</v>
      </c>
      <c r="H7820" t="s">
        <v>1258</v>
      </c>
      <c r="I7820">
        <v>71.040000000000006</v>
      </c>
      <c r="J7820">
        <v>6</v>
      </c>
      <c r="K7820">
        <v>26.64</v>
      </c>
    </row>
    <row r="7821" spans="1:11" x14ac:dyDescent="0.3">
      <c r="A7821" s="1">
        <v>42911</v>
      </c>
      <c r="B7821" s="3">
        <f t="shared" si="244"/>
        <v>6</v>
      </c>
      <c r="C7821" s="3">
        <f t="shared" si="245"/>
        <v>2017</v>
      </c>
      <c r="D7821" t="s">
        <v>2579</v>
      </c>
      <c r="E7821" t="s">
        <v>90</v>
      </c>
      <c r="F7821" t="s">
        <v>10</v>
      </c>
      <c r="G7821" t="s">
        <v>23</v>
      </c>
      <c r="H7821" t="s">
        <v>1843</v>
      </c>
      <c r="I7821">
        <v>5.34</v>
      </c>
      <c r="J7821">
        <v>2</v>
      </c>
      <c r="K7821">
        <v>0.73</v>
      </c>
    </row>
    <row r="7822" spans="1:11" x14ac:dyDescent="0.3">
      <c r="A7822" s="1">
        <v>42911</v>
      </c>
      <c r="B7822" s="3">
        <f t="shared" si="244"/>
        <v>6</v>
      </c>
      <c r="C7822" s="3">
        <f t="shared" si="245"/>
        <v>2017</v>
      </c>
      <c r="D7822" t="s">
        <v>2579</v>
      </c>
      <c r="E7822" t="s">
        <v>90</v>
      </c>
      <c r="F7822" t="s">
        <v>10</v>
      </c>
      <c r="G7822" t="s">
        <v>42</v>
      </c>
      <c r="H7822" t="s">
        <v>233</v>
      </c>
      <c r="I7822">
        <v>11.3</v>
      </c>
      <c r="J7822">
        <v>3</v>
      </c>
      <c r="K7822">
        <v>-2.12</v>
      </c>
    </row>
    <row r="7823" spans="1:11" x14ac:dyDescent="0.3">
      <c r="A7823" s="1">
        <v>42911</v>
      </c>
      <c r="B7823" s="3">
        <f t="shared" si="244"/>
        <v>6</v>
      </c>
      <c r="C7823" s="3">
        <f t="shared" si="245"/>
        <v>2017</v>
      </c>
      <c r="D7823" t="s">
        <v>1527</v>
      </c>
      <c r="E7823" t="s">
        <v>163</v>
      </c>
      <c r="F7823" t="s">
        <v>33</v>
      </c>
      <c r="G7823" t="s">
        <v>144</v>
      </c>
      <c r="H7823" t="s">
        <v>475</v>
      </c>
      <c r="I7823">
        <v>871.4</v>
      </c>
      <c r="J7823">
        <v>4</v>
      </c>
      <c r="K7823">
        <v>148.13999999999999</v>
      </c>
    </row>
    <row r="7824" spans="1:11" x14ac:dyDescent="0.3">
      <c r="A7824" s="1">
        <v>42911</v>
      </c>
      <c r="B7824" s="3">
        <f t="shared" si="244"/>
        <v>6</v>
      </c>
      <c r="C7824" s="3">
        <f t="shared" si="245"/>
        <v>2017</v>
      </c>
      <c r="D7824" t="s">
        <v>2155</v>
      </c>
      <c r="E7824" t="s">
        <v>14</v>
      </c>
      <c r="F7824" t="s">
        <v>38</v>
      </c>
      <c r="G7824" t="s">
        <v>39</v>
      </c>
      <c r="H7824" t="s">
        <v>744</v>
      </c>
      <c r="I7824">
        <v>148.47999999999999</v>
      </c>
      <c r="J7824">
        <v>2</v>
      </c>
      <c r="K7824">
        <v>16.7</v>
      </c>
    </row>
    <row r="7825" spans="1:11" x14ac:dyDescent="0.3">
      <c r="A7825" s="1">
        <v>42911</v>
      </c>
      <c r="B7825" s="3">
        <f t="shared" si="244"/>
        <v>6</v>
      </c>
      <c r="C7825" s="3">
        <f t="shared" si="245"/>
        <v>2017</v>
      </c>
      <c r="D7825" t="s">
        <v>1340</v>
      </c>
      <c r="E7825" t="s">
        <v>148</v>
      </c>
      <c r="F7825" t="s">
        <v>33</v>
      </c>
      <c r="G7825" t="s">
        <v>73</v>
      </c>
      <c r="H7825" t="s">
        <v>1343</v>
      </c>
      <c r="I7825">
        <v>400.78</v>
      </c>
      <c r="J7825">
        <v>1</v>
      </c>
      <c r="K7825">
        <v>-5.01</v>
      </c>
    </row>
    <row r="7826" spans="1:11" x14ac:dyDescent="0.3">
      <c r="A7826" s="1">
        <v>42912</v>
      </c>
      <c r="B7826" s="3">
        <f t="shared" si="244"/>
        <v>6</v>
      </c>
      <c r="C7826" s="3">
        <f t="shared" si="245"/>
        <v>2017</v>
      </c>
      <c r="D7826" t="s">
        <v>2036</v>
      </c>
      <c r="E7826" t="s">
        <v>26</v>
      </c>
      <c r="F7826" t="s">
        <v>10</v>
      </c>
      <c r="G7826" t="s">
        <v>17</v>
      </c>
      <c r="H7826" t="s">
        <v>250</v>
      </c>
      <c r="I7826">
        <v>83.76</v>
      </c>
      <c r="J7826">
        <v>12</v>
      </c>
      <c r="K7826">
        <v>1.68</v>
      </c>
    </row>
    <row r="7827" spans="1:11" x14ac:dyDescent="0.3">
      <c r="A7827" s="1">
        <v>42912</v>
      </c>
      <c r="B7827" s="3">
        <f t="shared" si="244"/>
        <v>6</v>
      </c>
      <c r="C7827" s="3">
        <f t="shared" si="245"/>
        <v>2017</v>
      </c>
      <c r="D7827" t="s">
        <v>455</v>
      </c>
      <c r="E7827" t="s">
        <v>109</v>
      </c>
      <c r="F7827" t="s">
        <v>10</v>
      </c>
      <c r="G7827" t="s">
        <v>11</v>
      </c>
      <c r="H7827" t="s">
        <v>738</v>
      </c>
      <c r="I7827">
        <v>4.54</v>
      </c>
      <c r="J7827">
        <v>1</v>
      </c>
      <c r="K7827">
        <v>2.04</v>
      </c>
    </row>
    <row r="7828" spans="1:11" x14ac:dyDescent="0.3">
      <c r="A7828" s="1">
        <v>42912</v>
      </c>
      <c r="B7828" s="3">
        <f t="shared" si="244"/>
        <v>6</v>
      </c>
      <c r="C7828" s="3">
        <f t="shared" si="245"/>
        <v>2017</v>
      </c>
      <c r="D7828" t="s">
        <v>455</v>
      </c>
      <c r="E7828" t="s">
        <v>109</v>
      </c>
      <c r="F7828" t="s">
        <v>10</v>
      </c>
      <c r="G7828" t="s">
        <v>23</v>
      </c>
      <c r="H7828" t="s">
        <v>948</v>
      </c>
      <c r="I7828">
        <v>15.92</v>
      </c>
      <c r="J7828">
        <v>4</v>
      </c>
      <c r="K7828">
        <v>5.41</v>
      </c>
    </row>
    <row r="7829" spans="1:11" x14ac:dyDescent="0.3">
      <c r="A7829" s="1">
        <v>42912</v>
      </c>
      <c r="B7829" s="3">
        <f t="shared" si="244"/>
        <v>6</v>
      </c>
      <c r="C7829" s="3">
        <f t="shared" si="245"/>
        <v>2017</v>
      </c>
      <c r="D7829" t="s">
        <v>455</v>
      </c>
      <c r="E7829" t="s">
        <v>109</v>
      </c>
      <c r="F7829" t="s">
        <v>38</v>
      </c>
      <c r="G7829" t="s">
        <v>39</v>
      </c>
      <c r="H7829" t="s">
        <v>702</v>
      </c>
      <c r="I7829">
        <v>543.91999999999996</v>
      </c>
      <c r="J7829">
        <v>8</v>
      </c>
      <c r="K7829">
        <v>135.97999999999999</v>
      </c>
    </row>
    <row r="7830" spans="1:11" x14ac:dyDescent="0.3">
      <c r="A7830" s="1">
        <v>42912</v>
      </c>
      <c r="B7830" s="3">
        <f t="shared" si="244"/>
        <v>6</v>
      </c>
      <c r="C7830" s="3">
        <f t="shared" si="245"/>
        <v>2017</v>
      </c>
      <c r="D7830" t="s">
        <v>2182</v>
      </c>
      <c r="E7830" t="s">
        <v>128</v>
      </c>
      <c r="F7830" t="s">
        <v>33</v>
      </c>
      <c r="G7830" t="s">
        <v>46</v>
      </c>
      <c r="H7830" t="s">
        <v>2139</v>
      </c>
      <c r="I7830">
        <v>526.45000000000005</v>
      </c>
      <c r="J7830">
        <v>5</v>
      </c>
      <c r="K7830">
        <v>31.59</v>
      </c>
    </row>
    <row r="7831" spans="1:11" x14ac:dyDescent="0.3">
      <c r="A7831" s="1">
        <v>42912</v>
      </c>
      <c r="B7831" s="3">
        <f t="shared" si="244"/>
        <v>6</v>
      </c>
      <c r="C7831" s="3">
        <f t="shared" si="245"/>
        <v>2017</v>
      </c>
      <c r="D7831" t="s">
        <v>1210</v>
      </c>
      <c r="E7831" t="s">
        <v>277</v>
      </c>
      <c r="F7831" t="s">
        <v>38</v>
      </c>
      <c r="G7831" t="s">
        <v>51</v>
      </c>
      <c r="H7831" t="s">
        <v>2157</v>
      </c>
      <c r="I7831">
        <v>431.93</v>
      </c>
      <c r="J7831">
        <v>9</v>
      </c>
      <c r="K7831">
        <v>64.790000000000006</v>
      </c>
    </row>
    <row r="7832" spans="1:11" x14ac:dyDescent="0.3">
      <c r="A7832" s="1">
        <v>42912</v>
      </c>
      <c r="B7832" s="3">
        <f t="shared" si="244"/>
        <v>6</v>
      </c>
      <c r="C7832" s="3">
        <f t="shared" si="245"/>
        <v>2017</v>
      </c>
      <c r="D7832" t="s">
        <v>767</v>
      </c>
      <c r="E7832" t="s">
        <v>148</v>
      </c>
      <c r="F7832" t="s">
        <v>38</v>
      </c>
      <c r="G7832" t="s">
        <v>39</v>
      </c>
      <c r="H7832" t="s">
        <v>766</v>
      </c>
      <c r="I7832">
        <v>239.97</v>
      </c>
      <c r="J7832">
        <v>3</v>
      </c>
      <c r="K7832">
        <v>67.19</v>
      </c>
    </row>
    <row r="7833" spans="1:11" x14ac:dyDescent="0.3">
      <c r="A7833" s="1">
        <v>42912</v>
      </c>
      <c r="B7833" s="3">
        <f t="shared" si="244"/>
        <v>6</v>
      </c>
      <c r="C7833" s="3">
        <f t="shared" si="245"/>
        <v>2017</v>
      </c>
      <c r="D7833" t="s">
        <v>1270</v>
      </c>
      <c r="E7833" t="s">
        <v>22</v>
      </c>
      <c r="F7833" t="s">
        <v>38</v>
      </c>
      <c r="G7833" t="s">
        <v>39</v>
      </c>
      <c r="H7833" t="s">
        <v>1418</v>
      </c>
      <c r="I7833">
        <v>358.2</v>
      </c>
      <c r="J7833">
        <v>3</v>
      </c>
      <c r="K7833">
        <v>41.79</v>
      </c>
    </row>
    <row r="7834" spans="1:11" x14ac:dyDescent="0.3">
      <c r="A7834" s="1">
        <v>42912</v>
      </c>
      <c r="B7834" s="3">
        <f t="shared" si="244"/>
        <v>6</v>
      </c>
      <c r="C7834" s="3">
        <f t="shared" si="245"/>
        <v>2017</v>
      </c>
      <c r="D7834" t="s">
        <v>1270</v>
      </c>
      <c r="E7834" t="s">
        <v>22</v>
      </c>
      <c r="F7834" t="s">
        <v>38</v>
      </c>
      <c r="G7834" t="s">
        <v>39</v>
      </c>
      <c r="H7834" t="s">
        <v>1536</v>
      </c>
      <c r="I7834">
        <v>545.91999999999996</v>
      </c>
      <c r="J7834">
        <v>14</v>
      </c>
      <c r="K7834">
        <v>72.790000000000006</v>
      </c>
    </row>
    <row r="7835" spans="1:11" x14ac:dyDescent="0.3">
      <c r="A7835" s="1">
        <v>42912</v>
      </c>
      <c r="B7835" s="3">
        <f t="shared" si="244"/>
        <v>6</v>
      </c>
      <c r="C7835" s="3">
        <f t="shared" si="245"/>
        <v>2017</v>
      </c>
      <c r="D7835" t="s">
        <v>2264</v>
      </c>
      <c r="E7835" t="s">
        <v>122</v>
      </c>
      <c r="F7835" t="s">
        <v>10</v>
      </c>
      <c r="G7835" t="s">
        <v>15</v>
      </c>
      <c r="H7835" t="s">
        <v>1431</v>
      </c>
      <c r="I7835">
        <v>13.87</v>
      </c>
      <c r="J7835">
        <v>6</v>
      </c>
      <c r="K7835">
        <v>4.68</v>
      </c>
    </row>
    <row r="7836" spans="1:11" x14ac:dyDescent="0.3">
      <c r="A7836" s="1">
        <v>42912</v>
      </c>
      <c r="B7836" s="3">
        <f t="shared" si="244"/>
        <v>6</v>
      </c>
      <c r="C7836" s="3">
        <f t="shared" si="245"/>
        <v>2017</v>
      </c>
      <c r="D7836" t="s">
        <v>2264</v>
      </c>
      <c r="E7836" t="s">
        <v>122</v>
      </c>
      <c r="F7836" t="s">
        <v>33</v>
      </c>
      <c r="G7836" t="s">
        <v>34</v>
      </c>
      <c r="H7836" t="s">
        <v>2265</v>
      </c>
      <c r="I7836">
        <v>273.55</v>
      </c>
      <c r="J7836">
        <v>3</v>
      </c>
      <c r="K7836">
        <v>-13.68</v>
      </c>
    </row>
    <row r="7837" spans="1:11" x14ac:dyDescent="0.3">
      <c r="A7837" s="1">
        <v>42912</v>
      </c>
      <c r="B7837" s="3">
        <f t="shared" si="244"/>
        <v>6</v>
      </c>
      <c r="C7837" s="3">
        <f t="shared" si="245"/>
        <v>2017</v>
      </c>
      <c r="D7837" t="s">
        <v>1425</v>
      </c>
      <c r="E7837" t="s">
        <v>148</v>
      </c>
      <c r="F7837" t="s">
        <v>10</v>
      </c>
      <c r="G7837" t="s">
        <v>17</v>
      </c>
      <c r="H7837" t="s">
        <v>837</v>
      </c>
      <c r="I7837">
        <v>272.94</v>
      </c>
      <c r="J7837">
        <v>3</v>
      </c>
      <c r="K7837">
        <v>0</v>
      </c>
    </row>
    <row r="7838" spans="1:11" x14ac:dyDescent="0.3">
      <c r="A7838" s="1">
        <v>42912</v>
      </c>
      <c r="B7838" s="3">
        <f t="shared" si="244"/>
        <v>6</v>
      </c>
      <c r="C7838" s="3">
        <f t="shared" si="245"/>
        <v>2017</v>
      </c>
      <c r="D7838" t="s">
        <v>474</v>
      </c>
      <c r="E7838" t="s">
        <v>148</v>
      </c>
      <c r="F7838" t="s">
        <v>10</v>
      </c>
      <c r="G7838" t="s">
        <v>19</v>
      </c>
      <c r="H7838" t="s">
        <v>696</v>
      </c>
      <c r="I7838">
        <v>102.37</v>
      </c>
      <c r="J7838">
        <v>2</v>
      </c>
      <c r="K7838">
        <v>37.11</v>
      </c>
    </row>
    <row r="7839" spans="1:11" x14ac:dyDescent="0.3">
      <c r="A7839" s="1">
        <v>42912</v>
      </c>
      <c r="B7839" s="3">
        <f t="shared" si="244"/>
        <v>6</v>
      </c>
      <c r="C7839" s="3">
        <f t="shared" si="245"/>
        <v>2017</v>
      </c>
      <c r="D7839" t="s">
        <v>474</v>
      </c>
      <c r="E7839" t="s">
        <v>148</v>
      </c>
      <c r="F7839" t="s">
        <v>10</v>
      </c>
      <c r="G7839" t="s">
        <v>199</v>
      </c>
      <c r="H7839" t="s">
        <v>2592</v>
      </c>
      <c r="I7839">
        <v>28.4</v>
      </c>
      <c r="J7839">
        <v>5</v>
      </c>
      <c r="K7839">
        <v>8.24</v>
      </c>
    </row>
    <row r="7840" spans="1:11" x14ac:dyDescent="0.3">
      <c r="A7840" s="1">
        <v>42912</v>
      </c>
      <c r="B7840" s="3">
        <f t="shared" si="244"/>
        <v>6</v>
      </c>
      <c r="C7840" s="3">
        <f t="shared" si="245"/>
        <v>2017</v>
      </c>
      <c r="D7840" t="s">
        <v>474</v>
      </c>
      <c r="E7840" t="s">
        <v>148</v>
      </c>
      <c r="F7840" t="s">
        <v>10</v>
      </c>
      <c r="G7840" t="s">
        <v>17</v>
      </c>
      <c r="H7840" t="s">
        <v>307</v>
      </c>
      <c r="I7840">
        <v>713.88</v>
      </c>
      <c r="J7840">
        <v>4</v>
      </c>
      <c r="K7840">
        <v>214.16</v>
      </c>
    </row>
    <row r="7841" spans="1:11" x14ac:dyDescent="0.3">
      <c r="A7841" s="1">
        <v>42912</v>
      </c>
      <c r="B7841" s="3">
        <f t="shared" si="244"/>
        <v>6</v>
      </c>
      <c r="C7841" s="3">
        <f t="shared" si="245"/>
        <v>2017</v>
      </c>
      <c r="D7841" t="s">
        <v>474</v>
      </c>
      <c r="E7841" t="s">
        <v>148</v>
      </c>
      <c r="F7841" t="s">
        <v>10</v>
      </c>
      <c r="G7841" t="s">
        <v>11</v>
      </c>
      <c r="H7841" t="s">
        <v>1900</v>
      </c>
      <c r="I7841">
        <v>68.52</v>
      </c>
      <c r="J7841">
        <v>3</v>
      </c>
      <c r="K7841">
        <v>31.52</v>
      </c>
    </row>
    <row r="7842" spans="1:11" x14ac:dyDescent="0.3">
      <c r="A7842" s="1">
        <v>42913</v>
      </c>
      <c r="B7842" s="3">
        <f t="shared" si="244"/>
        <v>6</v>
      </c>
      <c r="C7842" s="3">
        <f t="shared" si="245"/>
        <v>2017</v>
      </c>
      <c r="D7842" t="s">
        <v>1337</v>
      </c>
      <c r="E7842" t="s">
        <v>148</v>
      </c>
      <c r="F7842" t="s">
        <v>33</v>
      </c>
      <c r="G7842" t="s">
        <v>34</v>
      </c>
      <c r="H7842" t="s">
        <v>792</v>
      </c>
      <c r="I7842">
        <v>191.65</v>
      </c>
      <c r="J7842">
        <v>3</v>
      </c>
      <c r="K7842">
        <v>31.94</v>
      </c>
    </row>
    <row r="7843" spans="1:11" x14ac:dyDescent="0.3">
      <c r="A7843" s="1">
        <v>42913</v>
      </c>
      <c r="B7843" s="3">
        <f t="shared" si="244"/>
        <v>6</v>
      </c>
      <c r="C7843" s="3">
        <f t="shared" si="245"/>
        <v>2017</v>
      </c>
      <c r="D7843" t="s">
        <v>708</v>
      </c>
      <c r="E7843" t="s">
        <v>995</v>
      </c>
      <c r="F7843" t="s">
        <v>10</v>
      </c>
      <c r="G7843" t="s">
        <v>11</v>
      </c>
      <c r="H7843" t="s">
        <v>1700</v>
      </c>
      <c r="I7843">
        <v>20.07</v>
      </c>
      <c r="J7843">
        <v>3</v>
      </c>
      <c r="K7843">
        <v>9.23</v>
      </c>
    </row>
    <row r="7844" spans="1:11" x14ac:dyDescent="0.3">
      <c r="A7844" s="1">
        <v>42913</v>
      </c>
      <c r="B7844" s="3">
        <f t="shared" si="244"/>
        <v>6</v>
      </c>
      <c r="C7844" s="3">
        <f t="shared" si="245"/>
        <v>2017</v>
      </c>
      <c r="D7844" t="s">
        <v>670</v>
      </c>
      <c r="E7844" t="s">
        <v>163</v>
      </c>
      <c r="F7844" t="s">
        <v>10</v>
      </c>
      <c r="G7844" t="s">
        <v>11</v>
      </c>
      <c r="H7844" t="s">
        <v>1943</v>
      </c>
      <c r="I7844">
        <v>19.440000000000001</v>
      </c>
      <c r="J7844">
        <v>3</v>
      </c>
      <c r="K7844">
        <v>9.33</v>
      </c>
    </row>
    <row r="7845" spans="1:11" x14ac:dyDescent="0.3">
      <c r="A7845" s="1">
        <v>42913</v>
      </c>
      <c r="B7845" s="3">
        <f t="shared" si="244"/>
        <v>6</v>
      </c>
      <c r="C7845" s="3">
        <f t="shared" si="245"/>
        <v>2017</v>
      </c>
      <c r="D7845" t="s">
        <v>670</v>
      </c>
      <c r="E7845" t="s">
        <v>163</v>
      </c>
      <c r="F7845" t="s">
        <v>33</v>
      </c>
      <c r="G7845" t="s">
        <v>46</v>
      </c>
      <c r="H7845" t="s">
        <v>2007</v>
      </c>
      <c r="I7845">
        <v>126.3</v>
      </c>
      <c r="J7845">
        <v>3</v>
      </c>
      <c r="K7845">
        <v>40.42</v>
      </c>
    </row>
    <row r="7846" spans="1:11" x14ac:dyDescent="0.3">
      <c r="A7846" s="1">
        <v>42913</v>
      </c>
      <c r="B7846" s="3">
        <f t="shared" si="244"/>
        <v>6</v>
      </c>
      <c r="C7846" s="3">
        <f t="shared" si="245"/>
        <v>2017</v>
      </c>
      <c r="D7846" t="s">
        <v>670</v>
      </c>
      <c r="E7846" t="s">
        <v>163</v>
      </c>
      <c r="F7846" t="s">
        <v>38</v>
      </c>
      <c r="G7846" t="s">
        <v>51</v>
      </c>
      <c r="H7846" t="s">
        <v>1627</v>
      </c>
      <c r="I7846">
        <v>1287.45</v>
      </c>
      <c r="J7846">
        <v>5</v>
      </c>
      <c r="K7846">
        <v>244.62</v>
      </c>
    </row>
    <row r="7847" spans="1:11" x14ac:dyDescent="0.3">
      <c r="A7847" s="1">
        <v>42915</v>
      </c>
      <c r="B7847" s="3">
        <f t="shared" si="244"/>
        <v>6</v>
      </c>
      <c r="C7847" s="3">
        <f t="shared" si="245"/>
        <v>2017</v>
      </c>
      <c r="D7847" t="s">
        <v>290</v>
      </c>
      <c r="E7847" t="s">
        <v>26</v>
      </c>
      <c r="F7847" t="s">
        <v>10</v>
      </c>
      <c r="G7847" t="s">
        <v>17</v>
      </c>
      <c r="H7847" t="s">
        <v>2109</v>
      </c>
      <c r="I7847">
        <v>1295.78</v>
      </c>
      <c r="J7847">
        <v>2</v>
      </c>
      <c r="K7847">
        <v>310.99</v>
      </c>
    </row>
    <row r="7848" spans="1:11" x14ac:dyDescent="0.3">
      <c r="A7848" s="1">
        <v>42915</v>
      </c>
      <c r="B7848" s="3">
        <f t="shared" si="244"/>
        <v>6</v>
      </c>
      <c r="C7848" s="3">
        <f t="shared" si="245"/>
        <v>2017</v>
      </c>
      <c r="D7848" t="s">
        <v>418</v>
      </c>
      <c r="E7848" t="s">
        <v>314</v>
      </c>
      <c r="F7848" t="s">
        <v>10</v>
      </c>
      <c r="G7848" t="s">
        <v>91</v>
      </c>
      <c r="H7848" t="s">
        <v>2315</v>
      </c>
      <c r="I7848">
        <v>362.94</v>
      </c>
      <c r="J7848">
        <v>3</v>
      </c>
      <c r="K7848">
        <v>90.74</v>
      </c>
    </row>
    <row r="7849" spans="1:11" x14ac:dyDescent="0.3">
      <c r="A7849" s="1">
        <v>42915</v>
      </c>
      <c r="B7849" s="3">
        <f t="shared" si="244"/>
        <v>6</v>
      </c>
      <c r="C7849" s="3">
        <f t="shared" si="245"/>
        <v>2017</v>
      </c>
      <c r="D7849" t="s">
        <v>418</v>
      </c>
      <c r="E7849" t="s">
        <v>314</v>
      </c>
      <c r="F7849" t="s">
        <v>10</v>
      </c>
      <c r="G7849" t="s">
        <v>19</v>
      </c>
      <c r="H7849" t="s">
        <v>1369</v>
      </c>
      <c r="I7849">
        <v>11.54</v>
      </c>
      <c r="J7849">
        <v>2</v>
      </c>
      <c r="K7849">
        <v>5.77</v>
      </c>
    </row>
    <row r="7850" spans="1:11" x14ac:dyDescent="0.3">
      <c r="A7850" s="1">
        <v>42915</v>
      </c>
      <c r="B7850" s="3">
        <f t="shared" si="244"/>
        <v>6</v>
      </c>
      <c r="C7850" s="3">
        <f t="shared" si="245"/>
        <v>2017</v>
      </c>
      <c r="D7850" t="s">
        <v>629</v>
      </c>
      <c r="E7850" t="s">
        <v>26</v>
      </c>
      <c r="F7850" t="s">
        <v>10</v>
      </c>
      <c r="G7850" t="s">
        <v>19</v>
      </c>
      <c r="H7850" t="s">
        <v>1138</v>
      </c>
      <c r="I7850">
        <v>312.55</v>
      </c>
      <c r="J7850">
        <v>9</v>
      </c>
      <c r="K7850">
        <v>101.58</v>
      </c>
    </row>
    <row r="7851" spans="1:11" x14ac:dyDescent="0.3">
      <c r="A7851" s="1">
        <v>42915</v>
      </c>
      <c r="B7851" s="3">
        <f t="shared" si="244"/>
        <v>6</v>
      </c>
      <c r="C7851" s="3">
        <f t="shared" si="245"/>
        <v>2017</v>
      </c>
      <c r="D7851" t="s">
        <v>1445</v>
      </c>
      <c r="E7851" t="s">
        <v>9</v>
      </c>
      <c r="F7851" t="s">
        <v>10</v>
      </c>
      <c r="G7851" t="s">
        <v>11</v>
      </c>
      <c r="H7851" t="s">
        <v>2383</v>
      </c>
      <c r="I7851">
        <v>5.18</v>
      </c>
      <c r="J7851">
        <v>1</v>
      </c>
      <c r="K7851">
        <v>1.81</v>
      </c>
    </row>
    <row r="7852" spans="1:11" x14ac:dyDescent="0.3">
      <c r="A7852" s="1">
        <v>42915</v>
      </c>
      <c r="B7852" s="3">
        <f t="shared" si="244"/>
        <v>6</v>
      </c>
      <c r="C7852" s="3">
        <f t="shared" si="245"/>
        <v>2017</v>
      </c>
      <c r="D7852" t="s">
        <v>1562</v>
      </c>
      <c r="E7852" t="s">
        <v>26</v>
      </c>
      <c r="F7852" t="s">
        <v>10</v>
      </c>
      <c r="G7852" t="s">
        <v>19</v>
      </c>
      <c r="H7852" t="s">
        <v>120</v>
      </c>
      <c r="I7852">
        <v>895.92</v>
      </c>
      <c r="J7852">
        <v>5</v>
      </c>
      <c r="K7852">
        <v>302.37</v>
      </c>
    </row>
    <row r="7853" spans="1:11" x14ac:dyDescent="0.3">
      <c r="A7853" s="1">
        <v>42915</v>
      </c>
      <c r="B7853" s="3">
        <f t="shared" si="244"/>
        <v>6</v>
      </c>
      <c r="C7853" s="3">
        <f t="shared" si="245"/>
        <v>2017</v>
      </c>
      <c r="D7853" t="s">
        <v>1562</v>
      </c>
      <c r="E7853" t="s">
        <v>26</v>
      </c>
      <c r="F7853" t="s">
        <v>10</v>
      </c>
      <c r="G7853" t="s">
        <v>17</v>
      </c>
      <c r="H7853" t="s">
        <v>1559</v>
      </c>
      <c r="I7853">
        <v>130.71</v>
      </c>
      <c r="J7853">
        <v>3</v>
      </c>
      <c r="K7853">
        <v>39.21</v>
      </c>
    </row>
    <row r="7854" spans="1:11" x14ac:dyDescent="0.3">
      <c r="A7854" s="1">
        <v>42915</v>
      </c>
      <c r="B7854" s="3">
        <f t="shared" si="244"/>
        <v>6</v>
      </c>
      <c r="C7854" s="3">
        <f t="shared" si="245"/>
        <v>2017</v>
      </c>
      <c r="D7854" t="s">
        <v>1562</v>
      </c>
      <c r="E7854" t="s">
        <v>26</v>
      </c>
      <c r="F7854" t="s">
        <v>10</v>
      </c>
      <c r="G7854" t="s">
        <v>23</v>
      </c>
      <c r="H7854" t="s">
        <v>2606</v>
      </c>
      <c r="I7854">
        <v>11.68</v>
      </c>
      <c r="J7854">
        <v>2</v>
      </c>
      <c r="K7854">
        <v>3.04</v>
      </c>
    </row>
    <row r="7855" spans="1:11" x14ac:dyDescent="0.3">
      <c r="A7855" s="1">
        <v>42915</v>
      </c>
      <c r="B7855" s="3">
        <f t="shared" si="244"/>
        <v>6</v>
      </c>
      <c r="C7855" s="3">
        <f t="shared" si="245"/>
        <v>2017</v>
      </c>
      <c r="D7855" t="s">
        <v>1562</v>
      </c>
      <c r="E7855" t="s">
        <v>26</v>
      </c>
      <c r="F7855" t="s">
        <v>38</v>
      </c>
      <c r="G7855" t="s">
        <v>51</v>
      </c>
      <c r="H7855" t="s">
        <v>212</v>
      </c>
      <c r="I7855">
        <v>62.31</v>
      </c>
      <c r="J7855">
        <v>3</v>
      </c>
      <c r="K7855">
        <v>22.43</v>
      </c>
    </row>
    <row r="7856" spans="1:11" x14ac:dyDescent="0.3">
      <c r="A7856" s="1">
        <v>42915</v>
      </c>
      <c r="B7856" s="3">
        <f t="shared" si="244"/>
        <v>6</v>
      </c>
      <c r="C7856" s="3">
        <f t="shared" si="245"/>
        <v>2017</v>
      </c>
      <c r="D7856" t="s">
        <v>2264</v>
      </c>
      <c r="E7856" t="s">
        <v>612</v>
      </c>
      <c r="F7856" t="s">
        <v>33</v>
      </c>
      <c r="G7856" t="s">
        <v>73</v>
      </c>
      <c r="H7856" t="s">
        <v>1908</v>
      </c>
      <c r="I7856">
        <v>638.82000000000005</v>
      </c>
      <c r="J7856">
        <v>9</v>
      </c>
      <c r="K7856">
        <v>185.26</v>
      </c>
    </row>
    <row r="7857" spans="1:11" x14ac:dyDescent="0.3">
      <c r="A7857" s="1">
        <v>42915</v>
      </c>
      <c r="B7857" s="3">
        <f t="shared" si="244"/>
        <v>6</v>
      </c>
      <c r="C7857" s="3">
        <f t="shared" si="245"/>
        <v>2017</v>
      </c>
      <c r="D7857" t="s">
        <v>2264</v>
      </c>
      <c r="E7857" t="s">
        <v>612</v>
      </c>
      <c r="F7857" t="s">
        <v>10</v>
      </c>
      <c r="G7857" t="s">
        <v>199</v>
      </c>
      <c r="H7857" t="s">
        <v>1052</v>
      </c>
      <c r="I7857">
        <v>30.69</v>
      </c>
      <c r="J7857">
        <v>3</v>
      </c>
      <c r="K7857">
        <v>7.98</v>
      </c>
    </row>
    <row r="7858" spans="1:11" x14ac:dyDescent="0.3">
      <c r="A7858" s="1">
        <v>42915</v>
      </c>
      <c r="B7858" s="3">
        <f t="shared" si="244"/>
        <v>6</v>
      </c>
      <c r="C7858" s="3">
        <f t="shared" si="245"/>
        <v>2017</v>
      </c>
      <c r="D7858" t="s">
        <v>2264</v>
      </c>
      <c r="E7858" t="s">
        <v>612</v>
      </c>
      <c r="F7858" t="s">
        <v>33</v>
      </c>
      <c r="G7858" t="s">
        <v>46</v>
      </c>
      <c r="H7858" t="s">
        <v>2556</v>
      </c>
      <c r="I7858">
        <v>25.16</v>
      </c>
      <c r="J7858">
        <v>2</v>
      </c>
      <c r="K7858">
        <v>8.5500000000000007</v>
      </c>
    </row>
    <row r="7859" spans="1:11" x14ac:dyDescent="0.3">
      <c r="A7859" s="1">
        <v>42915</v>
      </c>
      <c r="B7859" s="3">
        <f t="shared" si="244"/>
        <v>6</v>
      </c>
      <c r="C7859" s="3">
        <f t="shared" si="245"/>
        <v>2017</v>
      </c>
      <c r="D7859" t="s">
        <v>944</v>
      </c>
      <c r="E7859" t="s">
        <v>9</v>
      </c>
      <c r="F7859" t="s">
        <v>10</v>
      </c>
      <c r="G7859" t="s">
        <v>91</v>
      </c>
      <c r="H7859" t="s">
        <v>533</v>
      </c>
      <c r="I7859">
        <v>21.39</v>
      </c>
      <c r="J7859">
        <v>2</v>
      </c>
      <c r="K7859">
        <v>-54.55</v>
      </c>
    </row>
    <row r="7860" spans="1:11" x14ac:dyDescent="0.3">
      <c r="A7860" s="1">
        <v>42915</v>
      </c>
      <c r="B7860" s="3">
        <f t="shared" si="244"/>
        <v>6</v>
      </c>
      <c r="C7860" s="3">
        <f t="shared" si="245"/>
        <v>2017</v>
      </c>
      <c r="D7860" t="s">
        <v>944</v>
      </c>
      <c r="E7860" t="s">
        <v>9</v>
      </c>
      <c r="F7860" t="s">
        <v>33</v>
      </c>
      <c r="G7860" t="s">
        <v>144</v>
      </c>
      <c r="H7860" t="s">
        <v>949</v>
      </c>
      <c r="I7860">
        <v>307.31</v>
      </c>
      <c r="J7860">
        <v>3</v>
      </c>
      <c r="K7860">
        <v>-39.51</v>
      </c>
    </row>
    <row r="7861" spans="1:11" x14ac:dyDescent="0.3">
      <c r="A7861" s="1">
        <v>42915</v>
      </c>
      <c r="B7861" s="3">
        <f t="shared" si="244"/>
        <v>6</v>
      </c>
      <c r="C7861" s="3">
        <f t="shared" si="245"/>
        <v>2017</v>
      </c>
      <c r="D7861" t="s">
        <v>944</v>
      </c>
      <c r="E7861" t="s">
        <v>9</v>
      </c>
      <c r="F7861" t="s">
        <v>33</v>
      </c>
      <c r="G7861" t="s">
        <v>73</v>
      </c>
      <c r="H7861" t="s">
        <v>2197</v>
      </c>
      <c r="I7861">
        <v>410</v>
      </c>
      <c r="J7861">
        <v>3</v>
      </c>
      <c r="K7861">
        <v>-96.47</v>
      </c>
    </row>
    <row r="7862" spans="1:11" x14ac:dyDescent="0.3">
      <c r="A7862" s="1">
        <v>42916</v>
      </c>
      <c r="B7862" s="3">
        <f t="shared" si="244"/>
        <v>6</v>
      </c>
      <c r="C7862" s="3">
        <f t="shared" si="245"/>
        <v>2017</v>
      </c>
      <c r="D7862" t="s">
        <v>2144</v>
      </c>
      <c r="E7862" t="s">
        <v>125</v>
      </c>
      <c r="F7862" t="s">
        <v>10</v>
      </c>
      <c r="G7862" t="s">
        <v>19</v>
      </c>
      <c r="H7862" t="s">
        <v>2154</v>
      </c>
      <c r="I7862">
        <v>75.790000000000006</v>
      </c>
      <c r="J7862">
        <v>3</v>
      </c>
      <c r="K7862">
        <v>25.58</v>
      </c>
    </row>
    <row r="7863" spans="1:11" x14ac:dyDescent="0.3">
      <c r="A7863" s="1">
        <v>42916</v>
      </c>
      <c r="B7863" s="3">
        <f t="shared" si="244"/>
        <v>6</v>
      </c>
      <c r="C7863" s="3">
        <f t="shared" si="245"/>
        <v>2017</v>
      </c>
      <c r="D7863" t="s">
        <v>1022</v>
      </c>
      <c r="E7863" t="s">
        <v>148</v>
      </c>
      <c r="F7863" t="s">
        <v>33</v>
      </c>
      <c r="G7863" t="s">
        <v>144</v>
      </c>
      <c r="H7863" t="s">
        <v>1702</v>
      </c>
      <c r="I7863">
        <v>1044.6300000000001</v>
      </c>
      <c r="J7863">
        <v>5</v>
      </c>
      <c r="K7863">
        <v>-295.98</v>
      </c>
    </row>
    <row r="7864" spans="1:11" x14ac:dyDescent="0.3">
      <c r="A7864" s="1">
        <v>42916</v>
      </c>
      <c r="B7864" s="3">
        <f t="shared" si="244"/>
        <v>6</v>
      </c>
      <c r="C7864" s="3">
        <f t="shared" si="245"/>
        <v>2017</v>
      </c>
      <c r="D7864" t="s">
        <v>1780</v>
      </c>
      <c r="E7864" t="s">
        <v>148</v>
      </c>
      <c r="F7864" t="s">
        <v>10</v>
      </c>
      <c r="G7864" t="s">
        <v>17</v>
      </c>
      <c r="H7864" t="s">
        <v>2004</v>
      </c>
      <c r="I7864">
        <v>248.57</v>
      </c>
      <c r="J7864">
        <v>7</v>
      </c>
      <c r="K7864">
        <v>67.11</v>
      </c>
    </row>
    <row r="7865" spans="1:11" x14ac:dyDescent="0.3">
      <c r="A7865" s="1">
        <v>42916</v>
      </c>
      <c r="B7865" s="3">
        <f t="shared" si="244"/>
        <v>6</v>
      </c>
      <c r="C7865" s="3">
        <f t="shared" si="245"/>
        <v>2017</v>
      </c>
      <c r="D7865" t="s">
        <v>1780</v>
      </c>
      <c r="E7865" t="s">
        <v>148</v>
      </c>
      <c r="F7865" t="s">
        <v>33</v>
      </c>
      <c r="G7865" t="s">
        <v>46</v>
      </c>
      <c r="H7865" t="s">
        <v>1697</v>
      </c>
      <c r="I7865">
        <v>22.23</v>
      </c>
      <c r="J7865">
        <v>1</v>
      </c>
      <c r="K7865">
        <v>9.7799999999999994</v>
      </c>
    </row>
    <row r="7866" spans="1:11" x14ac:dyDescent="0.3">
      <c r="A7866" s="1">
        <v>42916</v>
      </c>
      <c r="B7866" s="3">
        <f t="shared" si="244"/>
        <v>6</v>
      </c>
      <c r="C7866" s="3">
        <f t="shared" si="245"/>
        <v>2017</v>
      </c>
      <c r="D7866" t="s">
        <v>924</v>
      </c>
      <c r="E7866" t="s">
        <v>14</v>
      </c>
      <c r="F7866" t="s">
        <v>38</v>
      </c>
      <c r="G7866" t="s">
        <v>39</v>
      </c>
      <c r="H7866" t="s">
        <v>1694</v>
      </c>
      <c r="I7866">
        <v>1001.58</v>
      </c>
      <c r="J7866">
        <v>2</v>
      </c>
      <c r="K7866">
        <v>125.2</v>
      </c>
    </row>
    <row r="7867" spans="1:11" x14ac:dyDescent="0.3">
      <c r="A7867" s="1">
        <v>42916</v>
      </c>
      <c r="B7867" s="3">
        <f t="shared" si="244"/>
        <v>6</v>
      </c>
      <c r="C7867" s="3">
        <f t="shared" si="245"/>
        <v>2017</v>
      </c>
      <c r="D7867" t="s">
        <v>924</v>
      </c>
      <c r="E7867" t="s">
        <v>14</v>
      </c>
      <c r="F7867" t="s">
        <v>33</v>
      </c>
      <c r="G7867" t="s">
        <v>34</v>
      </c>
      <c r="H7867" t="s">
        <v>1453</v>
      </c>
      <c r="I7867">
        <v>569.05999999999995</v>
      </c>
      <c r="J7867">
        <v>3</v>
      </c>
      <c r="K7867">
        <v>-178.85</v>
      </c>
    </row>
    <row r="7868" spans="1:11" x14ac:dyDescent="0.3">
      <c r="A7868" s="1">
        <v>42916</v>
      </c>
      <c r="B7868" s="3">
        <f t="shared" si="244"/>
        <v>6</v>
      </c>
      <c r="C7868" s="3">
        <f t="shared" si="245"/>
        <v>2017</v>
      </c>
      <c r="D7868" t="s">
        <v>924</v>
      </c>
      <c r="E7868" t="s">
        <v>14</v>
      </c>
      <c r="F7868" t="s">
        <v>33</v>
      </c>
      <c r="G7868" t="s">
        <v>46</v>
      </c>
      <c r="H7868" t="s">
        <v>1904</v>
      </c>
      <c r="I7868">
        <v>14.22</v>
      </c>
      <c r="J7868">
        <v>2</v>
      </c>
      <c r="K7868">
        <v>-10.31</v>
      </c>
    </row>
    <row r="7869" spans="1:11" x14ac:dyDescent="0.3">
      <c r="A7869" s="1">
        <v>42916</v>
      </c>
      <c r="B7869" s="3">
        <f t="shared" si="244"/>
        <v>6</v>
      </c>
      <c r="C7869" s="3">
        <f t="shared" si="245"/>
        <v>2017</v>
      </c>
      <c r="D7869" t="s">
        <v>2543</v>
      </c>
      <c r="E7869" t="s">
        <v>119</v>
      </c>
      <c r="F7869" t="s">
        <v>33</v>
      </c>
      <c r="G7869" t="s">
        <v>46</v>
      </c>
      <c r="H7869" t="s">
        <v>912</v>
      </c>
      <c r="I7869">
        <v>19.52</v>
      </c>
      <c r="J7869">
        <v>2</v>
      </c>
      <c r="K7869">
        <v>5.37</v>
      </c>
    </row>
    <row r="7870" spans="1:11" x14ac:dyDescent="0.3">
      <c r="A7870" s="1">
        <v>42916</v>
      </c>
      <c r="B7870" s="3">
        <f t="shared" si="244"/>
        <v>6</v>
      </c>
      <c r="C7870" s="3">
        <f t="shared" si="245"/>
        <v>2017</v>
      </c>
      <c r="D7870" t="s">
        <v>1300</v>
      </c>
      <c r="E7870" t="s">
        <v>26</v>
      </c>
      <c r="F7870" t="s">
        <v>33</v>
      </c>
      <c r="G7870" t="s">
        <v>73</v>
      </c>
      <c r="H7870" t="s">
        <v>154</v>
      </c>
      <c r="I7870">
        <v>436</v>
      </c>
      <c r="J7870">
        <v>3</v>
      </c>
      <c r="K7870">
        <v>5.13</v>
      </c>
    </row>
    <row r="7871" spans="1:11" x14ac:dyDescent="0.3">
      <c r="A7871" s="1">
        <v>42916</v>
      </c>
      <c r="B7871" s="3">
        <f t="shared" si="244"/>
        <v>6</v>
      </c>
      <c r="C7871" s="3">
        <f t="shared" si="245"/>
        <v>2017</v>
      </c>
      <c r="D7871" t="s">
        <v>1370</v>
      </c>
      <c r="E7871" t="s">
        <v>26</v>
      </c>
      <c r="F7871" t="s">
        <v>10</v>
      </c>
      <c r="G7871" t="s">
        <v>11</v>
      </c>
      <c r="H7871" t="s">
        <v>359</v>
      </c>
      <c r="I7871">
        <v>204.95</v>
      </c>
      <c r="J7871">
        <v>5</v>
      </c>
      <c r="K7871">
        <v>100.43</v>
      </c>
    </row>
    <row r="7872" spans="1:11" x14ac:dyDescent="0.3">
      <c r="A7872" s="1">
        <v>42916</v>
      </c>
      <c r="B7872" s="3">
        <f t="shared" si="244"/>
        <v>6</v>
      </c>
      <c r="C7872" s="3">
        <f t="shared" si="245"/>
        <v>2017</v>
      </c>
      <c r="D7872" t="s">
        <v>170</v>
      </c>
      <c r="E7872" t="s">
        <v>148</v>
      </c>
      <c r="F7872" t="s">
        <v>10</v>
      </c>
      <c r="G7872" t="s">
        <v>17</v>
      </c>
      <c r="H7872" t="s">
        <v>1383</v>
      </c>
      <c r="I7872">
        <v>1085.42</v>
      </c>
      <c r="J7872">
        <v>7</v>
      </c>
      <c r="K7872">
        <v>282.20999999999998</v>
      </c>
    </row>
    <row r="7873" spans="1:11" x14ac:dyDescent="0.3">
      <c r="A7873" s="1">
        <v>42917</v>
      </c>
      <c r="B7873" s="3">
        <f t="shared" si="244"/>
        <v>7</v>
      </c>
      <c r="C7873" s="3">
        <f t="shared" si="245"/>
        <v>2017</v>
      </c>
      <c r="D7873" t="s">
        <v>1384</v>
      </c>
      <c r="E7873" t="s">
        <v>128</v>
      </c>
      <c r="F7873" t="s">
        <v>10</v>
      </c>
      <c r="G7873" t="s">
        <v>17</v>
      </c>
      <c r="H7873" t="s">
        <v>585</v>
      </c>
      <c r="I7873">
        <v>443.92</v>
      </c>
      <c r="J7873">
        <v>4</v>
      </c>
      <c r="K7873">
        <v>13.32</v>
      </c>
    </row>
    <row r="7874" spans="1:11" x14ac:dyDescent="0.3">
      <c r="A7874" s="1">
        <v>42917</v>
      </c>
      <c r="B7874" s="3">
        <f t="shared" ref="B7874:B7937" si="246">MONTH(A:A)</f>
        <v>7</v>
      </c>
      <c r="C7874" s="3">
        <f t="shared" ref="C7874:C7937" si="247">YEAR(A:A)</f>
        <v>2017</v>
      </c>
      <c r="D7874" t="s">
        <v>1384</v>
      </c>
      <c r="E7874" t="s">
        <v>128</v>
      </c>
      <c r="F7874" t="s">
        <v>10</v>
      </c>
      <c r="G7874" t="s">
        <v>19</v>
      </c>
      <c r="H7874" t="s">
        <v>527</v>
      </c>
      <c r="I7874">
        <v>169.99</v>
      </c>
      <c r="J7874">
        <v>1</v>
      </c>
      <c r="K7874">
        <v>78.2</v>
      </c>
    </row>
    <row r="7875" spans="1:11" x14ac:dyDescent="0.3">
      <c r="A7875" s="1">
        <v>42917</v>
      </c>
      <c r="B7875" s="3">
        <f t="shared" si="246"/>
        <v>7</v>
      </c>
      <c r="C7875" s="3">
        <f t="shared" si="247"/>
        <v>2017</v>
      </c>
      <c r="D7875" t="s">
        <v>1384</v>
      </c>
      <c r="E7875" t="s">
        <v>128</v>
      </c>
      <c r="F7875" t="s">
        <v>10</v>
      </c>
      <c r="G7875" t="s">
        <v>11</v>
      </c>
      <c r="H7875" t="s">
        <v>492</v>
      </c>
      <c r="I7875">
        <v>25.92</v>
      </c>
      <c r="J7875">
        <v>4</v>
      </c>
      <c r="K7875">
        <v>12.44</v>
      </c>
    </row>
    <row r="7876" spans="1:11" x14ac:dyDescent="0.3">
      <c r="A7876" s="1">
        <v>42918</v>
      </c>
      <c r="B7876" s="3">
        <f t="shared" si="246"/>
        <v>7</v>
      </c>
      <c r="C7876" s="3">
        <f t="shared" si="247"/>
        <v>2017</v>
      </c>
      <c r="D7876" t="s">
        <v>962</v>
      </c>
      <c r="E7876" t="s">
        <v>9</v>
      </c>
      <c r="F7876" t="s">
        <v>10</v>
      </c>
      <c r="G7876" t="s">
        <v>11</v>
      </c>
      <c r="H7876" t="s">
        <v>1988</v>
      </c>
      <c r="I7876">
        <v>163.96</v>
      </c>
      <c r="J7876">
        <v>5</v>
      </c>
      <c r="K7876">
        <v>59.44</v>
      </c>
    </row>
    <row r="7877" spans="1:11" x14ac:dyDescent="0.3">
      <c r="A7877" s="1">
        <v>42918</v>
      </c>
      <c r="B7877" s="3">
        <f t="shared" si="246"/>
        <v>7</v>
      </c>
      <c r="C7877" s="3">
        <f t="shared" si="247"/>
        <v>2017</v>
      </c>
      <c r="D7877" t="s">
        <v>962</v>
      </c>
      <c r="E7877" t="s">
        <v>9</v>
      </c>
      <c r="F7877" t="s">
        <v>10</v>
      </c>
      <c r="G7877" t="s">
        <v>19</v>
      </c>
      <c r="H7877" t="s">
        <v>913</v>
      </c>
      <c r="I7877">
        <v>5.23</v>
      </c>
      <c r="J7877">
        <v>4</v>
      </c>
      <c r="K7877">
        <v>-8.11</v>
      </c>
    </row>
    <row r="7878" spans="1:11" x14ac:dyDescent="0.3">
      <c r="A7878" s="1">
        <v>42919</v>
      </c>
      <c r="B7878" s="3">
        <f t="shared" si="246"/>
        <v>7</v>
      </c>
      <c r="C7878" s="3">
        <f t="shared" si="247"/>
        <v>2017</v>
      </c>
      <c r="D7878" t="s">
        <v>2687</v>
      </c>
      <c r="E7878" t="s">
        <v>29</v>
      </c>
      <c r="F7878" t="s">
        <v>33</v>
      </c>
      <c r="G7878" t="s">
        <v>46</v>
      </c>
      <c r="H7878" t="s">
        <v>1836</v>
      </c>
      <c r="I7878">
        <v>23.99</v>
      </c>
      <c r="J7878">
        <v>1</v>
      </c>
      <c r="K7878">
        <v>5.52</v>
      </c>
    </row>
    <row r="7879" spans="1:11" x14ac:dyDescent="0.3">
      <c r="A7879" s="1">
        <v>42919</v>
      </c>
      <c r="B7879" s="3">
        <f t="shared" si="246"/>
        <v>7</v>
      </c>
      <c r="C7879" s="3">
        <f t="shared" si="247"/>
        <v>2017</v>
      </c>
      <c r="D7879" t="s">
        <v>2687</v>
      </c>
      <c r="E7879" t="s">
        <v>29</v>
      </c>
      <c r="F7879" t="s">
        <v>38</v>
      </c>
      <c r="G7879" t="s">
        <v>39</v>
      </c>
      <c r="H7879" t="s">
        <v>519</v>
      </c>
      <c r="I7879">
        <v>287.97000000000003</v>
      </c>
      <c r="J7879">
        <v>3</v>
      </c>
      <c r="K7879">
        <v>77.75</v>
      </c>
    </row>
    <row r="7880" spans="1:11" x14ac:dyDescent="0.3">
      <c r="A7880" s="1">
        <v>42919</v>
      </c>
      <c r="B7880" s="3">
        <f t="shared" si="246"/>
        <v>7</v>
      </c>
      <c r="C7880" s="3">
        <f t="shared" si="247"/>
        <v>2017</v>
      </c>
      <c r="D7880" t="s">
        <v>1890</v>
      </c>
      <c r="E7880" t="s">
        <v>244</v>
      </c>
      <c r="F7880" t="s">
        <v>10</v>
      </c>
      <c r="G7880" t="s">
        <v>23</v>
      </c>
      <c r="H7880" t="s">
        <v>75</v>
      </c>
      <c r="I7880">
        <v>9.5500000000000007</v>
      </c>
      <c r="J7880">
        <v>3</v>
      </c>
      <c r="K7880">
        <v>1.55</v>
      </c>
    </row>
    <row r="7881" spans="1:11" x14ac:dyDescent="0.3">
      <c r="A7881" s="1">
        <v>42919</v>
      </c>
      <c r="B7881" s="3">
        <f t="shared" si="246"/>
        <v>7</v>
      </c>
      <c r="C7881" s="3">
        <f t="shared" si="247"/>
        <v>2017</v>
      </c>
      <c r="D7881" t="s">
        <v>436</v>
      </c>
      <c r="E7881" t="s">
        <v>9</v>
      </c>
      <c r="F7881" t="s">
        <v>38</v>
      </c>
      <c r="G7881" t="s">
        <v>39</v>
      </c>
      <c r="H7881" t="s">
        <v>720</v>
      </c>
      <c r="I7881">
        <v>167.97</v>
      </c>
      <c r="J7881">
        <v>4</v>
      </c>
      <c r="K7881">
        <v>62.99</v>
      </c>
    </row>
    <row r="7882" spans="1:11" x14ac:dyDescent="0.3">
      <c r="A7882" s="1">
        <v>42919</v>
      </c>
      <c r="B7882" s="3">
        <f t="shared" si="246"/>
        <v>7</v>
      </c>
      <c r="C7882" s="3">
        <f t="shared" si="247"/>
        <v>2017</v>
      </c>
      <c r="D7882" t="s">
        <v>482</v>
      </c>
      <c r="E7882" t="s">
        <v>9</v>
      </c>
      <c r="F7882" t="s">
        <v>10</v>
      </c>
      <c r="G7882" t="s">
        <v>11</v>
      </c>
      <c r="H7882" t="s">
        <v>263</v>
      </c>
      <c r="I7882">
        <v>273.89999999999998</v>
      </c>
      <c r="J7882">
        <v>7</v>
      </c>
      <c r="K7882">
        <v>92.44</v>
      </c>
    </row>
    <row r="7883" spans="1:11" x14ac:dyDescent="0.3">
      <c r="A7883" s="1">
        <v>42919</v>
      </c>
      <c r="B7883" s="3">
        <f t="shared" si="246"/>
        <v>7</v>
      </c>
      <c r="C7883" s="3">
        <f t="shared" si="247"/>
        <v>2017</v>
      </c>
      <c r="D7883" t="s">
        <v>482</v>
      </c>
      <c r="E7883" t="s">
        <v>9</v>
      </c>
      <c r="F7883" t="s">
        <v>38</v>
      </c>
      <c r="G7883" t="s">
        <v>301</v>
      </c>
      <c r="H7883" t="s">
        <v>2688</v>
      </c>
      <c r="I7883">
        <v>597.13</v>
      </c>
      <c r="J7883">
        <v>3</v>
      </c>
      <c r="K7883">
        <v>49.76</v>
      </c>
    </row>
    <row r="7884" spans="1:11" x14ac:dyDescent="0.3">
      <c r="A7884" s="1">
        <v>42919</v>
      </c>
      <c r="B7884" s="3">
        <f t="shared" si="246"/>
        <v>7</v>
      </c>
      <c r="C7884" s="3">
        <f t="shared" si="247"/>
        <v>2017</v>
      </c>
      <c r="D7884" t="s">
        <v>382</v>
      </c>
      <c r="E7884" t="s">
        <v>398</v>
      </c>
      <c r="F7884" t="s">
        <v>33</v>
      </c>
      <c r="G7884" t="s">
        <v>46</v>
      </c>
      <c r="H7884" t="s">
        <v>569</v>
      </c>
      <c r="I7884">
        <v>545.85</v>
      </c>
      <c r="J7884">
        <v>9</v>
      </c>
      <c r="K7884">
        <v>114.63</v>
      </c>
    </row>
    <row r="7885" spans="1:11" x14ac:dyDescent="0.3">
      <c r="A7885" s="1">
        <v>42919</v>
      </c>
      <c r="B7885" s="3">
        <f t="shared" si="246"/>
        <v>7</v>
      </c>
      <c r="C7885" s="3">
        <f t="shared" si="247"/>
        <v>2017</v>
      </c>
      <c r="D7885" t="s">
        <v>1222</v>
      </c>
      <c r="E7885" t="s">
        <v>77</v>
      </c>
      <c r="F7885" t="s">
        <v>10</v>
      </c>
      <c r="G7885" t="s">
        <v>11</v>
      </c>
      <c r="H7885" t="s">
        <v>12</v>
      </c>
      <c r="I7885">
        <v>32.9</v>
      </c>
      <c r="J7885">
        <v>4</v>
      </c>
      <c r="K7885">
        <v>11.1</v>
      </c>
    </row>
    <row r="7886" spans="1:11" x14ac:dyDescent="0.3">
      <c r="A7886" s="1">
        <v>42919</v>
      </c>
      <c r="B7886" s="3">
        <f t="shared" si="246"/>
        <v>7</v>
      </c>
      <c r="C7886" s="3">
        <f t="shared" si="247"/>
        <v>2017</v>
      </c>
      <c r="D7886" t="s">
        <v>1222</v>
      </c>
      <c r="E7886" t="s">
        <v>77</v>
      </c>
      <c r="F7886" t="s">
        <v>33</v>
      </c>
      <c r="G7886" t="s">
        <v>144</v>
      </c>
      <c r="H7886" t="s">
        <v>789</v>
      </c>
      <c r="I7886">
        <v>215.15</v>
      </c>
      <c r="J7886">
        <v>2</v>
      </c>
      <c r="K7886">
        <v>-103.99</v>
      </c>
    </row>
    <row r="7887" spans="1:11" x14ac:dyDescent="0.3">
      <c r="A7887" s="1">
        <v>42919</v>
      </c>
      <c r="B7887" s="3">
        <f t="shared" si="246"/>
        <v>7</v>
      </c>
      <c r="C7887" s="3">
        <f t="shared" si="247"/>
        <v>2017</v>
      </c>
      <c r="D7887" t="s">
        <v>1222</v>
      </c>
      <c r="E7887" t="s">
        <v>77</v>
      </c>
      <c r="F7887" t="s">
        <v>10</v>
      </c>
      <c r="G7887" t="s">
        <v>11</v>
      </c>
      <c r="H7887" t="s">
        <v>1352</v>
      </c>
      <c r="I7887">
        <v>30.96</v>
      </c>
      <c r="J7887">
        <v>6</v>
      </c>
      <c r="K7887">
        <v>11.22</v>
      </c>
    </row>
    <row r="7888" spans="1:11" x14ac:dyDescent="0.3">
      <c r="A7888" s="1">
        <v>42919</v>
      </c>
      <c r="B7888" s="3">
        <f t="shared" si="246"/>
        <v>7</v>
      </c>
      <c r="C7888" s="3">
        <f t="shared" si="247"/>
        <v>2017</v>
      </c>
      <c r="D7888" t="s">
        <v>1331</v>
      </c>
      <c r="E7888" t="s">
        <v>163</v>
      </c>
      <c r="F7888" t="s">
        <v>38</v>
      </c>
      <c r="G7888" t="s">
        <v>51</v>
      </c>
      <c r="H7888" t="s">
        <v>83</v>
      </c>
      <c r="I7888">
        <v>59.98</v>
      </c>
      <c r="J7888">
        <v>2</v>
      </c>
      <c r="K7888">
        <v>26.39</v>
      </c>
    </row>
    <row r="7889" spans="1:11" x14ac:dyDescent="0.3">
      <c r="A7889" s="1">
        <v>42919</v>
      </c>
      <c r="B7889" s="3">
        <f t="shared" si="246"/>
        <v>7</v>
      </c>
      <c r="C7889" s="3">
        <f t="shared" si="247"/>
        <v>2017</v>
      </c>
      <c r="D7889" t="s">
        <v>1331</v>
      </c>
      <c r="E7889" t="s">
        <v>163</v>
      </c>
      <c r="F7889" t="s">
        <v>38</v>
      </c>
      <c r="G7889" t="s">
        <v>301</v>
      </c>
      <c r="H7889" t="s">
        <v>2461</v>
      </c>
      <c r="I7889">
        <v>2395.1999999999998</v>
      </c>
      <c r="J7889">
        <v>6</v>
      </c>
      <c r="K7889">
        <v>209.58</v>
      </c>
    </row>
    <row r="7890" spans="1:11" x14ac:dyDescent="0.3">
      <c r="A7890" s="1">
        <v>42919</v>
      </c>
      <c r="B7890" s="3">
        <f t="shared" si="246"/>
        <v>7</v>
      </c>
      <c r="C7890" s="3">
        <f t="shared" si="247"/>
        <v>2017</v>
      </c>
      <c r="D7890" t="s">
        <v>1331</v>
      </c>
      <c r="E7890" t="s">
        <v>163</v>
      </c>
      <c r="F7890" t="s">
        <v>38</v>
      </c>
      <c r="G7890" t="s">
        <v>51</v>
      </c>
      <c r="H7890" t="s">
        <v>1874</v>
      </c>
      <c r="I7890">
        <v>1687.8</v>
      </c>
      <c r="J7890">
        <v>4</v>
      </c>
      <c r="K7890">
        <v>742.63</v>
      </c>
    </row>
    <row r="7891" spans="1:11" x14ac:dyDescent="0.3">
      <c r="A7891" s="1">
        <v>42919</v>
      </c>
      <c r="B7891" s="3">
        <f t="shared" si="246"/>
        <v>7</v>
      </c>
      <c r="C7891" s="3">
        <f t="shared" si="247"/>
        <v>2017</v>
      </c>
      <c r="D7891" t="s">
        <v>1331</v>
      </c>
      <c r="E7891" t="s">
        <v>163</v>
      </c>
      <c r="F7891" t="s">
        <v>38</v>
      </c>
      <c r="G7891" t="s">
        <v>39</v>
      </c>
      <c r="H7891" t="s">
        <v>528</v>
      </c>
      <c r="I7891">
        <v>7.99</v>
      </c>
      <c r="J7891">
        <v>1</v>
      </c>
      <c r="K7891">
        <v>2.7</v>
      </c>
    </row>
    <row r="7892" spans="1:11" x14ac:dyDescent="0.3">
      <c r="A7892" s="1">
        <v>42919</v>
      </c>
      <c r="B7892" s="3">
        <f t="shared" si="246"/>
        <v>7</v>
      </c>
      <c r="C7892" s="3">
        <f t="shared" si="247"/>
        <v>2017</v>
      </c>
      <c r="D7892" t="s">
        <v>1176</v>
      </c>
      <c r="E7892" t="s">
        <v>433</v>
      </c>
      <c r="F7892" t="s">
        <v>38</v>
      </c>
      <c r="G7892" t="s">
        <v>51</v>
      </c>
      <c r="H7892" t="s">
        <v>2033</v>
      </c>
      <c r="I7892">
        <v>258.89999999999998</v>
      </c>
      <c r="J7892">
        <v>10</v>
      </c>
      <c r="K7892">
        <v>93.2</v>
      </c>
    </row>
    <row r="7893" spans="1:11" x14ac:dyDescent="0.3">
      <c r="A7893" s="1">
        <v>42919</v>
      </c>
      <c r="B7893" s="3">
        <f t="shared" si="246"/>
        <v>7</v>
      </c>
      <c r="C7893" s="3">
        <f t="shared" si="247"/>
        <v>2017</v>
      </c>
      <c r="D7893" t="s">
        <v>1176</v>
      </c>
      <c r="E7893" t="s">
        <v>433</v>
      </c>
      <c r="F7893" t="s">
        <v>10</v>
      </c>
      <c r="G7893" t="s">
        <v>11</v>
      </c>
      <c r="H7893" t="s">
        <v>935</v>
      </c>
      <c r="I7893">
        <v>24.56</v>
      </c>
      <c r="J7893">
        <v>2</v>
      </c>
      <c r="K7893">
        <v>11.54</v>
      </c>
    </row>
    <row r="7894" spans="1:11" x14ac:dyDescent="0.3">
      <c r="A7894" s="1">
        <v>42919</v>
      </c>
      <c r="B7894" s="3">
        <f t="shared" si="246"/>
        <v>7</v>
      </c>
      <c r="C7894" s="3">
        <f t="shared" si="247"/>
        <v>2017</v>
      </c>
      <c r="D7894" t="s">
        <v>1083</v>
      </c>
      <c r="E7894" t="s">
        <v>26</v>
      </c>
      <c r="F7894" t="s">
        <v>33</v>
      </c>
      <c r="G7894" t="s">
        <v>46</v>
      </c>
      <c r="H7894" t="s">
        <v>1951</v>
      </c>
      <c r="I7894">
        <v>129.38999999999999</v>
      </c>
      <c r="J7894">
        <v>3</v>
      </c>
      <c r="K7894">
        <v>54.34</v>
      </c>
    </row>
    <row r="7895" spans="1:11" x14ac:dyDescent="0.3">
      <c r="A7895" s="1">
        <v>42919</v>
      </c>
      <c r="B7895" s="3">
        <f t="shared" si="246"/>
        <v>7</v>
      </c>
      <c r="C7895" s="3">
        <f t="shared" si="247"/>
        <v>2017</v>
      </c>
      <c r="D7895" t="s">
        <v>436</v>
      </c>
      <c r="E7895" t="s">
        <v>26</v>
      </c>
      <c r="F7895" t="s">
        <v>10</v>
      </c>
      <c r="G7895" t="s">
        <v>17</v>
      </c>
      <c r="H7895" t="s">
        <v>1755</v>
      </c>
      <c r="I7895">
        <v>87.92</v>
      </c>
      <c r="J7895">
        <v>4</v>
      </c>
      <c r="K7895">
        <v>0.88</v>
      </c>
    </row>
    <row r="7896" spans="1:11" x14ac:dyDescent="0.3">
      <c r="A7896" s="1">
        <v>42919</v>
      </c>
      <c r="B7896" s="3">
        <f t="shared" si="246"/>
        <v>7</v>
      </c>
      <c r="C7896" s="3">
        <f t="shared" si="247"/>
        <v>2017</v>
      </c>
      <c r="D7896" t="s">
        <v>1990</v>
      </c>
      <c r="E7896" t="s">
        <v>244</v>
      </c>
      <c r="F7896" t="s">
        <v>38</v>
      </c>
      <c r="G7896" t="s">
        <v>51</v>
      </c>
      <c r="H7896" t="s">
        <v>1010</v>
      </c>
      <c r="I7896">
        <v>24</v>
      </c>
      <c r="J7896">
        <v>2</v>
      </c>
      <c r="K7896">
        <v>-2.7</v>
      </c>
    </row>
    <row r="7897" spans="1:11" x14ac:dyDescent="0.3">
      <c r="A7897" s="1">
        <v>42919</v>
      </c>
      <c r="B7897" s="3">
        <f t="shared" si="246"/>
        <v>7</v>
      </c>
      <c r="C7897" s="3">
        <f t="shared" si="247"/>
        <v>2017</v>
      </c>
      <c r="D7897" t="s">
        <v>1812</v>
      </c>
      <c r="E7897" t="s">
        <v>684</v>
      </c>
      <c r="F7897" t="s">
        <v>33</v>
      </c>
      <c r="G7897" t="s">
        <v>46</v>
      </c>
      <c r="H7897" t="s">
        <v>1396</v>
      </c>
      <c r="I7897">
        <v>102.3</v>
      </c>
      <c r="J7897">
        <v>1</v>
      </c>
      <c r="K7897">
        <v>26.6</v>
      </c>
    </row>
    <row r="7898" spans="1:11" x14ac:dyDescent="0.3">
      <c r="A7898" s="1">
        <v>42921</v>
      </c>
      <c r="B7898" s="3">
        <f t="shared" si="246"/>
        <v>7</v>
      </c>
      <c r="C7898" s="3">
        <f t="shared" si="247"/>
        <v>2017</v>
      </c>
      <c r="D7898" t="s">
        <v>2041</v>
      </c>
      <c r="E7898" t="s">
        <v>9</v>
      </c>
      <c r="F7898" t="s">
        <v>33</v>
      </c>
      <c r="G7898" t="s">
        <v>46</v>
      </c>
      <c r="H7898" t="s">
        <v>2441</v>
      </c>
      <c r="I7898">
        <v>332.03</v>
      </c>
      <c r="J7898">
        <v>9</v>
      </c>
      <c r="K7898">
        <v>-348.63</v>
      </c>
    </row>
    <row r="7899" spans="1:11" x14ac:dyDescent="0.3">
      <c r="A7899" s="1">
        <v>42921</v>
      </c>
      <c r="B7899" s="3">
        <f t="shared" si="246"/>
        <v>7</v>
      </c>
      <c r="C7899" s="3">
        <f t="shared" si="247"/>
        <v>2017</v>
      </c>
      <c r="D7899" t="s">
        <v>2041</v>
      </c>
      <c r="E7899" t="s">
        <v>9</v>
      </c>
      <c r="F7899" t="s">
        <v>10</v>
      </c>
      <c r="G7899" t="s">
        <v>19</v>
      </c>
      <c r="H7899" t="s">
        <v>247</v>
      </c>
      <c r="I7899">
        <v>11.39</v>
      </c>
      <c r="J7899">
        <v>9</v>
      </c>
      <c r="K7899">
        <v>-17.66</v>
      </c>
    </row>
    <row r="7900" spans="1:11" x14ac:dyDescent="0.3">
      <c r="A7900" s="1">
        <v>42921</v>
      </c>
      <c r="B7900" s="3">
        <f t="shared" si="246"/>
        <v>7</v>
      </c>
      <c r="C7900" s="3">
        <f t="shared" si="247"/>
        <v>2017</v>
      </c>
      <c r="D7900" t="s">
        <v>2041</v>
      </c>
      <c r="E7900" t="s">
        <v>9</v>
      </c>
      <c r="F7900" t="s">
        <v>10</v>
      </c>
      <c r="G7900" t="s">
        <v>11</v>
      </c>
      <c r="H7900" t="s">
        <v>2546</v>
      </c>
      <c r="I7900">
        <v>15.55</v>
      </c>
      <c r="J7900">
        <v>3</v>
      </c>
      <c r="K7900">
        <v>5.64</v>
      </c>
    </row>
    <row r="7901" spans="1:11" x14ac:dyDescent="0.3">
      <c r="A7901" s="1">
        <v>42921</v>
      </c>
      <c r="B7901" s="3">
        <f t="shared" si="246"/>
        <v>7</v>
      </c>
      <c r="C7901" s="3">
        <f t="shared" si="247"/>
        <v>2017</v>
      </c>
      <c r="D7901" t="s">
        <v>2041</v>
      </c>
      <c r="E7901" t="s">
        <v>9</v>
      </c>
      <c r="F7901" t="s">
        <v>10</v>
      </c>
      <c r="G7901" t="s">
        <v>11</v>
      </c>
      <c r="H7901" t="s">
        <v>326</v>
      </c>
      <c r="I7901">
        <v>31.1</v>
      </c>
      <c r="J7901">
        <v>6</v>
      </c>
      <c r="K7901">
        <v>11.28</v>
      </c>
    </row>
    <row r="7902" spans="1:11" x14ac:dyDescent="0.3">
      <c r="A7902" s="1">
        <v>42921</v>
      </c>
      <c r="B7902" s="3">
        <f t="shared" si="246"/>
        <v>7</v>
      </c>
      <c r="C7902" s="3">
        <f t="shared" si="247"/>
        <v>2017</v>
      </c>
      <c r="D7902" t="s">
        <v>2041</v>
      </c>
      <c r="E7902" t="s">
        <v>9</v>
      </c>
      <c r="F7902" t="s">
        <v>10</v>
      </c>
      <c r="G7902" t="s">
        <v>19</v>
      </c>
      <c r="H7902" t="s">
        <v>2154</v>
      </c>
      <c r="I7902">
        <v>6.32</v>
      </c>
      <c r="J7902">
        <v>1</v>
      </c>
      <c r="K7902">
        <v>-10.42</v>
      </c>
    </row>
    <row r="7903" spans="1:11" x14ac:dyDescent="0.3">
      <c r="A7903" s="1">
        <v>42921</v>
      </c>
      <c r="B7903" s="3">
        <f t="shared" si="246"/>
        <v>7</v>
      </c>
      <c r="C7903" s="3">
        <f t="shared" si="247"/>
        <v>2017</v>
      </c>
      <c r="D7903" t="s">
        <v>388</v>
      </c>
      <c r="E7903" t="s">
        <v>995</v>
      </c>
      <c r="F7903" t="s">
        <v>38</v>
      </c>
      <c r="G7903" t="s">
        <v>39</v>
      </c>
      <c r="H7903" t="s">
        <v>2407</v>
      </c>
      <c r="I7903">
        <v>79.959999999999994</v>
      </c>
      <c r="J7903">
        <v>4</v>
      </c>
      <c r="K7903">
        <v>22.39</v>
      </c>
    </row>
    <row r="7904" spans="1:11" x14ac:dyDescent="0.3">
      <c r="A7904" s="1">
        <v>42922</v>
      </c>
      <c r="B7904" s="3">
        <f t="shared" si="246"/>
        <v>7</v>
      </c>
      <c r="C7904" s="3">
        <f t="shared" si="247"/>
        <v>2017</v>
      </c>
      <c r="D7904" t="s">
        <v>1494</v>
      </c>
      <c r="E7904" t="s">
        <v>22</v>
      </c>
      <c r="F7904" t="s">
        <v>10</v>
      </c>
      <c r="G7904" t="s">
        <v>19</v>
      </c>
      <c r="H7904" t="s">
        <v>149</v>
      </c>
      <c r="I7904">
        <v>2.95</v>
      </c>
      <c r="J7904">
        <v>2</v>
      </c>
      <c r="K7904">
        <v>-2.2599999999999998</v>
      </c>
    </row>
    <row r="7905" spans="1:11" x14ac:dyDescent="0.3">
      <c r="A7905" s="1">
        <v>42922</v>
      </c>
      <c r="B7905" s="3">
        <f t="shared" si="246"/>
        <v>7</v>
      </c>
      <c r="C7905" s="3">
        <f t="shared" si="247"/>
        <v>2017</v>
      </c>
      <c r="D7905" t="s">
        <v>1494</v>
      </c>
      <c r="E7905" t="s">
        <v>22</v>
      </c>
      <c r="F7905" t="s">
        <v>10</v>
      </c>
      <c r="G7905" t="s">
        <v>11</v>
      </c>
      <c r="H7905" t="s">
        <v>1960</v>
      </c>
      <c r="I7905">
        <v>16.059999999999999</v>
      </c>
      <c r="J7905">
        <v>3</v>
      </c>
      <c r="K7905">
        <v>5.82</v>
      </c>
    </row>
    <row r="7906" spans="1:11" x14ac:dyDescent="0.3">
      <c r="A7906" s="1">
        <v>42922</v>
      </c>
      <c r="B7906" s="3">
        <f t="shared" si="246"/>
        <v>7</v>
      </c>
      <c r="C7906" s="3">
        <f t="shared" si="247"/>
        <v>2017</v>
      </c>
      <c r="D7906" t="s">
        <v>1510</v>
      </c>
      <c r="E7906" t="s">
        <v>122</v>
      </c>
      <c r="F7906" t="s">
        <v>33</v>
      </c>
      <c r="G7906" t="s">
        <v>34</v>
      </c>
      <c r="H7906" t="s">
        <v>917</v>
      </c>
      <c r="I7906">
        <v>239.24</v>
      </c>
      <c r="J7906">
        <v>1</v>
      </c>
      <c r="K7906">
        <v>23.92</v>
      </c>
    </row>
    <row r="7907" spans="1:11" x14ac:dyDescent="0.3">
      <c r="A7907" s="1">
        <v>42922</v>
      </c>
      <c r="B7907" s="3">
        <f t="shared" si="246"/>
        <v>7</v>
      </c>
      <c r="C7907" s="3">
        <f t="shared" si="247"/>
        <v>2017</v>
      </c>
      <c r="D7907" t="s">
        <v>1545</v>
      </c>
      <c r="E7907" t="s">
        <v>26</v>
      </c>
      <c r="F7907" t="s">
        <v>33</v>
      </c>
      <c r="G7907" t="s">
        <v>34</v>
      </c>
      <c r="H7907" t="s">
        <v>2595</v>
      </c>
      <c r="I7907">
        <v>122.14</v>
      </c>
      <c r="J7907">
        <v>3</v>
      </c>
      <c r="K7907">
        <v>-13.74</v>
      </c>
    </row>
    <row r="7908" spans="1:11" x14ac:dyDescent="0.3">
      <c r="A7908" s="1">
        <v>42923</v>
      </c>
      <c r="B7908" s="3">
        <f t="shared" si="246"/>
        <v>7</v>
      </c>
      <c r="C7908" s="3">
        <f t="shared" si="247"/>
        <v>2017</v>
      </c>
      <c r="D7908" t="s">
        <v>1121</v>
      </c>
      <c r="E7908" t="s">
        <v>148</v>
      </c>
      <c r="F7908" t="s">
        <v>10</v>
      </c>
      <c r="G7908" t="s">
        <v>19</v>
      </c>
      <c r="H7908" t="s">
        <v>1629</v>
      </c>
      <c r="I7908">
        <v>17.47</v>
      </c>
      <c r="J7908">
        <v>3</v>
      </c>
      <c r="K7908">
        <v>6.33</v>
      </c>
    </row>
    <row r="7909" spans="1:11" x14ac:dyDescent="0.3">
      <c r="A7909" s="1">
        <v>42923</v>
      </c>
      <c r="B7909" s="3">
        <f t="shared" si="246"/>
        <v>7</v>
      </c>
      <c r="C7909" s="3">
        <f t="shared" si="247"/>
        <v>2017</v>
      </c>
      <c r="D7909" t="s">
        <v>2032</v>
      </c>
      <c r="E7909" t="s">
        <v>1528</v>
      </c>
      <c r="F7909" t="s">
        <v>38</v>
      </c>
      <c r="G7909" t="s">
        <v>51</v>
      </c>
      <c r="H7909" t="s">
        <v>242</v>
      </c>
      <c r="I7909">
        <v>252</v>
      </c>
      <c r="J7909">
        <v>4</v>
      </c>
      <c r="K7909">
        <v>93.24</v>
      </c>
    </row>
    <row r="7910" spans="1:11" x14ac:dyDescent="0.3">
      <c r="A7910" s="1">
        <v>42923</v>
      </c>
      <c r="B7910" s="3">
        <f t="shared" si="246"/>
        <v>7</v>
      </c>
      <c r="C7910" s="3">
        <f t="shared" si="247"/>
        <v>2017</v>
      </c>
      <c r="D7910" t="s">
        <v>1750</v>
      </c>
      <c r="E7910" t="s">
        <v>22</v>
      </c>
      <c r="F7910" t="s">
        <v>33</v>
      </c>
      <c r="G7910" t="s">
        <v>73</v>
      </c>
      <c r="H7910" t="s">
        <v>2023</v>
      </c>
      <c r="I7910">
        <v>87.21</v>
      </c>
      <c r="J7910">
        <v>3</v>
      </c>
      <c r="K7910">
        <v>-45.35</v>
      </c>
    </row>
    <row r="7911" spans="1:11" x14ac:dyDescent="0.3">
      <c r="A7911" s="1">
        <v>42923</v>
      </c>
      <c r="B7911" s="3">
        <f t="shared" si="246"/>
        <v>7</v>
      </c>
      <c r="C7911" s="3">
        <f t="shared" si="247"/>
        <v>2017</v>
      </c>
      <c r="D7911" t="s">
        <v>1750</v>
      </c>
      <c r="E7911" t="s">
        <v>22</v>
      </c>
      <c r="F7911" t="s">
        <v>10</v>
      </c>
      <c r="G7911" t="s">
        <v>11</v>
      </c>
      <c r="H7911" t="s">
        <v>1202</v>
      </c>
      <c r="I7911">
        <v>15.55</v>
      </c>
      <c r="J7911">
        <v>3</v>
      </c>
      <c r="K7911">
        <v>5.44</v>
      </c>
    </row>
    <row r="7912" spans="1:11" x14ac:dyDescent="0.3">
      <c r="A7912" s="1">
        <v>42923</v>
      </c>
      <c r="B7912" s="3">
        <f t="shared" si="246"/>
        <v>7</v>
      </c>
      <c r="C7912" s="3">
        <f t="shared" si="247"/>
        <v>2017</v>
      </c>
      <c r="D7912" t="s">
        <v>1750</v>
      </c>
      <c r="E7912" t="s">
        <v>22</v>
      </c>
      <c r="F7912" t="s">
        <v>38</v>
      </c>
      <c r="G7912" t="s">
        <v>39</v>
      </c>
      <c r="H7912" t="s">
        <v>1017</v>
      </c>
      <c r="I7912">
        <v>683.99</v>
      </c>
      <c r="J7912">
        <v>2</v>
      </c>
      <c r="K7912">
        <v>-114</v>
      </c>
    </row>
    <row r="7913" spans="1:11" x14ac:dyDescent="0.3">
      <c r="A7913" s="1">
        <v>42923</v>
      </c>
      <c r="B7913" s="3">
        <f t="shared" si="246"/>
        <v>7</v>
      </c>
      <c r="C7913" s="3">
        <f t="shared" si="247"/>
        <v>2017</v>
      </c>
      <c r="D7913" t="s">
        <v>1750</v>
      </c>
      <c r="E7913" t="s">
        <v>22</v>
      </c>
      <c r="F7913" t="s">
        <v>10</v>
      </c>
      <c r="G7913" t="s">
        <v>17</v>
      </c>
      <c r="H7913" t="s">
        <v>2672</v>
      </c>
      <c r="I7913">
        <v>13.39</v>
      </c>
      <c r="J7913">
        <v>3</v>
      </c>
      <c r="K7913">
        <v>1</v>
      </c>
    </row>
    <row r="7914" spans="1:11" x14ac:dyDescent="0.3">
      <c r="A7914" s="1">
        <v>42923</v>
      </c>
      <c r="B7914" s="3">
        <f t="shared" si="246"/>
        <v>7</v>
      </c>
      <c r="C7914" s="3">
        <f t="shared" si="247"/>
        <v>2017</v>
      </c>
      <c r="D7914" t="s">
        <v>1750</v>
      </c>
      <c r="E7914" t="s">
        <v>22</v>
      </c>
      <c r="F7914" t="s">
        <v>38</v>
      </c>
      <c r="G7914" t="s">
        <v>51</v>
      </c>
      <c r="H7914" t="s">
        <v>2329</v>
      </c>
      <c r="I7914">
        <v>16.78</v>
      </c>
      <c r="J7914">
        <v>3</v>
      </c>
      <c r="K7914">
        <v>4.82</v>
      </c>
    </row>
    <row r="7915" spans="1:11" x14ac:dyDescent="0.3">
      <c r="A7915" s="1">
        <v>42923</v>
      </c>
      <c r="B7915" s="3">
        <f t="shared" si="246"/>
        <v>7</v>
      </c>
      <c r="C7915" s="3">
        <f t="shared" si="247"/>
        <v>2017</v>
      </c>
      <c r="D7915" t="s">
        <v>1750</v>
      </c>
      <c r="E7915" t="s">
        <v>22</v>
      </c>
      <c r="F7915" t="s">
        <v>38</v>
      </c>
      <c r="G7915" t="s">
        <v>51</v>
      </c>
      <c r="H7915" t="s">
        <v>1786</v>
      </c>
      <c r="I7915">
        <v>527.91999999999996</v>
      </c>
      <c r="J7915">
        <v>2</v>
      </c>
      <c r="K7915">
        <v>85.79</v>
      </c>
    </row>
    <row r="7916" spans="1:11" x14ac:dyDescent="0.3">
      <c r="A7916" s="1">
        <v>42923</v>
      </c>
      <c r="B7916" s="3">
        <f t="shared" si="246"/>
        <v>7</v>
      </c>
      <c r="C7916" s="3">
        <f t="shared" si="247"/>
        <v>2017</v>
      </c>
      <c r="D7916" t="s">
        <v>1195</v>
      </c>
      <c r="E7916" t="s">
        <v>26</v>
      </c>
      <c r="F7916" t="s">
        <v>10</v>
      </c>
      <c r="G7916" t="s">
        <v>42</v>
      </c>
      <c r="H7916" t="s">
        <v>2306</v>
      </c>
      <c r="I7916">
        <v>5.94</v>
      </c>
      <c r="J7916">
        <v>3</v>
      </c>
      <c r="K7916">
        <v>0.12</v>
      </c>
    </row>
    <row r="7917" spans="1:11" x14ac:dyDescent="0.3">
      <c r="A7917" s="1">
        <v>42924</v>
      </c>
      <c r="B7917" s="3">
        <f t="shared" si="246"/>
        <v>7</v>
      </c>
      <c r="C7917" s="3">
        <f t="shared" si="247"/>
        <v>2017</v>
      </c>
      <c r="D7917" t="s">
        <v>682</v>
      </c>
      <c r="E7917" t="s">
        <v>433</v>
      </c>
      <c r="F7917" t="s">
        <v>10</v>
      </c>
      <c r="G7917" t="s">
        <v>23</v>
      </c>
      <c r="H7917" t="s">
        <v>353</v>
      </c>
      <c r="I7917">
        <v>7.56</v>
      </c>
      <c r="J7917">
        <v>3</v>
      </c>
      <c r="K7917">
        <v>3.1</v>
      </c>
    </row>
    <row r="7918" spans="1:11" x14ac:dyDescent="0.3">
      <c r="A7918" s="1">
        <v>42924</v>
      </c>
      <c r="B7918" s="3">
        <f t="shared" si="246"/>
        <v>7</v>
      </c>
      <c r="C7918" s="3">
        <f t="shared" si="247"/>
        <v>2017</v>
      </c>
      <c r="D7918" t="s">
        <v>682</v>
      </c>
      <c r="E7918" t="s">
        <v>433</v>
      </c>
      <c r="F7918" t="s">
        <v>10</v>
      </c>
      <c r="G7918" t="s">
        <v>11</v>
      </c>
      <c r="H7918" t="s">
        <v>624</v>
      </c>
      <c r="I7918">
        <v>24.56</v>
      </c>
      <c r="J7918">
        <v>2</v>
      </c>
      <c r="K7918">
        <v>11.54</v>
      </c>
    </row>
    <row r="7919" spans="1:11" x14ac:dyDescent="0.3">
      <c r="A7919" s="1">
        <v>42924</v>
      </c>
      <c r="B7919" s="3">
        <f t="shared" si="246"/>
        <v>7</v>
      </c>
      <c r="C7919" s="3">
        <f t="shared" si="247"/>
        <v>2017</v>
      </c>
      <c r="D7919" t="s">
        <v>682</v>
      </c>
      <c r="E7919" t="s">
        <v>433</v>
      </c>
      <c r="F7919" t="s">
        <v>10</v>
      </c>
      <c r="G7919" t="s">
        <v>23</v>
      </c>
      <c r="H7919" t="s">
        <v>257</v>
      </c>
      <c r="I7919">
        <v>12.96</v>
      </c>
      <c r="J7919">
        <v>2</v>
      </c>
      <c r="K7919">
        <v>4.1500000000000004</v>
      </c>
    </row>
    <row r="7920" spans="1:11" x14ac:dyDescent="0.3">
      <c r="A7920" s="1">
        <v>42924</v>
      </c>
      <c r="B7920" s="3">
        <f t="shared" si="246"/>
        <v>7</v>
      </c>
      <c r="C7920" s="3">
        <f t="shared" si="247"/>
        <v>2017</v>
      </c>
      <c r="D7920" t="s">
        <v>1222</v>
      </c>
      <c r="E7920" t="s">
        <v>26</v>
      </c>
      <c r="F7920" t="s">
        <v>33</v>
      </c>
      <c r="G7920" t="s">
        <v>46</v>
      </c>
      <c r="H7920" t="s">
        <v>1390</v>
      </c>
      <c r="I7920">
        <v>145.9</v>
      </c>
      <c r="J7920">
        <v>5</v>
      </c>
      <c r="K7920">
        <v>62.74</v>
      </c>
    </row>
    <row r="7921" spans="1:11" x14ac:dyDescent="0.3">
      <c r="A7921" s="1">
        <v>42924</v>
      </c>
      <c r="B7921" s="3">
        <f t="shared" si="246"/>
        <v>7</v>
      </c>
      <c r="C7921" s="3">
        <f t="shared" si="247"/>
        <v>2017</v>
      </c>
      <c r="D7921" t="s">
        <v>2689</v>
      </c>
      <c r="E7921" t="s">
        <v>163</v>
      </c>
      <c r="F7921" t="s">
        <v>33</v>
      </c>
      <c r="G7921" t="s">
        <v>46</v>
      </c>
      <c r="H7921" t="s">
        <v>2035</v>
      </c>
      <c r="I7921">
        <v>198.46</v>
      </c>
      <c r="J7921">
        <v>2</v>
      </c>
      <c r="K7921">
        <v>99.23</v>
      </c>
    </row>
    <row r="7922" spans="1:11" x14ac:dyDescent="0.3">
      <c r="A7922" s="1">
        <v>42924</v>
      </c>
      <c r="B7922" s="3">
        <f t="shared" si="246"/>
        <v>7</v>
      </c>
      <c r="C7922" s="3">
        <f t="shared" si="247"/>
        <v>2017</v>
      </c>
      <c r="D7922" t="s">
        <v>2689</v>
      </c>
      <c r="E7922" t="s">
        <v>163</v>
      </c>
      <c r="F7922" t="s">
        <v>10</v>
      </c>
      <c r="G7922" t="s">
        <v>15</v>
      </c>
      <c r="H7922" t="s">
        <v>813</v>
      </c>
      <c r="I7922">
        <v>786.48</v>
      </c>
      <c r="J7922">
        <v>8</v>
      </c>
      <c r="K7922">
        <v>385.38</v>
      </c>
    </row>
    <row r="7923" spans="1:11" x14ac:dyDescent="0.3">
      <c r="A7923" s="1">
        <v>42924</v>
      </c>
      <c r="B7923" s="3">
        <f t="shared" si="246"/>
        <v>7</v>
      </c>
      <c r="C7923" s="3">
        <f t="shared" si="247"/>
        <v>2017</v>
      </c>
      <c r="D7923" t="s">
        <v>2689</v>
      </c>
      <c r="E7923" t="s">
        <v>163</v>
      </c>
      <c r="F7923" t="s">
        <v>10</v>
      </c>
      <c r="G7923" t="s">
        <v>19</v>
      </c>
      <c r="H7923" t="s">
        <v>1648</v>
      </c>
      <c r="I7923">
        <v>23.17</v>
      </c>
      <c r="J7923">
        <v>2</v>
      </c>
      <c r="K7923">
        <v>7.82</v>
      </c>
    </row>
    <row r="7924" spans="1:11" x14ac:dyDescent="0.3">
      <c r="A7924" s="1">
        <v>42924</v>
      </c>
      <c r="B7924" s="3">
        <f t="shared" si="246"/>
        <v>7</v>
      </c>
      <c r="C7924" s="3">
        <f t="shared" si="247"/>
        <v>2017</v>
      </c>
      <c r="D7924" t="s">
        <v>2689</v>
      </c>
      <c r="E7924" t="s">
        <v>163</v>
      </c>
      <c r="F7924" t="s">
        <v>38</v>
      </c>
      <c r="G7924" t="s">
        <v>51</v>
      </c>
      <c r="H7924" t="s">
        <v>2397</v>
      </c>
      <c r="I7924">
        <v>50</v>
      </c>
      <c r="J7924">
        <v>2</v>
      </c>
      <c r="K7924">
        <v>10.5</v>
      </c>
    </row>
    <row r="7925" spans="1:11" x14ac:dyDescent="0.3">
      <c r="A7925" s="1">
        <v>42924</v>
      </c>
      <c r="B7925" s="3">
        <f t="shared" si="246"/>
        <v>7</v>
      </c>
      <c r="C7925" s="3">
        <f t="shared" si="247"/>
        <v>2017</v>
      </c>
      <c r="D7925" t="s">
        <v>1092</v>
      </c>
      <c r="E7925" t="s">
        <v>26</v>
      </c>
      <c r="F7925" t="s">
        <v>10</v>
      </c>
      <c r="G7925" t="s">
        <v>15</v>
      </c>
      <c r="H7925" t="s">
        <v>1024</v>
      </c>
      <c r="I7925">
        <v>75.180000000000007</v>
      </c>
      <c r="J7925">
        <v>6</v>
      </c>
      <c r="K7925">
        <v>35.33</v>
      </c>
    </row>
    <row r="7926" spans="1:11" x14ac:dyDescent="0.3">
      <c r="A7926" s="1">
        <v>42924</v>
      </c>
      <c r="B7926" s="3">
        <f t="shared" si="246"/>
        <v>7</v>
      </c>
      <c r="C7926" s="3">
        <f t="shared" si="247"/>
        <v>2017</v>
      </c>
      <c r="D7926" t="s">
        <v>229</v>
      </c>
      <c r="E7926" t="s">
        <v>163</v>
      </c>
      <c r="F7926" t="s">
        <v>33</v>
      </c>
      <c r="G7926" t="s">
        <v>46</v>
      </c>
      <c r="H7926" t="s">
        <v>1542</v>
      </c>
      <c r="I7926">
        <v>15.84</v>
      </c>
      <c r="J7926">
        <v>3</v>
      </c>
      <c r="K7926">
        <v>4.91</v>
      </c>
    </row>
    <row r="7927" spans="1:11" x14ac:dyDescent="0.3">
      <c r="A7927" s="1">
        <v>42924</v>
      </c>
      <c r="B7927" s="3">
        <f t="shared" si="246"/>
        <v>7</v>
      </c>
      <c r="C7927" s="3">
        <f t="shared" si="247"/>
        <v>2017</v>
      </c>
      <c r="D7927" t="s">
        <v>229</v>
      </c>
      <c r="E7927" t="s">
        <v>163</v>
      </c>
      <c r="F7927" t="s">
        <v>10</v>
      </c>
      <c r="G7927" t="s">
        <v>19</v>
      </c>
      <c r="H7927" t="s">
        <v>310</v>
      </c>
      <c r="I7927">
        <v>86.38</v>
      </c>
      <c r="J7927">
        <v>3</v>
      </c>
      <c r="K7927">
        <v>30.23</v>
      </c>
    </row>
    <row r="7928" spans="1:11" x14ac:dyDescent="0.3">
      <c r="A7928" s="1">
        <v>42924</v>
      </c>
      <c r="B7928" s="3">
        <f t="shared" si="246"/>
        <v>7</v>
      </c>
      <c r="C7928" s="3">
        <f t="shared" si="247"/>
        <v>2017</v>
      </c>
      <c r="D7928" t="s">
        <v>229</v>
      </c>
      <c r="E7928" t="s">
        <v>163</v>
      </c>
      <c r="F7928" t="s">
        <v>10</v>
      </c>
      <c r="G7928" t="s">
        <v>23</v>
      </c>
      <c r="H7928" t="s">
        <v>225</v>
      </c>
      <c r="I7928">
        <v>18.239999999999998</v>
      </c>
      <c r="J7928">
        <v>3</v>
      </c>
      <c r="K7928">
        <v>6.2</v>
      </c>
    </row>
    <row r="7929" spans="1:11" x14ac:dyDescent="0.3">
      <c r="A7929" s="1">
        <v>42924</v>
      </c>
      <c r="B7929" s="3">
        <f t="shared" si="246"/>
        <v>7</v>
      </c>
      <c r="C7929" s="3">
        <f t="shared" si="247"/>
        <v>2017</v>
      </c>
      <c r="D7929" t="s">
        <v>229</v>
      </c>
      <c r="E7929" t="s">
        <v>163</v>
      </c>
      <c r="F7929" t="s">
        <v>10</v>
      </c>
      <c r="G7929" t="s">
        <v>23</v>
      </c>
      <c r="H7929" t="s">
        <v>458</v>
      </c>
      <c r="I7929">
        <v>13.12</v>
      </c>
      <c r="J7929">
        <v>4</v>
      </c>
      <c r="K7929">
        <v>4.33</v>
      </c>
    </row>
    <row r="7930" spans="1:11" x14ac:dyDescent="0.3">
      <c r="A7930" s="1">
        <v>42924</v>
      </c>
      <c r="B7930" s="3">
        <f t="shared" si="246"/>
        <v>7</v>
      </c>
      <c r="C7930" s="3">
        <f t="shared" si="247"/>
        <v>2017</v>
      </c>
      <c r="D7930" t="s">
        <v>2438</v>
      </c>
      <c r="E7930" t="s">
        <v>58</v>
      </c>
      <c r="F7930" t="s">
        <v>33</v>
      </c>
      <c r="G7930" t="s">
        <v>46</v>
      </c>
      <c r="H7930" t="s">
        <v>1935</v>
      </c>
      <c r="I7930">
        <v>83.92</v>
      </c>
      <c r="J7930">
        <v>4</v>
      </c>
      <c r="K7930">
        <v>5.87</v>
      </c>
    </row>
    <row r="7931" spans="1:11" x14ac:dyDescent="0.3">
      <c r="A7931" s="1">
        <v>42924</v>
      </c>
      <c r="B7931" s="3">
        <f t="shared" si="246"/>
        <v>7</v>
      </c>
      <c r="C7931" s="3">
        <f t="shared" si="247"/>
        <v>2017</v>
      </c>
      <c r="D7931" t="s">
        <v>2438</v>
      </c>
      <c r="E7931" t="s">
        <v>58</v>
      </c>
      <c r="F7931" t="s">
        <v>38</v>
      </c>
      <c r="G7931" t="s">
        <v>51</v>
      </c>
      <c r="H7931" t="s">
        <v>1062</v>
      </c>
      <c r="I7931">
        <v>141.9</v>
      </c>
      <c r="J7931">
        <v>5</v>
      </c>
      <c r="K7931">
        <v>58.18</v>
      </c>
    </row>
    <row r="7932" spans="1:11" x14ac:dyDescent="0.3">
      <c r="A7932" s="1">
        <v>42924</v>
      </c>
      <c r="B7932" s="3">
        <f t="shared" si="246"/>
        <v>7</v>
      </c>
      <c r="C7932" s="3">
        <f t="shared" si="247"/>
        <v>2017</v>
      </c>
      <c r="D7932" t="s">
        <v>2438</v>
      </c>
      <c r="E7932" t="s">
        <v>58</v>
      </c>
      <c r="F7932" t="s">
        <v>33</v>
      </c>
      <c r="G7932" t="s">
        <v>46</v>
      </c>
      <c r="H7932" t="s">
        <v>955</v>
      </c>
      <c r="I7932">
        <v>39.979999999999997</v>
      </c>
      <c r="J7932">
        <v>2</v>
      </c>
      <c r="K7932">
        <v>9.1999999999999993</v>
      </c>
    </row>
    <row r="7933" spans="1:11" x14ac:dyDescent="0.3">
      <c r="A7933" s="1">
        <v>42924</v>
      </c>
      <c r="B7933" s="3">
        <f t="shared" si="246"/>
        <v>7</v>
      </c>
      <c r="C7933" s="3">
        <f t="shared" si="247"/>
        <v>2017</v>
      </c>
      <c r="D7933" t="s">
        <v>2438</v>
      </c>
      <c r="E7933" t="s">
        <v>58</v>
      </c>
      <c r="F7933" t="s">
        <v>10</v>
      </c>
      <c r="G7933" t="s">
        <v>23</v>
      </c>
      <c r="H7933" t="s">
        <v>1526</v>
      </c>
      <c r="I7933">
        <v>28.91</v>
      </c>
      <c r="J7933">
        <v>7</v>
      </c>
      <c r="K7933">
        <v>8.67</v>
      </c>
    </row>
    <row r="7934" spans="1:11" x14ac:dyDescent="0.3">
      <c r="A7934" s="1">
        <v>42924</v>
      </c>
      <c r="B7934" s="3">
        <f t="shared" si="246"/>
        <v>7</v>
      </c>
      <c r="C7934" s="3">
        <f t="shared" si="247"/>
        <v>2017</v>
      </c>
      <c r="D7934" t="s">
        <v>2438</v>
      </c>
      <c r="E7934" t="s">
        <v>58</v>
      </c>
      <c r="F7934" t="s">
        <v>10</v>
      </c>
      <c r="G7934" t="s">
        <v>23</v>
      </c>
      <c r="H7934" t="s">
        <v>599</v>
      </c>
      <c r="I7934">
        <v>174.95</v>
      </c>
      <c r="J7934">
        <v>5</v>
      </c>
      <c r="K7934">
        <v>45.49</v>
      </c>
    </row>
    <row r="7935" spans="1:11" x14ac:dyDescent="0.3">
      <c r="A7935" s="1">
        <v>42924</v>
      </c>
      <c r="B7935" s="3">
        <f t="shared" si="246"/>
        <v>7</v>
      </c>
      <c r="C7935" s="3">
        <f t="shared" si="247"/>
        <v>2017</v>
      </c>
      <c r="D7935" t="s">
        <v>1208</v>
      </c>
      <c r="E7935" t="s">
        <v>163</v>
      </c>
      <c r="F7935" t="s">
        <v>10</v>
      </c>
      <c r="G7935" t="s">
        <v>11</v>
      </c>
      <c r="H7935" t="s">
        <v>624</v>
      </c>
      <c r="I7935">
        <v>52.76</v>
      </c>
      <c r="J7935">
        <v>2</v>
      </c>
      <c r="K7935">
        <v>24.27</v>
      </c>
    </row>
    <row r="7936" spans="1:11" x14ac:dyDescent="0.3">
      <c r="A7936" s="1">
        <v>42925</v>
      </c>
      <c r="B7936" s="3">
        <f t="shared" si="246"/>
        <v>7</v>
      </c>
      <c r="C7936" s="3">
        <f t="shared" si="247"/>
        <v>2017</v>
      </c>
      <c r="D7936" t="s">
        <v>682</v>
      </c>
      <c r="E7936" t="s">
        <v>90</v>
      </c>
      <c r="F7936" t="s">
        <v>10</v>
      </c>
      <c r="G7936" t="s">
        <v>19</v>
      </c>
      <c r="H7936" t="s">
        <v>204</v>
      </c>
      <c r="I7936">
        <v>1.08</v>
      </c>
      <c r="J7936">
        <v>2</v>
      </c>
      <c r="K7936">
        <v>-0.79</v>
      </c>
    </row>
    <row r="7937" spans="1:11" x14ac:dyDescent="0.3">
      <c r="A7937" s="1">
        <v>42925</v>
      </c>
      <c r="B7937" s="3">
        <f t="shared" si="246"/>
        <v>7</v>
      </c>
      <c r="C7937" s="3">
        <f t="shared" si="247"/>
        <v>2017</v>
      </c>
      <c r="D7937" t="s">
        <v>872</v>
      </c>
      <c r="E7937" t="s">
        <v>14</v>
      </c>
      <c r="F7937" t="s">
        <v>10</v>
      </c>
      <c r="G7937" t="s">
        <v>23</v>
      </c>
      <c r="H7937" t="s">
        <v>2690</v>
      </c>
      <c r="I7937">
        <v>8.84</v>
      </c>
      <c r="J7937">
        <v>5</v>
      </c>
      <c r="K7937">
        <v>2.98</v>
      </c>
    </row>
    <row r="7938" spans="1:11" x14ac:dyDescent="0.3">
      <c r="A7938" s="1">
        <v>42925</v>
      </c>
      <c r="B7938" s="3">
        <f t="shared" ref="B7938:B8001" si="248">MONTH(A:A)</f>
        <v>7</v>
      </c>
      <c r="C7938" s="3">
        <f t="shared" ref="C7938:C8001" si="249">YEAR(A:A)</f>
        <v>2017</v>
      </c>
      <c r="D7938" t="s">
        <v>872</v>
      </c>
      <c r="E7938" t="s">
        <v>14</v>
      </c>
      <c r="F7938" t="s">
        <v>10</v>
      </c>
      <c r="G7938" t="s">
        <v>91</v>
      </c>
      <c r="H7938" t="s">
        <v>2620</v>
      </c>
      <c r="I7938">
        <v>58.46</v>
      </c>
      <c r="J7938">
        <v>9</v>
      </c>
      <c r="K7938">
        <v>-146.16</v>
      </c>
    </row>
    <row r="7939" spans="1:11" x14ac:dyDescent="0.3">
      <c r="A7939" s="1">
        <v>42925</v>
      </c>
      <c r="B7939" s="3">
        <f t="shared" si="248"/>
        <v>7</v>
      </c>
      <c r="C7939" s="3">
        <f t="shared" si="249"/>
        <v>2017</v>
      </c>
      <c r="D7939" t="s">
        <v>680</v>
      </c>
      <c r="E7939" t="s">
        <v>14</v>
      </c>
      <c r="F7939" t="s">
        <v>10</v>
      </c>
      <c r="G7939" t="s">
        <v>17</v>
      </c>
      <c r="H7939" t="s">
        <v>143</v>
      </c>
      <c r="I7939">
        <v>228.92</v>
      </c>
      <c r="J7939">
        <v>5</v>
      </c>
      <c r="K7939">
        <v>14.31</v>
      </c>
    </row>
    <row r="7940" spans="1:11" x14ac:dyDescent="0.3">
      <c r="A7940" s="1">
        <v>42925</v>
      </c>
      <c r="B7940" s="3">
        <f t="shared" si="248"/>
        <v>7</v>
      </c>
      <c r="C7940" s="3">
        <f t="shared" si="249"/>
        <v>2017</v>
      </c>
      <c r="D7940" t="s">
        <v>335</v>
      </c>
      <c r="E7940" t="s">
        <v>128</v>
      </c>
      <c r="F7940" t="s">
        <v>33</v>
      </c>
      <c r="G7940" t="s">
        <v>46</v>
      </c>
      <c r="H7940" t="s">
        <v>2139</v>
      </c>
      <c r="I7940">
        <v>526.45000000000005</v>
      </c>
      <c r="J7940">
        <v>5</v>
      </c>
      <c r="K7940">
        <v>31.59</v>
      </c>
    </row>
    <row r="7941" spans="1:11" x14ac:dyDescent="0.3">
      <c r="A7941" s="1">
        <v>42925</v>
      </c>
      <c r="B7941" s="3">
        <f t="shared" si="248"/>
        <v>7</v>
      </c>
      <c r="C7941" s="3">
        <f t="shared" si="249"/>
        <v>2017</v>
      </c>
      <c r="D7941" t="s">
        <v>1622</v>
      </c>
      <c r="E7941" t="s">
        <v>612</v>
      </c>
      <c r="F7941" t="s">
        <v>10</v>
      </c>
      <c r="G7941" t="s">
        <v>11</v>
      </c>
      <c r="H7941" t="s">
        <v>2300</v>
      </c>
      <c r="I7941">
        <v>274.8</v>
      </c>
      <c r="J7941">
        <v>5</v>
      </c>
      <c r="K7941">
        <v>134.65</v>
      </c>
    </row>
    <row r="7942" spans="1:11" x14ac:dyDescent="0.3">
      <c r="A7942" s="1">
        <v>42925</v>
      </c>
      <c r="B7942" s="3">
        <f t="shared" si="248"/>
        <v>7</v>
      </c>
      <c r="C7942" s="3">
        <f t="shared" si="249"/>
        <v>2017</v>
      </c>
      <c r="D7942" t="s">
        <v>1622</v>
      </c>
      <c r="E7942" t="s">
        <v>612</v>
      </c>
      <c r="F7942" t="s">
        <v>10</v>
      </c>
      <c r="G7942" t="s">
        <v>17</v>
      </c>
      <c r="H7942" t="s">
        <v>1869</v>
      </c>
      <c r="I7942">
        <v>195.64</v>
      </c>
      <c r="J7942">
        <v>4</v>
      </c>
      <c r="K7942">
        <v>3.91</v>
      </c>
    </row>
    <row r="7943" spans="1:11" x14ac:dyDescent="0.3">
      <c r="A7943" s="1">
        <v>42925</v>
      </c>
      <c r="B7943" s="3">
        <f t="shared" si="248"/>
        <v>7</v>
      </c>
      <c r="C7943" s="3">
        <f t="shared" si="249"/>
        <v>2017</v>
      </c>
      <c r="D7943" t="s">
        <v>1622</v>
      </c>
      <c r="E7943" t="s">
        <v>612</v>
      </c>
      <c r="F7943" t="s">
        <v>38</v>
      </c>
      <c r="G7943" t="s">
        <v>39</v>
      </c>
      <c r="H7943" t="s">
        <v>1517</v>
      </c>
      <c r="I7943">
        <v>257.98</v>
      </c>
      <c r="J7943">
        <v>2</v>
      </c>
      <c r="K7943">
        <v>74.81</v>
      </c>
    </row>
    <row r="7944" spans="1:11" x14ac:dyDescent="0.3">
      <c r="A7944" s="1">
        <v>42925</v>
      </c>
      <c r="B7944" s="3">
        <f t="shared" si="248"/>
        <v>7</v>
      </c>
      <c r="C7944" s="3">
        <f t="shared" si="249"/>
        <v>2017</v>
      </c>
      <c r="D7944" t="s">
        <v>1622</v>
      </c>
      <c r="E7944" t="s">
        <v>612</v>
      </c>
      <c r="F7944" t="s">
        <v>10</v>
      </c>
      <c r="G7944" t="s">
        <v>23</v>
      </c>
      <c r="H7944" t="s">
        <v>525</v>
      </c>
      <c r="I7944">
        <v>119.04</v>
      </c>
      <c r="J7944">
        <v>6</v>
      </c>
      <c r="K7944">
        <v>48.81</v>
      </c>
    </row>
    <row r="7945" spans="1:11" x14ac:dyDescent="0.3">
      <c r="A7945" s="1">
        <v>42926</v>
      </c>
      <c r="B7945" s="3">
        <f t="shared" si="248"/>
        <v>7</v>
      </c>
      <c r="C7945" s="3">
        <f t="shared" si="249"/>
        <v>2017</v>
      </c>
      <c r="D7945" t="s">
        <v>2100</v>
      </c>
      <c r="E7945" t="s">
        <v>29</v>
      </c>
      <c r="F7945" t="s">
        <v>33</v>
      </c>
      <c r="G7945" t="s">
        <v>46</v>
      </c>
      <c r="H7945" t="s">
        <v>1167</v>
      </c>
      <c r="I7945">
        <v>18.84</v>
      </c>
      <c r="J7945">
        <v>3</v>
      </c>
      <c r="K7945">
        <v>7.91</v>
      </c>
    </row>
    <row r="7946" spans="1:11" x14ac:dyDescent="0.3">
      <c r="A7946" s="1">
        <v>42926</v>
      </c>
      <c r="B7946" s="3">
        <f t="shared" si="248"/>
        <v>7</v>
      </c>
      <c r="C7946" s="3">
        <f t="shared" si="249"/>
        <v>2017</v>
      </c>
      <c r="D7946" t="s">
        <v>695</v>
      </c>
      <c r="E7946" t="s">
        <v>14</v>
      </c>
      <c r="F7946" t="s">
        <v>10</v>
      </c>
      <c r="G7946" t="s">
        <v>17</v>
      </c>
      <c r="H7946" t="s">
        <v>1399</v>
      </c>
      <c r="I7946">
        <v>298.45999999999998</v>
      </c>
      <c r="J7946">
        <v>6</v>
      </c>
      <c r="K7946">
        <v>26.12</v>
      </c>
    </row>
    <row r="7947" spans="1:11" x14ac:dyDescent="0.3">
      <c r="A7947" s="1">
        <v>42926</v>
      </c>
      <c r="B7947" s="3">
        <f t="shared" si="248"/>
        <v>7</v>
      </c>
      <c r="C7947" s="3">
        <f t="shared" si="249"/>
        <v>2017</v>
      </c>
      <c r="D7947" t="s">
        <v>368</v>
      </c>
      <c r="E7947" t="s">
        <v>29</v>
      </c>
      <c r="F7947" t="s">
        <v>10</v>
      </c>
      <c r="G7947" t="s">
        <v>91</v>
      </c>
      <c r="H7947" t="s">
        <v>1837</v>
      </c>
      <c r="I7947">
        <v>41.91</v>
      </c>
      <c r="J7947">
        <v>3</v>
      </c>
      <c r="K7947">
        <v>10.9</v>
      </c>
    </row>
    <row r="7948" spans="1:11" x14ac:dyDescent="0.3">
      <c r="A7948" s="1">
        <v>42927</v>
      </c>
      <c r="B7948" s="3">
        <f t="shared" si="248"/>
        <v>7</v>
      </c>
      <c r="C7948" s="3">
        <f t="shared" si="249"/>
        <v>2017</v>
      </c>
      <c r="D7948" t="s">
        <v>1735</v>
      </c>
      <c r="E7948" t="s">
        <v>26</v>
      </c>
      <c r="F7948" t="s">
        <v>10</v>
      </c>
      <c r="G7948" t="s">
        <v>15</v>
      </c>
      <c r="H7948" t="s">
        <v>55</v>
      </c>
      <c r="I7948">
        <v>8.67</v>
      </c>
      <c r="J7948">
        <v>3</v>
      </c>
      <c r="K7948">
        <v>4.07</v>
      </c>
    </row>
    <row r="7949" spans="1:11" x14ac:dyDescent="0.3">
      <c r="A7949" s="1">
        <v>42927</v>
      </c>
      <c r="B7949" s="3">
        <f t="shared" si="248"/>
        <v>7</v>
      </c>
      <c r="C7949" s="3">
        <f t="shared" si="249"/>
        <v>2017</v>
      </c>
      <c r="D7949" t="s">
        <v>1432</v>
      </c>
      <c r="E7949" t="s">
        <v>148</v>
      </c>
      <c r="F7949" t="s">
        <v>38</v>
      </c>
      <c r="G7949" t="s">
        <v>51</v>
      </c>
      <c r="H7949" t="s">
        <v>387</v>
      </c>
      <c r="I7949">
        <v>132.6</v>
      </c>
      <c r="J7949">
        <v>6</v>
      </c>
      <c r="K7949">
        <v>17.239999999999998</v>
      </c>
    </row>
    <row r="7950" spans="1:11" x14ac:dyDescent="0.3">
      <c r="A7950" s="1">
        <v>42927</v>
      </c>
      <c r="B7950" s="3">
        <f t="shared" si="248"/>
        <v>7</v>
      </c>
      <c r="C7950" s="3">
        <f t="shared" si="249"/>
        <v>2017</v>
      </c>
      <c r="D7950" t="s">
        <v>847</v>
      </c>
      <c r="E7950" t="s">
        <v>394</v>
      </c>
      <c r="F7950" t="s">
        <v>10</v>
      </c>
      <c r="G7950" t="s">
        <v>23</v>
      </c>
      <c r="H7950" t="s">
        <v>206</v>
      </c>
      <c r="I7950">
        <v>30.32</v>
      </c>
      <c r="J7950">
        <v>4</v>
      </c>
      <c r="K7950">
        <v>11.82</v>
      </c>
    </row>
    <row r="7951" spans="1:11" x14ac:dyDescent="0.3">
      <c r="A7951" s="1">
        <v>42927</v>
      </c>
      <c r="B7951" s="3">
        <f t="shared" si="248"/>
        <v>7</v>
      </c>
      <c r="C7951" s="3">
        <f t="shared" si="249"/>
        <v>2017</v>
      </c>
      <c r="D7951" t="s">
        <v>426</v>
      </c>
      <c r="E7951" t="s">
        <v>26</v>
      </c>
      <c r="F7951" t="s">
        <v>38</v>
      </c>
      <c r="G7951" t="s">
        <v>51</v>
      </c>
      <c r="H7951" t="s">
        <v>1627</v>
      </c>
      <c r="I7951">
        <v>1287.45</v>
      </c>
      <c r="J7951">
        <v>5</v>
      </c>
      <c r="K7951">
        <v>244.62</v>
      </c>
    </row>
    <row r="7952" spans="1:11" x14ac:dyDescent="0.3">
      <c r="A7952" s="1">
        <v>42927</v>
      </c>
      <c r="B7952" s="3">
        <f t="shared" si="248"/>
        <v>7</v>
      </c>
      <c r="C7952" s="3">
        <f t="shared" si="249"/>
        <v>2017</v>
      </c>
      <c r="D7952" t="s">
        <v>426</v>
      </c>
      <c r="E7952" t="s">
        <v>26</v>
      </c>
      <c r="F7952" t="s">
        <v>10</v>
      </c>
      <c r="G7952" t="s">
        <v>91</v>
      </c>
      <c r="H7952" t="s">
        <v>2394</v>
      </c>
      <c r="I7952">
        <v>168.1</v>
      </c>
      <c r="J7952">
        <v>5</v>
      </c>
      <c r="K7952">
        <v>43.71</v>
      </c>
    </row>
    <row r="7953" spans="1:11" x14ac:dyDescent="0.3">
      <c r="A7953" s="1">
        <v>42927</v>
      </c>
      <c r="B7953" s="3">
        <f t="shared" si="248"/>
        <v>7</v>
      </c>
      <c r="C7953" s="3">
        <f t="shared" si="249"/>
        <v>2017</v>
      </c>
      <c r="D7953" t="s">
        <v>1037</v>
      </c>
      <c r="E7953" t="s">
        <v>26</v>
      </c>
      <c r="F7953" t="s">
        <v>38</v>
      </c>
      <c r="G7953" t="s">
        <v>39</v>
      </c>
      <c r="H7953" t="s">
        <v>2466</v>
      </c>
      <c r="I7953">
        <v>71.95</v>
      </c>
      <c r="J7953">
        <v>6</v>
      </c>
      <c r="K7953">
        <v>5.4</v>
      </c>
    </row>
    <row r="7954" spans="1:11" x14ac:dyDescent="0.3">
      <c r="A7954" s="1">
        <v>42927</v>
      </c>
      <c r="B7954" s="3">
        <f t="shared" si="248"/>
        <v>7</v>
      </c>
      <c r="C7954" s="3">
        <f t="shared" si="249"/>
        <v>2017</v>
      </c>
      <c r="D7954" t="s">
        <v>1037</v>
      </c>
      <c r="E7954" t="s">
        <v>26</v>
      </c>
      <c r="F7954" t="s">
        <v>10</v>
      </c>
      <c r="G7954" t="s">
        <v>19</v>
      </c>
      <c r="H7954" t="s">
        <v>48</v>
      </c>
      <c r="I7954">
        <v>29.8</v>
      </c>
      <c r="J7954">
        <v>5</v>
      </c>
      <c r="K7954">
        <v>9.31</v>
      </c>
    </row>
    <row r="7955" spans="1:11" x14ac:dyDescent="0.3">
      <c r="A7955" s="1">
        <v>42928</v>
      </c>
      <c r="B7955" s="3">
        <f t="shared" si="248"/>
        <v>7</v>
      </c>
      <c r="C7955" s="3">
        <f t="shared" si="249"/>
        <v>2017</v>
      </c>
      <c r="D7955" t="s">
        <v>601</v>
      </c>
      <c r="E7955" t="s">
        <v>77</v>
      </c>
      <c r="F7955" t="s">
        <v>10</v>
      </c>
      <c r="G7955" t="s">
        <v>11</v>
      </c>
      <c r="H7955" t="s">
        <v>1913</v>
      </c>
      <c r="I7955">
        <v>3.82</v>
      </c>
      <c r="J7955">
        <v>1</v>
      </c>
      <c r="K7955">
        <v>1.19</v>
      </c>
    </row>
    <row r="7956" spans="1:11" x14ac:dyDescent="0.3">
      <c r="A7956" s="1">
        <v>42929</v>
      </c>
      <c r="B7956" s="3">
        <f t="shared" si="248"/>
        <v>7</v>
      </c>
      <c r="C7956" s="3">
        <f t="shared" si="249"/>
        <v>2017</v>
      </c>
      <c r="D7956" t="s">
        <v>934</v>
      </c>
      <c r="E7956" t="s">
        <v>22</v>
      </c>
      <c r="F7956" t="s">
        <v>38</v>
      </c>
      <c r="G7956" t="s">
        <v>39</v>
      </c>
      <c r="H7956" t="s">
        <v>929</v>
      </c>
      <c r="I7956">
        <v>39.590000000000003</v>
      </c>
      <c r="J7956">
        <v>1</v>
      </c>
      <c r="K7956">
        <v>-7.26</v>
      </c>
    </row>
    <row r="7957" spans="1:11" x14ac:dyDescent="0.3">
      <c r="A7957" s="1">
        <v>42929</v>
      </c>
      <c r="B7957" s="3">
        <f t="shared" si="248"/>
        <v>7</v>
      </c>
      <c r="C7957" s="3">
        <f t="shared" si="249"/>
        <v>2017</v>
      </c>
      <c r="D7957" t="s">
        <v>934</v>
      </c>
      <c r="E7957" t="s">
        <v>22</v>
      </c>
      <c r="F7957" t="s">
        <v>33</v>
      </c>
      <c r="G7957" t="s">
        <v>46</v>
      </c>
      <c r="H7957" t="s">
        <v>1268</v>
      </c>
      <c r="I7957">
        <v>91.01</v>
      </c>
      <c r="J7957">
        <v>9</v>
      </c>
      <c r="K7957">
        <v>19.34</v>
      </c>
    </row>
    <row r="7958" spans="1:11" x14ac:dyDescent="0.3">
      <c r="A7958" s="1">
        <v>42929</v>
      </c>
      <c r="B7958" s="3">
        <f t="shared" si="248"/>
        <v>7</v>
      </c>
      <c r="C7958" s="3">
        <f t="shared" si="249"/>
        <v>2017</v>
      </c>
      <c r="D7958" t="s">
        <v>1259</v>
      </c>
      <c r="E7958" t="s">
        <v>1282</v>
      </c>
      <c r="F7958" t="s">
        <v>10</v>
      </c>
      <c r="G7958" t="s">
        <v>17</v>
      </c>
      <c r="H7958" t="s">
        <v>1756</v>
      </c>
      <c r="I7958">
        <v>360.38</v>
      </c>
      <c r="J7958">
        <v>2</v>
      </c>
      <c r="K7958">
        <v>93.7</v>
      </c>
    </row>
    <row r="7959" spans="1:11" x14ac:dyDescent="0.3">
      <c r="A7959" s="1">
        <v>42929</v>
      </c>
      <c r="B7959" s="3">
        <f t="shared" si="248"/>
        <v>7</v>
      </c>
      <c r="C7959" s="3">
        <f t="shared" si="249"/>
        <v>2017</v>
      </c>
      <c r="D7959" t="s">
        <v>1259</v>
      </c>
      <c r="E7959" t="s">
        <v>1282</v>
      </c>
      <c r="F7959" t="s">
        <v>10</v>
      </c>
      <c r="G7959" t="s">
        <v>11</v>
      </c>
      <c r="H7959" t="s">
        <v>2647</v>
      </c>
      <c r="I7959">
        <v>13.56</v>
      </c>
      <c r="J7959">
        <v>2</v>
      </c>
      <c r="K7959">
        <v>6.24</v>
      </c>
    </row>
    <row r="7960" spans="1:11" x14ac:dyDescent="0.3">
      <c r="A7960" s="1">
        <v>42930</v>
      </c>
      <c r="B7960" s="3">
        <f t="shared" si="248"/>
        <v>7</v>
      </c>
      <c r="C7960" s="3">
        <f t="shared" si="249"/>
        <v>2017</v>
      </c>
      <c r="D7960" t="s">
        <v>1470</v>
      </c>
      <c r="E7960" t="s">
        <v>26</v>
      </c>
      <c r="F7960" t="s">
        <v>10</v>
      </c>
      <c r="G7960" t="s">
        <v>19</v>
      </c>
      <c r="H7960" t="s">
        <v>1290</v>
      </c>
      <c r="I7960">
        <v>4.45</v>
      </c>
      <c r="J7960">
        <v>2</v>
      </c>
      <c r="K7960">
        <v>1.45</v>
      </c>
    </row>
    <row r="7961" spans="1:11" x14ac:dyDescent="0.3">
      <c r="A7961" s="1">
        <v>42930</v>
      </c>
      <c r="B7961" s="3">
        <f t="shared" si="248"/>
        <v>7</v>
      </c>
      <c r="C7961" s="3">
        <f t="shared" si="249"/>
        <v>2017</v>
      </c>
      <c r="D7961" t="s">
        <v>1470</v>
      </c>
      <c r="E7961" t="s">
        <v>26</v>
      </c>
      <c r="F7961" t="s">
        <v>33</v>
      </c>
      <c r="G7961" t="s">
        <v>46</v>
      </c>
      <c r="H7961" t="s">
        <v>2441</v>
      </c>
      <c r="I7961">
        <v>276.69</v>
      </c>
      <c r="J7961">
        <v>3</v>
      </c>
      <c r="K7961">
        <v>49.8</v>
      </c>
    </row>
    <row r="7962" spans="1:11" x14ac:dyDescent="0.3">
      <c r="A7962" s="1">
        <v>42930</v>
      </c>
      <c r="B7962" s="3">
        <f t="shared" si="248"/>
        <v>7</v>
      </c>
      <c r="C7962" s="3">
        <f t="shared" si="249"/>
        <v>2017</v>
      </c>
      <c r="D7962" t="s">
        <v>1470</v>
      </c>
      <c r="E7962" t="s">
        <v>26</v>
      </c>
      <c r="F7962" t="s">
        <v>10</v>
      </c>
      <c r="G7962" t="s">
        <v>42</v>
      </c>
      <c r="H7962" t="s">
        <v>1795</v>
      </c>
      <c r="I7962">
        <v>4.96</v>
      </c>
      <c r="J7962">
        <v>4</v>
      </c>
      <c r="K7962">
        <v>2.33</v>
      </c>
    </row>
    <row r="7963" spans="1:11" x14ac:dyDescent="0.3">
      <c r="A7963" s="1">
        <v>42930</v>
      </c>
      <c r="B7963" s="3">
        <f t="shared" si="248"/>
        <v>7</v>
      </c>
      <c r="C7963" s="3">
        <f t="shared" si="249"/>
        <v>2017</v>
      </c>
      <c r="D7963" t="s">
        <v>1470</v>
      </c>
      <c r="E7963" t="s">
        <v>26</v>
      </c>
      <c r="F7963" t="s">
        <v>10</v>
      </c>
      <c r="G7963" t="s">
        <v>23</v>
      </c>
      <c r="H7963" t="s">
        <v>1200</v>
      </c>
      <c r="I7963">
        <v>71.92</v>
      </c>
      <c r="J7963">
        <v>4</v>
      </c>
      <c r="K7963">
        <v>20.86</v>
      </c>
    </row>
    <row r="7964" spans="1:11" x14ac:dyDescent="0.3">
      <c r="A7964" s="1">
        <v>42930</v>
      </c>
      <c r="B7964" s="3">
        <f t="shared" si="248"/>
        <v>7</v>
      </c>
      <c r="C7964" s="3">
        <f t="shared" si="249"/>
        <v>2017</v>
      </c>
      <c r="D7964" t="s">
        <v>1470</v>
      </c>
      <c r="E7964" t="s">
        <v>26</v>
      </c>
      <c r="F7964" t="s">
        <v>33</v>
      </c>
      <c r="G7964" t="s">
        <v>46</v>
      </c>
      <c r="H7964" t="s">
        <v>1693</v>
      </c>
      <c r="I7964">
        <v>18.84</v>
      </c>
      <c r="J7964">
        <v>3</v>
      </c>
      <c r="K7964">
        <v>7.91</v>
      </c>
    </row>
    <row r="7965" spans="1:11" x14ac:dyDescent="0.3">
      <c r="A7965" s="1">
        <v>42930</v>
      </c>
      <c r="B7965" s="3">
        <f t="shared" si="248"/>
        <v>7</v>
      </c>
      <c r="C7965" s="3">
        <f t="shared" si="249"/>
        <v>2017</v>
      </c>
      <c r="D7965" t="s">
        <v>1470</v>
      </c>
      <c r="E7965" t="s">
        <v>26</v>
      </c>
      <c r="F7965" t="s">
        <v>38</v>
      </c>
      <c r="G7965" t="s">
        <v>51</v>
      </c>
      <c r="H7965" t="s">
        <v>2514</v>
      </c>
      <c r="I7965">
        <v>140.97</v>
      </c>
      <c r="J7965">
        <v>3</v>
      </c>
      <c r="K7965">
        <v>19.739999999999998</v>
      </c>
    </row>
    <row r="7966" spans="1:11" x14ac:dyDescent="0.3">
      <c r="A7966" s="1">
        <v>42930</v>
      </c>
      <c r="B7966" s="3">
        <f t="shared" si="248"/>
        <v>7</v>
      </c>
      <c r="C7966" s="3">
        <f t="shared" si="249"/>
        <v>2017</v>
      </c>
      <c r="D7966" t="s">
        <v>1470</v>
      </c>
      <c r="E7966" t="s">
        <v>26</v>
      </c>
      <c r="F7966" t="s">
        <v>38</v>
      </c>
      <c r="G7966" t="s">
        <v>39</v>
      </c>
      <c r="H7966" t="s">
        <v>40</v>
      </c>
      <c r="I7966">
        <v>470.38</v>
      </c>
      <c r="J7966">
        <v>3</v>
      </c>
      <c r="K7966">
        <v>52.92</v>
      </c>
    </row>
    <row r="7967" spans="1:11" x14ac:dyDescent="0.3">
      <c r="A7967" s="1">
        <v>42930</v>
      </c>
      <c r="B7967" s="3">
        <f t="shared" si="248"/>
        <v>7</v>
      </c>
      <c r="C7967" s="3">
        <f t="shared" si="249"/>
        <v>2017</v>
      </c>
      <c r="D7967" t="s">
        <v>536</v>
      </c>
      <c r="E7967" t="s">
        <v>77</v>
      </c>
      <c r="F7967" t="s">
        <v>10</v>
      </c>
      <c r="G7967" t="s">
        <v>11</v>
      </c>
      <c r="H7967" t="s">
        <v>2416</v>
      </c>
      <c r="I7967">
        <v>9.25</v>
      </c>
      <c r="J7967">
        <v>2</v>
      </c>
      <c r="K7967">
        <v>3.35</v>
      </c>
    </row>
    <row r="7968" spans="1:11" x14ac:dyDescent="0.3">
      <c r="A7968" s="1">
        <v>42930</v>
      </c>
      <c r="B7968" s="3">
        <f t="shared" si="248"/>
        <v>7</v>
      </c>
      <c r="C7968" s="3">
        <f t="shared" si="249"/>
        <v>2017</v>
      </c>
      <c r="D7968" t="s">
        <v>536</v>
      </c>
      <c r="E7968" t="s">
        <v>77</v>
      </c>
      <c r="F7968" t="s">
        <v>38</v>
      </c>
      <c r="G7968" t="s">
        <v>39</v>
      </c>
      <c r="H7968" t="s">
        <v>1595</v>
      </c>
      <c r="I7968">
        <v>1889.95</v>
      </c>
      <c r="J7968">
        <v>9</v>
      </c>
      <c r="K7968">
        <v>-377.99</v>
      </c>
    </row>
    <row r="7969" spans="1:11" x14ac:dyDescent="0.3">
      <c r="A7969" s="1">
        <v>42930</v>
      </c>
      <c r="B7969" s="3">
        <f t="shared" si="248"/>
        <v>7</v>
      </c>
      <c r="C7969" s="3">
        <f t="shared" si="249"/>
        <v>2017</v>
      </c>
      <c r="D7969" t="s">
        <v>536</v>
      </c>
      <c r="E7969" t="s">
        <v>77</v>
      </c>
      <c r="F7969" t="s">
        <v>10</v>
      </c>
      <c r="G7969" t="s">
        <v>17</v>
      </c>
      <c r="H7969" t="s">
        <v>462</v>
      </c>
      <c r="I7969">
        <v>62.04</v>
      </c>
      <c r="J7969">
        <v>5</v>
      </c>
      <c r="K7969">
        <v>4.6500000000000004</v>
      </c>
    </row>
    <row r="7970" spans="1:11" x14ac:dyDescent="0.3">
      <c r="A7970" s="1">
        <v>42930</v>
      </c>
      <c r="B7970" s="3">
        <f t="shared" si="248"/>
        <v>7</v>
      </c>
      <c r="C7970" s="3">
        <f t="shared" si="249"/>
        <v>2017</v>
      </c>
      <c r="D7970" t="s">
        <v>536</v>
      </c>
      <c r="E7970" t="s">
        <v>77</v>
      </c>
      <c r="F7970" t="s">
        <v>33</v>
      </c>
      <c r="G7970" t="s">
        <v>46</v>
      </c>
      <c r="H7970" t="s">
        <v>2035</v>
      </c>
      <c r="I7970">
        <v>396.92</v>
      </c>
      <c r="J7970">
        <v>5</v>
      </c>
      <c r="K7970">
        <v>148.85</v>
      </c>
    </row>
    <row r="7971" spans="1:11" x14ac:dyDescent="0.3">
      <c r="A7971" s="1">
        <v>42930</v>
      </c>
      <c r="B7971" s="3">
        <f t="shared" si="248"/>
        <v>7</v>
      </c>
      <c r="C7971" s="3">
        <f t="shared" si="249"/>
        <v>2017</v>
      </c>
      <c r="D7971" t="s">
        <v>536</v>
      </c>
      <c r="E7971" t="s">
        <v>77</v>
      </c>
      <c r="F7971" t="s">
        <v>10</v>
      </c>
      <c r="G7971" t="s">
        <v>17</v>
      </c>
      <c r="H7971" t="s">
        <v>724</v>
      </c>
      <c r="I7971">
        <v>239.46</v>
      </c>
      <c r="J7971">
        <v>7</v>
      </c>
      <c r="K7971">
        <v>17.96</v>
      </c>
    </row>
    <row r="7972" spans="1:11" x14ac:dyDescent="0.3">
      <c r="A7972" s="1">
        <v>42930</v>
      </c>
      <c r="B7972" s="3">
        <f t="shared" si="248"/>
        <v>7</v>
      </c>
      <c r="C7972" s="3">
        <f t="shared" si="249"/>
        <v>2017</v>
      </c>
      <c r="D7972" t="s">
        <v>536</v>
      </c>
      <c r="E7972" t="s">
        <v>77</v>
      </c>
      <c r="F7972" t="s">
        <v>10</v>
      </c>
      <c r="G7972" t="s">
        <v>23</v>
      </c>
      <c r="H7972" t="s">
        <v>458</v>
      </c>
      <c r="I7972">
        <v>13.12</v>
      </c>
      <c r="J7972">
        <v>5</v>
      </c>
      <c r="K7972">
        <v>2.13</v>
      </c>
    </row>
    <row r="7973" spans="1:11" x14ac:dyDescent="0.3">
      <c r="A7973" s="1">
        <v>42931</v>
      </c>
      <c r="B7973" s="3">
        <f t="shared" si="248"/>
        <v>7</v>
      </c>
      <c r="C7973" s="3">
        <f t="shared" si="249"/>
        <v>2017</v>
      </c>
      <c r="D7973" t="s">
        <v>735</v>
      </c>
      <c r="E7973" t="s">
        <v>58</v>
      </c>
      <c r="F7973" t="s">
        <v>10</v>
      </c>
      <c r="G7973" t="s">
        <v>19</v>
      </c>
      <c r="H7973" t="s">
        <v>20</v>
      </c>
      <c r="I7973">
        <v>26.55</v>
      </c>
      <c r="J7973">
        <v>3</v>
      </c>
      <c r="K7973">
        <v>13.01</v>
      </c>
    </row>
    <row r="7974" spans="1:11" x14ac:dyDescent="0.3">
      <c r="A7974" s="1">
        <v>42931</v>
      </c>
      <c r="B7974" s="3">
        <f t="shared" si="248"/>
        <v>7</v>
      </c>
      <c r="C7974" s="3">
        <f t="shared" si="249"/>
        <v>2017</v>
      </c>
      <c r="D7974" t="s">
        <v>735</v>
      </c>
      <c r="E7974" t="s">
        <v>58</v>
      </c>
      <c r="F7974" t="s">
        <v>33</v>
      </c>
      <c r="G7974" t="s">
        <v>144</v>
      </c>
      <c r="H7974" t="s">
        <v>1332</v>
      </c>
      <c r="I7974">
        <v>310.44</v>
      </c>
      <c r="J7974">
        <v>3</v>
      </c>
      <c r="K7974">
        <v>-48.78</v>
      </c>
    </row>
    <row r="7975" spans="1:11" x14ac:dyDescent="0.3">
      <c r="A7975" s="1">
        <v>42931</v>
      </c>
      <c r="B7975" s="3">
        <f t="shared" si="248"/>
        <v>7</v>
      </c>
      <c r="C7975" s="3">
        <f t="shared" si="249"/>
        <v>2017</v>
      </c>
      <c r="D7975" t="s">
        <v>513</v>
      </c>
      <c r="E7975" t="s">
        <v>148</v>
      </c>
      <c r="F7975" t="s">
        <v>10</v>
      </c>
      <c r="G7975" t="s">
        <v>23</v>
      </c>
      <c r="H7975" t="s">
        <v>2359</v>
      </c>
      <c r="I7975">
        <v>6.56</v>
      </c>
      <c r="J7975">
        <v>2</v>
      </c>
      <c r="K7975">
        <v>1.9</v>
      </c>
    </row>
    <row r="7976" spans="1:11" x14ac:dyDescent="0.3">
      <c r="A7976" s="1">
        <v>42931</v>
      </c>
      <c r="B7976" s="3">
        <f t="shared" si="248"/>
        <v>7</v>
      </c>
      <c r="C7976" s="3">
        <f t="shared" si="249"/>
        <v>2017</v>
      </c>
      <c r="D7976" t="s">
        <v>513</v>
      </c>
      <c r="E7976" t="s">
        <v>148</v>
      </c>
      <c r="F7976" t="s">
        <v>10</v>
      </c>
      <c r="G7976" t="s">
        <v>15</v>
      </c>
      <c r="H7976" t="s">
        <v>1739</v>
      </c>
      <c r="I7976">
        <v>7.83</v>
      </c>
      <c r="J7976">
        <v>3</v>
      </c>
      <c r="K7976">
        <v>3.6</v>
      </c>
    </row>
    <row r="7977" spans="1:11" x14ac:dyDescent="0.3">
      <c r="A7977" s="1">
        <v>42931</v>
      </c>
      <c r="B7977" s="3">
        <f t="shared" si="248"/>
        <v>7</v>
      </c>
      <c r="C7977" s="3">
        <f t="shared" si="249"/>
        <v>2017</v>
      </c>
      <c r="D7977" t="s">
        <v>513</v>
      </c>
      <c r="E7977" t="s">
        <v>148</v>
      </c>
      <c r="F7977" t="s">
        <v>38</v>
      </c>
      <c r="G7977" t="s">
        <v>51</v>
      </c>
      <c r="H7977" t="s">
        <v>1835</v>
      </c>
      <c r="I7977">
        <v>41.9</v>
      </c>
      <c r="J7977">
        <v>2</v>
      </c>
      <c r="K7977">
        <v>8.8000000000000007</v>
      </c>
    </row>
    <row r="7978" spans="1:11" x14ac:dyDescent="0.3">
      <c r="A7978" s="1">
        <v>42931</v>
      </c>
      <c r="B7978" s="3">
        <f t="shared" si="248"/>
        <v>7</v>
      </c>
      <c r="C7978" s="3">
        <f t="shared" si="249"/>
        <v>2017</v>
      </c>
      <c r="D7978" t="s">
        <v>513</v>
      </c>
      <c r="E7978" t="s">
        <v>148</v>
      </c>
      <c r="F7978" t="s">
        <v>33</v>
      </c>
      <c r="G7978" t="s">
        <v>34</v>
      </c>
      <c r="H7978" t="s">
        <v>1941</v>
      </c>
      <c r="I7978">
        <v>664.15</v>
      </c>
      <c r="J7978">
        <v>6</v>
      </c>
      <c r="K7978">
        <v>88.55</v>
      </c>
    </row>
    <row r="7979" spans="1:11" x14ac:dyDescent="0.3">
      <c r="A7979" s="1">
        <v>42931</v>
      </c>
      <c r="B7979" s="3">
        <f t="shared" si="248"/>
        <v>7</v>
      </c>
      <c r="C7979" s="3">
        <f t="shared" si="249"/>
        <v>2017</v>
      </c>
      <c r="D7979" t="s">
        <v>513</v>
      </c>
      <c r="E7979" t="s">
        <v>148</v>
      </c>
      <c r="F7979" t="s">
        <v>10</v>
      </c>
      <c r="G7979" t="s">
        <v>11</v>
      </c>
      <c r="H7979" t="s">
        <v>1487</v>
      </c>
      <c r="I7979">
        <v>8.9600000000000009</v>
      </c>
      <c r="J7979">
        <v>2</v>
      </c>
      <c r="K7979">
        <v>4.3899999999999997</v>
      </c>
    </row>
    <row r="7980" spans="1:11" x14ac:dyDescent="0.3">
      <c r="A7980" s="1">
        <v>42931</v>
      </c>
      <c r="B7980" s="3">
        <f t="shared" si="248"/>
        <v>7</v>
      </c>
      <c r="C7980" s="3">
        <f t="shared" si="249"/>
        <v>2017</v>
      </c>
      <c r="D7980" t="s">
        <v>1069</v>
      </c>
      <c r="E7980" t="s">
        <v>54</v>
      </c>
      <c r="F7980" t="s">
        <v>10</v>
      </c>
      <c r="G7980" t="s">
        <v>91</v>
      </c>
      <c r="H7980" t="s">
        <v>1381</v>
      </c>
      <c r="I7980">
        <v>179.94</v>
      </c>
      <c r="J7980">
        <v>3</v>
      </c>
      <c r="K7980">
        <v>50.38</v>
      </c>
    </row>
    <row r="7981" spans="1:11" x14ac:dyDescent="0.3">
      <c r="A7981" s="1">
        <v>42931</v>
      </c>
      <c r="B7981" s="3">
        <f t="shared" si="248"/>
        <v>7</v>
      </c>
      <c r="C7981" s="3">
        <f t="shared" si="249"/>
        <v>2017</v>
      </c>
      <c r="D7981" t="s">
        <v>1069</v>
      </c>
      <c r="E7981" t="s">
        <v>54</v>
      </c>
      <c r="F7981" t="s">
        <v>33</v>
      </c>
      <c r="G7981" t="s">
        <v>144</v>
      </c>
      <c r="H7981" t="s">
        <v>941</v>
      </c>
      <c r="I7981">
        <v>872.94</v>
      </c>
      <c r="J7981">
        <v>3</v>
      </c>
      <c r="K7981">
        <v>157.13</v>
      </c>
    </row>
    <row r="7982" spans="1:11" x14ac:dyDescent="0.3">
      <c r="A7982" s="1">
        <v>42931</v>
      </c>
      <c r="B7982" s="3">
        <f t="shared" si="248"/>
        <v>7</v>
      </c>
      <c r="C7982" s="3">
        <f t="shared" si="249"/>
        <v>2017</v>
      </c>
      <c r="D7982" t="s">
        <v>1069</v>
      </c>
      <c r="E7982" t="s">
        <v>54</v>
      </c>
      <c r="F7982" t="s">
        <v>10</v>
      </c>
      <c r="G7982" t="s">
        <v>11</v>
      </c>
      <c r="H7982" t="s">
        <v>707</v>
      </c>
      <c r="I7982">
        <v>12.96</v>
      </c>
      <c r="J7982">
        <v>2</v>
      </c>
      <c r="K7982">
        <v>6.22</v>
      </c>
    </row>
    <row r="7983" spans="1:11" x14ac:dyDescent="0.3">
      <c r="A7983" s="1">
        <v>42932</v>
      </c>
      <c r="B7983" s="3">
        <f t="shared" si="248"/>
        <v>7</v>
      </c>
      <c r="C7983" s="3">
        <f t="shared" si="249"/>
        <v>2017</v>
      </c>
      <c r="D7983" t="s">
        <v>1272</v>
      </c>
      <c r="E7983" t="s">
        <v>22</v>
      </c>
      <c r="F7983" t="s">
        <v>33</v>
      </c>
      <c r="G7983" t="s">
        <v>34</v>
      </c>
      <c r="H7983" t="s">
        <v>1424</v>
      </c>
      <c r="I7983">
        <v>71.37</v>
      </c>
      <c r="J7983">
        <v>2</v>
      </c>
      <c r="K7983">
        <v>-1.02</v>
      </c>
    </row>
    <row r="7984" spans="1:11" x14ac:dyDescent="0.3">
      <c r="A7984" s="1">
        <v>42932</v>
      </c>
      <c r="B7984" s="3">
        <f t="shared" si="248"/>
        <v>7</v>
      </c>
      <c r="C7984" s="3">
        <f t="shared" si="249"/>
        <v>2017</v>
      </c>
      <c r="D7984" t="s">
        <v>491</v>
      </c>
      <c r="E7984" t="s">
        <v>14</v>
      </c>
      <c r="F7984" t="s">
        <v>10</v>
      </c>
      <c r="G7984" t="s">
        <v>23</v>
      </c>
      <c r="H7984" t="s">
        <v>2350</v>
      </c>
      <c r="I7984">
        <v>2.91</v>
      </c>
      <c r="J7984">
        <v>2</v>
      </c>
      <c r="K7984">
        <v>0.91</v>
      </c>
    </row>
    <row r="7985" spans="1:11" x14ac:dyDescent="0.3">
      <c r="A7985" s="1">
        <v>42932</v>
      </c>
      <c r="B7985" s="3">
        <f t="shared" si="248"/>
        <v>7</v>
      </c>
      <c r="C7985" s="3">
        <f t="shared" si="249"/>
        <v>2017</v>
      </c>
      <c r="D7985" t="s">
        <v>181</v>
      </c>
      <c r="E7985" t="s">
        <v>244</v>
      </c>
      <c r="F7985" t="s">
        <v>33</v>
      </c>
      <c r="G7985" t="s">
        <v>34</v>
      </c>
      <c r="H7985" t="s">
        <v>1875</v>
      </c>
      <c r="I7985">
        <v>242.35</v>
      </c>
      <c r="J7985">
        <v>3</v>
      </c>
      <c r="K7985">
        <v>15.15</v>
      </c>
    </row>
    <row r="7986" spans="1:11" x14ac:dyDescent="0.3">
      <c r="A7986" s="1">
        <v>42933</v>
      </c>
      <c r="B7986" s="3">
        <f t="shared" si="248"/>
        <v>7</v>
      </c>
      <c r="C7986" s="3">
        <f t="shared" si="249"/>
        <v>2017</v>
      </c>
      <c r="D7986" t="s">
        <v>2125</v>
      </c>
      <c r="E7986" t="s">
        <v>122</v>
      </c>
      <c r="F7986" t="s">
        <v>33</v>
      </c>
      <c r="G7986" t="s">
        <v>46</v>
      </c>
      <c r="H7986" t="s">
        <v>2479</v>
      </c>
      <c r="I7986">
        <v>7.9</v>
      </c>
      <c r="J7986">
        <v>2</v>
      </c>
      <c r="K7986">
        <v>2.17</v>
      </c>
    </row>
    <row r="7987" spans="1:11" x14ac:dyDescent="0.3">
      <c r="A7987" s="1">
        <v>42933</v>
      </c>
      <c r="B7987" s="3">
        <f t="shared" si="248"/>
        <v>7</v>
      </c>
      <c r="C7987" s="3">
        <f t="shared" si="249"/>
        <v>2017</v>
      </c>
      <c r="D7987" t="s">
        <v>2431</v>
      </c>
      <c r="E7987" t="s">
        <v>148</v>
      </c>
      <c r="F7987" t="s">
        <v>38</v>
      </c>
      <c r="G7987" t="s">
        <v>39</v>
      </c>
      <c r="H7987" t="s">
        <v>2627</v>
      </c>
      <c r="I7987">
        <v>269.98</v>
      </c>
      <c r="J7987">
        <v>2</v>
      </c>
      <c r="K7987">
        <v>67.5</v>
      </c>
    </row>
    <row r="7988" spans="1:11" x14ac:dyDescent="0.3">
      <c r="A7988" s="1">
        <v>42933</v>
      </c>
      <c r="B7988" s="3">
        <f t="shared" si="248"/>
        <v>7</v>
      </c>
      <c r="C7988" s="3">
        <f t="shared" si="249"/>
        <v>2017</v>
      </c>
      <c r="D7988" t="s">
        <v>2431</v>
      </c>
      <c r="E7988" t="s">
        <v>148</v>
      </c>
      <c r="F7988" t="s">
        <v>10</v>
      </c>
      <c r="G7988" t="s">
        <v>11</v>
      </c>
      <c r="H7988" t="s">
        <v>646</v>
      </c>
      <c r="I7988">
        <v>99.9</v>
      </c>
      <c r="J7988">
        <v>5</v>
      </c>
      <c r="K7988">
        <v>47.95</v>
      </c>
    </row>
    <row r="7989" spans="1:11" x14ac:dyDescent="0.3">
      <c r="A7989" s="1">
        <v>42933</v>
      </c>
      <c r="B7989" s="3">
        <f t="shared" si="248"/>
        <v>7</v>
      </c>
      <c r="C7989" s="3">
        <f t="shared" si="249"/>
        <v>2017</v>
      </c>
      <c r="D7989" t="s">
        <v>2431</v>
      </c>
      <c r="E7989" t="s">
        <v>148</v>
      </c>
      <c r="F7989" t="s">
        <v>33</v>
      </c>
      <c r="G7989" t="s">
        <v>46</v>
      </c>
      <c r="H7989" t="s">
        <v>2512</v>
      </c>
      <c r="I7989">
        <v>39.08</v>
      </c>
      <c r="J7989">
        <v>4</v>
      </c>
      <c r="K7989">
        <v>14.46</v>
      </c>
    </row>
    <row r="7990" spans="1:11" x14ac:dyDescent="0.3">
      <c r="A7990" s="1">
        <v>42933</v>
      </c>
      <c r="B7990" s="3">
        <f t="shared" si="248"/>
        <v>7</v>
      </c>
      <c r="C7990" s="3">
        <f t="shared" si="249"/>
        <v>2017</v>
      </c>
      <c r="D7990" t="s">
        <v>1002</v>
      </c>
      <c r="E7990" t="s">
        <v>26</v>
      </c>
      <c r="F7990" t="s">
        <v>38</v>
      </c>
      <c r="G7990" t="s">
        <v>602</v>
      </c>
      <c r="H7990" t="s">
        <v>603</v>
      </c>
      <c r="I7990">
        <v>479.98</v>
      </c>
      <c r="J7990">
        <v>2</v>
      </c>
      <c r="K7990">
        <v>90</v>
      </c>
    </row>
    <row r="7991" spans="1:11" x14ac:dyDescent="0.3">
      <c r="A7991" s="1">
        <v>42933</v>
      </c>
      <c r="B7991" s="3">
        <f t="shared" si="248"/>
        <v>7</v>
      </c>
      <c r="C7991" s="3">
        <f t="shared" si="249"/>
        <v>2017</v>
      </c>
      <c r="D7991" t="s">
        <v>668</v>
      </c>
      <c r="E7991" t="s">
        <v>26</v>
      </c>
      <c r="F7991" t="s">
        <v>10</v>
      </c>
      <c r="G7991" t="s">
        <v>11</v>
      </c>
      <c r="H7991" t="s">
        <v>1618</v>
      </c>
      <c r="I7991">
        <v>32.4</v>
      </c>
      <c r="J7991">
        <v>5</v>
      </c>
      <c r="K7991">
        <v>15.55</v>
      </c>
    </row>
    <row r="7992" spans="1:11" x14ac:dyDescent="0.3">
      <c r="A7992" s="1">
        <v>42933</v>
      </c>
      <c r="B7992" s="3">
        <f t="shared" si="248"/>
        <v>7</v>
      </c>
      <c r="C7992" s="3">
        <f t="shared" si="249"/>
        <v>2017</v>
      </c>
      <c r="D7992" t="s">
        <v>668</v>
      </c>
      <c r="E7992" t="s">
        <v>26</v>
      </c>
      <c r="F7992" t="s">
        <v>10</v>
      </c>
      <c r="G7992" t="s">
        <v>62</v>
      </c>
      <c r="H7992" t="s">
        <v>1666</v>
      </c>
      <c r="I7992">
        <v>57.9</v>
      </c>
      <c r="J7992">
        <v>5</v>
      </c>
      <c r="K7992">
        <v>28.95</v>
      </c>
    </row>
    <row r="7993" spans="1:11" x14ac:dyDescent="0.3">
      <c r="A7993" s="1">
        <v>42933</v>
      </c>
      <c r="B7993" s="3">
        <f t="shared" si="248"/>
        <v>7</v>
      </c>
      <c r="C7993" s="3">
        <f t="shared" si="249"/>
        <v>2017</v>
      </c>
      <c r="D7993" t="s">
        <v>668</v>
      </c>
      <c r="E7993" t="s">
        <v>26</v>
      </c>
      <c r="F7993" t="s">
        <v>10</v>
      </c>
      <c r="G7993" t="s">
        <v>17</v>
      </c>
      <c r="H7993" t="s">
        <v>407</v>
      </c>
      <c r="I7993">
        <v>10.56</v>
      </c>
      <c r="J7993">
        <v>2</v>
      </c>
      <c r="K7993">
        <v>0</v>
      </c>
    </row>
    <row r="7994" spans="1:11" x14ac:dyDescent="0.3">
      <c r="A7994" s="1">
        <v>42933</v>
      </c>
      <c r="B7994" s="3">
        <f t="shared" si="248"/>
        <v>7</v>
      </c>
      <c r="C7994" s="3">
        <f t="shared" si="249"/>
        <v>2017</v>
      </c>
      <c r="D7994" t="s">
        <v>668</v>
      </c>
      <c r="E7994" t="s">
        <v>26</v>
      </c>
      <c r="F7994" t="s">
        <v>33</v>
      </c>
      <c r="G7994" t="s">
        <v>73</v>
      </c>
      <c r="H7994" t="s">
        <v>1871</v>
      </c>
      <c r="I7994">
        <v>1194.17</v>
      </c>
      <c r="J7994">
        <v>5</v>
      </c>
      <c r="K7994">
        <v>210.74</v>
      </c>
    </row>
    <row r="7995" spans="1:11" x14ac:dyDescent="0.3">
      <c r="A7995" s="1">
        <v>42934</v>
      </c>
      <c r="B7995" s="3">
        <f t="shared" si="248"/>
        <v>7</v>
      </c>
      <c r="C7995" s="3">
        <f t="shared" si="249"/>
        <v>2017</v>
      </c>
      <c r="D7995" t="s">
        <v>1615</v>
      </c>
      <c r="E7995" t="s">
        <v>94</v>
      </c>
      <c r="F7995" t="s">
        <v>33</v>
      </c>
      <c r="G7995" t="s">
        <v>144</v>
      </c>
      <c r="H7995" t="s">
        <v>1811</v>
      </c>
      <c r="I7995">
        <v>801.6</v>
      </c>
      <c r="J7995">
        <v>5</v>
      </c>
      <c r="K7995">
        <v>-448.9</v>
      </c>
    </row>
    <row r="7996" spans="1:11" x14ac:dyDescent="0.3">
      <c r="A7996" s="1">
        <v>42934</v>
      </c>
      <c r="B7996" s="3">
        <f t="shared" si="248"/>
        <v>7</v>
      </c>
      <c r="C7996" s="3">
        <f t="shared" si="249"/>
        <v>2017</v>
      </c>
      <c r="D7996" t="s">
        <v>1615</v>
      </c>
      <c r="E7996" t="s">
        <v>94</v>
      </c>
      <c r="F7996" t="s">
        <v>33</v>
      </c>
      <c r="G7996" t="s">
        <v>34</v>
      </c>
      <c r="H7996" t="s">
        <v>1875</v>
      </c>
      <c r="I7996">
        <v>161.57</v>
      </c>
      <c r="J7996">
        <v>2</v>
      </c>
      <c r="K7996">
        <v>10.1</v>
      </c>
    </row>
    <row r="7997" spans="1:11" x14ac:dyDescent="0.3">
      <c r="A7997" s="1">
        <v>42934</v>
      </c>
      <c r="B7997" s="3">
        <f t="shared" si="248"/>
        <v>7</v>
      </c>
      <c r="C7997" s="3">
        <f t="shared" si="249"/>
        <v>2017</v>
      </c>
      <c r="D7997" t="s">
        <v>1615</v>
      </c>
      <c r="E7997" t="s">
        <v>94</v>
      </c>
      <c r="F7997" t="s">
        <v>10</v>
      </c>
      <c r="G7997" t="s">
        <v>11</v>
      </c>
      <c r="H7997" t="s">
        <v>1140</v>
      </c>
      <c r="I7997">
        <v>16.100000000000001</v>
      </c>
      <c r="J7997">
        <v>2</v>
      </c>
      <c r="K7997">
        <v>5.23</v>
      </c>
    </row>
    <row r="7998" spans="1:11" x14ac:dyDescent="0.3">
      <c r="A7998" s="1">
        <v>42934</v>
      </c>
      <c r="B7998" s="3">
        <f t="shared" si="248"/>
        <v>7</v>
      </c>
      <c r="C7998" s="3">
        <f t="shared" si="249"/>
        <v>2017</v>
      </c>
      <c r="D7998" t="s">
        <v>1615</v>
      </c>
      <c r="E7998" t="s">
        <v>94</v>
      </c>
      <c r="F7998" t="s">
        <v>10</v>
      </c>
      <c r="G7998" t="s">
        <v>19</v>
      </c>
      <c r="H7998" t="s">
        <v>1699</v>
      </c>
      <c r="I7998">
        <v>7.66</v>
      </c>
      <c r="J7998">
        <v>4</v>
      </c>
      <c r="K7998">
        <v>-6.12</v>
      </c>
    </row>
    <row r="7999" spans="1:11" x14ac:dyDescent="0.3">
      <c r="A7999" s="1">
        <v>42934</v>
      </c>
      <c r="B7999" s="3">
        <f t="shared" si="248"/>
        <v>7</v>
      </c>
      <c r="C7999" s="3">
        <f t="shared" si="249"/>
        <v>2017</v>
      </c>
      <c r="D7999" t="s">
        <v>1615</v>
      </c>
      <c r="E7999" t="s">
        <v>94</v>
      </c>
      <c r="F7999" t="s">
        <v>33</v>
      </c>
      <c r="G7999" t="s">
        <v>34</v>
      </c>
      <c r="H7999" t="s">
        <v>1804</v>
      </c>
      <c r="I7999">
        <v>311.98</v>
      </c>
      <c r="J7999">
        <v>3</v>
      </c>
      <c r="K7999">
        <v>-42.9</v>
      </c>
    </row>
    <row r="8000" spans="1:11" x14ac:dyDescent="0.3">
      <c r="A8000" s="1">
        <v>42934</v>
      </c>
      <c r="B8000" s="3">
        <f t="shared" si="248"/>
        <v>7</v>
      </c>
      <c r="C8000" s="3">
        <f t="shared" si="249"/>
        <v>2017</v>
      </c>
      <c r="D8000" t="s">
        <v>57</v>
      </c>
      <c r="E8000" t="s">
        <v>22</v>
      </c>
      <c r="F8000" t="s">
        <v>38</v>
      </c>
      <c r="G8000" t="s">
        <v>602</v>
      </c>
      <c r="H8000" t="s">
        <v>2009</v>
      </c>
      <c r="I8000">
        <v>599.97</v>
      </c>
      <c r="J8000">
        <v>5</v>
      </c>
      <c r="K8000">
        <v>70</v>
      </c>
    </row>
    <row r="8001" spans="1:11" x14ac:dyDescent="0.3">
      <c r="A8001" s="1">
        <v>42934</v>
      </c>
      <c r="B8001" s="3">
        <f t="shared" si="248"/>
        <v>7</v>
      </c>
      <c r="C8001" s="3">
        <f t="shared" si="249"/>
        <v>2017</v>
      </c>
      <c r="D8001" t="s">
        <v>57</v>
      </c>
      <c r="E8001" t="s">
        <v>22</v>
      </c>
      <c r="F8001" t="s">
        <v>33</v>
      </c>
      <c r="G8001" t="s">
        <v>34</v>
      </c>
      <c r="H8001" t="s">
        <v>792</v>
      </c>
      <c r="I8001">
        <v>198.74</v>
      </c>
      <c r="J8001">
        <v>4</v>
      </c>
      <c r="K8001">
        <v>-14.2</v>
      </c>
    </row>
    <row r="8002" spans="1:11" x14ac:dyDescent="0.3">
      <c r="A8002" s="1">
        <v>42934</v>
      </c>
      <c r="B8002" s="3">
        <f t="shared" ref="B8002:B8065" si="250">MONTH(A:A)</f>
        <v>7</v>
      </c>
      <c r="C8002" s="3">
        <f t="shared" ref="C8002:C8065" si="251">YEAR(A:A)</f>
        <v>2017</v>
      </c>
      <c r="D8002" t="s">
        <v>57</v>
      </c>
      <c r="E8002" t="s">
        <v>22</v>
      </c>
      <c r="F8002" t="s">
        <v>10</v>
      </c>
      <c r="G8002" t="s">
        <v>199</v>
      </c>
      <c r="H8002" t="s">
        <v>1136</v>
      </c>
      <c r="I8002">
        <v>9.18</v>
      </c>
      <c r="J8002">
        <v>2</v>
      </c>
      <c r="K8002">
        <v>1.1499999999999999</v>
      </c>
    </row>
    <row r="8003" spans="1:11" x14ac:dyDescent="0.3">
      <c r="A8003" s="1">
        <v>42936</v>
      </c>
      <c r="B8003" s="3">
        <f t="shared" si="250"/>
        <v>7</v>
      </c>
      <c r="C8003" s="3">
        <f t="shared" si="251"/>
        <v>2017</v>
      </c>
      <c r="D8003" t="s">
        <v>790</v>
      </c>
      <c r="E8003" t="s">
        <v>14</v>
      </c>
      <c r="F8003" t="s">
        <v>10</v>
      </c>
      <c r="G8003" t="s">
        <v>17</v>
      </c>
      <c r="H8003" t="s">
        <v>1559</v>
      </c>
      <c r="I8003">
        <v>69.709999999999994</v>
      </c>
      <c r="J8003">
        <v>2</v>
      </c>
      <c r="K8003">
        <v>8.7100000000000009</v>
      </c>
    </row>
    <row r="8004" spans="1:11" x14ac:dyDescent="0.3">
      <c r="A8004" s="1">
        <v>42936</v>
      </c>
      <c r="B8004" s="3">
        <f t="shared" si="250"/>
        <v>7</v>
      </c>
      <c r="C8004" s="3">
        <f t="shared" si="251"/>
        <v>2017</v>
      </c>
      <c r="D8004" t="s">
        <v>790</v>
      </c>
      <c r="E8004" t="s">
        <v>14</v>
      </c>
      <c r="F8004" t="s">
        <v>33</v>
      </c>
      <c r="G8004" t="s">
        <v>46</v>
      </c>
      <c r="H8004" t="s">
        <v>772</v>
      </c>
      <c r="I8004">
        <v>8.7899999999999991</v>
      </c>
      <c r="J8004">
        <v>1</v>
      </c>
      <c r="K8004">
        <v>-5.71</v>
      </c>
    </row>
    <row r="8005" spans="1:11" x14ac:dyDescent="0.3">
      <c r="A8005" s="1">
        <v>42936</v>
      </c>
      <c r="B8005" s="3">
        <f t="shared" si="250"/>
        <v>7</v>
      </c>
      <c r="C8005" s="3">
        <f t="shared" si="251"/>
        <v>2017</v>
      </c>
      <c r="D8005" t="s">
        <v>1740</v>
      </c>
      <c r="E8005" t="s">
        <v>139</v>
      </c>
      <c r="F8005" t="s">
        <v>10</v>
      </c>
      <c r="G8005" t="s">
        <v>15</v>
      </c>
      <c r="H8005" t="s">
        <v>2029</v>
      </c>
      <c r="I8005">
        <v>14.62</v>
      </c>
      <c r="J8005">
        <v>2</v>
      </c>
      <c r="K8005">
        <v>6.87</v>
      </c>
    </row>
    <row r="8006" spans="1:11" x14ac:dyDescent="0.3">
      <c r="A8006" s="1">
        <v>42936</v>
      </c>
      <c r="B8006" s="3">
        <f t="shared" si="250"/>
        <v>7</v>
      </c>
      <c r="C8006" s="3">
        <f t="shared" si="251"/>
        <v>2017</v>
      </c>
      <c r="D8006" t="s">
        <v>1740</v>
      </c>
      <c r="E8006" t="s">
        <v>139</v>
      </c>
      <c r="F8006" t="s">
        <v>10</v>
      </c>
      <c r="G8006" t="s">
        <v>91</v>
      </c>
      <c r="H8006" t="s">
        <v>710</v>
      </c>
      <c r="I8006">
        <v>416.32</v>
      </c>
      <c r="J8006">
        <v>2</v>
      </c>
      <c r="K8006">
        <v>112.41</v>
      </c>
    </row>
    <row r="8007" spans="1:11" x14ac:dyDescent="0.3">
      <c r="A8007" s="1">
        <v>42936</v>
      </c>
      <c r="B8007" s="3">
        <f t="shared" si="250"/>
        <v>7</v>
      </c>
      <c r="C8007" s="3">
        <f t="shared" si="251"/>
        <v>2017</v>
      </c>
      <c r="D8007" t="s">
        <v>1740</v>
      </c>
      <c r="E8007" t="s">
        <v>139</v>
      </c>
      <c r="F8007" t="s">
        <v>10</v>
      </c>
      <c r="G8007" t="s">
        <v>19</v>
      </c>
      <c r="H8007" t="s">
        <v>2291</v>
      </c>
      <c r="I8007">
        <v>43</v>
      </c>
      <c r="J8007">
        <v>5</v>
      </c>
      <c r="K8007">
        <v>20.21</v>
      </c>
    </row>
    <row r="8008" spans="1:11" x14ac:dyDescent="0.3">
      <c r="A8008" s="1">
        <v>42936</v>
      </c>
      <c r="B8008" s="3">
        <f t="shared" si="250"/>
        <v>7</v>
      </c>
      <c r="C8008" s="3">
        <f t="shared" si="251"/>
        <v>2017</v>
      </c>
      <c r="D8008" t="s">
        <v>1740</v>
      </c>
      <c r="E8008" t="s">
        <v>139</v>
      </c>
      <c r="F8008" t="s">
        <v>33</v>
      </c>
      <c r="G8008" t="s">
        <v>34</v>
      </c>
      <c r="H8008" t="s">
        <v>1127</v>
      </c>
      <c r="I8008">
        <v>182.94</v>
      </c>
      <c r="J8008">
        <v>3</v>
      </c>
      <c r="K8008">
        <v>27.44</v>
      </c>
    </row>
    <row r="8009" spans="1:11" x14ac:dyDescent="0.3">
      <c r="A8009" s="1">
        <v>42936</v>
      </c>
      <c r="B8009" s="3">
        <f t="shared" si="250"/>
        <v>7</v>
      </c>
      <c r="C8009" s="3">
        <f t="shared" si="251"/>
        <v>2017</v>
      </c>
      <c r="D8009" t="s">
        <v>1740</v>
      </c>
      <c r="E8009" t="s">
        <v>139</v>
      </c>
      <c r="F8009" t="s">
        <v>10</v>
      </c>
      <c r="G8009" t="s">
        <v>19</v>
      </c>
      <c r="H8009" t="s">
        <v>1997</v>
      </c>
      <c r="I8009">
        <v>60.83</v>
      </c>
      <c r="J8009">
        <v>7</v>
      </c>
      <c r="K8009">
        <v>30.42</v>
      </c>
    </row>
    <row r="8010" spans="1:11" x14ac:dyDescent="0.3">
      <c r="A8010" s="1">
        <v>42936</v>
      </c>
      <c r="B8010" s="3">
        <f t="shared" si="250"/>
        <v>7</v>
      </c>
      <c r="C8010" s="3">
        <f t="shared" si="251"/>
        <v>2017</v>
      </c>
      <c r="D8010" t="s">
        <v>1740</v>
      </c>
      <c r="E8010" t="s">
        <v>139</v>
      </c>
      <c r="F8010" t="s">
        <v>38</v>
      </c>
      <c r="G8010" t="s">
        <v>51</v>
      </c>
      <c r="H8010" t="s">
        <v>2080</v>
      </c>
      <c r="I8010">
        <v>389.97</v>
      </c>
      <c r="J8010">
        <v>3</v>
      </c>
      <c r="K8010">
        <v>132.59</v>
      </c>
    </row>
    <row r="8011" spans="1:11" x14ac:dyDescent="0.3">
      <c r="A8011" s="1">
        <v>42936</v>
      </c>
      <c r="B8011" s="3">
        <f t="shared" si="250"/>
        <v>7</v>
      </c>
      <c r="C8011" s="3">
        <f t="shared" si="251"/>
        <v>2017</v>
      </c>
      <c r="D8011" t="s">
        <v>1400</v>
      </c>
      <c r="E8011" t="s">
        <v>314</v>
      </c>
      <c r="F8011" t="s">
        <v>10</v>
      </c>
      <c r="G8011" t="s">
        <v>19</v>
      </c>
      <c r="H8011" t="s">
        <v>1102</v>
      </c>
      <c r="I8011">
        <v>735.98</v>
      </c>
      <c r="J8011">
        <v>2</v>
      </c>
      <c r="K8011">
        <v>331.19</v>
      </c>
    </row>
    <row r="8012" spans="1:11" x14ac:dyDescent="0.3">
      <c r="A8012" s="1">
        <v>42936</v>
      </c>
      <c r="B8012" s="3">
        <f t="shared" si="250"/>
        <v>7</v>
      </c>
      <c r="C8012" s="3">
        <f t="shared" si="251"/>
        <v>2017</v>
      </c>
      <c r="D8012" t="s">
        <v>890</v>
      </c>
      <c r="E8012" t="s">
        <v>148</v>
      </c>
      <c r="F8012" t="s">
        <v>10</v>
      </c>
      <c r="G8012" t="s">
        <v>11</v>
      </c>
      <c r="H8012" t="s">
        <v>1980</v>
      </c>
      <c r="I8012">
        <v>13.36</v>
      </c>
      <c r="J8012">
        <v>2</v>
      </c>
      <c r="K8012">
        <v>6.41</v>
      </c>
    </row>
    <row r="8013" spans="1:11" x14ac:dyDescent="0.3">
      <c r="A8013" s="1">
        <v>42936</v>
      </c>
      <c r="B8013" s="3">
        <f t="shared" si="250"/>
        <v>7</v>
      </c>
      <c r="C8013" s="3">
        <f t="shared" si="251"/>
        <v>2017</v>
      </c>
      <c r="D8013" t="s">
        <v>890</v>
      </c>
      <c r="E8013" t="s">
        <v>148</v>
      </c>
      <c r="F8013" t="s">
        <v>33</v>
      </c>
      <c r="G8013" t="s">
        <v>34</v>
      </c>
      <c r="H8013" t="s">
        <v>272</v>
      </c>
      <c r="I8013">
        <v>163.76</v>
      </c>
      <c r="J8013">
        <v>2</v>
      </c>
      <c r="K8013">
        <v>25.47</v>
      </c>
    </row>
    <row r="8014" spans="1:11" x14ac:dyDescent="0.3">
      <c r="A8014" s="1">
        <v>42936</v>
      </c>
      <c r="B8014" s="3">
        <f t="shared" si="250"/>
        <v>7</v>
      </c>
      <c r="C8014" s="3">
        <f t="shared" si="251"/>
        <v>2017</v>
      </c>
      <c r="D8014" t="s">
        <v>890</v>
      </c>
      <c r="E8014" t="s">
        <v>148</v>
      </c>
      <c r="F8014" t="s">
        <v>33</v>
      </c>
      <c r="G8014" t="s">
        <v>46</v>
      </c>
      <c r="H8014" t="s">
        <v>478</v>
      </c>
      <c r="I8014">
        <v>183.92</v>
      </c>
      <c r="J8014">
        <v>4</v>
      </c>
      <c r="K8014">
        <v>31.27</v>
      </c>
    </row>
    <row r="8015" spans="1:11" x14ac:dyDescent="0.3">
      <c r="A8015" s="1">
        <v>42937</v>
      </c>
      <c r="B8015" s="3">
        <f t="shared" si="250"/>
        <v>7</v>
      </c>
      <c r="C8015" s="3">
        <f t="shared" si="251"/>
        <v>2017</v>
      </c>
      <c r="D8015" t="s">
        <v>1825</v>
      </c>
      <c r="E8015" t="s">
        <v>176</v>
      </c>
      <c r="F8015" t="s">
        <v>10</v>
      </c>
      <c r="G8015" t="s">
        <v>11</v>
      </c>
      <c r="H8015" t="s">
        <v>1158</v>
      </c>
      <c r="I8015">
        <v>6.48</v>
      </c>
      <c r="J8015">
        <v>1</v>
      </c>
      <c r="K8015">
        <v>3.18</v>
      </c>
    </row>
    <row r="8016" spans="1:11" x14ac:dyDescent="0.3">
      <c r="A8016" s="1">
        <v>42937</v>
      </c>
      <c r="B8016" s="3">
        <f t="shared" si="250"/>
        <v>7</v>
      </c>
      <c r="C8016" s="3">
        <f t="shared" si="251"/>
        <v>2017</v>
      </c>
      <c r="D8016" t="s">
        <v>1827</v>
      </c>
      <c r="E8016" t="s">
        <v>295</v>
      </c>
      <c r="F8016" t="s">
        <v>38</v>
      </c>
      <c r="G8016" t="s">
        <v>39</v>
      </c>
      <c r="H8016" t="s">
        <v>2602</v>
      </c>
      <c r="I8016">
        <v>71.930000000000007</v>
      </c>
      <c r="J8016">
        <v>9</v>
      </c>
      <c r="K8016">
        <v>6.29</v>
      </c>
    </row>
    <row r="8017" spans="1:11" x14ac:dyDescent="0.3">
      <c r="A8017" s="1">
        <v>42937</v>
      </c>
      <c r="B8017" s="3">
        <f t="shared" si="250"/>
        <v>7</v>
      </c>
      <c r="C8017" s="3">
        <f t="shared" si="251"/>
        <v>2017</v>
      </c>
      <c r="D8017" t="s">
        <v>1827</v>
      </c>
      <c r="E8017" t="s">
        <v>295</v>
      </c>
      <c r="F8017" t="s">
        <v>10</v>
      </c>
      <c r="G8017" t="s">
        <v>23</v>
      </c>
      <c r="H8017" t="s">
        <v>278</v>
      </c>
      <c r="I8017">
        <v>25.99</v>
      </c>
      <c r="J8017">
        <v>1</v>
      </c>
      <c r="K8017">
        <v>7.54</v>
      </c>
    </row>
    <row r="8018" spans="1:11" x14ac:dyDescent="0.3">
      <c r="A8018" s="1">
        <v>42937</v>
      </c>
      <c r="B8018" s="3">
        <f t="shared" si="250"/>
        <v>7</v>
      </c>
      <c r="C8018" s="3">
        <f t="shared" si="251"/>
        <v>2017</v>
      </c>
      <c r="D8018" t="s">
        <v>2481</v>
      </c>
      <c r="E8018" t="s">
        <v>77</v>
      </c>
      <c r="F8018" t="s">
        <v>10</v>
      </c>
      <c r="G8018" t="s">
        <v>19</v>
      </c>
      <c r="H8018" t="s">
        <v>910</v>
      </c>
      <c r="I8018">
        <v>33.93</v>
      </c>
      <c r="J8018">
        <v>3</v>
      </c>
      <c r="K8018">
        <v>-22.62</v>
      </c>
    </row>
    <row r="8019" spans="1:11" x14ac:dyDescent="0.3">
      <c r="A8019" s="1">
        <v>42937</v>
      </c>
      <c r="B8019" s="3">
        <f t="shared" si="250"/>
        <v>7</v>
      </c>
      <c r="C8019" s="3">
        <f t="shared" si="251"/>
        <v>2017</v>
      </c>
      <c r="D8019" t="s">
        <v>2481</v>
      </c>
      <c r="E8019" t="s">
        <v>77</v>
      </c>
      <c r="F8019" t="s">
        <v>10</v>
      </c>
      <c r="G8019" t="s">
        <v>17</v>
      </c>
      <c r="H8019" t="s">
        <v>2607</v>
      </c>
      <c r="I8019">
        <v>222.32</v>
      </c>
      <c r="J8019">
        <v>7</v>
      </c>
      <c r="K8019">
        <v>25.01</v>
      </c>
    </row>
    <row r="8020" spans="1:11" x14ac:dyDescent="0.3">
      <c r="A8020" s="1">
        <v>42937</v>
      </c>
      <c r="B8020" s="3">
        <f t="shared" si="250"/>
        <v>7</v>
      </c>
      <c r="C8020" s="3">
        <f t="shared" si="251"/>
        <v>2017</v>
      </c>
      <c r="D8020" t="s">
        <v>2481</v>
      </c>
      <c r="E8020" t="s">
        <v>77</v>
      </c>
      <c r="F8020" t="s">
        <v>38</v>
      </c>
      <c r="G8020" t="s">
        <v>39</v>
      </c>
      <c r="H8020" t="s">
        <v>2105</v>
      </c>
      <c r="I8020">
        <v>210.56</v>
      </c>
      <c r="J8020">
        <v>6</v>
      </c>
      <c r="K8020">
        <v>-52.64</v>
      </c>
    </row>
    <row r="8021" spans="1:11" x14ac:dyDescent="0.3">
      <c r="A8021" s="1">
        <v>42937</v>
      </c>
      <c r="B8021" s="3">
        <f t="shared" si="250"/>
        <v>7</v>
      </c>
      <c r="C8021" s="3">
        <f t="shared" si="251"/>
        <v>2017</v>
      </c>
      <c r="D8021" t="s">
        <v>1527</v>
      </c>
      <c r="E8021" t="s">
        <v>54</v>
      </c>
      <c r="F8021" t="s">
        <v>10</v>
      </c>
      <c r="G8021" t="s">
        <v>23</v>
      </c>
      <c r="H8021" t="s">
        <v>2452</v>
      </c>
      <c r="I8021">
        <v>101.94</v>
      </c>
      <c r="J8021">
        <v>6</v>
      </c>
      <c r="K8021">
        <v>29.56</v>
      </c>
    </row>
    <row r="8022" spans="1:11" x14ac:dyDescent="0.3">
      <c r="A8022" s="1">
        <v>42937</v>
      </c>
      <c r="B8022" s="3">
        <f t="shared" si="250"/>
        <v>7</v>
      </c>
      <c r="C8022" s="3">
        <f t="shared" si="251"/>
        <v>2017</v>
      </c>
      <c r="D8022" t="s">
        <v>1527</v>
      </c>
      <c r="E8022" t="s">
        <v>54</v>
      </c>
      <c r="F8022" t="s">
        <v>38</v>
      </c>
      <c r="G8022" t="s">
        <v>39</v>
      </c>
      <c r="H8022" t="s">
        <v>702</v>
      </c>
      <c r="I8022">
        <v>271.95999999999998</v>
      </c>
      <c r="J8022">
        <v>4</v>
      </c>
      <c r="K8022">
        <v>67.989999999999995</v>
      </c>
    </row>
    <row r="8023" spans="1:11" x14ac:dyDescent="0.3">
      <c r="A8023" s="1">
        <v>42937</v>
      </c>
      <c r="B8023" s="3">
        <f t="shared" si="250"/>
        <v>7</v>
      </c>
      <c r="C8023" s="3">
        <f t="shared" si="251"/>
        <v>2017</v>
      </c>
      <c r="D8023" t="s">
        <v>1527</v>
      </c>
      <c r="E8023" t="s">
        <v>54</v>
      </c>
      <c r="F8023" t="s">
        <v>33</v>
      </c>
      <c r="G8023" t="s">
        <v>46</v>
      </c>
      <c r="H8023" t="s">
        <v>1154</v>
      </c>
      <c r="I8023">
        <v>8.8000000000000007</v>
      </c>
      <c r="J8023">
        <v>5</v>
      </c>
      <c r="K8023">
        <v>3.87</v>
      </c>
    </row>
    <row r="8024" spans="1:11" x14ac:dyDescent="0.3">
      <c r="A8024" s="1">
        <v>42937</v>
      </c>
      <c r="B8024" s="3">
        <f t="shared" si="250"/>
        <v>7</v>
      </c>
      <c r="C8024" s="3">
        <f t="shared" si="251"/>
        <v>2017</v>
      </c>
      <c r="D8024" t="s">
        <v>1527</v>
      </c>
      <c r="E8024" t="s">
        <v>54</v>
      </c>
      <c r="F8024" t="s">
        <v>10</v>
      </c>
      <c r="G8024" t="s">
        <v>23</v>
      </c>
      <c r="H8024" t="s">
        <v>316</v>
      </c>
      <c r="I8024">
        <v>19.68</v>
      </c>
      <c r="J8024">
        <v>6</v>
      </c>
      <c r="K8024">
        <v>5.71</v>
      </c>
    </row>
    <row r="8025" spans="1:11" x14ac:dyDescent="0.3">
      <c r="A8025" s="1">
        <v>42937</v>
      </c>
      <c r="B8025" s="3">
        <f t="shared" si="250"/>
        <v>7</v>
      </c>
      <c r="C8025" s="3">
        <f t="shared" si="251"/>
        <v>2017</v>
      </c>
      <c r="D8025" t="s">
        <v>1527</v>
      </c>
      <c r="E8025" t="s">
        <v>54</v>
      </c>
      <c r="F8025" t="s">
        <v>33</v>
      </c>
      <c r="G8025" t="s">
        <v>73</v>
      </c>
      <c r="H8025" t="s">
        <v>2493</v>
      </c>
      <c r="I8025">
        <v>302.94</v>
      </c>
      <c r="J8025">
        <v>3</v>
      </c>
      <c r="K8025">
        <v>69.680000000000007</v>
      </c>
    </row>
    <row r="8026" spans="1:11" x14ac:dyDescent="0.3">
      <c r="A8026" s="1">
        <v>42937</v>
      </c>
      <c r="B8026" s="3">
        <f t="shared" si="250"/>
        <v>7</v>
      </c>
      <c r="C8026" s="3">
        <f t="shared" si="251"/>
        <v>2017</v>
      </c>
      <c r="D8026" t="s">
        <v>1527</v>
      </c>
      <c r="E8026" t="s">
        <v>54</v>
      </c>
      <c r="F8026" t="s">
        <v>10</v>
      </c>
      <c r="G8026" t="s">
        <v>19</v>
      </c>
      <c r="H8026" t="s">
        <v>896</v>
      </c>
      <c r="I8026">
        <v>14.94</v>
      </c>
      <c r="J8026">
        <v>3</v>
      </c>
      <c r="K8026">
        <v>7.17</v>
      </c>
    </row>
    <row r="8027" spans="1:11" x14ac:dyDescent="0.3">
      <c r="A8027" s="1">
        <v>42937</v>
      </c>
      <c r="B8027" s="3">
        <f t="shared" si="250"/>
        <v>7</v>
      </c>
      <c r="C8027" s="3">
        <f t="shared" si="251"/>
        <v>2017</v>
      </c>
      <c r="D8027" t="s">
        <v>1527</v>
      </c>
      <c r="E8027" t="s">
        <v>54</v>
      </c>
      <c r="F8027" t="s">
        <v>10</v>
      </c>
      <c r="G8027" t="s">
        <v>199</v>
      </c>
      <c r="H8027" t="s">
        <v>2496</v>
      </c>
      <c r="I8027">
        <v>231.72</v>
      </c>
      <c r="J8027">
        <v>2</v>
      </c>
      <c r="K8027">
        <v>11.59</v>
      </c>
    </row>
    <row r="8028" spans="1:11" x14ac:dyDescent="0.3">
      <c r="A8028" s="1">
        <v>42937</v>
      </c>
      <c r="B8028" s="3">
        <f t="shared" si="250"/>
        <v>7</v>
      </c>
      <c r="C8028" s="3">
        <f t="shared" si="251"/>
        <v>2017</v>
      </c>
      <c r="D8028" t="s">
        <v>2125</v>
      </c>
      <c r="E8028" t="s">
        <v>26</v>
      </c>
      <c r="F8028" t="s">
        <v>10</v>
      </c>
      <c r="G8028" t="s">
        <v>11</v>
      </c>
      <c r="H8028" t="s">
        <v>2691</v>
      </c>
      <c r="I8028">
        <v>16.34</v>
      </c>
      <c r="J8028">
        <v>2</v>
      </c>
      <c r="K8028">
        <v>7.68</v>
      </c>
    </row>
    <row r="8029" spans="1:11" x14ac:dyDescent="0.3">
      <c r="A8029" s="1">
        <v>42937</v>
      </c>
      <c r="B8029" s="3">
        <f t="shared" si="250"/>
        <v>7</v>
      </c>
      <c r="C8029" s="3">
        <f t="shared" si="251"/>
        <v>2017</v>
      </c>
      <c r="D8029" t="s">
        <v>2125</v>
      </c>
      <c r="E8029" t="s">
        <v>26</v>
      </c>
      <c r="F8029" t="s">
        <v>33</v>
      </c>
      <c r="G8029" t="s">
        <v>34</v>
      </c>
      <c r="H8029" t="s">
        <v>722</v>
      </c>
      <c r="I8029">
        <v>225.3</v>
      </c>
      <c r="J8029">
        <v>2</v>
      </c>
      <c r="K8029">
        <v>22.53</v>
      </c>
    </row>
    <row r="8030" spans="1:11" x14ac:dyDescent="0.3">
      <c r="A8030" s="1">
        <v>42937</v>
      </c>
      <c r="B8030" s="3">
        <f t="shared" si="250"/>
        <v>7</v>
      </c>
      <c r="C8030" s="3">
        <f t="shared" si="251"/>
        <v>2017</v>
      </c>
      <c r="D8030" t="s">
        <v>2125</v>
      </c>
      <c r="E8030" t="s">
        <v>26</v>
      </c>
      <c r="F8030" t="s">
        <v>10</v>
      </c>
      <c r="G8030" t="s">
        <v>19</v>
      </c>
      <c r="H8030" t="s">
        <v>1028</v>
      </c>
      <c r="I8030">
        <v>50.35</v>
      </c>
      <c r="J8030">
        <v>3</v>
      </c>
      <c r="K8030">
        <v>17.62</v>
      </c>
    </row>
    <row r="8031" spans="1:11" x14ac:dyDescent="0.3">
      <c r="A8031" s="1">
        <v>42937</v>
      </c>
      <c r="B8031" s="3">
        <f t="shared" si="250"/>
        <v>7</v>
      </c>
      <c r="C8031" s="3">
        <f t="shared" si="251"/>
        <v>2017</v>
      </c>
      <c r="D8031" t="s">
        <v>601</v>
      </c>
      <c r="E8031" t="s">
        <v>148</v>
      </c>
      <c r="F8031" t="s">
        <v>10</v>
      </c>
      <c r="G8031" t="s">
        <v>91</v>
      </c>
      <c r="H8031" t="s">
        <v>1974</v>
      </c>
      <c r="I8031">
        <v>17.48</v>
      </c>
      <c r="J8031">
        <v>4</v>
      </c>
      <c r="K8031">
        <v>4.54</v>
      </c>
    </row>
    <row r="8032" spans="1:11" x14ac:dyDescent="0.3">
      <c r="A8032" s="1">
        <v>42937</v>
      </c>
      <c r="B8032" s="3">
        <f t="shared" si="250"/>
        <v>7</v>
      </c>
      <c r="C8032" s="3">
        <f t="shared" si="251"/>
        <v>2017</v>
      </c>
      <c r="D8032" t="s">
        <v>890</v>
      </c>
      <c r="E8032" t="s">
        <v>26</v>
      </c>
      <c r="F8032" t="s">
        <v>10</v>
      </c>
      <c r="G8032" t="s">
        <v>23</v>
      </c>
      <c r="H8032" t="s">
        <v>840</v>
      </c>
      <c r="I8032">
        <v>3.52</v>
      </c>
      <c r="J8032">
        <v>2</v>
      </c>
      <c r="K8032">
        <v>1.69</v>
      </c>
    </row>
    <row r="8033" spans="1:11" x14ac:dyDescent="0.3">
      <c r="A8033" s="1">
        <v>42937</v>
      </c>
      <c r="B8033" s="3">
        <f t="shared" si="250"/>
        <v>7</v>
      </c>
      <c r="C8033" s="3">
        <f t="shared" si="251"/>
        <v>2017</v>
      </c>
      <c r="D8033" t="s">
        <v>890</v>
      </c>
      <c r="E8033" t="s">
        <v>26</v>
      </c>
      <c r="F8033" t="s">
        <v>38</v>
      </c>
      <c r="G8033" t="s">
        <v>39</v>
      </c>
      <c r="H8033" t="s">
        <v>1265</v>
      </c>
      <c r="I8033">
        <v>1626.19</v>
      </c>
      <c r="J8033">
        <v>9</v>
      </c>
      <c r="K8033">
        <v>121.96</v>
      </c>
    </row>
    <row r="8034" spans="1:11" x14ac:dyDescent="0.3">
      <c r="A8034" s="1">
        <v>42937</v>
      </c>
      <c r="B8034" s="3">
        <f t="shared" si="250"/>
        <v>7</v>
      </c>
      <c r="C8034" s="3">
        <f t="shared" si="251"/>
        <v>2017</v>
      </c>
      <c r="D8034" t="s">
        <v>1103</v>
      </c>
      <c r="E8034" t="s">
        <v>9</v>
      </c>
      <c r="F8034" t="s">
        <v>33</v>
      </c>
      <c r="G8034" t="s">
        <v>144</v>
      </c>
      <c r="H8034" t="s">
        <v>1829</v>
      </c>
      <c r="I8034">
        <v>124.4</v>
      </c>
      <c r="J8034">
        <v>4</v>
      </c>
      <c r="K8034">
        <v>-21.33</v>
      </c>
    </row>
    <row r="8035" spans="1:11" x14ac:dyDescent="0.3">
      <c r="A8035" s="1">
        <v>42937</v>
      </c>
      <c r="B8035" s="3">
        <f t="shared" si="250"/>
        <v>7</v>
      </c>
      <c r="C8035" s="3">
        <f t="shared" si="251"/>
        <v>2017</v>
      </c>
      <c r="D8035" t="s">
        <v>816</v>
      </c>
      <c r="E8035" t="s">
        <v>14</v>
      </c>
      <c r="F8035" t="s">
        <v>10</v>
      </c>
      <c r="G8035" t="s">
        <v>19</v>
      </c>
      <c r="H8035" t="s">
        <v>1301</v>
      </c>
      <c r="I8035">
        <v>2.86</v>
      </c>
      <c r="J8035">
        <v>4</v>
      </c>
      <c r="K8035">
        <v>-4.58</v>
      </c>
    </row>
    <row r="8036" spans="1:11" x14ac:dyDescent="0.3">
      <c r="A8036" s="1">
        <v>42937</v>
      </c>
      <c r="B8036" s="3">
        <f t="shared" si="250"/>
        <v>7</v>
      </c>
      <c r="C8036" s="3">
        <f t="shared" si="251"/>
        <v>2017</v>
      </c>
      <c r="D8036" t="s">
        <v>816</v>
      </c>
      <c r="E8036" t="s">
        <v>14</v>
      </c>
      <c r="F8036" t="s">
        <v>10</v>
      </c>
      <c r="G8036" t="s">
        <v>19</v>
      </c>
      <c r="H8036" t="s">
        <v>268</v>
      </c>
      <c r="I8036">
        <v>94.19</v>
      </c>
      <c r="J8036">
        <v>7</v>
      </c>
      <c r="K8036">
        <v>-164.84</v>
      </c>
    </row>
    <row r="8037" spans="1:11" x14ac:dyDescent="0.3">
      <c r="A8037" s="1">
        <v>42937</v>
      </c>
      <c r="B8037" s="3">
        <f t="shared" si="250"/>
        <v>7</v>
      </c>
      <c r="C8037" s="3">
        <f t="shared" si="251"/>
        <v>2017</v>
      </c>
      <c r="D8037" t="s">
        <v>1278</v>
      </c>
      <c r="E8037" t="s">
        <v>14</v>
      </c>
      <c r="F8037" t="s">
        <v>10</v>
      </c>
      <c r="G8037" t="s">
        <v>19</v>
      </c>
      <c r="H8037" t="s">
        <v>845</v>
      </c>
      <c r="I8037">
        <v>2.11</v>
      </c>
      <c r="J8037">
        <v>2</v>
      </c>
      <c r="K8037">
        <v>-3.38</v>
      </c>
    </row>
    <row r="8038" spans="1:11" x14ac:dyDescent="0.3">
      <c r="A8038" s="1">
        <v>42938</v>
      </c>
      <c r="B8038" s="3">
        <f t="shared" si="250"/>
        <v>7</v>
      </c>
      <c r="C8038" s="3">
        <f t="shared" si="251"/>
        <v>2017</v>
      </c>
      <c r="D8038" t="s">
        <v>1494</v>
      </c>
      <c r="E8038" t="s">
        <v>148</v>
      </c>
      <c r="F8038" t="s">
        <v>38</v>
      </c>
      <c r="G8038" t="s">
        <v>39</v>
      </c>
      <c r="H8038" t="s">
        <v>528</v>
      </c>
      <c r="I8038">
        <v>29.97</v>
      </c>
      <c r="J8038">
        <v>3</v>
      </c>
      <c r="K8038">
        <v>14.09</v>
      </c>
    </row>
    <row r="8039" spans="1:11" x14ac:dyDescent="0.3">
      <c r="A8039" s="1">
        <v>42938</v>
      </c>
      <c r="B8039" s="3">
        <f t="shared" si="250"/>
        <v>7</v>
      </c>
      <c r="C8039" s="3">
        <f t="shared" si="251"/>
        <v>2017</v>
      </c>
      <c r="D8039" t="s">
        <v>160</v>
      </c>
      <c r="E8039" t="s">
        <v>14</v>
      </c>
      <c r="F8039" t="s">
        <v>33</v>
      </c>
      <c r="G8039" t="s">
        <v>34</v>
      </c>
      <c r="H8039" t="s">
        <v>993</v>
      </c>
      <c r="I8039">
        <v>526.34</v>
      </c>
      <c r="J8039">
        <v>4</v>
      </c>
      <c r="K8039">
        <v>-75.19</v>
      </c>
    </row>
    <row r="8040" spans="1:11" x14ac:dyDescent="0.3">
      <c r="A8040" s="1">
        <v>42939</v>
      </c>
      <c r="B8040" s="3">
        <f t="shared" si="250"/>
        <v>7</v>
      </c>
      <c r="C8040" s="3">
        <f t="shared" si="251"/>
        <v>2017</v>
      </c>
      <c r="D8040" t="s">
        <v>318</v>
      </c>
      <c r="E8040" t="s">
        <v>148</v>
      </c>
      <c r="F8040" t="s">
        <v>10</v>
      </c>
      <c r="G8040" t="s">
        <v>19</v>
      </c>
      <c r="H8040" t="s">
        <v>704</v>
      </c>
      <c r="I8040">
        <v>13.13</v>
      </c>
      <c r="J8040">
        <v>3</v>
      </c>
      <c r="K8040">
        <v>4.2699999999999996</v>
      </c>
    </row>
    <row r="8041" spans="1:11" x14ac:dyDescent="0.3">
      <c r="A8041" s="1">
        <v>42939</v>
      </c>
      <c r="B8041" s="3">
        <f t="shared" si="250"/>
        <v>7</v>
      </c>
      <c r="C8041" s="3">
        <f t="shared" si="251"/>
        <v>2017</v>
      </c>
      <c r="D8041" t="s">
        <v>1137</v>
      </c>
      <c r="E8041" t="s">
        <v>128</v>
      </c>
      <c r="F8041" t="s">
        <v>10</v>
      </c>
      <c r="G8041" t="s">
        <v>23</v>
      </c>
      <c r="H8041" t="s">
        <v>2203</v>
      </c>
      <c r="I8041">
        <v>11.68</v>
      </c>
      <c r="J8041">
        <v>2</v>
      </c>
      <c r="K8041">
        <v>5.49</v>
      </c>
    </row>
    <row r="8042" spans="1:11" x14ac:dyDescent="0.3">
      <c r="A8042" s="1">
        <v>42939</v>
      </c>
      <c r="B8042" s="3">
        <f t="shared" si="250"/>
        <v>7</v>
      </c>
      <c r="C8042" s="3">
        <f t="shared" si="251"/>
        <v>2017</v>
      </c>
      <c r="D8042" t="s">
        <v>1137</v>
      </c>
      <c r="E8042" t="s">
        <v>128</v>
      </c>
      <c r="F8042" t="s">
        <v>38</v>
      </c>
      <c r="G8042" t="s">
        <v>51</v>
      </c>
      <c r="H8042" t="s">
        <v>1724</v>
      </c>
      <c r="I8042">
        <v>159.75</v>
      </c>
      <c r="J8042">
        <v>5</v>
      </c>
      <c r="K8042">
        <v>11.18</v>
      </c>
    </row>
    <row r="8043" spans="1:11" x14ac:dyDescent="0.3">
      <c r="A8043" s="1">
        <v>42939</v>
      </c>
      <c r="B8043" s="3">
        <f t="shared" si="250"/>
        <v>7</v>
      </c>
      <c r="C8043" s="3">
        <f t="shared" si="251"/>
        <v>2017</v>
      </c>
      <c r="D8043" t="s">
        <v>1229</v>
      </c>
      <c r="E8043" t="s">
        <v>148</v>
      </c>
      <c r="F8043" t="s">
        <v>10</v>
      </c>
      <c r="G8043" t="s">
        <v>15</v>
      </c>
      <c r="H8043" t="s">
        <v>1708</v>
      </c>
      <c r="I8043">
        <v>41.4</v>
      </c>
      <c r="J8043">
        <v>4</v>
      </c>
      <c r="K8043">
        <v>19.87</v>
      </c>
    </row>
    <row r="8044" spans="1:11" x14ac:dyDescent="0.3">
      <c r="A8044" s="1">
        <v>42939</v>
      </c>
      <c r="B8044" s="3">
        <f t="shared" si="250"/>
        <v>7</v>
      </c>
      <c r="C8044" s="3">
        <f t="shared" si="251"/>
        <v>2017</v>
      </c>
      <c r="D8044" t="s">
        <v>179</v>
      </c>
      <c r="E8044" t="s">
        <v>148</v>
      </c>
      <c r="F8044" t="s">
        <v>10</v>
      </c>
      <c r="G8044" t="s">
        <v>19</v>
      </c>
      <c r="H8044" t="s">
        <v>2199</v>
      </c>
      <c r="I8044">
        <v>13.92</v>
      </c>
      <c r="J8044">
        <v>3</v>
      </c>
      <c r="K8044">
        <v>4.3499999999999996</v>
      </c>
    </row>
    <row r="8045" spans="1:11" x14ac:dyDescent="0.3">
      <c r="A8045" s="1">
        <v>42939</v>
      </c>
      <c r="B8045" s="3">
        <f t="shared" si="250"/>
        <v>7</v>
      </c>
      <c r="C8045" s="3">
        <f t="shared" si="251"/>
        <v>2017</v>
      </c>
      <c r="D8045" t="s">
        <v>2297</v>
      </c>
      <c r="E8045" t="s">
        <v>14</v>
      </c>
      <c r="F8045" t="s">
        <v>10</v>
      </c>
      <c r="G8045" t="s">
        <v>11</v>
      </c>
      <c r="H8045" t="s">
        <v>334</v>
      </c>
      <c r="I8045">
        <v>63.31</v>
      </c>
      <c r="J8045">
        <v>3</v>
      </c>
      <c r="K8045">
        <v>20.58</v>
      </c>
    </row>
    <row r="8046" spans="1:11" x14ac:dyDescent="0.3">
      <c r="A8046" s="1">
        <v>42939</v>
      </c>
      <c r="B8046" s="3">
        <f t="shared" si="250"/>
        <v>7</v>
      </c>
      <c r="C8046" s="3">
        <f t="shared" si="251"/>
        <v>2017</v>
      </c>
      <c r="D8046" t="s">
        <v>2187</v>
      </c>
      <c r="E8046" t="s">
        <v>156</v>
      </c>
      <c r="F8046" t="s">
        <v>38</v>
      </c>
      <c r="G8046" t="s">
        <v>51</v>
      </c>
      <c r="H8046" t="s">
        <v>197</v>
      </c>
      <c r="I8046">
        <v>399.95</v>
      </c>
      <c r="J8046">
        <v>5</v>
      </c>
      <c r="K8046">
        <v>143.97999999999999</v>
      </c>
    </row>
    <row r="8047" spans="1:11" x14ac:dyDescent="0.3">
      <c r="A8047" s="1">
        <v>42939</v>
      </c>
      <c r="B8047" s="3">
        <f t="shared" si="250"/>
        <v>7</v>
      </c>
      <c r="C8047" s="3">
        <f t="shared" si="251"/>
        <v>2017</v>
      </c>
      <c r="D8047" t="s">
        <v>1476</v>
      </c>
      <c r="E8047" t="s">
        <v>26</v>
      </c>
      <c r="F8047" t="s">
        <v>10</v>
      </c>
      <c r="G8047" t="s">
        <v>19</v>
      </c>
      <c r="H8047" t="s">
        <v>247</v>
      </c>
      <c r="I8047">
        <v>15.19</v>
      </c>
      <c r="J8047">
        <v>3</v>
      </c>
      <c r="K8047">
        <v>5.51</v>
      </c>
    </row>
    <row r="8048" spans="1:11" x14ac:dyDescent="0.3">
      <c r="A8048" s="1">
        <v>42939</v>
      </c>
      <c r="B8048" s="3">
        <f t="shared" si="250"/>
        <v>7</v>
      </c>
      <c r="C8048" s="3">
        <f t="shared" si="251"/>
        <v>2017</v>
      </c>
      <c r="D8048" t="s">
        <v>1476</v>
      </c>
      <c r="E8048" t="s">
        <v>26</v>
      </c>
      <c r="F8048" t="s">
        <v>10</v>
      </c>
      <c r="G8048" t="s">
        <v>11</v>
      </c>
      <c r="H8048" t="s">
        <v>639</v>
      </c>
      <c r="I8048">
        <v>58.32</v>
      </c>
      <c r="J8048">
        <v>9</v>
      </c>
      <c r="K8048">
        <v>27.99</v>
      </c>
    </row>
    <row r="8049" spans="1:11" x14ac:dyDescent="0.3">
      <c r="A8049" s="1">
        <v>42939</v>
      </c>
      <c r="B8049" s="3">
        <f t="shared" si="250"/>
        <v>7</v>
      </c>
      <c r="C8049" s="3">
        <f t="shared" si="251"/>
        <v>2017</v>
      </c>
      <c r="D8049" t="s">
        <v>324</v>
      </c>
      <c r="E8049" t="s">
        <v>14</v>
      </c>
      <c r="F8049" t="s">
        <v>10</v>
      </c>
      <c r="G8049" t="s">
        <v>23</v>
      </c>
      <c r="H8049" t="s">
        <v>1252</v>
      </c>
      <c r="I8049">
        <v>121.54</v>
      </c>
      <c r="J8049">
        <v>4</v>
      </c>
      <c r="K8049">
        <v>15.19</v>
      </c>
    </row>
    <row r="8050" spans="1:11" x14ac:dyDescent="0.3">
      <c r="A8050" s="1">
        <v>42940</v>
      </c>
      <c r="B8050" s="3">
        <f t="shared" si="250"/>
        <v>7</v>
      </c>
      <c r="C8050" s="3">
        <f t="shared" si="251"/>
        <v>2017</v>
      </c>
      <c r="D8050" t="s">
        <v>1687</v>
      </c>
      <c r="E8050" t="s">
        <v>26</v>
      </c>
      <c r="F8050" t="s">
        <v>38</v>
      </c>
      <c r="G8050" t="s">
        <v>602</v>
      </c>
      <c r="H8050" t="s">
        <v>633</v>
      </c>
      <c r="I8050">
        <v>2399.96</v>
      </c>
      <c r="J8050">
        <v>5</v>
      </c>
      <c r="K8050">
        <v>839.99</v>
      </c>
    </row>
    <row r="8051" spans="1:11" x14ac:dyDescent="0.3">
      <c r="A8051" s="1">
        <v>42941</v>
      </c>
      <c r="B8051" s="3">
        <f t="shared" si="250"/>
        <v>7</v>
      </c>
      <c r="C8051" s="3">
        <f t="shared" si="251"/>
        <v>2017</v>
      </c>
      <c r="D8051" t="s">
        <v>2473</v>
      </c>
      <c r="E8051" t="s">
        <v>139</v>
      </c>
      <c r="F8051" t="s">
        <v>10</v>
      </c>
      <c r="G8051" t="s">
        <v>15</v>
      </c>
      <c r="H8051" t="s">
        <v>2574</v>
      </c>
      <c r="I8051">
        <v>20.23</v>
      </c>
      <c r="J8051">
        <v>7</v>
      </c>
      <c r="K8051">
        <v>9.51</v>
      </c>
    </row>
    <row r="8052" spans="1:11" x14ac:dyDescent="0.3">
      <c r="A8052" s="1">
        <v>42941</v>
      </c>
      <c r="B8052" s="3">
        <f t="shared" si="250"/>
        <v>7</v>
      </c>
      <c r="C8052" s="3">
        <f t="shared" si="251"/>
        <v>2017</v>
      </c>
      <c r="D8052" t="s">
        <v>423</v>
      </c>
      <c r="E8052" t="s">
        <v>22</v>
      </c>
      <c r="F8052" t="s">
        <v>10</v>
      </c>
      <c r="G8052" t="s">
        <v>15</v>
      </c>
      <c r="H8052" t="s">
        <v>2098</v>
      </c>
      <c r="I8052">
        <v>3.3</v>
      </c>
      <c r="J8052">
        <v>1</v>
      </c>
      <c r="K8052">
        <v>1.07</v>
      </c>
    </row>
    <row r="8053" spans="1:11" x14ac:dyDescent="0.3">
      <c r="A8053" s="1">
        <v>42941</v>
      </c>
      <c r="B8053" s="3">
        <f t="shared" si="250"/>
        <v>7</v>
      </c>
      <c r="C8053" s="3">
        <f t="shared" si="251"/>
        <v>2017</v>
      </c>
      <c r="D8053" t="s">
        <v>1300</v>
      </c>
      <c r="E8053" t="s">
        <v>22</v>
      </c>
      <c r="F8053" t="s">
        <v>33</v>
      </c>
      <c r="G8053" t="s">
        <v>46</v>
      </c>
      <c r="H8053" t="s">
        <v>2120</v>
      </c>
      <c r="I8053">
        <v>20.100000000000001</v>
      </c>
      <c r="J8053">
        <v>4</v>
      </c>
      <c r="K8053">
        <v>3.01</v>
      </c>
    </row>
    <row r="8054" spans="1:11" x14ac:dyDescent="0.3">
      <c r="A8054" s="1">
        <v>42941</v>
      </c>
      <c r="B8054" s="3">
        <f t="shared" si="250"/>
        <v>7</v>
      </c>
      <c r="C8054" s="3">
        <f t="shared" si="251"/>
        <v>2017</v>
      </c>
      <c r="D8054" t="s">
        <v>1300</v>
      </c>
      <c r="E8054" t="s">
        <v>22</v>
      </c>
      <c r="F8054" t="s">
        <v>10</v>
      </c>
      <c r="G8054" t="s">
        <v>199</v>
      </c>
      <c r="H8054" t="s">
        <v>2273</v>
      </c>
      <c r="I8054">
        <v>37.75</v>
      </c>
      <c r="J8054">
        <v>3</v>
      </c>
      <c r="K8054">
        <v>4.25</v>
      </c>
    </row>
    <row r="8055" spans="1:11" x14ac:dyDescent="0.3">
      <c r="A8055" s="1">
        <v>42941</v>
      </c>
      <c r="B8055" s="3">
        <f t="shared" si="250"/>
        <v>7</v>
      </c>
      <c r="C8055" s="3">
        <f t="shared" si="251"/>
        <v>2017</v>
      </c>
      <c r="D8055" t="s">
        <v>1300</v>
      </c>
      <c r="E8055" t="s">
        <v>22</v>
      </c>
      <c r="F8055" t="s">
        <v>33</v>
      </c>
      <c r="G8055" t="s">
        <v>144</v>
      </c>
      <c r="H8055" t="s">
        <v>2542</v>
      </c>
      <c r="I8055">
        <v>138.59</v>
      </c>
      <c r="J8055">
        <v>1</v>
      </c>
      <c r="K8055">
        <v>-34.65</v>
      </c>
    </row>
    <row r="8056" spans="1:11" x14ac:dyDescent="0.3">
      <c r="A8056" s="1">
        <v>42941</v>
      </c>
      <c r="B8056" s="3">
        <f t="shared" si="250"/>
        <v>7</v>
      </c>
      <c r="C8056" s="3">
        <f t="shared" si="251"/>
        <v>2017</v>
      </c>
      <c r="D8056" t="s">
        <v>1300</v>
      </c>
      <c r="E8056" t="s">
        <v>22</v>
      </c>
      <c r="F8056" t="s">
        <v>10</v>
      </c>
      <c r="G8056" t="s">
        <v>17</v>
      </c>
      <c r="H8056" t="s">
        <v>2358</v>
      </c>
      <c r="I8056">
        <v>259.92</v>
      </c>
      <c r="J8056">
        <v>5</v>
      </c>
      <c r="K8056">
        <v>-25.99</v>
      </c>
    </row>
    <row r="8057" spans="1:11" x14ac:dyDescent="0.3">
      <c r="A8057" s="1">
        <v>42941</v>
      </c>
      <c r="B8057" s="3">
        <f t="shared" si="250"/>
        <v>7</v>
      </c>
      <c r="C8057" s="3">
        <f t="shared" si="251"/>
        <v>2017</v>
      </c>
      <c r="D8057" t="s">
        <v>1300</v>
      </c>
      <c r="E8057" t="s">
        <v>22</v>
      </c>
      <c r="F8057" t="s">
        <v>10</v>
      </c>
      <c r="G8057" t="s">
        <v>11</v>
      </c>
      <c r="H8057" t="s">
        <v>1202</v>
      </c>
      <c r="I8057">
        <v>20.74</v>
      </c>
      <c r="J8057">
        <v>4</v>
      </c>
      <c r="K8057">
        <v>7.26</v>
      </c>
    </row>
    <row r="8058" spans="1:11" x14ac:dyDescent="0.3">
      <c r="A8058" s="1">
        <v>42941</v>
      </c>
      <c r="B8058" s="3">
        <f t="shared" si="250"/>
        <v>7</v>
      </c>
      <c r="C8058" s="3">
        <f t="shared" si="251"/>
        <v>2017</v>
      </c>
      <c r="D8058" t="s">
        <v>2405</v>
      </c>
      <c r="E8058" t="s">
        <v>9</v>
      </c>
      <c r="F8058" t="s">
        <v>33</v>
      </c>
      <c r="G8058" t="s">
        <v>144</v>
      </c>
      <c r="H8058" t="s">
        <v>1001</v>
      </c>
      <c r="I8058">
        <v>298.12</v>
      </c>
      <c r="J8058">
        <v>6</v>
      </c>
      <c r="K8058">
        <v>-4.26</v>
      </c>
    </row>
    <row r="8059" spans="1:11" x14ac:dyDescent="0.3">
      <c r="A8059" s="1">
        <v>42942</v>
      </c>
      <c r="B8059" s="3">
        <f t="shared" si="250"/>
        <v>7</v>
      </c>
      <c r="C8059" s="3">
        <f t="shared" si="251"/>
        <v>2017</v>
      </c>
      <c r="D8059" t="s">
        <v>1392</v>
      </c>
      <c r="E8059" t="s">
        <v>26</v>
      </c>
      <c r="F8059" t="s">
        <v>38</v>
      </c>
      <c r="G8059" t="s">
        <v>51</v>
      </c>
      <c r="H8059" t="s">
        <v>2101</v>
      </c>
      <c r="I8059">
        <v>1649.95</v>
      </c>
      <c r="J8059">
        <v>5</v>
      </c>
      <c r="K8059">
        <v>659.98</v>
      </c>
    </row>
    <row r="8060" spans="1:11" x14ac:dyDescent="0.3">
      <c r="A8060" s="1">
        <v>42942</v>
      </c>
      <c r="B8060" s="3">
        <f t="shared" si="250"/>
        <v>7</v>
      </c>
      <c r="C8060" s="3">
        <f t="shared" si="251"/>
        <v>2017</v>
      </c>
      <c r="D8060" t="s">
        <v>1392</v>
      </c>
      <c r="E8060" t="s">
        <v>26</v>
      </c>
      <c r="F8060" t="s">
        <v>33</v>
      </c>
      <c r="G8060" t="s">
        <v>34</v>
      </c>
      <c r="H8060" t="s">
        <v>1596</v>
      </c>
      <c r="I8060">
        <v>362.35</v>
      </c>
      <c r="J8060">
        <v>3</v>
      </c>
      <c r="K8060">
        <v>45.29</v>
      </c>
    </row>
    <row r="8061" spans="1:11" x14ac:dyDescent="0.3">
      <c r="A8061" s="1">
        <v>42943</v>
      </c>
      <c r="B8061" s="3">
        <f t="shared" si="250"/>
        <v>7</v>
      </c>
      <c r="C8061" s="3">
        <f t="shared" si="251"/>
        <v>2017</v>
      </c>
      <c r="D8061" t="s">
        <v>402</v>
      </c>
      <c r="E8061" t="s">
        <v>122</v>
      </c>
      <c r="F8061" t="s">
        <v>33</v>
      </c>
      <c r="G8061" t="s">
        <v>46</v>
      </c>
      <c r="H8061" t="s">
        <v>1084</v>
      </c>
      <c r="I8061">
        <v>91.03</v>
      </c>
      <c r="J8061">
        <v>3</v>
      </c>
      <c r="K8061">
        <v>-2.2799999999999998</v>
      </c>
    </row>
    <row r="8062" spans="1:11" x14ac:dyDescent="0.3">
      <c r="A8062" s="1">
        <v>42943</v>
      </c>
      <c r="B8062" s="3">
        <f t="shared" si="250"/>
        <v>7</v>
      </c>
      <c r="C8062" s="3">
        <f t="shared" si="251"/>
        <v>2017</v>
      </c>
      <c r="D8062" t="s">
        <v>2664</v>
      </c>
      <c r="E8062" t="s">
        <v>148</v>
      </c>
      <c r="F8062" t="s">
        <v>33</v>
      </c>
      <c r="G8062" t="s">
        <v>46</v>
      </c>
      <c r="H8062" t="s">
        <v>1019</v>
      </c>
      <c r="I8062">
        <v>14.89</v>
      </c>
      <c r="J8062">
        <v>1</v>
      </c>
      <c r="K8062">
        <v>4.0199999999999996</v>
      </c>
    </row>
    <row r="8063" spans="1:11" x14ac:dyDescent="0.3">
      <c r="A8063" s="1">
        <v>42943</v>
      </c>
      <c r="B8063" s="3">
        <f t="shared" si="250"/>
        <v>7</v>
      </c>
      <c r="C8063" s="3">
        <f t="shared" si="251"/>
        <v>2017</v>
      </c>
      <c r="D8063" t="s">
        <v>2664</v>
      </c>
      <c r="E8063" t="s">
        <v>148</v>
      </c>
      <c r="F8063" t="s">
        <v>38</v>
      </c>
      <c r="G8063" t="s">
        <v>39</v>
      </c>
      <c r="H8063" t="s">
        <v>702</v>
      </c>
      <c r="I8063">
        <v>543.91999999999996</v>
      </c>
      <c r="J8063">
        <v>8</v>
      </c>
      <c r="K8063">
        <v>135.97999999999999</v>
      </c>
    </row>
    <row r="8064" spans="1:11" x14ac:dyDescent="0.3">
      <c r="A8064" s="1">
        <v>42943</v>
      </c>
      <c r="B8064" s="3">
        <f t="shared" si="250"/>
        <v>7</v>
      </c>
      <c r="C8064" s="3">
        <f t="shared" si="251"/>
        <v>2017</v>
      </c>
      <c r="D8064" t="s">
        <v>1220</v>
      </c>
      <c r="E8064" t="s">
        <v>163</v>
      </c>
      <c r="F8064" t="s">
        <v>33</v>
      </c>
      <c r="G8064" t="s">
        <v>46</v>
      </c>
      <c r="H8064" t="s">
        <v>1014</v>
      </c>
      <c r="I8064">
        <v>23.88</v>
      </c>
      <c r="J8064">
        <v>3</v>
      </c>
      <c r="K8064">
        <v>10.51</v>
      </c>
    </row>
    <row r="8065" spans="1:11" x14ac:dyDescent="0.3">
      <c r="A8065" s="1">
        <v>42943</v>
      </c>
      <c r="B8065" s="3">
        <f t="shared" si="250"/>
        <v>7</v>
      </c>
      <c r="C8065" s="3">
        <f t="shared" si="251"/>
        <v>2017</v>
      </c>
      <c r="D8065" t="s">
        <v>1220</v>
      </c>
      <c r="E8065" t="s">
        <v>163</v>
      </c>
      <c r="F8065" t="s">
        <v>10</v>
      </c>
      <c r="G8065" t="s">
        <v>11</v>
      </c>
      <c r="H8065" t="s">
        <v>853</v>
      </c>
      <c r="I8065">
        <v>26.2</v>
      </c>
      <c r="J8065">
        <v>4</v>
      </c>
      <c r="K8065">
        <v>12.05</v>
      </c>
    </row>
    <row r="8066" spans="1:11" x14ac:dyDescent="0.3">
      <c r="A8066" s="1">
        <v>42943</v>
      </c>
      <c r="B8066" s="3">
        <f t="shared" ref="B8066:B8129" si="252">MONTH(A:A)</f>
        <v>7</v>
      </c>
      <c r="C8066" s="3">
        <f t="shared" ref="C8066:C8129" si="253">YEAR(A:A)</f>
        <v>2017</v>
      </c>
      <c r="D8066" t="s">
        <v>1220</v>
      </c>
      <c r="E8066" t="s">
        <v>163</v>
      </c>
      <c r="F8066" t="s">
        <v>10</v>
      </c>
      <c r="G8066" t="s">
        <v>11</v>
      </c>
      <c r="H8066" t="s">
        <v>2194</v>
      </c>
      <c r="I8066">
        <v>12.96</v>
      </c>
      <c r="J8066">
        <v>2</v>
      </c>
      <c r="K8066">
        <v>6.22</v>
      </c>
    </row>
    <row r="8067" spans="1:11" x14ac:dyDescent="0.3">
      <c r="A8067" s="1">
        <v>42943</v>
      </c>
      <c r="B8067" s="3">
        <f t="shared" si="252"/>
        <v>7</v>
      </c>
      <c r="C8067" s="3">
        <f t="shared" si="253"/>
        <v>2017</v>
      </c>
      <c r="D8067" t="s">
        <v>1220</v>
      </c>
      <c r="E8067" t="s">
        <v>163</v>
      </c>
      <c r="F8067" t="s">
        <v>38</v>
      </c>
      <c r="G8067" t="s">
        <v>51</v>
      </c>
      <c r="H8067" t="s">
        <v>2514</v>
      </c>
      <c r="I8067">
        <v>234.95</v>
      </c>
      <c r="J8067">
        <v>5</v>
      </c>
      <c r="K8067">
        <v>32.89</v>
      </c>
    </row>
    <row r="8068" spans="1:11" x14ac:dyDescent="0.3">
      <c r="A8068" s="1">
        <v>42943</v>
      </c>
      <c r="B8068" s="3">
        <f t="shared" si="252"/>
        <v>7</v>
      </c>
      <c r="C8068" s="3">
        <f t="shared" si="253"/>
        <v>2017</v>
      </c>
      <c r="D8068" t="s">
        <v>2196</v>
      </c>
      <c r="E8068" t="s">
        <v>244</v>
      </c>
      <c r="F8068" t="s">
        <v>33</v>
      </c>
      <c r="G8068" t="s">
        <v>34</v>
      </c>
      <c r="H8068" t="s">
        <v>186</v>
      </c>
      <c r="I8068">
        <v>194.85</v>
      </c>
      <c r="J8068">
        <v>4</v>
      </c>
      <c r="K8068">
        <v>12.18</v>
      </c>
    </row>
    <row r="8069" spans="1:11" x14ac:dyDescent="0.3">
      <c r="A8069" s="1">
        <v>42944</v>
      </c>
      <c r="B8069" s="3">
        <f t="shared" si="252"/>
        <v>7</v>
      </c>
      <c r="C8069" s="3">
        <f t="shared" si="253"/>
        <v>2017</v>
      </c>
      <c r="D8069" t="s">
        <v>2379</v>
      </c>
      <c r="E8069" t="s">
        <v>26</v>
      </c>
      <c r="F8069" t="s">
        <v>10</v>
      </c>
      <c r="G8069" t="s">
        <v>19</v>
      </c>
      <c r="H8069" t="s">
        <v>435</v>
      </c>
      <c r="I8069">
        <v>9.98</v>
      </c>
      <c r="J8069">
        <v>4</v>
      </c>
      <c r="K8069">
        <v>3.62</v>
      </c>
    </row>
    <row r="8070" spans="1:11" x14ac:dyDescent="0.3">
      <c r="A8070" s="1">
        <v>42944</v>
      </c>
      <c r="B8070" s="3">
        <f t="shared" si="252"/>
        <v>7</v>
      </c>
      <c r="C8070" s="3">
        <f t="shared" si="253"/>
        <v>2017</v>
      </c>
      <c r="D8070" t="s">
        <v>2379</v>
      </c>
      <c r="E8070" t="s">
        <v>26</v>
      </c>
      <c r="F8070" t="s">
        <v>10</v>
      </c>
      <c r="G8070" t="s">
        <v>17</v>
      </c>
      <c r="H8070" t="s">
        <v>2504</v>
      </c>
      <c r="I8070">
        <v>14.98</v>
      </c>
      <c r="J8070">
        <v>1</v>
      </c>
      <c r="K8070">
        <v>4.1900000000000004</v>
      </c>
    </row>
    <row r="8071" spans="1:11" x14ac:dyDescent="0.3">
      <c r="A8071" s="1">
        <v>42944</v>
      </c>
      <c r="B8071" s="3">
        <f t="shared" si="252"/>
        <v>7</v>
      </c>
      <c r="C8071" s="3">
        <f t="shared" si="253"/>
        <v>2017</v>
      </c>
      <c r="D8071" t="s">
        <v>2379</v>
      </c>
      <c r="E8071" t="s">
        <v>26</v>
      </c>
      <c r="F8071" t="s">
        <v>38</v>
      </c>
      <c r="G8071" t="s">
        <v>39</v>
      </c>
      <c r="H8071" t="s">
        <v>647</v>
      </c>
      <c r="I8071">
        <v>1145.5999999999999</v>
      </c>
      <c r="J8071">
        <v>4</v>
      </c>
      <c r="K8071">
        <v>100.24</v>
      </c>
    </row>
    <row r="8072" spans="1:11" x14ac:dyDescent="0.3">
      <c r="A8072" s="1">
        <v>42945</v>
      </c>
      <c r="B8072" s="3">
        <f t="shared" si="252"/>
        <v>7</v>
      </c>
      <c r="C8072" s="3">
        <f t="shared" si="253"/>
        <v>2017</v>
      </c>
      <c r="D8072" t="s">
        <v>2064</v>
      </c>
      <c r="E8072" t="s">
        <v>244</v>
      </c>
      <c r="F8072" t="s">
        <v>10</v>
      </c>
      <c r="G8072" t="s">
        <v>91</v>
      </c>
      <c r="H8072" t="s">
        <v>2272</v>
      </c>
      <c r="I8072">
        <v>34.85</v>
      </c>
      <c r="J8072">
        <v>2</v>
      </c>
      <c r="K8072">
        <v>6.53</v>
      </c>
    </row>
    <row r="8073" spans="1:11" x14ac:dyDescent="0.3">
      <c r="A8073" s="1">
        <v>42945</v>
      </c>
      <c r="B8073" s="3">
        <f t="shared" si="252"/>
        <v>7</v>
      </c>
      <c r="C8073" s="3">
        <f t="shared" si="253"/>
        <v>2017</v>
      </c>
      <c r="D8073" t="s">
        <v>2064</v>
      </c>
      <c r="E8073" t="s">
        <v>244</v>
      </c>
      <c r="F8073" t="s">
        <v>38</v>
      </c>
      <c r="G8073" t="s">
        <v>39</v>
      </c>
      <c r="H8073" t="s">
        <v>2587</v>
      </c>
      <c r="I8073">
        <v>22</v>
      </c>
      <c r="J8073">
        <v>5</v>
      </c>
      <c r="K8073">
        <v>1.38</v>
      </c>
    </row>
    <row r="8074" spans="1:11" x14ac:dyDescent="0.3">
      <c r="A8074" s="1">
        <v>42945</v>
      </c>
      <c r="B8074" s="3">
        <f t="shared" si="252"/>
        <v>7</v>
      </c>
      <c r="C8074" s="3">
        <f t="shared" si="253"/>
        <v>2017</v>
      </c>
      <c r="D8074" t="s">
        <v>2064</v>
      </c>
      <c r="E8074" t="s">
        <v>244</v>
      </c>
      <c r="F8074" t="s">
        <v>10</v>
      </c>
      <c r="G8074" t="s">
        <v>23</v>
      </c>
      <c r="H8074" t="s">
        <v>797</v>
      </c>
      <c r="I8074">
        <v>4.37</v>
      </c>
      <c r="J8074">
        <v>3</v>
      </c>
      <c r="K8074">
        <v>0.38</v>
      </c>
    </row>
    <row r="8075" spans="1:11" x14ac:dyDescent="0.3">
      <c r="A8075" s="1">
        <v>42945</v>
      </c>
      <c r="B8075" s="3">
        <f t="shared" si="252"/>
        <v>7</v>
      </c>
      <c r="C8075" s="3">
        <f t="shared" si="253"/>
        <v>2017</v>
      </c>
      <c r="D8075" t="s">
        <v>236</v>
      </c>
      <c r="E8075" t="s">
        <v>163</v>
      </c>
      <c r="F8075" t="s">
        <v>38</v>
      </c>
      <c r="G8075" t="s">
        <v>51</v>
      </c>
      <c r="H8075" t="s">
        <v>2432</v>
      </c>
      <c r="I8075">
        <v>90.57</v>
      </c>
      <c r="J8075">
        <v>3</v>
      </c>
      <c r="K8075">
        <v>11.77</v>
      </c>
    </row>
    <row r="8076" spans="1:11" x14ac:dyDescent="0.3">
      <c r="A8076" s="1">
        <v>42945</v>
      </c>
      <c r="B8076" s="3">
        <f t="shared" si="252"/>
        <v>7</v>
      </c>
      <c r="C8076" s="3">
        <f t="shared" si="253"/>
        <v>2017</v>
      </c>
      <c r="D8076" t="s">
        <v>592</v>
      </c>
      <c r="E8076" t="s">
        <v>9</v>
      </c>
      <c r="F8076" t="s">
        <v>10</v>
      </c>
      <c r="G8076" t="s">
        <v>42</v>
      </c>
      <c r="H8076" t="s">
        <v>1783</v>
      </c>
      <c r="I8076">
        <v>2.9</v>
      </c>
      <c r="J8076">
        <v>2</v>
      </c>
      <c r="K8076">
        <v>0.47</v>
      </c>
    </row>
    <row r="8077" spans="1:11" x14ac:dyDescent="0.3">
      <c r="A8077" s="1">
        <v>42945</v>
      </c>
      <c r="B8077" s="3">
        <f t="shared" si="252"/>
        <v>7</v>
      </c>
      <c r="C8077" s="3">
        <f t="shared" si="253"/>
        <v>2017</v>
      </c>
      <c r="D8077" t="s">
        <v>592</v>
      </c>
      <c r="E8077" t="s">
        <v>9</v>
      </c>
      <c r="F8077" t="s">
        <v>38</v>
      </c>
      <c r="G8077" t="s">
        <v>39</v>
      </c>
      <c r="H8077" t="s">
        <v>2108</v>
      </c>
      <c r="I8077">
        <v>124.79</v>
      </c>
      <c r="J8077">
        <v>1</v>
      </c>
      <c r="K8077">
        <v>15.6</v>
      </c>
    </row>
    <row r="8078" spans="1:11" x14ac:dyDescent="0.3">
      <c r="A8078" s="1">
        <v>42945</v>
      </c>
      <c r="B8078" s="3">
        <f t="shared" si="252"/>
        <v>7</v>
      </c>
      <c r="C8078" s="3">
        <f t="shared" si="253"/>
        <v>2017</v>
      </c>
      <c r="D8078" t="s">
        <v>362</v>
      </c>
      <c r="E8078" t="s">
        <v>148</v>
      </c>
      <c r="F8078" t="s">
        <v>10</v>
      </c>
      <c r="G8078" t="s">
        <v>23</v>
      </c>
      <c r="H8078" t="s">
        <v>778</v>
      </c>
      <c r="I8078">
        <v>60.12</v>
      </c>
      <c r="J8078">
        <v>9</v>
      </c>
      <c r="K8078">
        <v>22.24</v>
      </c>
    </row>
    <row r="8079" spans="1:11" x14ac:dyDescent="0.3">
      <c r="A8079" s="1">
        <v>42945</v>
      </c>
      <c r="B8079" s="3">
        <f t="shared" si="252"/>
        <v>7</v>
      </c>
      <c r="C8079" s="3">
        <f t="shared" si="253"/>
        <v>2017</v>
      </c>
      <c r="D8079" t="s">
        <v>1075</v>
      </c>
      <c r="E8079" t="s">
        <v>839</v>
      </c>
      <c r="F8079" t="s">
        <v>10</v>
      </c>
      <c r="G8079" t="s">
        <v>19</v>
      </c>
      <c r="H8079" t="s">
        <v>607</v>
      </c>
      <c r="I8079">
        <v>33.479999999999997</v>
      </c>
      <c r="J8079">
        <v>2</v>
      </c>
      <c r="K8079">
        <v>16.41</v>
      </c>
    </row>
    <row r="8080" spans="1:11" x14ac:dyDescent="0.3">
      <c r="A8080" s="1">
        <v>42945</v>
      </c>
      <c r="B8080" s="3">
        <f t="shared" si="252"/>
        <v>7</v>
      </c>
      <c r="C8080" s="3">
        <f t="shared" si="253"/>
        <v>2017</v>
      </c>
      <c r="D8080" t="s">
        <v>1075</v>
      </c>
      <c r="E8080" t="s">
        <v>839</v>
      </c>
      <c r="F8080" t="s">
        <v>38</v>
      </c>
      <c r="G8080" t="s">
        <v>39</v>
      </c>
      <c r="H8080" t="s">
        <v>1346</v>
      </c>
      <c r="I8080">
        <v>461.97</v>
      </c>
      <c r="J8080">
        <v>3</v>
      </c>
      <c r="K8080">
        <v>133.97</v>
      </c>
    </row>
    <row r="8081" spans="1:11" x14ac:dyDescent="0.3">
      <c r="A8081" s="1">
        <v>42945</v>
      </c>
      <c r="B8081" s="3">
        <f t="shared" si="252"/>
        <v>7</v>
      </c>
      <c r="C8081" s="3">
        <f t="shared" si="253"/>
        <v>2017</v>
      </c>
      <c r="D8081" t="s">
        <v>1075</v>
      </c>
      <c r="E8081" t="s">
        <v>839</v>
      </c>
      <c r="F8081" t="s">
        <v>10</v>
      </c>
      <c r="G8081" t="s">
        <v>91</v>
      </c>
      <c r="H8081" t="s">
        <v>113</v>
      </c>
      <c r="I8081">
        <v>137.62</v>
      </c>
      <c r="J8081">
        <v>2</v>
      </c>
      <c r="K8081">
        <v>60.55</v>
      </c>
    </row>
    <row r="8082" spans="1:11" x14ac:dyDescent="0.3">
      <c r="A8082" s="1">
        <v>42945</v>
      </c>
      <c r="B8082" s="3">
        <f t="shared" si="252"/>
        <v>7</v>
      </c>
      <c r="C8082" s="3">
        <f t="shared" si="253"/>
        <v>2017</v>
      </c>
      <c r="D8082" t="s">
        <v>1075</v>
      </c>
      <c r="E8082" t="s">
        <v>839</v>
      </c>
      <c r="F8082" t="s">
        <v>33</v>
      </c>
      <c r="G8082" t="s">
        <v>34</v>
      </c>
      <c r="H8082" t="s">
        <v>1483</v>
      </c>
      <c r="I8082">
        <v>302.67</v>
      </c>
      <c r="J8082">
        <v>3</v>
      </c>
      <c r="K8082">
        <v>72.64</v>
      </c>
    </row>
    <row r="8083" spans="1:11" x14ac:dyDescent="0.3">
      <c r="A8083" s="1">
        <v>42945</v>
      </c>
      <c r="B8083" s="3">
        <f t="shared" si="252"/>
        <v>7</v>
      </c>
      <c r="C8083" s="3">
        <f t="shared" si="253"/>
        <v>2017</v>
      </c>
      <c r="D8083" t="s">
        <v>1092</v>
      </c>
      <c r="E8083" t="s">
        <v>163</v>
      </c>
      <c r="F8083" t="s">
        <v>33</v>
      </c>
      <c r="G8083" t="s">
        <v>73</v>
      </c>
      <c r="H8083" t="s">
        <v>2160</v>
      </c>
      <c r="I8083">
        <v>115.96</v>
      </c>
      <c r="J8083">
        <v>2</v>
      </c>
      <c r="K8083">
        <v>25.51</v>
      </c>
    </row>
    <row r="8084" spans="1:11" x14ac:dyDescent="0.3">
      <c r="A8084" s="1">
        <v>42946</v>
      </c>
      <c r="B8084" s="3">
        <f t="shared" si="252"/>
        <v>7</v>
      </c>
      <c r="C8084" s="3">
        <f t="shared" si="253"/>
        <v>2017</v>
      </c>
      <c r="D8084" t="s">
        <v>536</v>
      </c>
      <c r="E8084" t="s">
        <v>26</v>
      </c>
      <c r="F8084" t="s">
        <v>10</v>
      </c>
      <c r="G8084" t="s">
        <v>17</v>
      </c>
      <c r="H8084" t="s">
        <v>373</v>
      </c>
      <c r="I8084">
        <v>330.4</v>
      </c>
      <c r="J8084">
        <v>2</v>
      </c>
      <c r="K8084">
        <v>85.9</v>
      </c>
    </row>
    <row r="8085" spans="1:11" x14ac:dyDescent="0.3">
      <c r="A8085" s="1">
        <v>42946</v>
      </c>
      <c r="B8085" s="3">
        <f t="shared" si="252"/>
        <v>7</v>
      </c>
      <c r="C8085" s="3">
        <f t="shared" si="253"/>
        <v>2017</v>
      </c>
      <c r="D8085" t="s">
        <v>536</v>
      </c>
      <c r="E8085" t="s">
        <v>26</v>
      </c>
      <c r="F8085" t="s">
        <v>10</v>
      </c>
      <c r="G8085" t="s">
        <v>15</v>
      </c>
      <c r="H8085" t="s">
        <v>171</v>
      </c>
      <c r="I8085">
        <v>26.25</v>
      </c>
      <c r="J8085">
        <v>7</v>
      </c>
      <c r="K8085">
        <v>12.6</v>
      </c>
    </row>
    <row r="8086" spans="1:11" x14ac:dyDescent="0.3">
      <c r="A8086" s="1">
        <v>42946</v>
      </c>
      <c r="B8086" s="3">
        <f t="shared" si="252"/>
        <v>7</v>
      </c>
      <c r="C8086" s="3">
        <f t="shared" si="253"/>
        <v>2017</v>
      </c>
      <c r="D8086" t="s">
        <v>1675</v>
      </c>
      <c r="E8086" t="s">
        <v>77</v>
      </c>
      <c r="F8086" t="s">
        <v>10</v>
      </c>
      <c r="G8086" t="s">
        <v>19</v>
      </c>
      <c r="H8086" t="s">
        <v>696</v>
      </c>
      <c r="I8086">
        <v>76.78</v>
      </c>
      <c r="J8086">
        <v>4</v>
      </c>
      <c r="K8086">
        <v>-53.74</v>
      </c>
    </row>
    <row r="8087" spans="1:11" x14ac:dyDescent="0.3">
      <c r="A8087" s="1">
        <v>42946</v>
      </c>
      <c r="B8087" s="3">
        <f t="shared" si="252"/>
        <v>7</v>
      </c>
      <c r="C8087" s="3">
        <f t="shared" si="253"/>
        <v>2017</v>
      </c>
      <c r="D8087" t="s">
        <v>2293</v>
      </c>
      <c r="E8087" t="s">
        <v>530</v>
      </c>
      <c r="F8087" t="s">
        <v>38</v>
      </c>
      <c r="G8087" t="s">
        <v>39</v>
      </c>
      <c r="H8087" t="s">
        <v>1214</v>
      </c>
      <c r="I8087">
        <v>89.95</v>
      </c>
      <c r="J8087">
        <v>5</v>
      </c>
      <c r="K8087">
        <v>43.18</v>
      </c>
    </row>
    <row r="8088" spans="1:11" x14ac:dyDescent="0.3">
      <c r="A8088" s="1">
        <v>42947</v>
      </c>
      <c r="B8088" s="3">
        <f t="shared" si="252"/>
        <v>7</v>
      </c>
      <c r="C8088" s="3">
        <f t="shared" si="253"/>
        <v>2017</v>
      </c>
      <c r="D8088" t="s">
        <v>1286</v>
      </c>
      <c r="E8088" t="s">
        <v>22</v>
      </c>
      <c r="F8088" t="s">
        <v>10</v>
      </c>
      <c r="G8088" t="s">
        <v>11</v>
      </c>
      <c r="H8088" t="s">
        <v>1900</v>
      </c>
      <c r="I8088">
        <v>54.82</v>
      </c>
      <c r="J8088">
        <v>3</v>
      </c>
      <c r="K8088">
        <v>17.82</v>
      </c>
    </row>
    <row r="8089" spans="1:11" x14ac:dyDescent="0.3">
      <c r="A8089" s="1">
        <v>42947</v>
      </c>
      <c r="B8089" s="3">
        <f t="shared" si="252"/>
        <v>7</v>
      </c>
      <c r="C8089" s="3">
        <f t="shared" si="253"/>
        <v>2017</v>
      </c>
      <c r="D8089" t="s">
        <v>1493</v>
      </c>
      <c r="E8089" t="s">
        <v>122</v>
      </c>
      <c r="F8089" t="s">
        <v>38</v>
      </c>
      <c r="G8089" t="s">
        <v>51</v>
      </c>
      <c r="H8089" t="s">
        <v>2033</v>
      </c>
      <c r="I8089">
        <v>41.42</v>
      </c>
      <c r="J8089">
        <v>2</v>
      </c>
      <c r="K8089">
        <v>8.2799999999999994</v>
      </c>
    </row>
    <row r="8090" spans="1:11" x14ac:dyDescent="0.3">
      <c r="A8090" s="1">
        <v>42947</v>
      </c>
      <c r="B8090" s="3">
        <f t="shared" si="252"/>
        <v>7</v>
      </c>
      <c r="C8090" s="3">
        <f t="shared" si="253"/>
        <v>2017</v>
      </c>
      <c r="D8090" t="s">
        <v>2211</v>
      </c>
      <c r="E8090" t="s">
        <v>14</v>
      </c>
      <c r="F8090" t="s">
        <v>38</v>
      </c>
      <c r="G8090" t="s">
        <v>39</v>
      </c>
      <c r="H8090" t="s">
        <v>706</v>
      </c>
      <c r="I8090">
        <v>36.79</v>
      </c>
      <c r="J8090">
        <v>1</v>
      </c>
      <c r="K8090">
        <v>4.1399999999999997</v>
      </c>
    </row>
    <row r="8091" spans="1:11" x14ac:dyDescent="0.3">
      <c r="A8091" s="1">
        <v>42947</v>
      </c>
      <c r="B8091" s="3">
        <f t="shared" si="252"/>
        <v>7</v>
      </c>
      <c r="C8091" s="3">
        <f t="shared" si="253"/>
        <v>2017</v>
      </c>
      <c r="D8091" t="s">
        <v>1799</v>
      </c>
      <c r="E8091" t="s">
        <v>26</v>
      </c>
      <c r="F8091" t="s">
        <v>10</v>
      </c>
      <c r="G8091" t="s">
        <v>17</v>
      </c>
      <c r="H8091" t="s">
        <v>622</v>
      </c>
      <c r="I8091">
        <v>56.56</v>
      </c>
      <c r="J8091">
        <v>2</v>
      </c>
      <c r="K8091">
        <v>15.27</v>
      </c>
    </row>
    <row r="8092" spans="1:11" x14ac:dyDescent="0.3">
      <c r="A8092" s="1">
        <v>42947</v>
      </c>
      <c r="B8092" s="3">
        <f t="shared" si="252"/>
        <v>7</v>
      </c>
      <c r="C8092" s="3">
        <f t="shared" si="253"/>
        <v>2017</v>
      </c>
      <c r="D8092" t="s">
        <v>1799</v>
      </c>
      <c r="E8092" t="s">
        <v>26</v>
      </c>
      <c r="F8092" t="s">
        <v>33</v>
      </c>
      <c r="G8092" t="s">
        <v>46</v>
      </c>
      <c r="H8092" t="s">
        <v>1542</v>
      </c>
      <c r="I8092">
        <v>36.96</v>
      </c>
      <c r="J8092">
        <v>7</v>
      </c>
      <c r="K8092">
        <v>11.46</v>
      </c>
    </row>
    <row r="8093" spans="1:11" x14ac:dyDescent="0.3">
      <c r="A8093" s="1">
        <v>42947</v>
      </c>
      <c r="B8093" s="3">
        <f t="shared" si="252"/>
        <v>7</v>
      </c>
      <c r="C8093" s="3">
        <f t="shared" si="253"/>
        <v>2017</v>
      </c>
      <c r="D8093" t="s">
        <v>1482</v>
      </c>
      <c r="E8093" t="s">
        <v>156</v>
      </c>
      <c r="F8093" t="s">
        <v>10</v>
      </c>
      <c r="G8093" t="s">
        <v>19</v>
      </c>
      <c r="H8093" t="s">
        <v>1379</v>
      </c>
      <c r="I8093">
        <v>17.52</v>
      </c>
      <c r="J8093">
        <v>4</v>
      </c>
      <c r="K8093">
        <v>8.41</v>
      </c>
    </row>
    <row r="8094" spans="1:11" x14ac:dyDescent="0.3">
      <c r="A8094" s="1">
        <v>42947</v>
      </c>
      <c r="B8094" s="3">
        <f t="shared" si="252"/>
        <v>7</v>
      </c>
      <c r="C8094" s="3">
        <f t="shared" si="253"/>
        <v>2017</v>
      </c>
      <c r="D8094" t="s">
        <v>1482</v>
      </c>
      <c r="E8094" t="s">
        <v>156</v>
      </c>
      <c r="F8094" t="s">
        <v>10</v>
      </c>
      <c r="G8094" t="s">
        <v>91</v>
      </c>
      <c r="H8094" t="s">
        <v>2400</v>
      </c>
      <c r="I8094">
        <v>155.88</v>
      </c>
      <c r="J8094">
        <v>6</v>
      </c>
      <c r="K8094">
        <v>54.56</v>
      </c>
    </row>
    <row r="8095" spans="1:11" x14ac:dyDescent="0.3">
      <c r="A8095" s="1">
        <v>42947</v>
      </c>
      <c r="B8095" s="3">
        <f t="shared" si="252"/>
        <v>7</v>
      </c>
      <c r="C8095" s="3">
        <f t="shared" si="253"/>
        <v>2017</v>
      </c>
      <c r="D8095" t="s">
        <v>645</v>
      </c>
      <c r="E8095" t="s">
        <v>22</v>
      </c>
      <c r="F8095" t="s">
        <v>38</v>
      </c>
      <c r="G8095" t="s">
        <v>39</v>
      </c>
      <c r="H8095" t="s">
        <v>1563</v>
      </c>
      <c r="I8095">
        <v>285.58</v>
      </c>
      <c r="J8095">
        <v>4</v>
      </c>
      <c r="K8095">
        <v>-57.12</v>
      </c>
    </row>
    <row r="8096" spans="1:11" x14ac:dyDescent="0.3">
      <c r="A8096" s="1">
        <v>42947</v>
      </c>
      <c r="B8096" s="3">
        <f t="shared" si="252"/>
        <v>7</v>
      </c>
      <c r="C8096" s="3">
        <f t="shared" si="253"/>
        <v>2017</v>
      </c>
      <c r="D8096" t="s">
        <v>561</v>
      </c>
      <c r="E8096" t="s">
        <v>58</v>
      </c>
      <c r="F8096" t="s">
        <v>10</v>
      </c>
      <c r="G8096" t="s">
        <v>11</v>
      </c>
      <c r="H8096" t="s">
        <v>2391</v>
      </c>
      <c r="I8096">
        <v>11.54</v>
      </c>
      <c r="J8096">
        <v>1</v>
      </c>
      <c r="K8096">
        <v>5.54</v>
      </c>
    </row>
    <row r="8097" spans="1:11" x14ac:dyDescent="0.3">
      <c r="A8097" s="1">
        <v>42947</v>
      </c>
      <c r="B8097" s="3">
        <f t="shared" si="252"/>
        <v>7</v>
      </c>
      <c r="C8097" s="3">
        <f t="shared" si="253"/>
        <v>2017</v>
      </c>
      <c r="D8097" t="s">
        <v>561</v>
      </c>
      <c r="E8097" t="s">
        <v>58</v>
      </c>
      <c r="F8097" t="s">
        <v>10</v>
      </c>
      <c r="G8097" t="s">
        <v>19</v>
      </c>
      <c r="H8097" t="s">
        <v>527</v>
      </c>
      <c r="I8097">
        <v>849.95</v>
      </c>
      <c r="J8097">
        <v>5</v>
      </c>
      <c r="K8097">
        <v>390.98</v>
      </c>
    </row>
    <row r="8098" spans="1:11" x14ac:dyDescent="0.3">
      <c r="A8098" s="1">
        <v>42947</v>
      </c>
      <c r="B8098" s="3">
        <f t="shared" si="252"/>
        <v>7</v>
      </c>
      <c r="C8098" s="3">
        <f t="shared" si="253"/>
        <v>2017</v>
      </c>
      <c r="D8098" t="s">
        <v>561</v>
      </c>
      <c r="E8098" t="s">
        <v>58</v>
      </c>
      <c r="F8098" t="s">
        <v>10</v>
      </c>
      <c r="G8098" t="s">
        <v>19</v>
      </c>
      <c r="H8098" t="s">
        <v>1917</v>
      </c>
      <c r="I8098">
        <v>11.01</v>
      </c>
      <c r="J8098">
        <v>3</v>
      </c>
      <c r="K8098">
        <v>5.39</v>
      </c>
    </row>
    <row r="8099" spans="1:11" x14ac:dyDescent="0.3">
      <c r="A8099" s="1">
        <v>42948</v>
      </c>
      <c r="B8099" s="3">
        <f t="shared" si="252"/>
        <v>8</v>
      </c>
      <c r="C8099" s="3">
        <f t="shared" si="253"/>
        <v>2017</v>
      </c>
      <c r="D8099" t="s">
        <v>1195</v>
      </c>
      <c r="E8099" t="s">
        <v>14</v>
      </c>
      <c r="F8099" t="s">
        <v>38</v>
      </c>
      <c r="G8099" t="s">
        <v>39</v>
      </c>
      <c r="H8099" t="s">
        <v>1238</v>
      </c>
      <c r="I8099">
        <v>95.98</v>
      </c>
      <c r="J8099">
        <v>2</v>
      </c>
      <c r="K8099">
        <v>6</v>
      </c>
    </row>
    <row r="8100" spans="1:11" x14ac:dyDescent="0.3">
      <c r="A8100" s="1">
        <v>42948</v>
      </c>
      <c r="B8100" s="3">
        <f t="shared" si="252"/>
        <v>8</v>
      </c>
      <c r="C8100" s="3">
        <f t="shared" si="253"/>
        <v>2017</v>
      </c>
      <c r="D8100" t="s">
        <v>1355</v>
      </c>
      <c r="E8100" t="s">
        <v>244</v>
      </c>
      <c r="F8100" t="s">
        <v>38</v>
      </c>
      <c r="G8100" t="s">
        <v>39</v>
      </c>
      <c r="H8100" t="s">
        <v>702</v>
      </c>
      <c r="I8100">
        <v>271.95999999999998</v>
      </c>
      <c r="J8100">
        <v>5</v>
      </c>
      <c r="K8100">
        <v>17</v>
      </c>
    </row>
    <row r="8101" spans="1:11" x14ac:dyDescent="0.3">
      <c r="A8101" s="1">
        <v>42948</v>
      </c>
      <c r="B8101" s="3">
        <f t="shared" si="252"/>
        <v>8</v>
      </c>
      <c r="C8101" s="3">
        <f t="shared" si="253"/>
        <v>2017</v>
      </c>
      <c r="D8101" t="s">
        <v>1032</v>
      </c>
      <c r="E8101" t="s">
        <v>9</v>
      </c>
      <c r="F8101" t="s">
        <v>38</v>
      </c>
      <c r="G8101" t="s">
        <v>301</v>
      </c>
      <c r="H8101" t="s">
        <v>1903</v>
      </c>
      <c r="I8101">
        <v>1439.98</v>
      </c>
      <c r="J8101">
        <v>3</v>
      </c>
      <c r="K8101">
        <v>-264</v>
      </c>
    </row>
    <row r="8102" spans="1:11" x14ac:dyDescent="0.3">
      <c r="A8102" s="1">
        <v>42948</v>
      </c>
      <c r="B8102" s="3">
        <f t="shared" si="252"/>
        <v>8</v>
      </c>
      <c r="C8102" s="3">
        <f t="shared" si="253"/>
        <v>2017</v>
      </c>
      <c r="D8102" t="s">
        <v>1032</v>
      </c>
      <c r="E8102" t="s">
        <v>9</v>
      </c>
      <c r="F8102" t="s">
        <v>10</v>
      </c>
      <c r="G8102" t="s">
        <v>11</v>
      </c>
      <c r="H8102" t="s">
        <v>2692</v>
      </c>
      <c r="I8102">
        <v>36.29</v>
      </c>
      <c r="J8102">
        <v>7</v>
      </c>
      <c r="K8102">
        <v>12.7</v>
      </c>
    </row>
    <row r="8103" spans="1:11" x14ac:dyDescent="0.3">
      <c r="A8103" s="1">
        <v>42948</v>
      </c>
      <c r="B8103" s="3">
        <f t="shared" si="252"/>
        <v>8</v>
      </c>
      <c r="C8103" s="3">
        <f t="shared" si="253"/>
        <v>2017</v>
      </c>
      <c r="D8103" t="s">
        <v>812</v>
      </c>
      <c r="E8103" t="s">
        <v>26</v>
      </c>
      <c r="F8103" t="s">
        <v>10</v>
      </c>
      <c r="G8103" t="s">
        <v>19</v>
      </c>
      <c r="H8103" t="s">
        <v>367</v>
      </c>
      <c r="I8103">
        <v>54.9</v>
      </c>
      <c r="J8103">
        <v>2</v>
      </c>
      <c r="K8103">
        <v>18.53</v>
      </c>
    </row>
    <row r="8104" spans="1:11" x14ac:dyDescent="0.3">
      <c r="A8104" s="1">
        <v>42948</v>
      </c>
      <c r="B8104" s="3">
        <f t="shared" si="252"/>
        <v>8</v>
      </c>
      <c r="C8104" s="3">
        <f t="shared" si="253"/>
        <v>2017</v>
      </c>
      <c r="D8104" t="s">
        <v>2275</v>
      </c>
      <c r="E8104" t="s">
        <v>26</v>
      </c>
      <c r="F8104" t="s">
        <v>10</v>
      </c>
      <c r="G8104" t="s">
        <v>17</v>
      </c>
      <c r="H8104" t="s">
        <v>1399</v>
      </c>
      <c r="I8104">
        <v>186.54</v>
      </c>
      <c r="J8104">
        <v>3</v>
      </c>
      <c r="K8104">
        <v>50.37</v>
      </c>
    </row>
    <row r="8105" spans="1:11" x14ac:dyDescent="0.3">
      <c r="A8105" s="1">
        <v>42950</v>
      </c>
      <c r="B8105" s="3">
        <f t="shared" si="252"/>
        <v>8</v>
      </c>
      <c r="C8105" s="3">
        <f t="shared" si="253"/>
        <v>2017</v>
      </c>
      <c r="D8105" t="s">
        <v>2253</v>
      </c>
      <c r="E8105" t="s">
        <v>14</v>
      </c>
      <c r="F8105" t="s">
        <v>33</v>
      </c>
      <c r="G8105" t="s">
        <v>73</v>
      </c>
      <c r="H8105" t="s">
        <v>74</v>
      </c>
      <c r="I8105">
        <v>183.37</v>
      </c>
      <c r="J8105">
        <v>2</v>
      </c>
      <c r="K8105">
        <v>-36.67</v>
      </c>
    </row>
    <row r="8106" spans="1:11" x14ac:dyDescent="0.3">
      <c r="A8106" s="1">
        <v>42950</v>
      </c>
      <c r="B8106" s="3">
        <f t="shared" si="252"/>
        <v>8</v>
      </c>
      <c r="C8106" s="3">
        <f t="shared" si="253"/>
        <v>2017</v>
      </c>
      <c r="D8106" t="s">
        <v>2137</v>
      </c>
      <c r="E8106" t="s">
        <v>26</v>
      </c>
      <c r="F8106" t="s">
        <v>10</v>
      </c>
      <c r="G8106" t="s">
        <v>15</v>
      </c>
      <c r="H8106" t="s">
        <v>2475</v>
      </c>
      <c r="I8106">
        <v>51.75</v>
      </c>
      <c r="J8106">
        <v>5</v>
      </c>
      <c r="K8106">
        <v>24.84</v>
      </c>
    </row>
    <row r="8107" spans="1:11" x14ac:dyDescent="0.3">
      <c r="A8107" s="1">
        <v>42950</v>
      </c>
      <c r="B8107" s="3">
        <f t="shared" si="252"/>
        <v>8</v>
      </c>
      <c r="C8107" s="3">
        <f t="shared" si="253"/>
        <v>2017</v>
      </c>
      <c r="D8107" t="s">
        <v>2137</v>
      </c>
      <c r="E8107" t="s">
        <v>26</v>
      </c>
      <c r="F8107" t="s">
        <v>33</v>
      </c>
      <c r="G8107" t="s">
        <v>46</v>
      </c>
      <c r="H8107" t="s">
        <v>653</v>
      </c>
      <c r="I8107">
        <v>123.96</v>
      </c>
      <c r="J8107">
        <v>3</v>
      </c>
      <c r="K8107">
        <v>11.16</v>
      </c>
    </row>
    <row r="8108" spans="1:11" x14ac:dyDescent="0.3">
      <c r="A8108" s="1">
        <v>42950</v>
      </c>
      <c r="B8108" s="3">
        <f t="shared" si="252"/>
        <v>8</v>
      </c>
      <c r="C8108" s="3">
        <f t="shared" si="253"/>
        <v>2017</v>
      </c>
      <c r="D8108" t="s">
        <v>679</v>
      </c>
      <c r="E8108" t="s">
        <v>26</v>
      </c>
      <c r="F8108" t="s">
        <v>10</v>
      </c>
      <c r="G8108" t="s">
        <v>17</v>
      </c>
      <c r="H8108" t="s">
        <v>114</v>
      </c>
      <c r="I8108">
        <v>99.87</v>
      </c>
      <c r="J8108">
        <v>3</v>
      </c>
      <c r="K8108">
        <v>23.97</v>
      </c>
    </row>
    <row r="8109" spans="1:11" x14ac:dyDescent="0.3">
      <c r="A8109" s="1">
        <v>42950</v>
      </c>
      <c r="B8109" s="3">
        <f t="shared" si="252"/>
        <v>8</v>
      </c>
      <c r="C8109" s="3">
        <f t="shared" si="253"/>
        <v>2017</v>
      </c>
      <c r="D8109" t="s">
        <v>1816</v>
      </c>
      <c r="E8109" t="s">
        <v>14</v>
      </c>
      <c r="F8109" t="s">
        <v>38</v>
      </c>
      <c r="G8109" t="s">
        <v>51</v>
      </c>
      <c r="H8109" t="s">
        <v>2254</v>
      </c>
      <c r="I8109">
        <v>39.82</v>
      </c>
      <c r="J8109">
        <v>3</v>
      </c>
      <c r="K8109">
        <v>7.47</v>
      </c>
    </row>
    <row r="8110" spans="1:11" x14ac:dyDescent="0.3">
      <c r="A8110" s="1">
        <v>42950</v>
      </c>
      <c r="B8110" s="3">
        <f t="shared" si="252"/>
        <v>8</v>
      </c>
      <c r="C8110" s="3">
        <f t="shared" si="253"/>
        <v>2017</v>
      </c>
      <c r="D8110" t="s">
        <v>2536</v>
      </c>
      <c r="E8110" t="s">
        <v>163</v>
      </c>
      <c r="F8110" t="s">
        <v>10</v>
      </c>
      <c r="G8110" t="s">
        <v>17</v>
      </c>
      <c r="H8110" t="s">
        <v>1521</v>
      </c>
      <c r="I8110">
        <v>16.059999999999999</v>
      </c>
      <c r="J8110">
        <v>1</v>
      </c>
      <c r="K8110">
        <v>4.18</v>
      </c>
    </row>
    <row r="8111" spans="1:11" x14ac:dyDescent="0.3">
      <c r="A8111" s="1">
        <v>42950</v>
      </c>
      <c r="B8111" s="3">
        <f t="shared" si="252"/>
        <v>8</v>
      </c>
      <c r="C8111" s="3">
        <f t="shared" si="253"/>
        <v>2017</v>
      </c>
      <c r="D8111" t="s">
        <v>2549</v>
      </c>
      <c r="E8111" t="s">
        <v>77</v>
      </c>
      <c r="F8111" t="s">
        <v>10</v>
      </c>
      <c r="G8111" t="s">
        <v>15</v>
      </c>
      <c r="H8111" t="s">
        <v>376</v>
      </c>
      <c r="I8111">
        <v>16.52</v>
      </c>
      <c r="J8111">
        <v>5</v>
      </c>
      <c r="K8111">
        <v>5.37</v>
      </c>
    </row>
    <row r="8112" spans="1:11" x14ac:dyDescent="0.3">
      <c r="A8112" s="1">
        <v>42951</v>
      </c>
      <c r="B8112" s="3">
        <f t="shared" si="252"/>
        <v>8</v>
      </c>
      <c r="C8112" s="3">
        <f t="shared" si="253"/>
        <v>2017</v>
      </c>
      <c r="D8112" t="s">
        <v>991</v>
      </c>
      <c r="E8112" t="s">
        <v>277</v>
      </c>
      <c r="F8112" t="s">
        <v>10</v>
      </c>
      <c r="G8112" t="s">
        <v>11</v>
      </c>
      <c r="H8112" t="s">
        <v>1677</v>
      </c>
      <c r="I8112">
        <v>7.97</v>
      </c>
      <c r="J8112">
        <v>2</v>
      </c>
      <c r="K8112">
        <v>2.89</v>
      </c>
    </row>
    <row r="8113" spans="1:11" x14ac:dyDescent="0.3">
      <c r="A8113" s="1">
        <v>42951</v>
      </c>
      <c r="B8113" s="3">
        <f t="shared" si="252"/>
        <v>8</v>
      </c>
      <c r="C8113" s="3">
        <f t="shared" si="253"/>
        <v>2017</v>
      </c>
      <c r="D8113" t="s">
        <v>991</v>
      </c>
      <c r="E8113" t="s">
        <v>277</v>
      </c>
      <c r="F8113" t="s">
        <v>10</v>
      </c>
      <c r="G8113" t="s">
        <v>62</v>
      </c>
      <c r="H8113" t="s">
        <v>2520</v>
      </c>
      <c r="I8113">
        <v>8.7799999999999994</v>
      </c>
      <c r="J8113">
        <v>1</v>
      </c>
      <c r="K8113">
        <v>3.18</v>
      </c>
    </row>
    <row r="8114" spans="1:11" x14ac:dyDescent="0.3">
      <c r="A8114" s="1">
        <v>42951</v>
      </c>
      <c r="B8114" s="3">
        <f t="shared" si="252"/>
        <v>8</v>
      </c>
      <c r="C8114" s="3">
        <f t="shared" si="253"/>
        <v>2017</v>
      </c>
      <c r="D8114" t="s">
        <v>991</v>
      </c>
      <c r="E8114" t="s">
        <v>9</v>
      </c>
      <c r="F8114" t="s">
        <v>10</v>
      </c>
      <c r="G8114" t="s">
        <v>19</v>
      </c>
      <c r="H8114" t="s">
        <v>165</v>
      </c>
      <c r="I8114">
        <v>3.32</v>
      </c>
      <c r="J8114">
        <v>3</v>
      </c>
      <c r="K8114">
        <v>-5.64</v>
      </c>
    </row>
    <row r="8115" spans="1:11" x14ac:dyDescent="0.3">
      <c r="A8115" s="1">
        <v>42952</v>
      </c>
      <c r="B8115" s="3">
        <f t="shared" si="252"/>
        <v>8</v>
      </c>
      <c r="C8115" s="3">
        <f t="shared" si="253"/>
        <v>2017</v>
      </c>
      <c r="D8115" t="s">
        <v>670</v>
      </c>
      <c r="E8115" t="s">
        <v>32</v>
      </c>
      <c r="F8115" t="s">
        <v>10</v>
      </c>
      <c r="G8115" t="s">
        <v>11</v>
      </c>
      <c r="H8115" t="s">
        <v>2386</v>
      </c>
      <c r="I8115">
        <v>13.76</v>
      </c>
      <c r="J8115">
        <v>2</v>
      </c>
      <c r="K8115">
        <v>6.33</v>
      </c>
    </row>
    <row r="8116" spans="1:11" x14ac:dyDescent="0.3">
      <c r="A8116" s="1">
        <v>42952</v>
      </c>
      <c r="B8116" s="3">
        <f t="shared" si="252"/>
        <v>8</v>
      </c>
      <c r="C8116" s="3">
        <f t="shared" si="253"/>
        <v>2017</v>
      </c>
      <c r="D8116" t="s">
        <v>1045</v>
      </c>
      <c r="E8116" t="s">
        <v>9</v>
      </c>
      <c r="F8116" t="s">
        <v>10</v>
      </c>
      <c r="G8116" t="s">
        <v>17</v>
      </c>
      <c r="H8116" t="s">
        <v>1964</v>
      </c>
      <c r="I8116">
        <v>151.06</v>
      </c>
      <c r="J8116">
        <v>9</v>
      </c>
      <c r="K8116">
        <v>7.55</v>
      </c>
    </row>
    <row r="8117" spans="1:11" x14ac:dyDescent="0.3">
      <c r="A8117" s="1">
        <v>42952</v>
      </c>
      <c r="B8117" s="3">
        <f t="shared" si="252"/>
        <v>8</v>
      </c>
      <c r="C8117" s="3">
        <f t="shared" si="253"/>
        <v>2017</v>
      </c>
      <c r="D8117" t="s">
        <v>372</v>
      </c>
      <c r="E8117" t="s">
        <v>128</v>
      </c>
      <c r="F8117" t="s">
        <v>10</v>
      </c>
      <c r="G8117" t="s">
        <v>19</v>
      </c>
      <c r="H8117" t="s">
        <v>1122</v>
      </c>
      <c r="I8117">
        <v>125.88</v>
      </c>
      <c r="J8117">
        <v>6</v>
      </c>
      <c r="K8117">
        <v>60.42</v>
      </c>
    </row>
    <row r="8118" spans="1:11" x14ac:dyDescent="0.3">
      <c r="A8118" s="1">
        <v>42952</v>
      </c>
      <c r="B8118" s="3">
        <f t="shared" si="252"/>
        <v>8</v>
      </c>
      <c r="C8118" s="3">
        <f t="shared" si="253"/>
        <v>2017</v>
      </c>
      <c r="D8118" t="s">
        <v>372</v>
      </c>
      <c r="E8118" t="s">
        <v>128</v>
      </c>
      <c r="F8118" t="s">
        <v>38</v>
      </c>
      <c r="G8118" t="s">
        <v>51</v>
      </c>
      <c r="H8118" t="s">
        <v>2424</v>
      </c>
      <c r="I8118">
        <v>79.78</v>
      </c>
      <c r="J8118">
        <v>2</v>
      </c>
      <c r="K8118">
        <v>29.52</v>
      </c>
    </row>
    <row r="8119" spans="1:11" x14ac:dyDescent="0.3">
      <c r="A8119" s="1">
        <v>42952</v>
      </c>
      <c r="B8119" s="3">
        <f t="shared" si="252"/>
        <v>8</v>
      </c>
      <c r="C8119" s="3">
        <f t="shared" si="253"/>
        <v>2017</v>
      </c>
      <c r="D8119" t="s">
        <v>372</v>
      </c>
      <c r="E8119" t="s">
        <v>128</v>
      </c>
      <c r="F8119" t="s">
        <v>10</v>
      </c>
      <c r="G8119" t="s">
        <v>15</v>
      </c>
      <c r="H8119" t="s">
        <v>1541</v>
      </c>
      <c r="I8119">
        <v>133.19999999999999</v>
      </c>
      <c r="J8119">
        <v>9</v>
      </c>
      <c r="K8119">
        <v>66.599999999999994</v>
      </c>
    </row>
    <row r="8120" spans="1:11" x14ac:dyDescent="0.3">
      <c r="A8120" s="1">
        <v>42953</v>
      </c>
      <c r="B8120" s="3">
        <f t="shared" si="252"/>
        <v>8</v>
      </c>
      <c r="C8120" s="3">
        <f t="shared" si="253"/>
        <v>2017</v>
      </c>
      <c r="D8120" t="s">
        <v>57</v>
      </c>
      <c r="E8120" t="s">
        <v>61</v>
      </c>
      <c r="F8120" t="s">
        <v>33</v>
      </c>
      <c r="G8120" t="s">
        <v>73</v>
      </c>
      <c r="H8120" t="s">
        <v>1093</v>
      </c>
      <c r="I8120">
        <v>145.74</v>
      </c>
      <c r="J8120">
        <v>3</v>
      </c>
      <c r="K8120">
        <v>23.32</v>
      </c>
    </row>
    <row r="8121" spans="1:11" x14ac:dyDescent="0.3">
      <c r="A8121" s="1">
        <v>42953</v>
      </c>
      <c r="B8121" s="3">
        <f t="shared" si="252"/>
        <v>8</v>
      </c>
      <c r="C8121" s="3">
        <f t="shared" si="253"/>
        <v>2017</v>
      </c>
      <c r="D8121" t="s">
        <v>57</v>
      </c>
      <c r="E8121" t="s">
        <v>61</v>
      </c>
      <c r="F8121" t="s">
        <v>33</v>
      </c>
      <c r="G8121" t="s">
        <v>46</v>
      </c>
      <c r="H8121" t="s">
        <v>1403</v>
      </c>
      <c r="I8121">
        <v>15.4</v>
      </c>
      <c r="J8121">
        <v>5</v>
      </c>
      <c r="K8121">
        <v>7.39</v>
      </c>
    </row>
    <row r="8122" spans="1:11" x14ac:dyDescent="0.3">
      <c r="A8122" s="1">
        <v>42953</v>
      </c>
      <c r="B8122" s="3">
        <f t="shared" si="252"/>
        <v>8</v>
      </c>
      <c r="C8122" s="3">
        <f t="shared" si="253"/>
        <v>2017</v>
      </c>
      <c r="D8122" t="s">
        <v>2434</v>
      </c>
      <c r="E8122" t="s">
        <v>9</v>
      </c>
      <c r="F8122" t="s">
        <v>10</v>
      </c>
      <c r="G8122" t="s">
        <v>11</v>
      </c>
      <c r="H8122" t="s">
        <v>2594</v>
      </c>
      <c r="I8122">
        <v>115.3</v>
      </c>
      <c r="J8122">
        <v>3</v>
      </c>
      <c r="K8122">
        <v>40.35</v>
      </c>
    </row>
    <row r="8123" spans="1:11" x14ac:dyDescent="0.3">
      <c r="A8123" s="1">
        <v>42953</v>
      </c>
      <c r="B8123" s="3">
        <f t="shared" si="252"/>
        <v>8</v>
      </c>
      <c r="C8123" s="3">
        <f t="shared" si="253"/>
        <v>2017</v>
      </c>
      <c r="D8123" t="s">
        <v>511</v>
      </c>
      <c r="E8123" t="s">
        <v>684</v>
      </c>
      <c r="F8123" t="s">
        <v>38</v>
      </c>
      <c r="G8123" t="s">
        <v>39</v>
      </c>
      <c r="H8123" t="s">
        <v>2179</v>
      </c>
      <c r="I8123">
        <v>824.95</v>
      </c>
      <c r="J8123">
        <v>5</v>
      </c>
      <c r="K8123">
        <v>247.49</v>
      </c>
    </row>
    <row r="8124" spans="1:11" x14ac:dyDescent="0.3">
      <c r="A8124" s="1">
        <v>42953</v>
      </c>
      <c r="B8124" s="3">
        <f t="shared" si="252"/>
        <v>8</v>
      </c>
      <c r="C8124" s="3">
        <f t="shared" si="253"/>
        <v>2017</v>
      </c>
      <c r="D8124" t="s">
        <v>511</v>
      </c>
      <c r="E8124" t="s">
        <v>684</v>
      </c>
      <c r="F8124" t="s">
        <v>10</v>
      </c>
      <c r="G8124" t="s">
        <v>15</v>
      </c>
      <c r="H8124" t="s">
        <v>605</v>
      </c>
      <c r="I8124">
        <v>24.64</v>
      </c>
      <c r="J8124">
        <v>8</v>
      </c>
      <c r="K8124">
        <v>11.83</v>
      </c>
    </row>
    <row r="8125" spans="1:11" x14ac:dyDescent="0.3">
      <c r="A8125" s="1">
        <v>42953</v>
      </c>
      <c r="B8125" s="3">
        <f t="shared" si="252"/>
        <v>8</v>
      </c>
      <c r="C8125" s="3">
        <f t="shared" si="253"/>
        <v>2017</v>
      </c>
      <c r="D8125" t="s">
        <v>511</v>
      </c>
      <c r="E8125" t="s">
        <v>684</v>
      </c>
      <c r="F8125" t="s">
        <v>10</v>
      </c>
      <c r="G8125" t="s">
        <v>23</v>
      </c>
      <c r="H8125" t="s">
        <v>1252</v>
      </c>
      <c r="I8125">
        <v>227.88</v>
      </c>
      <c r="J8125">
        <v>6</v>
      </c>
      <c r="K8125">
        <v>68.36</v>
      </c>
    </row>
    <row r="8126" spans="1:11" x14ac:dyDescent="0.3">
      <c r="A8126" s="1">
        <v>42953</v>
      </c>
      <c r="B8126" s="3">
        <f t="shared" si="252"/>
        <v>8</v>
      </c>
      <c r="C8126" s="3">
        <f t="shared" si="253"/>
        <v>2017</v>
      </c>
      <c r="D8126" t="s">
        <v>1547</v>
      </c>
      <c r="E8126" t="s">
        <v>148</v>
      </c>
      <c r="F8126" t="s">
        <v>10</v>
      </c>
      <c r="G8126" t="s">
        <v>199</v>
      </c>
      <c r="H8126" t="s">
        <v>2055</v>
      </c>
      <c r="I8126">
        <v>70.12</v>
      </c>
      <c r="J8126">
        <v>4</v>
      </c>
      <c r="K8126">
        <v>21.04</v>
      </c>
    </row>
    <row r="8127" spans="1:11" x14ac:dyDescent="0.3">
      <c r="A8127" s="1">
        <v>42954</v>
      </c>
      <c r="B8127" s="3">
        <f t="shared" si="252"/>
        <v>8</v>
      </c>
      <c r="C8127" s="3">
        <f t="shared" si="253"/>
        <v>2017</v>
      </c>
      <c r="D8127" t="s">
        <v>2155</v>
      </c>
      <c r="E8127" t="s">
        <v>244</v>
      </c>
      <c r="F8127" t="s">
        <v>38</v>
      </c>
      <c r="G8127" t="s">
        <v>51</v>
      </c>
      <c r="H8127" t="s">
        <v>1077</v>
      </c>
      <c r="I8127">
        <v>79.989999999999995</v>
      </c>
      <c r="J8127">
        <v>1</v>
      </c>
      <c r="K8127">
        <v>22</v>
      </c>
    </row>
    <row r="8128" spans="1:11" x14ac:dyDescent="0.3">
      <c r="A8128" s="1">
        <v>42954</v>
      </c>
      <c r="B8128" s="3">
        <f t="shared" si="252"/>
        <v>8</v>
      </c>
      <c r="C8128" s="3">
        <f t="shared" si="253"/>
        <v>2017</v>
      </c>
      <c r="D8128" t="s">
        <v>2196</v>
      </c>
      <c r="E8128" t="s">
        <v>148</v>
      </c>
      <c r="F8128" t="s">
        <v>10</v>
      </c>
      <c r="G8128" t="s">
        <v>23</v>
      </c>
      <c r="H8128" t="s">
        <v>2203</v>
      </c>
      <c r="I8128">
        <v>11.68</v>
      </c>
      <c r="J8128">
        <v>2</v>
      </c>
      <c r="K8128">
        <v>5.49</v>
      </c>
    </row>
    <row r="8129" spans="1:11" x14ac:dyDescent="0.3">
      <c r="A8129" s="1">
        <v>42954</v>
      </c>
      <c r="B8129" s="3">
        <f t="shared" si="252"/>
        <v>8</v>
      </c>
      <c r="C8129" s="3">
        <f t="shared" si="253"/>
        <v>2017</v>
      </c>
      <c r="D8129" t="s">
        <v>2196</v>
      </c>
      <c r="E8129" t="s">
        <v>148</v>
      </c>
      <c r="F8129" t="s">
        <v>10</v>
      </c>
      <c r="G8129" t="s">
        <v>23</v>
      </c>
      <c r="H8129" t="s">
        <v>206</v>
      </c>
      <c r="I8129">
        <v>104.8</v>
      </c>
      <c r="J8129">
        <v>10</v>
      </c>
      <c r="K8129">
        <v>26.2</v>
      </c>
    </row>
    <row r="8130" spans="1:11" x14ac:dyDescent="0.3">
      <c r="A8130" s="1">
        <v>42954</v>
      </c>
      <c r="B8130" s="3">
        <f t="shared" ref="B8130:B8193" si="254">MONTH(A:A)</f>
        <v>8</v>
      </c>
      <c r="C8130" s="3">
        <f t="shared" ref="C8130:C8193" si="255">YEAR(A:A)</f>
        <v>2017</v>
      </c>
      <c r="D8130" t="s">
        <v>504</v>
      </c>
      <c r="E8130" t="s">
        <v>26</v>
      </c>
      <c r="F8130" t="s">
        <v>38</v>
      </c>
      <c r="G8130" t="s">
        <v>39</v>
      </c>
      <c r="H8130" t="s">
        <v>942</v>
      </c>
      <c r="I8130">
        <v>159.96</v>
      </c>
      <c r="J8130">
        <v>5</v>
      </c>
      <c r="K8130">
        <v>18</v>
      </c>
    </row>
    <row r="8131" spans="1:11" x14ac:dyDescent="0.3">
      <c r="A8131" s="1">
        <v>42954</v>
      </c>
      <c r="B8131" s="3">
        <f t="shared" si="254"/>
        <v>8</v>
      </c>
      <c r="C8131" s="3">
        <f t="shared" si="255"/>
        <v>2017</v>
      </c>
      <c r="D8131" t="s">
        <v>504</v>
      </c>
      <c r="E8131" t="s">
        <v>26</v>
      </c>
      <c r="F8131" t="s">
        <v>10</v>
      </c>
      <c r="G8131" t="s">
        <v>19</v>
      </c>
      <c r="H8131" t="s">
        <v>2291</v>
      </c>
      <c r="I8131">
        <v>13.76</v>
      </c>
      <c r="J8131">
        <v>2</v>
      </c>
      <c r="K8131">
        <v>4.6399999999999997</v>
      </c>
    </row>
    <row r="8132" spans="1:11" x14ac:dyDescent="0.3">
      <c r="A8132" s="1">
        <v>42954</v>
      </c>
      <c r="B8132" s="3">
        <f t="shared" si="254"/>
        <v>8</v>
      </c>
      <c r="C8132" s="3">
        <f t="shared" si="255"/>
        <v>2017</v>
      </c>
      <c r="D8132" t="s">
        <v>671</v>
      </c>
      <c r="E8132" t="s">
        <v>314</v>
      </c>
      <c r="F8132" t="s">
        <v>38</v>
      </c>
      <c r="G8132" t="s">
        <v>51</v>
      </c>
      <c r="H8132" t="s">
        <v>1021</v>
      </c>
      <c r="I8132">
        <v>63.96</v>
      </c>
      <c r="J8132">
        <v>4</v>
      </c>
      <c r="K8132">
        <v>19.829999999999998</v>
      </c>
    </row>
    <row r="8133" spans="1:11" x14ac:dyDescent="0.3">
      <c r="A8133" s="1">
        <v>42954</v>
      </c>
      <c r="B8133" s="3">
        <f t="shared" si="254"/>
        <v>8</v>
      </c>
      <c r="C8133" s="3">
        <f t="shared" si="255"/>
        <v>2017</v>
      </c>
      <c r="D8133" t="s">
        <v>1737</v>
      </c>
      <c r="E8133" t="s">
        <v>26</v>
      </c>
      <c r="F8133" t="s">
        <v>10</v>
      </c>
      <c r="G8133" t="s">
        <v>11</v>
      </c>
      <c r="H8133" t="s">
        <v>263</v>
      </c>
      <c r="I8133">
        <v>244.55</v>
      </c>
      <c r="J8133">
        <v>5</v>
      </c>
      <c r="K8133">
        <v>114.94</v>
      </c>
    </row>
    <row r="8134" spans="1:11" x14ac:dyDescent="0.3">
      <c r="A8134" s="1">
        <v>42954</v>
      </c>
      <c r="B8134" s="3">
        <f t="shared" si="254"/>
        <v>8</v>
      </c>
      <c r="C8134" s="3">
        <f t="shared" si="255"/>
        <v>2017</v>
      </c>
      <c r="D8134" t="s">
        <v>279</v>
      </c>
      <c r="E8134" t="s">
        <v>9</v>
      </c>
      <c r="F8134" t="s">
        <v>38</v>
      </c>
      <c r="G8134" t="s">
        <v>51</v>
      </c>
      <c r="H8134" t="s">
        <v>2308</v>
      </c>
      <c r="I8134">
        <v>119.45</v>
      </c>
      <c r="J8134">
        <v>3</v>
      </c>
      <c r="K8134">
        <v>-13.44</v>
      </c>
    </row>
    <row r="8135" spans="1:11" x14ac:dyDescent="0.3">
      <c r="A8135" s="1">
        <v>42954</v>
      </c>
      <c r="B8135" s="3">
        <f t="shared" si="254"/>
        <v>8</v>
      </c>
      <c r="C8135" s="3">
        <f t="shared" si="255"/>
        <v>2017</v>
      </c>
      <c r="D8135" t="s">
        <v>279</v>
      </c>
      <c r="E8135" t="s">
        <v>9</v>
      </c>
      <c r="F8135" t="s">
        <v>10</v>
      </c>
      <c r="G8135" t="s">
        <v>17</v>
      </c>
      <c r="H8135" t="s">
        <v>1850</v>
      </c>
      <c r="I8135">
        <v>118.16</v>
      </c>
      <c r="J8135">
        <v>2</v>
      </c>
      <c r="K8135">
        <v>-25.11</v>
      </c>
    </row>
    <row r="8136" spans="1:11" x14ac:dyDescent="0.3">
      <c r="A8136" s="1">
        <v>42954</v>
      </c>
      <c r="B8136" s="3">
        <f t="shared" si="254"/>
        <v>8</v>
      </c>
      <c r="C8136" s="3">
        <f t="shared" si="255"/>
        <v>2017</v>
      </c>
      <c r="D8136" t="s">
        <v>1616</v>
      </c>
      <c r="E8136" t="s">
        <v>26</v>
      </c>
      <c r="F8136" t="s">
        <v>38</v>
      </c>
      <c r="G8136" t="s">
        <v>39</v>
      </c>
      <c r="H8136" t="s">
        <v>312</v>
      </c>
      <c r="I8136">
        <v>707.88</v>
      </c>
      <c r="J8136">
        <v>3</v>
      </c>
      <c r="K8136">
        <v>44.24</v>
      </c>
    </row>
    <row r="8137" spans="1:11" x14ac:dyDescent="0.3">
      <c r="A8137" s="1">
        <v>42954</v>
      </c>
      <c r="B8137" s="3">
        <f t="shared" si="254"/>
        <v>8</v>
      </c>
      <c r="C8137" s="3">
        <f t="shared" si="255"/>
        <v>2017</v>
      </c>
      <c r="D8137" t="s">
        <v>1616</v>
      </c>
      <c r="E8137" t="s">
        <v>26</v>
      </c>
      <c r="F8137" t="s">
        <v>10</v>
      </c>
      <c r="G8137" t="s">
        <v>19</v>
      </c>
      <c r="H8137" t="s">
        <v>896</v>
      </c>
      <c r="I8137">
        <v>11.95</v>
      </c>
      <c r="J8137">
        <v>3</v>
      </c>
      <c r="K8137">
        <v>4.18</v>
      </c>
    </row>
    <row r="8138" spans="1:11" x14ac:dyDescent="0.3">
      <c r="A8138" s="1">
        <v>42954</v>
      </c>
      <c r="B8138" s="3">
        <f t="shared" si="254"/>
        <v>8</v>
      </c>
      <c r="C8138" s="3">
        <f t="shared" si="255"/>
        <v>2017</v>
      </c>
      <c r="D8138" t="s">
        <v>1616</v>
      </c>
      <c r="E8138" t="s">
        <v>26</v>
      </c>
      <c r="F8138" t="s">
        <v>10</v>
      </c>
      <c r="G8138" t="s">
        <v>19</v>
      </c>
      <c r="H8138" t="s">
        <v>2693</v>
      </c>
      <c r="I8138">
        <v>31.13</v>
      </c>
      <c r="J8138">
        <v>3</v>
      </c>
      <c r="K8138">
        <v>11.67</v>
      </c>
    </row>
    <row r="8139" spans="1:11" x14ac:dyDescent="0.3">
      <c r="A8139" s="1">
        <v>42954</v>
      </c>
      <c r="B8139" s="3">
        <f t="shared" si="254"/>
        <v>8</v>
      </c>
      <c r="C8139" s="3">
        <f t="shared" si="255"/>
        <v>2017</v>
      </c>
      <c r="D8139" t="s">
        <v>1616</v>
      </c>
      <c r="E8139" t="s">
        <v>26</v>
      </c>
      <c r="F8139" t="s">
        <v>38</v>
      </c>
      <c r="G8139" t="s">
        <v>51</v>
      </c>
      <c r="H8139" t="s">
        <v>2578</v>
      </c>
      <c r="I8139">
        <v>55.76</v>
      </c>
      <c r="J8139">
        <v>4</v>
      </c>
      <c r="K8139">
        <v>7.81</v>
      </c>
    </row>
    <row r="8140" spans="1:11" x14ac:dyDescent="0.3">
      <c r="A8140" s="1">
        <v>42954</v>
      </c>
      <c r="B8140" s="3">
        <f t="shared" si="254"/>
        <v>8</v>
      </c>
      <c r="C8140" s="3">
        <f t="shared" si="255"/>
        <v>2017</v>
      </c>
      <c r="D8140" t="s">
        <v>1616</v>
      </c>
      <c r="E8140" t="s">
        <v>26</v>
      </c>
      <c r="F8140" t="s">
        <v>10</v>
      </c>
      <c r="G8140" t="s">
        <v>11</v>
      </c>
      <c r="H8140" t="s">
        <v>935</v>
      </c>
      <c r="I8140">
        <v>24.56</v>
      </c>
      <c r="J8140">
        <v>2</v>
      </c>
      <c r="K8140">
        <v>11.54</v>
      </c>
    </row>
    <row r="8141" spans="1:11" x14ac:dyDescent="0.3">
      <c r="A8141" s="1">
        <v>42954</v>
      </c>
      <c r="B8141" s="3">
        <f t="shared" si="254"/>
        <v>8</v>
      </c>
      <c r="C8141" s="3">
        <f t="shared" si="255"/>
        <v>2017</v>
      </c>
      <c r="D8141" t="s">
        <v>1616</v>
      </c>
      <c r="E8141" t="s">
        <v>26</v>
      </c>
      <c r="F8141" t="s">
        <v>33</v>
      </c>
      <c r="G8141" t="s">
        <v>46</v>
      </c>
      <c r="H8141" t="s">
        <v>2152</v>
      </c>
      <c r="I8141">
        <v>51.75</v>
      </c>
      <c r="J8141">
        <v>1</v>
      </c>
      <c r="K8141">
        <v>15.53</v>
      </c>
    </row>
    <row r="8142" spans="1:11" x14ac:dyDescent="0.3">
      <c r="A8142" s="1">
        <v>42954</v>
      </c>
      <c r="B8142" s="3">
        <f t="shared" si="254"/>
        <v>8</v>
      </c>
      <c r="C8142" s="3">
        <f t="shared" si="255"/>
        <v>2017</v>
      </c>
      <c r="D8142" t="s">
        <v>1616</v>
      </c>
      <c r="E8142" t="s">
        <v>26</v>
      </c>
      <c r="F8142" t="s">
        <v>33</v>
      </c>
      <c r="G8142" t="s">
        <v>34</v>
      </c>
      <c r="H8142" t="s">
        <v>2694</v>
      </c>
      <c r="I8142">
        <v>207.18</v>
      </c>
      <c r="J8142">
        <v>1</v>
      </c>
      <c r="K8142">
        <v>25.9</v>
      </c>
    </row>
    <row r="8143" spans="1:11" x14ac:dyDescent="0.3">
      <c r="A8143" s="1">
        <v>42954</v>
      </c>
      <c r="B8143" s="3">
        <f t="shared" si="254"/>
        <v>8</v>
      </c>
      <c r="C8143" s="3">
        <f t="shared" si="255"/>
        <v>2017</v>
      </c>
      <c r="D8143" t="s">
        <v>1616</v>
      </c>
      <c r="E8143" t="s">
        <v>26</v>
      </c>
      <c r="F8143" t="s">
        <v>10</v>
      </c>
      <c r="G8143" t="s">
        <v>91</v>
      </c>
      <c r="H8143" t="s">
        <v>252</v>
      </c>
      <c r="I8143">
        <v>1473.1</v>
      </c>
      <c r="J8143">
        <v>5</v>
      </c>
      <c r="K8143">
        <v>412.47</v>
      </c>
    </row>
    <row r="8144" spans="1:11" x14ac:dyDescent="0.3">
      <c r="A8144" s="1">
        <v>42957</v>
      </c>
      <c r="B8144" s="3">
        <f t="shared" si="254"/>
        <v>8</v>
      </c>
      <c r="C8144" s="3">
        <f t="shared" si="255"/>
        <v>2017</v>
      </c>
      <c r="D8144" t="s">
        <v>1041</v>
      </c>
      <c r="E8144" t="s">
        <v>128</v>
      </c>
      <c r="F8144" t="s">
        <v>10</v>
      </c>
      <c r="G8144" t="s">
        <v>62</v>
      </c>
      <c r="H8144" t="s">
        <v>63</v>
      </c>
      <c r="I8144">
        <v>70.08</v>
      </c>
      <c r="J8144">
        <v>6</v>
      </c>
      <c r="K8144">
        <v>35.04</v>
      </c>
    </row>
    <row r="8145" spans="1:11" x14ac:dyDescent="0.3">
      <c r="A8145" s="1">
        <v>42957</v>
      </c>
      <c r="B8145" s="3">
        <f t="shared" si="254"/>
        <v>8</v>
      </c>
      <c r="C8145" s="3">
        <f t="shared" si="255"/>
        <v>2017</v>
      </c>
      <c r="D8145" t="s">
        <v>1041</v>
      </c>
      <c r="E8145" t="s">
        <v>128</v>
      </c>
      <c r="F8145" t="s">
        <v>33</v>
      </c>
      <c r="G8145" t="s">
        <v>46</v>
      </c>
      <c r="H8145" t="s">
        <v>569</v>
      </c>
      <c r="I8145">
        <v>121.3</v>
      </c>
      <c r="J8145">
        <v>2</v>
      </c>
      <c r="K8145">
        <v>25.47</v>
      </c>
    </row>
    <row r="8146" spans="1:11" x14ac:dyDescent="0.3">
      <c r="A8146" s="1">
        <v>42957</v>
      </c>
      <c r="B8146" s="3">
        <f t="shared" si="254"/>
        <v>8</v>
      </c>
      <c r="C8146" s="3">
        <f t="shared" si="255"/>
        <v>2017</v>
      </c>
      <c r="D8146" t="s">
        <v>1041</v>
      </c>
      <c r="E8146" t="s">
        <v>128</v>
      </c>
      <c r="F8146" t="s">
        <v>38</v>
      </c>
      <c r="G8146" t="s">
        <v>39</v>
      </c>
      <c r="H8146" t="s">
        <v>172</v>
      </c>
      <c r="I8146">
        <v>1454.49</v>
      </c>
      <c r="J8146">
        <v>9</v>
      </c>
      <c r="K8146">
        <v>378.17</v>
      </c>
    </row>
    <row r="8147" spans="1:11" x14ac:dyDescent="0.3">
      <c r="A8147" s="1">
        <v>42957</v>
      </c>
      <c r="B8147" s="3">
        <f t="shared" si="254"/>
        <v>8</v>
      </c>
      <c r="C8147" s="3">
        <f t="shared" si="255"/>
        <v>2017</v>
      </c>
      <c r="D8147" t="s">
        <v>1796</v>
      </c>
      <c r="E8147" t="s">
        <v>128</v>
      </c>
      <c r="F8147" t="s">
        <v>10</v>
      </c>
      <c r="G8147" t="s">
        <v>11</v>
      </c>
      <c r="H8147" t="s">
        <v>1854</v>
      </c>
      <c r="I8147">
        <v>177.2</v>
      </c>
      <c r="J8147">
        <v>5</v>
      </c>
      <c r="K8147">
        <v>83.28</v>
      </c>
    </row>
    <row r="8148" spans="1:11" x14ac:dyDescent="0.3">
      <c r="A8148" s="1">
        <v>42958</v>
      </c>
      <c r="B8148" s="3">
        <f t="shared" si="254"/>
        <v>8</v>
      </c>
      <c r="C8148" s="3">
        <f t="shared" si="255"/>
        <v>2017</v>
      </c>
      <c r="D8148" t="s">
        <v>1501</v>
      </c>
      <c r="E8148" t="s">
        <v>9</v>
      </c>
      <c r="F8148" t="s">
        <v>10</v>
      </c>
      <c r="G8148" t="s">
        <v>11</v>
      </c>
      <c r="H8148" t="s">
        <v>1607</v>
      </c>
      <c r="I8148">
        <v>29.66</v>
      </c>
      <c r="J8148">
        <v>4</v>
      </c>
      <c r="K8148">
        <v>10.01</v>
      </c>
    </row>
    <row r="8149" spans="1:11" x14ac:dyDescent="0.3">
      <c r="A8149" s="1">
        <v>42958</v>
      </c>
      <c r="B8149" s="3">
        <f t="shared" si="254"/>
        <v>8</v>
      </c>
      <c r="C8149" s="3">
        <f t="shared" si="255"/>
        <v>2017</v>
      </c>
      <c r="D8149" t="s">
        <v>1501</v>
      </c>
      <c r="E8149" t="s">
        <v>9</v>
      </c>
      <c r="F8149" t="s">
        <v>10</v>
      </c>
      <c r="G8149" t="s">
        <v>23</v>
      </c>
      <c r="H8149" t="s">
        <v>889</v>
      </c>
      <c r="I8149">
        <v>9.18</v>
      </c>
      <c r="J8149">
        <v>7</v>
      </c>
      <c r="K8149">
        <v>2.87</v>
      </c>
    </row>
    <row r="8150" spans="1:11" x14ac:dyDescent="0.3">
      <c r="A8150" s="1">
        <v>42958</v>
      </c>
      <c r="B8150" s="3">
        <f t="shared" si="254"/>
        <v>8</v>
      </c>
      <c r="C8150" s="3">
        <f t="shared" si="255"/>
        <v>2017</v>
      </c>
      <c r="D8150" t="s">
        <v>1501</v>
      </c>
      <c r="E8150" t="s">
        <v>9</v>
      </c>
      <c r="F8150" t="s">
        <v>38</v>
      </c>
      <c r="G8150" t="s">
        <v>39</v>
      </c>
      <c r="H8150" t="s">
        <v>519</v>
      </c>
      <c r="I8150">
        <v>153.58000000000001</v>
      </c>
      <c r="J8150">
        <v>2</v>
      </c>
      <c r="K8150">
        <v>13.44</v>
      </c>
    </row>
    <row r="8151" spans="1:11" x14ac:dyDescent="0.3">
      <c r="A8151" s="1">
        <v>42958</v>
      </c>
      <c r="B8151" s="3">
        <f t="shared" si="254"/>
        <v>8</v>
      </c>
      <c r="C8151" s="3">
        <f t="shared" si="255"/>
        <v>2017</v>
      </c>
      <c r="D8151" t="s">
        <v>1501</v>
      </c>
      <c r="E8151" t="s">
        <v>9</v>
      </c>
      <c r="F8151" t="s">
        <v>10</v>
      </c>
      <c r="G8151" t="s">
        <v>19</v>
      </c>
      <c r="H8151" t="s">
        <v>466</v>
      </c>
      <c r="I8151">
        <v>12.86</v>
      </c>
      <c r="J8151">
        <v>8</v>
      </c>
      <c r="K8151">
        <v>-22.51</v>
      </c>
    </row>
    <row r="8152" spans="1:11" x14ac:dyDescent="0.3">
      <c r="A8152" s="1">
        <v>42958</v>
      </c>
      <c r="B8152" s="3">
        <f t="shared" si="254"/>
        <v>8</v>
      </c>
      <c r="C8152" s="3">
        <f t="shared" si="255"/>
        <v>2017</v>
      </c>
      <c r="D8152" t="s">
        <v>397</v>
      </c>
      <c r="E8152" t="s">
        <v>61</v>
      </c>
      <c r="F8152" t="s">
        <v>10</v>
      </c>
      <c r="G8152" t="s">
        <v>19</v>
      </c>
      <c r="H8152" t="s">
        <v>1138</v>
      </c>
      <c r="I8152">
        <v>477.51</v>
      </c>
      <c r="J8152">
        <v>11</v>
      </c>
      <c r="K8152">
        <v>219.65</v>
      </c>
    </row>
    <row r="8153" spans="1:11" x14ac:dyDescent="0.3">
      <c r="A8153" s="1">
        <v>42958</v>
      </c>
      <c r="B8153" s="3">
        <f t="shared" si="254"/>
        <v>8</v>
      </c>
      <c r="C8153" s="3">
        <f t="shared" si="255"/>
        <v>2017</v>
      </c>
      <c r="D8153" t="s">
        <v>2258</v>
      </c>
      <c r="E8153" t="s">
        <v>148</v>
      </c>
      <c r="F8153" t="s">
        <v>10</v>
      </c>
      <c r="G8153" t="s">
        <v>11</v>
      </c>
      <c r="H8153" t="s">
        <v>492</v>
      </c>
      <c r="I8153">
        <v>25.92</v>
      </c>
      <c r="J8153">
        <v>4</v>
      </c>
      <c r="K8153">
        <v>12.44</v>
      </c>
    </row>
    <row r="8154" spans="1:11" x14ac:dyDescent="0.3">
      <c r="A8154" s="1">
        <v>42959</v>
      </c>
      <c r="B8154" s="3">
        <f t="shared" si="254"/>
        <v>8</v>
      </c>
      <c r="C8154" s="3">
        <f t="shared" si="255"/>
        <v>2017</v>
      </c>
      <c r="D8154" t="s">
        <v>1147</v>
      </c>
      <c r="E8154" t="s">
        <v>122</v>
      </c>
      <c r="F8154" t="s">
        <v>10</v>
      </c>
      <c r="G8154" t="s">
        <v>11</v>
      </c>
      <c r="H8154" t="s">
        <v>1218</v>
      </c>
      <c r="I8154">
        <v>20.74</v>
      </c>
      <c r="J8154">
        <v>4</v>
      </c>
      <c r="K8154">
        <v>7.26</v>
      </c>
    </row>
    <row r="8155" spans="1:11" x14ac:dyDescent="0.3">
      <c r="A8155" s="1">
        <v>42959</v>
      </c>
      <c r="B8155" s="3">
        <f t="shared" si="254"/>
        <v>8</v>
      </c>
      <c r="C8155" s="3">
        <f t="shared" si="255"/>
        <v>2017</v>
      </c>
      <c r="D8155" t="s">
        <v>598</v>
      </c>
      <c r="E8155" t="s">
        <v>26</v>
      </c>
      <c r="F8155" t="s">
        <v>10</v>
      </c>
      <c r="G8155" t="s">
        <v>91</v>
      </c>
      <c r="H8155" t="s">
        <v>1834</v>
      </c>
      <c r="I8155">
        <v>542.94000000000005</v>
      </c>
      <c r="J8155">
        <v>3</v>
      </c>
      <c r="K8155">
        <v>152.02000000000001</v>
      </c>
    </row>
    <row r="8156" spans="1:11" x14ac:dyDescent="0.3">
      <c r="A8156" s="1">
        <v>42959</v>
      </c>
      <c r="B8156" s="3">
        <f t="shared" si="254"/>
        <v>8</v>
      </c>
      <c r="C8156" s="3">
        <f t="shared" si="255"/>
        <v>2017</v>
      </c>
      <c r="D8156" t="s">
        <v>598</v>
      </c>
      <c r="E8156" t="s">
        <v>26</v>
      </c>
      <c r="F8156" t="s">
        <v>33</v>
      </c>
      <c r="G8156" t="s">
        <v>46</v>
      </c>
      <c r="H8156" t="s">
        <v>364</v>
      </c>
      <c r="I8156">
        <v>54.92</v>
      </c>
      <c r="J8156">
        <v>4</v>
      </c>
      <c r="K8156">
        <v>19.77</v>
      </c>
    </row>
    <row r="8157" spans="1:11" x14ac:dyDescent="0.3">
      <c r="A8157" s="1">
        <v>42959</v>
      </c>
      <c r="B8157" s="3">
        <f t="shared" si="254"/>
        <v>8</v>
      </c>
      <c r="C8157" s="3">
        <f t="shared" si="255"/>
        <v>2017</v>
      </c>
      <c r="D8157" t="s">
        <v>2102</v>
      </c>
      <c r="E8157" t="s">
        <v>530</v>
      </c>
      <c r="F8157" t="s">
        <v>10</v>
      </c>
      <c r="G8157" t="s">
        <v>23</v>
      </c>
      <c r="H8157" t="s">
        <v>50</v>
      </c>
      <c r="I8157">
        <v>17.52</v>
      </c>
      <c r="J8157">
        <v>3</v>
      </c>
      <c r="K8157">
        <v>5.26</v>
      </c>
    </row>
    <row r="8158" spans="1:11" x14ac:dyDescent="0.3">
      <c r="A8158" s="1">
        <v>42959</v>
      </c>
      <c r="B8158" s="3">
        <f t="shared" si="254"/>
        <v>8</v>
      </c>
      <c r="C8158" s="3">
        <f t="shared" si="255"/>
        <v>2017</v>
      </c>
      <c r="D8158" t="s">
        <v>2102</v>
      </c>
      <c r="E8158" t="s">
        <v>530</v>
      </c>
      <c r="F8158" t="s">
        <v>33</v>
      </c>
      <c r="G8158" t="s">
        <v>34</v>
      </c>
      <c r="H8158" t="s">
        <v>105</v>
      </c>
      <c r="I8158">
        <v>1779.9</v>
      </c>
      <c r="J8158">
        <v>5</v>
      </c>
      <c r="K8158">
        <v>373.78</v>
      </c>
    </row>
    <row r="8159" spans="1:11" x14ac:dyDescent="0.3">
      <c r="A8159" s="1">
        <v>42959</v>
      </c>
      <c r="B8159" s="3">
        <f t="shared" si="254"/>
        <v>8</v>
      </c>
      <c r="C8159" s="3">
        <f t="shared" si="255"/>
        <v>2017</v>
      </c>
      <c r="D8159" t="s">
        <v>2102</v>
      </c>
      <c r="E8159" t="s">
        <v>530</v>
      </c>
      <c r="F8159" t="s">
        <v>10</v>
      </c>
      <c r="G8159" t="s">
        <v>23</v>
      </c>
      <c r="H8159" t="s">
        <v>804</v>
      </c>
      <c r="I8159">
        <v>219.9</v>
      </c>
      <c r="J8159">
        <v>5</v>
      </c>
      <c r="K8159">
        <v>59.37</v>
      </c>
    </row>
    <row r="8160" spans="1:11" x14ac:dyDescent="0.3">
      <c r="A8160" s="1">
        <v>42959</v>
      </c>
      <c r="B8160" s="3">
        <f t="shared" si="254"/>
        <v>8</v>
      </c>
      <c r="C8160" s="3">
        <f t="shared" si="255"/>
        <v>2017</v>
      </c>
      <c r="D8160" t="s">
        <v>1940</v>
      </c>
      <c r="E8160" t="s">
        <v>163</v>
      </c>
      <c r="F8160" t="s">
        <v>38</v>
      </c>
      <c r="G8160" t="s">
        <v>602</v>
      </c>
      <c r="H8160" t="s">
        <v>2238</v>
      </c>
      <c r="I8160">
        <v>299.99</v>
      </c>
      <c r="J8160">
        <v>1</v>
      </c>
      <c r="K8160">
        <v>90</v>
      </c>
    </row>
    <row r="8161" spans="1:11" x14ac:dyDescent="0.3">
      <c r="A8161" s="1">
        <v>42959</v>
      </c>
      <c r="B8161" s="3">
        <f t="shared" si="254"/>
        <v>8</v>
      </c>
      <c r="C8161" s="3">
        <f t="shared" si="255"/>
        <v>2017</v>
      </c>
      <c r="D8161" t="s">
        <v>1940</v>
      </c>
      <c r="E8161" t="s">
        <v>163</v>
      </c>
      <c r="F8161" t="s">
        <v>10</v>
      </c>
      <c r="G8161" t="s">
        <v>11</v>
      </c>
      <c r="H8161" t="s">
        <v>2081</v>
      </c>
      <c r="I8161">
        <v>192.16</v>
      </c>
      <c r="J8161">
        <v>4</v>
      </c>
      <c r="K8161">
        <v>92.24</v>
      </c>
    </row>
    <row r="8162" spans="1:11" x14ac:dyDescent="0.3">
      <c r="A8162" s="1">
        <v>42959</v>
      </c>
      <c r="B8162" s="3">
        <f t="shared" si="254"/>
        <v>8</v>
      </c>
      <c r="C8162" s="3">
        <f t="shared" si="255"/>
        <v>2017</v>
      </c>
      <c r="D8162" t="s">
        <v>1940</v>
      </c>
      <c r="E8162" t="s">
        <v>163</v>
      </c>
      <c r="F8162" t="s">
        <v>38</v>
      </c>
      <c r="G8162" t="s">
        <v>39</v>
      </c>
      <c r="H8162" t="s">
        <v>750</v>
      </c>
      <c r="I8162">
        <v>242.62</v>
      </c>
      <c r="J8162">
        <v>8</v>
      </c>
      <c r="K8162">
        <v>27.3</v>
      </c>
    </row>
    <row r="8163" spans="1:11" x14ac:dyDescent="0.3">
      <c r="A8163" s="1">
        <v>42959</v>
      </c>
      <c r="B8163" s="3">
        <f t="shared" si="254"/>
        <v>8</v>
      </c>
      <c r="C8163" s="3">
        <f t="shared" si="255"/>
        <v>2017</v>
      </c>
      <c r="D8163" t="s">
        <v>1940</v>
      </c>
      <c r="E8163" t="s">
        <v>163</v>
      </c>
      <c r="F8163" t="s">
        <v>10</v>
      </c>
      <c r="G8163" t="s">
        <v>17</v>
      </c>
      <c r="H8163" t="s">
        <v>1949</v>
      </c>
      <c r="I8163">
        <v>46.74</v>
      </c>
      <c r="J8163">
        <v>3</v>
      </c>
      <c r="K8163">
        <v>11.69</v>
      </c>
    </row>
    <row r="8164" spans="1:11" x14ac:dyDescent="0.3">
      <c r="A8164" s="1">
        <v>42959</v>
      </c>
      <c r="B8164" s="3">
        <f t="shared" si="254"/>
        <v>8</v>
      </c>
      <c r="C8164" s="3">
        <f t="shared" si="255"/>
        <v>2017</v>
      </c>
      <c r="D8164" t="s">
        <v>1940</v>
      </c>
      <c r="E8164" t="s">
        <v>163</v>
      </c>
      <c r="F8164" t="s">
        <v>38</v>
      </c>
      <c r="G8164" t="s">
        <v>51</v>
      </c>
      <c r="H8164" t="s">
        <v>2362</v>
      </c>
      <c r="I8164">
        <v>174.95</v>
      </c>
      <c r="J8164">
        <v>5</v>
      </c>
      <c r="K8164">
        <v>12.25</v>
      </c>
    </row>
    <row r="8165" spans="1:11" x14ac:dyDescent="0.3">
      <c r="A8165" s="1">
        <v>42959</v>
      </c>
      <c r="B8165" s="3">
        <f t="shared" si="254"/>
        <v>8</v>
      </c>
      <c r="C8165" s="3">
        <f t="shared" si="255"/>
        <v>2017</v>
      </c>
      <c r="D8165" t="s">
        <v>1940</v>
      </c>
      <c r="E8165" t="s">
        <v>163</v>
      </c>
      <c r="F8165" t="s">
        <v>10</v>
      </c>
      <c r="G8165" t="s">
        <v>19</v>
      </c>
      <c r="H8165" t="s">
        <v>1231</v>
      </c>
      <c r="I8165">
        <v>100.7</v>
      </c>
      <c r="J8165">
        <v>6</v>
      </c>
      <c r="K8165">
        <v>37.76</v>
      </c>
    </row>
    <row r="8166" spans="1:11" x14ac:dyDescent="0.3">
      <c r="A8166" s="1">
        <v>42960</v>
      </c>
      <c r="B8166" s="3">
        <f t="shared" si="254"/>
        <v>8</v>
      </c>
      <c r="C8166" s="3">
        <f t="shared" si="255"/>
        <v>2017</v>
      </c>
      <c r="D8166" t="s">
        <v>504</v>
      </c>
      <c r="E8166" t="s">
        <v>26</v>
      </c>
      <c r="F8166" t="s">
        <v>10</v>
      </c>
      <c r="G8166" t="s">
        <v>17</v>
      </c>
      <c r="H8166" t="s">
        <v>2218</v>
      </c>
      <c r="I8166">
        <v>31.44</v>
      </c>
      <c r="J8166">
        <v>3</v>
      </c>
      <c r="K8166">
        <v>8.49</v>
      </c>
    </row>
    <row r="8167" spans="1:11" x14ac:dyDescent="0.3">
      <c r="A8167" s="1">
        <v>42960</v>
      </c>
      <c r="B8167" s="3">
        <f t="shared" si="254"/>
        <v>8</v>
      </c>
      <c r="C8167" s="3">
        <f t="shared" si="255"/>
        <v>2017</v>
      </c>
      <c r="D8167" t="s">
        <v>504</v>
      </c>
      <c r="E8167" t="s">
        <v>26</v>
      </c>
      <c r="F8167" t="s">
        <v>10</v>
      </c>
      <c r="G8167" t="s">
        <v>91</v>
      </c>
      <c r="H8167" t="s">
        <v>657</v>
      </c>
      <c r="I8167">
        <v>83.79</v>
      </c>
      <c r="J8167">
        <v>7</v>
      </c>
      <c r="K8167">
        <v>22.62</v>
      </c>
    </row>
    <row r="8168" spans="1:11" x14ac:dyDescent="0.3">
      <c r="A8168" s="1">
        <v>42960</v>
      </c>
      <c r="B8168" s="3">
        <f t="shared" si="254"/>
        <v>8</v>
      </c>
      <c r="C8168" s="3">
        <f t="shared" si="255"/>
        <v>2017</v>
      </c>
      <c r="D8168" t="s">
        <v>504</v>
      </c>
      <c r="E8168" t="s">
        <v>26</v>
      </c>
      <c r="F8168" t="s">
        <v>10</v>
      </c>
      <c r="G8168" t="s">
        <v>23</v>
      </c>
      <c r="H8168" t="s">
        <v>259</v>
      </c>
      <c r="I8168">
        <v>59.52</v>
      </c>
      <c r="J8168">
        <v>3</v>
      </c>
      <c r="K8168">
        <v>15.48</v>
      </c>
    </row>
    <row r="8169" spans="1:11" x14ac:dyDescent="0.3">
      <c r="A8169" s="1">
        <v>42960</v>
      </c>
      <c r="B8169" s="3">
        <f t="shared" si="254"/>
        <v>8</v>
      </c>
      <c r="C8169" s="3">
        <f t="shared" si="255"/>
        <v>2017</v>
      </c>
      <c r="D8169" t="s">
        <v>504</v>
      </c>
      <c r="E8169" t="s">
        <v>26</v>
      </c>
      <c r="F8169" t="s">
        <v>10</v>
      </c>
      <c r="G8169" t="s">
        <v>199</v>
      </c>
      <c r="H8169" t="s">
        <v>806</v>
      </c>
      <c r="I8169">
        <v>31.92</v>
      </c>
      <c r="J8169">
        <v>4</v>
      </c>
      <c r="K8169">
        <v>9.26</v>
      </c>
    </row>
    <row r="8170" spans="1:11" x14ac:dyDescent="0.3">
      <c r="A8170" s="1">
        <v>42960</v>
      </c>
      <c r="B8170" s="3">
        <f t="shared" si="254"/>
        <v>8</v>
      </c>
      <c r="C8170" s="3">
        <f t="shared" si="255"/>
        <v>2017</v>
      </c>
      <c r="D8170" t="s">
        <v>1393</v>
      </c>
      <c r="E8170" t="s">
        <v>22</v>
      </c>
      <c r="F8170" t="s">
        <v>10</v>
      </c>
      <c r="G8170" t="s">
        <v>15</v>
      </c>
      <c r="H8170" t="s">
        <v>2029</v>
      </c>
      <c r="I8170">
        <v>17.54</v>
      </c>
      <c r="J8170">
        <v>3</v>
      </c>
      <c r="K8170">
        <v>5.92</v>
      </c>
    </row>
    <row r="8171" spans="1:11" x14ac:dyDescent="0.3">
      <c r="A8171" s="1">
        <v>42960</v>
      </c>
      <c r="B8171" s="3">
        <f t="shared" si="254"/>
        <v>8</v>
      </c>
      <c r="C8171" s="3">
        <f t="shared" si="255"/>
        <v>2017</v>
      </c>
      <c r="D8171" t="s">
        <v>1656</v>
      </c>
      <c r="E8171" t="s">
        <v>26</v>
      </c>
      <c r="F8171" t="s">
        <v>10</v>
      </c>
      <c r="G8171" t="s">
        <v>19</v>
      </c>
      <c r="H8171" t="s">
        <v>851</v>
      </c>
      <c r="I8171">
        <v>36.020000000000003</v>
      </c>
      <c r="J8171">
        <v>3</v>
      </c>
      <c r="K8171">
        <v>11.71</v>
      </c>
    </row>
    <row r="8172" spans="1:11" x14ac:dyDescent="0.3">
      <c r="A8172" s="1">
        <v>42960</v>
      </c>
      <c r="B8172" s="3">
        <f t="shared" si="254"/>
        <v>8</v>
      </c>
      <c r="C8172" s="3">
        <f t="shared" si="255"/>
        <v>2017</v>
      </c>
      <c r="D8172" t="s">
        <v>906</v>
      </c>
      <c r="E8172" t="s">
        <v>119</v>
      </c>
      <c r="F8172" t="s">
        <v>10</v>
      </c>
      <c r="G8172" t="s">
        <v>91</v>
      </c>
      <c r="H8172" t="s">
        <v>1819</v>
      </c>
      <c r="I8172">
        <v>272.05</v>
      </c>
      <c r="J8172">
        <v>7</v>
      </c>
      <c r="K8172">
        <v>30.61</v>
      </c>
    </row>
    <row r="8173" spans="1:11" x14ac:dyDescent="0.3">
      <c r="A8173" s="1">
        <v>42960</v>
      </c>
      <c r="B8173" s="3">
        <f t="shared" si="254"/>
        <v>8</v>
      </c>
      <c r="C8173" s="3">
        <f t="shared" si="255"/>
        <v>2017</v>
      </c>
      <c r="D8173" t="s">
        <v>906</v>
      </c>
      <c r="E8173" t="s">
        <v>119</v>
      </c>
      <c r="F8173" t="s">
        <v>10</v>
      </c>
      <c r="G8173" t="s">
        <v>19</v>
      </c>
      <c r="H8173" t="s">
        <v>1141</v>
      </c>
      <c r="I8173">
        <v>1614.58</v>
      </c>
      <c r="J8173">
        <v>6</v>
      </c>
      <c r="K8173">
        <v>-1237.8499999999999</v>
      </c>
    </row>
    <row r="8174" spans="1:11" x14ac:dyDescent="0.3">
      <c r="A8174" s="1">
        <v>42960</v>
      </c>
      <c r="B8174" s="3">
        <f t="shared" si="254"/>
        <v>8</v>
      </c>
      <c r="C8174" s="3">
        <f t="shared" si="255"/>
        <v>2017</v>
      </c>
      <c r="D8174" t="s">
        <v>906</v>
      </c>
      <c r="E8174" t="s">
        <v>119</v>
      </c>
      <c r="F8174" t="s">
        <v>10</v>
      </c>
      <c r="G8174" t="s">
        <v>42</v>
      </c>
      <c r="H8174" t="s">
        <v>159</v>
      </c>
      <c r="I8174">
        <v>24.32</v>
      </c>
      <c r="J8174">
        <v>5</v>
      </c>
      <c r="K8174">
        <v>9.1199999999999992</v>
      </c>
    </row>
    <row r="8175" spans="1:11" x14ac:dyDescent="0.3">
      <c r="A8175" s="1">
        <v>42960</v>
      </c>
      <c r="B8175" s="3">
        <f t="shared" si="254"/>
        <v>8</v>
      </c>
      <c r="C8175" s="3">
        <f t="shared" si="255"/>
        <v>2017</v>
      </c>
      <c r="D8175" t="s">
        <v>906</v>
      </c>
      <c r="E8175" t="s">
        <v>119</v>
      </c>
      <c r="F8175" t="s">
        <v>38</v>
      </c>
      <c r="G8175" t="s">
        <v>51</v>
      </c>
      <c r="H8175" t="s">
        <v>960</v>
      </c>
      <c r="I8175">
        <v>1.58</v>
      </c>
      <c r="J8175">
        <v>2</v>
      </c>
      <c r="K8175">
        <v>0.48</v>
      </c>
    </row>
    <row r="8176" spans="1:11" x14ac:dyDescent="0.3">
      <c r="A8176" s="1">
        <v>42960</v>
      </c>
      <c r="B8176" s="3">
        <f t="shared" si="254"/>
        <v>8</v>
      </c>
      <c r="C8176" s="3">
        <f t="shared" si="255"/>
        <v>2017</v>
      </c>
      <c r="D8176" t="s">
        <v>906</v>
      </c>
      <c r="E8176" t="s">
        <v>119</v>
      </c>
      <c r="F8176" t="s">
        <v>33</v>
      </c>
      <c r="G8176" t="s">
        <v>46</v>
      </c>
      <c r="H8176" t="s">
        <v>1710</v>
      </c>
      <c r="I8176">
        <v>31.98</v>
      </c>
      <c r="J8176">
        <v>1</v>
      </c>
      <c r="K8176">
        <v>0</v>
      </c>
    </row>
    <row r="8177" spans="1:11" x14ac:dyDescent="0.3">
      <c r="A8177" s="1">
        <v>42960</v>
      </c>
      <c r="B8177" s="3">
        <f t="shared" si="254"/>
        <v>8</v>
      </c>
      <c r="C8177" s="3">
        <f t="shared" si="255"/>
        <v>2017</v>
      </c>
      <c r="D8177" t="s">
        <v>906</v>
      </c>
      <c r="E8177" t="s">
        <v>119</v>
      </c>
      <c r="F8177" t="s">
        <v>10</v>
      </c>
      <c r="G8177" t="s">
        <v>62</v>
      </c>
      <c r="H8177" t="s">
        <v>1298</v>
      </c>
      <c r="I8177">
        <v>14.76</v>
      </c>
      <c r="J8177">
        <v>5</v>
      </c>
      <c r="K8177">
        <v>4.8</v>
      </c>
    </row>
    <row r="8178" spans="1:11" x14ac:dyDescent="0.3">
      <c r="A8178" s="1">
        <v>42960</v>
      </c>
      <c r="B8178" s="3">
        <f t="shared" si="254"/>
        <v>8</v>
      </c>
      <c r="C8178" s="3">
        <f t="shared" si="255"/>
        <v>2017</v>
      </c>
      <c r="D8178" t="s">
        <v>906</v>
      </c>
      <c r="E8178" t="s">
        <v>119</v>
      </c>
      <c r="F8178" t="s">
        <v>33</v>
      </c>
      <c r="G8178" t="s">
        <v>34</v>
      </c>
      <c r="H8178" t="s">
        <v>2310</v>
      </c>
      <c r="I8178">
        <v>423.65</v>
      </c>
      <c r="J8178">
        <v>2</v>
      </c>
      <c r="K8178">
        <v>47.66</v>
      </c>
    </row>
    <row r="8179" spans="1:11" x14ac:dyDescent="0.3">
      <c r="A8179" s="1">
        <v>42961</v>
      </c>
      <c r="B8179" s="3">
        <f t="shared" si="254"/>
        <v>8</v>
      </c>
      <c r="C8179" s="3">
        <f t="shared" si="255"/>
        <v>2017</v>
      </c>
      <c r="D8179" t="s">
        <v>1210</v>
      </c>
      <c r="E8179" t="s">
        <v>26</v>
      </c>
      <c r="F8179" t="s">
        <v>10</v>
      </c>
      <c r="G8179" t="s">
        <v>15</v>
      </c>
      <c r="H8179" t="s">
        <v>583</v>
      </c>
      <c r="I8179">
        <v>5.76</v>
      </c>
      <c r="J8179">
        <v>2</v>
      </c>
      <c r="K8179">
        <v>2.82</v>
      </c>
    </row>
    <row r="8180" spans="1:11" x14ac:dyDescent="0.3">
      <c r="A8180" s="1">
        <v>42961</v>
      </c>
      <c r="B8180" s="3">
        <f t="shared" si="254"/>
        <v>8</v>
      </c>
      <c r="C8180" s="3">
        <f t="shared" si="255"/>
        <v>2017</v>
      </c>
      <c r="D8180" t="s">
        <v>1210</v>
      </c>
      <c r="E8180" t="s">
        <v>26</v>
      </c>
      <c r="F8180" t="s">
        <v>10</v>
      </c>
      <c r="G8180" t="s">
        <v>23</v>
      </c>
      <c r="H8180" t="s">
        <v>2641</v>
      </c>
      <c r="I8180">
        <v>16.68</v>
      </c>
      <c r="J8180">
        <v>6</v>
      </c>
      <c r="K8180">
        <v>4.34</v>
      </c>
    </row>
    <row r="8181" spans="1:11" x14ac:dyDescent="0.3">
      <c r="A8181" s="1">
        <v>42961</v>
      </c>
      <c r="B8181" s="3">
        <f t="shared" si="254"/>
        <v>8</v>
      </c>
      <c r="C8181" s="3">
        <f t="shared" si="255"/>
        <v>2017</v>
      </c>
      <c r="D8181" t="s">
        <v>2471</v>
      </c>
      <c r="E8181" t="s">
        <v>26</v>
      </c>
      <c r="F8181" t="s">
        <v>33</v>
      </c>
      <c r="G8181" t="s">
        <v>144</v>
      </c>
      <c r="H8181" t="s">
        <v>2065</v>
      </c>
      <c r="I8181">
        <v>418.3</v>
      </c>
      <c r="J8181">
        <v>3</v>
      </c>
      <c r="K8181">
        <v>5.23</v>
      </c>
    </row>
    <row r="8182" spans="1:11" x14ac:dyDescent="0.3">
      <c r="A8182" s="1">
        <v>42962</v>
      </c>
      <c r="B8182" s="3">
        <f t="shared" si="254"/>
        <v>8</v>
      </c>
      <c r="C8182" s="3">
        <f t="shared" si="255"/>
        <v>2017</v>
      </c>
      <c r="D8182" t="s">
        <v>741</v>
      </c>
      <c r="E8182" t="s">
        <v>176</v>
      </c>
      <c r="F8182" t="s">
        <v>10</v>
      </c>
      <c r="G8182" t="s">
        <v>91</v>
      </c>
      <c r="H8182" t="s">
        <v>285</v>
      </c>
      <c r="I8182">
        <v>97.84</v>
      </c>
      <c r="J8182">
        <v>2</v>
      </c>
      <c r="K8182">
        <v>25.44</v>
      </c>
    </row>
    <row r="8183" spans="1:11" x14ac:dyDescent="0.3">
      <c r="A8183" s="1">
        <v>42962</v>
      </c>
      <c r="B8183" s="3">
        <f t="shared" si="254"/>
        <v>8</v>
      </c>
      <c r="C8183" s="3">
        <f t="shared" si="255"/>
        <v>2017</v>
      </c>
      <c r="D8183" t="s">
        <v>2411</v>
      </c>
      <c r="E8183" t="s">
        <v>22</v>
      </c>
      <c r="F8183" t="s">
        <v>10</v>
      </c>
      <c r="G8183" t="s">
        <v>17</v>
      </c>
      <c r="H8183" t="s">
        <v>1109</v>
      </c>
      <c r="I8183">
        <v>1801.63</v>
      </c>
      <c r="J8183">
        <v>6</v>
      </c>
      <c r="K8183">
        <v>-337.81</v>
      </c>
    </row>
    <row r="8184" spans="1:11" x14ac:dyDescent="0.3">
      <c r="A8184" s="1">
        <v>42962</v>
      </c>
      <c r="B8184" s="3">
        <f t="shared" si="254"/>
        <v>8</v>
      </c>
      <c r="C8184" s="3">
        <f t="shared" si="255"/>
        <v>2017</v>
      </c>
      <c r="D8184" t="s">
        <v>2422</v>
      </c>
      <c r="E8184" t="s">
        <v>314</v>
      </c>
      <c r="F8184" t="s">
        <v>10</v>
      </c>
      <c r="G8184" t="s">
        <v>15</v>
      </c>
      <c r="H8184" t="s">
        <v>249</v>
      </c>
      <c r="I8184">
        <v>50.4</v>
      </c>
      <c r="J8184">
        <v>8</v>
      </c>
      <c r="K8184">
        <v>23.18</v>
      </c>
    </row>
    <row r="8185" spans="1:11" x14ac:dyDescent="0.3">
      <c r="A8185" s="1">
        <v>42963</v>
      </c>
      <c r="B8185" s="3">
        <f t="shared" si="254"/>
        <v>8</v>
      </c>
      <c r="C8185" s="3">
        <f t="shared" si="255"/>
        <v>2017</v>
      </c>
      <c r="D8185" t="s">
        <v>1915</v>
      </c>
      <c r="E8185" t="s">
        <v>119</v>
      </c>
      <c r="F8185" t="s">
        <v>10</v>
      </c>
      <c r="G8185" t="s">
        <v>19</v>
      </c>
      <c r="H8185" t="s">
        <v>1824</v>
      </c>
      <c r="I8185">
        <v>13.43</v>
      </c>
      <c r="J8185">
        <v>3</v>
      </c>
      <c r="K8185">
        <v>-11.19</v>
      </c>
    </row>
    <row r="8186" spans="1:11" x14ac:dyDescent="0.3">
      <c r="A8186" s="1">
        <v>42963</v>
      </c>
      <c r="B8186" s="3">
        <f t="shared" si="254"/>
        <v>8</v>
      </c>
      <c r="C8186" s="3">
        <f t="shared" si="255"/>
        <v>2017</v>
      </c>
      <c r="D8186" t="s">
        <v>1915</v>
      </c>
      <c r="E8186" t="s">
        <v>119</v>
      </c>
      <c r="F8186" t="s">
        <v>10</v>
      </c>
      <c r="G8186" t="s">
        <v>17</v>
      </c>
      <c r="H8186" t="s">
        <v>1591</v>
      </c>
      <c r="I8186">
        <v>67.14</v>
      </c>
      <c r="J8186">
        <v>4</v>
      </c>
      <c r="K8186">
        <v>-0.84</v>
      </c>
    </row>
    <row r="8187" spans="1:11" x14ac:dyDescent="0.3">
      <c r="A8187" s="1">
        <v>42964</v>
      </c>
      <c r="B8187" s="3">
        <f t="shared" si="254"/>
        <v>8</v>
      </c>
      <c r="C8187" s="3">
        <f t="shared" si="255"/>
        <v>2017</v>
      </c>
      <c r="D8187" t="s">
        <v>524</v>
      </c>
      <c r="E8187" t="s">
        <v>148</v>
      </c>
      <c r="F8187" t="s">
        <v>10</v>
      </c>
      <c r="G8187" t="s">
        <v>19</v>
      </c>
      <c r="H8187" t="s">
        <v>120</v>
      </c>
      <c r="I8187">
        <v>895.92</v>
      </c>
      <c r="J8187">
        <v>5</v>
      </c>
      <c r="K8187">
        <v>302.37</v>
      </c>
    </row>
    <row r="8188" spans="1:11" x14ac:dyDescent="0.3">
      <c r="A8188" s="1">
        <v>42964</v>
      </c>
      <c r="B8188" s="3">
        <f t="shared" si="254"/>
        <v>8</v>
      </c>
      <c r="C8188" s="3">
        <f t="shared" si="255"/>
        <v>2017</v>
      </c>
      <c r="D8188" t="s">
        <v>524</v>
      </c>
      <c r="E8188" t="s">
        <v>148</v>
      </c>
      <c r="F8188" t="s">
        <v>33</v>
      </c>
      <c r="G8188" t="s">
        <v>34</v>
      </c>
      <c r="H8188" t="s">
        <v>725</v>
      </c>
      <c r="I8188">
        <v>462.56</v>
      </c>
      <c r="J8188">
        <v>2</v>
      </c>
      <c r="K8188">
        <v>97.65</v>
      </c>
    </row>
    <row r="8189" spans="1:11" x14ac:dyDescent="0.3">
      <c r="A8189" s="1">
        <v>42964</v>
      </c>
      <c r="B8189" s="3">
        <f t="shared" si="254"/>
        <v>8</v>
      </c>
      <c r="C8189" s="3">
        <f t="shared" si="255"/>
        <v>2017</v>
      </c>
      <c r="D8189" t="s">
        <v>962</v>
      </c>
      <c r="E8189" t="s">
        <v>32</v>
      </c>
      <c r="F8189" t="s">
        <v>10</v>
      </c>
      <c r="G8189" t="s">
        <v>19</v>
      </c>
      <c r="H8189" t="s">
        <v>367</v>
      </c>
      <c r="I8189">
        <v>102.93</v>
      </c>
      <c r="J8189">
        <v>3</v>
      </c>
      <c r="K8189">
        <v>48.38</v>
      </c>
    </row>
    <row r="8190" spans="1:11" x14ac:dyDescent="0.3">
      <c r="A8190" s="1">
        <v>42964</v>
      </c>
      <c r="B8190" s="3">
        <f t="shared" si="254"/>
        <v>8</v>
      </c>
      <c r="C8190" s="3">
        <f t="shared" si="255"/>
        <v>2017</v>
      </c>
      <c r="D8190" t="s">
        <v>962</v>
      </c>
      <c r="E8190" t="s">
        <v>32</v>
      </c>
      <c r="F8190" t="s">
        <v>38</v>
      </c>
      <c r="G8190" t="s">
        <v>51</v>
      </c>
      <c r="H8190" t="s">
        <v>1067</v>
      </c>
      <c r="I8190">
        <v>98.16</v>
      </c>
      <c r="J8190">
        <v>6</v>
      </c>
      <c r="K8190">
        <v>9.82</v>
      </c>
    </row>
    <row r="8191" spans="1:11" x14ac:dyDescent="0.3">
      <c r="A8191" s="1">
        <v>42964</v>
      </c>
      <c r="B8191" s="3">
        <f t="shared" si="254"/>
        <v>8</v>
      </c>
      <c r="C8191" s="3">
        <f t="shared" si="255"/>
        <v>2017</v>
      </c>
      <c r="D8191" t="s">
        <v>1096</v>
      </c>
      <c r="E8191" t="s">
        <v>9</v>
      </c>
      <c r="F8191" t="s">
        <v>10</v>
      </c>
      <c r="G8191" t="s">
        <v>199</v>
      </c>
      <c r="H8191" t="s">
        <v>1118</v>
      </c>
      <c r="I8191">
        <v>5.55</v>
      </c>
      <c r="J8191">
        <v>2</v>
      </c>
      <c r="K8191">
        <v>-1.04</v>
      </c>
    </row>
    <row r="8192" spans="1:11" x14ac:dyDescent="0.3">
      <c r="A8192" s="1">
        <v>42964</v>
      </c>
      <c r="B8192" s="3">
        <f t="shared" si="254"/>
        <v>8</v>
      </c>
      <c r="C8192" s="3">
        <f t="shared" si="255"/>
        <v>2017</v>
      </c>
      <c r="D8192" t="s">
        <v>1096</v>
      </c>
      <c r="E8192" t="s">
        <v>9</v>
      </c>
      <c r="F8192" t="s">
        <v>10</v>
      </c>
      <c r="G8192" t="s">
        <v>23</v>
      </c>
      <c r="H8192" t="s">
        <v>337</v>
      </c>
      <c r="I8192">
        <v>8.02</v>
      </c>
      <c r="J8192">
        <v>3</v>
      </c>
      <c r="K8192">
        <v>1</v>
      </c>
    </row>
    <row r="8193" spans="1:11" x14ac:dyDescent="0.3">
      <c r="A8193" s="1">
        <v>42964</v>
      </c>
      <c r="B8193" s="3">
        <f t="shared" si="254"/>
        <v>8</v>
      </c>
      <c r="C8193" s="3">
        <f t="shared" si="255"/>
        <v>2017</v>
      </c>
      <c r="D8193" t="s">
        <v>1096</v>
      </c>
      <c r="E8193" t="s">
        <v>9</v>
      </c>
      <c r="F8193" t="s">
        <v>33</v>
      </c>
      <c r="G8193" t="s">
        <v>34</v>
      </c>
      <c r="H8193" t="s">
        <v>1633</v>
      </c>
      <c r="I8193">
        <v>74.59</v>
      </c>
      <c r="J8193">
        <v>4</v>
      </c>
      <c r="K8193">
        <v>-2.13</v>
      </c>
    </row>
    <row r="8194" spans="1:11" x14ac:dyDescent="0.3">
      <c r="A8194" s="1">
        <v>42964</v>
      </c>
      <c r="B8194" s="3">
        <f t="shared" ref="B8194:B8257" si="256">MONTH(A:A)</f>
        <v>8</v>
      </c>
      <c r="C8194" s="3">
        <f t="shared" ref="C8194:C8257" si="257">YEAR(A:A)</f>
        <v>2017</v>
      </c>
      <c r="D8194" t="s">
        <v>1096</v>
      </c>
      <c r="E8194" t="s">
        <v>9</v>
      </c>
      <c r="F8194" t="s">
        <v>33</v>
      </c>
      <c r="G8194" t="s">
        <v>46</v>
      </c>
      <c r="H8194" t="s">
        <v>1935</v>
      </c>
      <c r="I8194">
        <v>16.78</v>
      </c>
      <c r="J8194">
        <v>2</v>
      </c>
      <c r="K8194">
        <v>-22.24</v>
      </c>
    </row>
    <row r="8195" spans="1:11" x14ac:dyDescent="0.3">
      <c r="A8195" s="1">
        <v>42964</v>
      </c>
      <c r="B8195" s="3">
        <f t="shared" si="256"/>
        <v>8</v>
      </c>
      <c r="C8195" s="3">
        <f t="shared" si="257"/>
        <v>2017</v>
      </c>
      <c r="D8195" t="s">
        <v>1096</v>
      </c>
      <c r="E8195" t="s">
        <v>9</v>
      </c>
      <c r="F8195" t="s">
        <v>10</v>
      </c>
      <c r="G8195" t="s">
        <v>91</v>
      </c>
      <c r="H8195" t="s">
        <v>1819</v>
      </c>
      <c r="I8195">
        <v>38.86</v>
      </c>
      <c r="J8195">
        <v>4</v>
      </c>
      <c r="K8195">
        <v>-99.1</v>
      </c>
    </row>
    <row r="8196" spans="1:11" x14ac:dyDescent="0.3">
      <c r="A8196" s="1">
        <v>42964</v>
      </c>
      <c r="B8196" s="3">
        <f t="shared" si="256"/>
        <v>8</v>
      </c>
      <c r="C8196" s="3">
        <f t="shared" si="257"/>
        <v>2017</v>
      </c>
      <c r="D8196" t="s">
        <v>2364</v>
      </c>
      <c r="E8196" t="s">
        <v>22</v>
      </c>
      <c r="F8196" t="s">
        <v>33</v>
      </c>
      <c r="G8196" t="s">
        <v>34</v>
      </c>
      <c r="H8196" t="s">
        <v>975</v>
      </c>
      <c r="I8196">
        <v>4416.17</v>
      </c>
      <c r="J8196">
        <v>9</v>
      </c>
      <c r="K8196">
        <v>-630.88</v>
      </c>
    </row>
    <row r="8197" spans="1:11" x14ac:dyDescent="0.3">
      <c r="A8197" s="1">
        <v>42964</v>
      </c>
      <c r="B8197" s="3">
        <f t="shared" si="256"/>
        <v>8</v>
      </c>
      <c r="C8197" s="3">
        <f t="shared" si="257"/>
        <v>2017</v>
      </c>
      <c r="D8197" t="s">
        <v>1906</v>
      </c>
      <c r="E8197" t="s">
        <v>26</v>
      </c>
      <c r="F8197" t="s">
        <v>10</v>
      </c>
      <c r="G8197" t="s">
        <v>62</v>
      </c>
      <c r="H8197" t="s">
        <v>63</v>
      </c>
      <c r="I8197">
        <v>23.36</v>
      </c>
      <c r="J8197">
        <v>2</v>
      </c>
      <c r="K8197">
        <v>11.68</v>
      </c>
    </row>
    <row r="8198" spans="1:11" x14ac:dyDescent="0.3">
      <c r="A8198" s="1">
        <v>42964</v>
      </c>
      <c r="B8198" s="3">
        <f t="shared" si="256"/>
        <v>8</v>
      </c>
      <c r="C8198" s="3">
        <f t="shared" si="257"/>
        <v>2017</v>
      </c>
      <c r="D8198" t="s">
        <v>1906</v>
      </c>
      <c r="E8198" t="s">
        <v>26</v>
      </c>
      <c r="F8198" t="s">
        <v>38</v>
      </c>
      <c r="G8198" t="s">
        <v>39</v>
      </c>
      <c r="H8198" t="s">
        <v>2289</v>
      </c>
      <c r="I8198">
        <v>71.98</v>
      </c>
      <c r="J8198">
        <v>3</v>
      </c>
      <c r="K8198">
        <v>9</v>
      </c>
    </row>
    <row r="8199" spans="1:11" x14ac:dyDescent="0.3">
      <c r="A8199" s="1">
        <v>42964</v>
      </c>
      <c r="B8199" s="3">
        <f t="shared" si="256"/>
        <v>8</v>
      </c>
      <c r="C8199" s="3">
        <f t="shared" si="257"/>
        <v>2017</v>
      </c>
      <c r="D8199" t="s">
        <v>1906</v>
      </c>
      <c r="E8199" t="s">
        <v>26</v>
      </c>
      <c r="F8199" t="s">
        <v>10</v>
      </c>
      <c r="G8199" t="s">
        <v>11</v>
      </c>
      <c r="H8199" t="s">
        <v>2068</v>
      </c>
      <c r="I8199">
        <v>8.56</v>
      </c>
      <c r="J8199">
        <v>2</v>
      </c>
      <c r="K8199">
        <v>3.85</v>
      </c>
    </row>
    <row r="8200" spans="1:11" x14ac:dyDescent="0.3">
      <c r="A8200" s="1">
        <v>42964</v>
      </c>
      <c r="B8200" s="3">
        <f t="shared" si="256"/>
        <v>8</v>
      </c>
      <c r="C8200" s="3">
        <f t="shared" si="257"/>
        <v>2017</v>
      </c>
      <c r="D8200" t="s">
        <v>1906</v>
      </c>
      <c r="E8200" t="s">
        <v>26</v>
      </c>
      <c r="F8200" t="s">
        <v>10</v>
      </c>
      <c r="G8200" t="s">
        <v>19</v>
      </c>
      <c r="H8200" t="s">
        <v>885</v>
      </c>
      <c r="I8200">
        <v>13.92</v>
      </c>
      <c r="J8200">
        <v>3</v>
      </c>
      <c r="K8200">
        <v>4.87</v>
      </c>
    </row>
    <row r="8201" spans="1:11" x14ac:dyDescent="0.3">
      <c r="A8201" s="1">
        <v>42964</v>
      </c>
      <c r="B8201" s="3">
        <f t="shared" si="256"/>
        <v>8</v>
      </c>
      <c r="C8201" s="3">
        <f t="shared" si="257"/>
        <v>2017</v>
      </c>
      <c r="D8201" t="s">
        <v>1906</v>
      </c>
      <c r="E8201" t="s">
        <v>26</v>
      </c>
      <c r="F8201" t="s">
        <v>10</v>
      </c>
      <c r="G8201" t="s">
        <v>91</v>
      </c>
      <c r="H8201" t="s">
        <v>2551</v>
      </c>
      <c r="I8201">
        <v>2518.29</v>
      </c>
      <c r="J8201">
        <v>9</v>
      </c>
      <c r="K8201">
        <v>654.76</v>
      </c>
    </row>
    <row r="8202" spans="1:11" x14ac:dyDescent="0.3">
      <c r="A8202" s="1">
        <v>42964</v>
      </c>
      <c r="B8202" s="3">
        <f t="shared" si="256"/>
        <v>8</v>
      </c>
      <c r="C8202" s="3">
        <f t="shared" si="257"/>
        <v>2017</v>
      </c>
      <c r="D8202" t="s">
        <v>1906</v>
      </c>
      <c r="E8202" t="s">
        <v>26</v>
      </c>
      <c r="F8202" t="s">
        <v>10</v>
      </c>
      <c r="G8202" t="s">
        <v>17</v>
      </c>
      <c r="H8202" t="s">
        <v>1756</v>
      </c>
      <c r="I8202">
        <v>540.57000000000005</v>
      </c>
      <c r="J8202">
        <v>3</v>
      </c>
      <c r="K8202">
        <v>140.55000000000001</v>
      </c>
    </row>
    <row r="8203" spans="1:11" x14ac:dyDescent="0.3">
      <c r="A8203" s="1">
        <v>42964</v>
      </c>
      <c r="B8203" s="3">
        <f t="shared" si="256"/>
        <v>8</v>
      </c>
      <c r="C8203" s="3">
        <f t="shared" si="257"/>
        <v>2017</v>
      </c>
      <c r="D8203" t="s">
        <v>1906</v>
      </c>
      <c r="E8203" t="s">
        <v>26</v>
      </c>
      <c r="F8203" t="s">
        <v>10</v>
      </c>
      <c r="G8203" t="s">
        <v>19</v>
      </c>
      <c r="H8203" t="s">
        <v>167</v>
      </c>
      <c r="I8203">
        <v>221.06</v>
      </c>
      <c r="J8203">
        <v>8</v>
      </c>
      <c r="K8203">
        <v>77.37</v>
      </c>
    </row>
    <row r="8204" spans="1:11" x14ac:dyDescent="0.3">
      <c r="A8204" s="1">
        <v>42965</v>
      </c>
      <c r="B8204" s="3">
        <f t="shared" si="256"/>
        <v>8</v>
      </c>
      <c r="C8204" s="3">
        <f t="shared" si="257"/>
        <v>2017</v>
      </c>
      <c r="D8204" t="s">
        <v>1695</v>
      </c>
      <c r="E8204" t="s">
        <v>148</v>
      </c>
      <c r="F8204" t="s">
        <v>33</v>
      </c>
      <c r="G8204" t="s">
        <v>46</v>
      </c>
      <c r="H8204" t="s">
        <v>1738</v>
      </c>
      <c r="I8204">
        <v>40.479999999999997</v>
      </c>
      <c r="J8204">
        <v>2</v>
      </c>
      <c r="K8204">
        <v>15.79</v>
      </c>
    </row>
    <row r="8205" spans="1:11" x14ac:dyDescent="0.3">
      <c r="A8205" s="1">
        <v>42965</v>
      </c>
      <c r="B8205" s="3">
        <f t="shared" si="256"/>
        <v>8</v>
      </c>
      <c r="C8205" s="3">
        <f t="shared" si="257"/>
        <v>2017</v>
      </c>
      <c r="D8205" t="s">
        <v>1695</v>
      </c>
      <c r="E8205" t="s">
        <v>148</v>
      </c>
      <c r="F8205" t="s">
        <v>33</v>
      </c>
      <c r="G8205" t="s">
        <v>46</v>
      </c>
      <c r="H8205" t="s">
        <v>59</v>
      </c>
      <c r="I8205">
        <v>9.94</v>
      </c>
      <c r="J8205">
        <v>2</v>
      </c>
      <c r="K8205">
        <v>3.08</v>
      </c>
    </row>
    <row r="8206" spans="1:11" x14ac:dyDescent="0.3">
      <c r="A8206" s="1">
        <v>42965</v>
      </c>
      <c r="B8206" s="3">
        <f t="shared" si="256"/>
        <v>8</v>
      </c>
      <c r="C8206" s="3">
        <f t="shared" si="257"/>
        <v>2017</v>
      </c>
      <c r="D8206" t="s">
        <v>1695</v>
      </c>
      <c r="E8206" t="s">
        <v>148</v>
      </c>
      <c r="F8206" t="s">
        <v>10</v>
      </c>
      <c r="G8206" t="s">
        <v>19</v>
      </c>
      <c r="H8206" t="s">
        <v>1824</v>
      </c>
      <c r="I8206">
        <v>107.42</v>
      </c>
      <c r="J8206">
        <v>9</v>
      </c>
      <c r="K8206">
        <v>33.57</v>
      </c>
    </row>
    <row r="8207" spans="1:11" x14ac:dyDescent="0.3">
      <c r="A8207" s="1">
        <v>42965</v>
      </c>
      <c r="B8207" s="3">
        <f t="shared" si="256"/>
        <v>8</v>
      </c>
      <c r="C8207" s="3">
        <f t="shared" si="257"/>
        <v>2017</v>
      </c>
      <c r="D8207" t="s">
        <v>1695</v>
      </c>
      <c r="E8207" t="s">
        <v>148</v>
      </c>
      <c r="F8207" t="s">
        <v>38</v>
      </c>
      <c r="G8207" t="s">
        <v>39</v>
      </c>
      <c r="H8207" t="s">
        <v>750</v>
      </c>
      <c r="I8207">
        <v>37.909999999999997</v>
      </c>
      <c r="J8207">
        <v>1</v>
      </c>
      <c r="K8207">
        <v>10.99</v>
      </c>
    </row>
    <row r="8208" spans="1:11" x14ac:dyDescent="0.3">
      <c r="A8208" s="1">
        <v>42965</v>
      </c>
      <c r="B8208" s="3">
        <f t="shared" si="256"/>
        <v>8</v>
      </c>
      <c r="C8208" s="3">
        <f t="shared" si="257"/>
        <v>2017</v>
      </c>
      <c r="D8208" t="s">
        <v>1695</v>
      </c>
      <c r="E8208" t="s">
        <v>148</v>
      </c>
      <c r="F8208" t="s">
        <v>33</v>
      </c>
      <c r="G8208" t="s">
        <v>46</v>
      </c>
      <c r="H8208" t="s">
        <v>1405</v>
      </c>
      <c r="I8208">
        <v>88.02</v>
      </c>
      <c r="J8208">
        <v>3</v>
      </c>
      <c r="K8208">
        <v>27.29</v>
      </c>
    </row>
    <row r="8209" spans="1:11" x14ac:dyDescent="0.3">
      <c r="A8209" s="1">
        <v>42965</v>
      </c>
      <c r="B8209" s="3">
        <f t="shared" si="256"/>
        <v>8</v>
      </c>
      <c r="C8209" s="3">
        <f t="shared" si="257"/>
        <v>2017</v>
      </c>
      <c r="D8209" t="s">
        <v>888</v>
      </c>
      <c r="E8209" t="s">
        <v>9</v>
      </c>
      <c r="F8209" t="s">
        <v>10</v>
      </c>
      <c r="G8209" t="s">
        <v>17</v>
      </c>
      <c r="H8209" t="s">
        <v>752</v>
      </c>
      <c r="I8209">
        <v>200.06</v>
      </c>
      <c r="J8209">
        <v>3</v>
      </c>
      <c r="K8209">
        <v>12.5</v>
      </c>
    </row>
    <row r="8210" spans="1:11" x14ac:dyDescent="0.3">
      <c r="A8210" s="1">
        <v>42965</v>
      </c>
      <c r="B8210" s="3">
        <f t="shared" si="256"/>
        <v>8</v>
      </c>
      <c r="C8210" s="3">
        <f t="shared" si="257"/>
        <v>2017</v>
      </c>
      <c r="D8210" t="s">
        <v>888</v>
      </c>
      <c r="E8210" t="s">
        <v>9</v>
      </c>
      <c r="F8210" t="s">
        <v>10</v>
      </c>
      <c r="G8210" t="s">
        <v>19</v>
      </c>
      <c r="H8210" t="s">
        <v>951</v>
      </c>
      <c r="I8210">
        <v>21.38</v>
      </c>
      <c r="J8210">
        <v>5</v>
      </c>
      <c r="K8210">
        <v>-33.14</v>
      </c>
    </row>
    <row r="8211" spans="1:11" x14ac:dyDescent="0.3">
      <c r="A8211" s="1">
        <v>42965</v>
      </c>
      <c r="B8211" s="3">
        <f t="shared" si="256"/>
        <v>8</v>
      </c>
      <c r="C8211" s="3">
        <f t="shared" si="257"/>
        <v>2017</v>
      </c>
      <c r="D8211" t="s">
        <v>888</v>
      </c>
      <c r="E8211" t="s">
        <v>9</v>
      </c>
      <c r="F8211" t="s">
        <v>10</v>
      </c>
      <c r="G8211" t="s">
        <v>19</v>
      </c>
      <c r="H8211" t="s">
        <v>430</v>
      </c>
      <c r="I8211">
        <v>6.74</v>
      </c>
      <c r="J8211">
        <v>4</v>
      </c>
      <c r="K8211">
        <v>-11.46</v>
      </c>
    </row>
    <row r="8212" spans="1:11" x14ac:dyDescent="0.3">
      <c r="A8212" s="1">
        <v>42965</v>
      </c>
      <c r="B8212" s="3">
        <f t="shared" si="256"/>
        <v>8</v>
      </c>
      <c r="C8212" s="3">
        <f t="shared" si="257"/>
        <v>2017</v>
      </c>
      <c r="D8212" t="s">
        <v>544</v>
      </c>
      <c r="E8212" t="s">
        <v>163</v>
      </c>
      <c r="F8212" t="s">
        <v>10</v>
      </c>
      <c r="G8212" t="s">
        <v>17</v>
      </c>
      <c r="H8212" t="s">
        <v>1409</v>
      </c>
      <c r="I8212">
        <v>323.10000000000002</v>
      </c>
      <c r="J8212">
        <v>2</v>
      </c>
      <c r="K8212">
        <v>61.39</v>
      </c>
    </row>
    <row r="8213" spans="1:11" x14ac:dyDescent="0.3">
      <c r="A8213" s="1">
        <v>42965</v>
      </c>
      <c r="B8213" s="3">
        <f t="shared" si="256"/>
        <v>8</v>
      </c>
      <c r="C8213" s="3">
        <f t="shared" si="257"/>
        <v>2017</v>
      </c>
      <c r="D8213" t="s">
        <v>2270</v>
      </c>
      <c r="E8213" t="s">
        <v>163</v>
      </c>
      <c r="F8213" t="s">
        <v>38</v>
      </c>
      <c r="G8213" t="s">
        <v>51</v>
      </c>
      <c r="H8213" t="s">
        <v>1874</v>
      </c>
      <c r="I8213">
        <v>843.9</v>
      </c>
      <c r="J8213">
        <v>2</v>
      </c>
      <c r="K8213">
        <v>371.32</v>
      </c>
    </row>
    <row r="8214" spans="1:11" x14ac:dyDescent="0.3">
      <c r="A8214" s="1">
        <v>42965</v>
      </c>
      <c r="B8214" s="3">
        <f t="shared" si="256"/>
        <v>8</v>
      </c>
      <c r="C8214" s="3">
        <f t="shared" si="257"/>
        <v>2017</v>
      </c>
      <c r="D8214" t="s">
        <v>2270</v>
      </c>
      <c r="E8214" t="s">
        <v>163</v>
      </c>
      <c r="F8214" t="s">
        <v>38</v>
      </c>
      <c r="G8214" t="s">
        <v>51</v>
      </c>
      <c r="H8214" t="s">
        <v>1979</v>
      </c>
      <c r="I8214">
        <v>1496.16</v>
      </c>
      <c r="J8214">
        <v>9</v>
      </c>
      <c r="K8214">
        <v>224.42</v>
      </c>
    </row>
    <row r="8215" spans="1:11" x14ac:dyDescent="0.3">
      <c r="A8215" s="1">
        <v>42965</v>
      </c>
      <c r="B8215" s="3">
        <f t="shared" si="256"/>
        <v>8</v>
      </c>
      <c r="C8215" s="3">
        <f t="shared" si="257"/>
        <v>2017</v>
      </c>
      <c r="D8215" t="s">
        <v>1890</v>
      </c>
      <c r="E8215" t="s">
        <v>163</v>
      </c>
      <c r="F8215" t="s">
        <v>10</v>
      </c>
      <c r="G8215" t="s">
        <v>19</v>
      </c>
      <c r="H8215" t="s">
        <v>692</v>
      </c>
      <c r="I8215">
        <v>2793.53</v>
      </c>
      <c r="J8215">
        <v>9</v>
      </c>
      <c r="K8215">
        <v>942.82</v>
      </c>
    </row>
    <row r="8216" spans="1:11" x14ac:dyDescent="0.3">
      <c r="A8216" s="1">
        <v>42965</v>
      </c>
      <c r="B8216" s="3">
        <f t="shared" si="256"/>
        <v>8</v>
      </c>
      <c r="C8216" s="3">
        <f t="shared" si="257"/>
        <v>2017</v>
      </c>
      <c r="D8216" t="s">
        <v>1890</v>
      </c>
      <c r="E8216" t="s">
        <v>163</v>
      </c>
      <c r="F8216" t="s">
        <v>10</v>
      </c>
      <c r="G8216" t="s">
        <v>17</v>
      </c>
      <c r="H8216" t="s">
        <v>973</v>
      </c>
      <c r="I8216">
        <v>1000.02</v>
      </c>
      <c r="J8216">
        <v>7</v>
      </c>
      <c r="K8216">
        <v>290.01</v>
      </c>
    </row>
    <row r="8217" spans="1:11" x14ac:dyDescent="0.3">
      <c r="A8217" s="1">
        <v>42965</v>
      </c>
      <c r="B8217" s="3">
        <f t="shared" si="256"/>
        <v>8</v>
      </c>
      <c r="C8217" s="3">
        <f t="shared" si="257"/>
        <v>2017</v>
      </c>
      <c r="D8217" t="s">
        <v>1890</v>
      </c>
      <c r="E8217" t="s">
        <v>163</v>
      </c>
      <c r="F8217" t="s">
        <v>33</v>
      </c>
      <c r="G8217" t="s">
        <v>46</v>
      </c>
      <c r="H8217" t="s">
        <v>772</v>
      </c>
      <c r="I8217">
        <v>65.94</v>
      </c>
      <c r="J8217">
        <v>3</v>
      </c>
      <c r="K8217">
        <v>22.42</v>
      </c>
    </row>
    <row r="8218" spans="1:11" x14ac:dyDescent="0.3">
      <c r="A8218" s="1">
        <v>42965</v>
      </c>
      <c r="B8218" s="3">
        <f t="shared" si="256"/>
        <v>8</v>
      </c>
      <c r="C8218" s="3">
        <f t="shared" si="257"/>
        <v>2017</v>
      </c>
      <c r="D8218" t="s">
        <v>486</v>
      </c>
      <c r="E8218" t="s">
        <v>77</v>
      </c>
      <c r="F8218" t="s">
        <v>10</v>
      </c>
      <c r="G8218" t="s">
        <v>23</v>
      </c>
      <c r="H8218" t="s">
        <v>1526</v>
      </c>
      <c r="I8218">
        <v>9.91</v>
      </c>
      <c r="J8218">
        <v>3</v>
      </c>
      <c r="K8218">
        <v>1.24</v>
      </c>
    </row>
    <row r="8219" spans="1:11" x14ac:dyDescent="0.3">
      <c r="A8219" s="1">
        <v>42965</v>
      </c>
      <c r="B8219" s="3">
        <f t="shared" si="256"/>
        <v>8</v>
      </c>
      <c r="C8219" s="3">
        <f t="shared" si="257"/>
        <v>2017</v>
      </c>
      <c r="D8219" t="s">
        <v>279</v>
      </c>
      <c r="E8219" t="s">
        <v>77</v>
      </c>
      <c r="F8219" t="s">
        <v>10</v>
      </c>
      <c r="G8219" t="s">
        <v>19</v>
      </c>
      <c r="H8219" t="s">
        <v>510</v>
      </c>
      <c r="I8219">
        <v>10.78</v>
      </c>
      <c r="J8219">
        <v>3</v>
      </c>
      <c r="K8219">
        <v>-7.91</v>
      </c>
    </row>
    <row r="8220" spans="1:11" x14ac:dyDescent="0.3">
      <c r="A8220" s="1">
        <v>42965</v>
      </c>
      <c r="B8220" s="3">
        <f t="shared" si="256"/>
        <v>8</v>
      </c>
      <c r="C8220" s="3">
        <f t="shared" si="257"/>
        <v>2017</v>
      </c>
      <c r="D8220" t="s">
        <v>2613</v>
      </c>
      <c r="E8220" t="s">
        <v>433</v>
      </c>
      <c r="F8220" t="s">
        <v>38</v>
      </c>
      <c r="G8220" t="s">
        <v>51</v>
      </c>
      <c r="H8220" t="s">
        <v>1878</v>
      </c>
      <c r="I8220">
        <v>23.18</v>
      </c>
      <c r="J8220">
        <v>2</v>
      </c>
      <c r="K8220">
        <v>7.65</v>
      </c>
    </row>
    <row r="8221" spans="1:11" x14ac:dyDescent="0.3">
      <c r="A8221" s="1">
        <v>42966</v>
      </c>
      <c r="B8221" s="3">
        <f t="shared" si="256"/>
        <v>8</v>
      </c>
      <c r="C8221" s="3">
        <f t="shared" si="257"/>
        <v>2017</v>
      </c>
      <c r="D8221" t="s">
        <v>1294</v>
      </c>
      <c r="E8221" t="s">
        <v>433</v>
      </c>
      <c r="F8221" t="s">
        <v>10</v>
      </c>
      <c r="G8221" t="s">
        <v>19</v>
      </c>
      <c r="H8221" t="s">
        <v>692</v>
      </c>
      <c r="I8221">
        <v>387.99</v>
      </c>
      <c r="J8221">
        <v>1</v>
      </c>
      <c r="K8221">
        <v>182.36</v>
      </c>
    </row>
    <row r="8222" spans="1:11" x14ac:dyDescent="0.3">
      <c r="A8222" s="1">
        <v>42966</v>
      </c>
      <c r="B8222" s="3">
        <f t="shared" si="256"/>
        <v>8</v>
      </c>
      <c r="C8222" s="3">
        <f t="shared" si="257"/>
        <v>2017</v>
      </c>
      <c r="D8222" t="s">
        <v>821</v>
      </c>
      <c r="E8222" t="s">
        <v>14</v>
      </c>
      <c r="F8222" t="s">
        <v>10</v>
      </c>
      <c r="G8222" t="s">
        <v>19</v>
      </c>
      <c r="H8222" t="s">
        <v>2328</v>
      </c>
      <c r="I8222">
        <v>2.2999999999999998</v>
      </c>
      <c r="J8222">
        <v>2</v>
      </c>
      <c r="K8222">
        <v>-3.9</v>
      </c>
    </row>
    <row r="8223" spans="1:11" x14ac:dyDescent="0.3">
      <c r="A8223" s="1">
        <v>42966</v>
      </c>
      <c r="B8223" s="3">
        <f t="shared" si="256"/>
        <v>8</v>
      </c>
      <c r="C8223" s="3">
        <f t="shared" si="257"/>
        <v>2017</v>
      </c>
      <c r="D8223" t="s">
        <v>2322</v>
      </c>
      <c r="E8223" t="s">
        <v>433</v>
      </c>
      <c r="F8223" t="s">
        <v>10</v>
      </c>
      <c r="G8223" t="s">
        <v>11</v>
      </c>
      <c r="H8223" t="s">
        <v>933</v>
      </c>
      <c r="I8223">
        <v>19.440000000000001</v>
      </c>
      <c r="J8223">
        <v>3</v>
      </c>
      <c r="K8223">
        <v>9.33</v>
      </c>
    </row>
    <row r="8224" spans="1:11" x14ac:dyDescent="0.3">
      <c r="A8224" s="1">
        <v>42966</v>
      </c>
      <c r="B8224" s="3">
        <f t="shared" si="256"/>
        <v>8</v>
      </c>
      <c r="C8224" s="3">
        <f t="shared" si="257"/>
        <v>2017</v>
      </c>
      <c r="D8224" t="s">
        <v>1425</v>
      </c>
      <c r="E8224" t="s">
        <v>295</v>
      </c>
      <c r="F8224" t="s">
        <v>10</v>
      </c>
      <c r="G8224" t="s">
        <v>19</v>
      </c>
      <c r="H8224" t="s">
        <v>1173</v>
      </c>
      <c r="I8224">
        <v>102.72</v>
      </c>
      <c r="J8224">
        <v>3</v>
      </c>
      <c r="K8224">
        <v>37.24</v>
      </c>
    </row>
    <row r="8225" spans="1:11" x14ac:dyDescent="0.3">
      <c r="A8225" s="1">
        <v>42967</v>
      </c>
      <c r="B8225" s="3">
        <f t="shared" si="256"/>
        <v>8</v>
      </c>
      <c r="C8225" s="3">
        <f t="shared" si="257"/>
        <v>2017</v>
      </c>
      <c r="D8225" t="s">
        <v>1103</v>
      </c>
      <c r="E8225" t="s">
        <v>26</v>
      </c>
      <c r="F8225" t="s">
        <v>10</v>
      </c>
      <c r="G8225" t="s">
        <v>19</v>
      </c>
      <c r="H8225" t="s">
        <v>887</v>
      </c>
      <c r="I8225">
        <v>239.12</v>
      </c>
      <c r="J8225">
        <v>5</v>
      </c>
      <c r="K8225">
        <v>77.709999999999994</v>
      </c>
    </row>
    <row r="8226" spans="1:11" x14ac:dyDescent="0.3">
      <c r="A8226" s="1">
        <v>42967</v>
      </c>
      <c r="B8226" s="3">
        <f t="shared" si="256"/>
        <v>8</v>
      </c>
      <c r="C8226" s="3">
        <f t="shared" si="257"/>
        <v>2017</v>
      </c>
      <c r="D8226" t="s">
        <v>2103</v>
      </c>
      <c r="E8226" t="s">
        <v>433</v>
      </c>
      <c r="F8226" t="s">
        <v>10</v>
      </c>
      <c r="G8226" t="s">
        <v>17</v>
      </c>
      <c r="H8226" t="s">
        <v>2019</v>
      </c>
      <c r="I8226">
        <v>40.29</v>
      </c>
      <c r="J8226">
        <v>3</v>
      </c>
      <c r="K8226">
        <v>10.48</v>
      </c>
    </row>
    <row r="8227" spans="1:11" x14ac:dyDescent="0.3">
      <c r="A8227" s="1">
        <v>42967</v>
      </c>
      <c r="B8227" s="3">
        <f t="shared" si="256"/>
        <v>8</v>
      </c>
      <c r="C8227" s="3">
        <f t="shared" si="257"/>
        <v>2017</v>
      </c>
      <c r="D8227" t="s">
        <v>1229</v>
      </c>
      <c r="E8227" t="s">
        <v>26</v>
      </c>
      <c r="F8227" t="s">
        <v>10</v>
      </c>
      <c r="G8227" t="s">
        <v>199</v>
      </c>
      <c r="H8227" t="s">
        <v>1136</v>
      </c>
      <c r="I8227">
        <v>17.22</v>
      </c>
      <c r="J8227">
        <v>3</v>
      </c>
      <c r="K8227">
        <v>5.17</v>
      </c>
    </row>
    <row r="8228" spans="1:11" x14ac:dyDescent="0.3">
      <c r="A8228" s="1">
        <v>42967</v>
      </c>
      <c r="B8228" s="3">
        <f t="shared" si="256"/>
        <v>8</v>
      </c>
      <c r="C8228" s="3">
        <f t="shared" si="257"/>
        <v>2017</v>
      </c>
      <c r="D8228" t="s">
        <v>1229</v>
      </c>
      <c r="E8228" t="s">
        <v>26</v>
      </c>
      <c r="F8228" t="s">
        <v>10</v>
      </c>
      <c r="G8228" t="s">
        <v>17</v>
      </c>
      <c r="H8228" t="s">
        <v>1760</v>
      </c>
      <c r="I8228">
        <v>226.56</v>
      </c>
      <c r="J8228">
        <v>6</v>
      </c>
      <c r="K8228">
        <v>63.44</v>
      </c>
    </row>
    <row r="8229" spans="1:11" x14ac:dyDescent="0.3">
      <c r="A8229" s="1">
        <v>42967</v>
      </c>
      <c r="B8229" s="3">
        <f t="shared" si="256"/>
        <v>8</v>
      </c>
      <c r="C8229" s="3">
        <f t="shared" si="257"/>
        <v>2017</v>
      </c>
      <c r="D8229" t="s">
        <v>1229</v>
      </c>
      <c r="E8229" t="s">
        <v>26</v>
      </c>
      <c r="F8229" t="s">
        <v>38</v>
      </c>
      <c r="G8229" t="s">
        <v>39</v>
      </c>
      <c r="H8229" t="s">
        <v>703</v>
      </c>
      <c r="I8229">
        <v>107.88</v>
      </c>
      <c r="J8229">
        <v>3</v>
      </c>
      <c r="K8229">
        <v>10.79</v>
      </c>
    </row>
    <row r="8230" spans="1:11" x14ac:dyDescent="0.3">
      <c r="A8230" s="1">
        <v>42967</v>
      </c>
      <c r="B8230" s="3">
        <f t="shared" si="256"/>
        <v>8</v>
      </c>
      <c r="C8230" s="3">
        <f t="shared" si="257"/>
        <v>2017</v>
      </c>
      <c r="D8230" t="s">
        <v>276</v>
      </c>
      <c r="E8230" t="s">
        <v>26</v>
      </c>
      <c r="F8230" t="s">
        <v>10</v>
      </c>
      <c r="G8230" t="s">
        <v>11</v>
      </c>
      <c r="H8230" t="s">
        <v>1129</v>
      </c>
      <c r="I8230">
        <v>25.92</v>
      </c>
      <c r="J8230">
        <v>4</v>
      </c>
      <c r="K8230">
        <v>12.44</v>
      </c>
    </row>
    <row r="8231" spans="1:11" x14ac:dyDescent="0.3">
      <c r="A8231" s="1">
        <v>42967</v>
      </c>
      <c r="B8231" s="3">
        <f t="shared" si="256"/>
        <v>8</v>
      </c>
      <c r="C8231" s="3">
        <f t="shared" si="257"/>
        <v>2017</v>
      </c>
      <c r="D8231" t="s">
        <v>2384</v>
      </c>
      <c r="E8231" t="s">
        <v>244</v>
      </c>
      <c r="F8231" t="s">
        <v>38</v>
      </c>
      <c r="G8231" t="s">
        <v>39</v>
      </c>
      <c r="H8231" t="s">
        <v>703</v>
      </c>
      <c r="I8231">
        <v>35.96</v>
      </c>
      <c r="J8231">
        <v>1</v>
      </c>
      <c r="K8231">
        <v>3.6</v>
      </c>
    </row>
    <row r="8232" spans="1:11" x14ac:dyDescent="0.3">
      <c r="A8232" s="1">
        <v>42968</v>
      </c>
      <c r="B8232" s="3">
        <f t="shared" si="256"/>
        <v>8</v>
      </c>
      <c r="C8232" s="3">
        <f t="shared" si="257"/>
        <v>2017</v>
      </c>
      <c r="D8232" t="s">
        <v>181</v>
      </c>
      <c r="E8232" t="s">
        <v>328</v>
      </c>
      <c r="F8232" t="s">
        <v>33</v>
      </c>
      <c r="G8232" t="s">
        <v>34</v>
      </c>
      <c r="H8232" t="s">
        <v>659</v>
      </c>
      <c r="I8232">
        <v>866.4</v>
      </c>
      <c r="J8232">
        <v>4</v>
      </c>
      <c r="K8232">
        <v>225.26</v>
      </c>
    </row>
    <row r="8233" spans="1:11" x14ac:dyDescent="0.3">
      <c r="A8233" s="1">
        <v>42968</v>
      </c>
      <c r="B8233" s="3">
        <f t="shared" si="256"/>
        <v>8</v>
      </c>
      <c r="C8233" s="3">
        <f t="shared" si="257"/>
        <v>2017</v>
      </c>
      <c r="D8233" t="s">
        <v>708</v>
      </c>
      <c r="E8233" t="s">
        <v>314</v>
      </c>
      <c r="F8233" t="s">
        <v>10</v>
      </c>
      <c r="G8233" t="s">
        <v>42</v>
      </c>
      <c r="H8233" t="s">
        <v>1246</v>
      </c>
      <c r="I8233">
        <v>35</v>
      </c>
      <c r="J8233">
        <v>7</v>
      </c>
      <c r="K8233">
        <v>16.8</v>
      </c>
    </row>
    <row r="8234" spans="1:11" x14ac:dyDescent="0.3">
      <c r="A8234" s="1">
        <v>42968</v>
      </c>
      <c r="B8234" s="3">
        <f t="shared" si="256"/>
        <v>8</v>
      </c>
      <c r="C8234" s="3">
        <f t="shared" si="257"/>
        <v>2017</v>
      </c>
      <c r="D8234" t="s">
        <v>708</v>
      </c>
      <c r="E8234" t="s">
        <v>314</v>
      </c>
      <c r="F8234" t="s">
        <v>10</v>
      </c>
      <c r="G8234" t="s">
        <v>199</v>
      </c>
      <c r="H8234" t="s">
        <v>261</v>
      </c>
      <c r="I8234">
        <v>37.24</v>
      </c>
      <c r="J8234">
        <v>4</v>
      </c>
      <c r="K8234">
        <v>10.8</v>
      </c>
    </row>
    <row r="8235" spans="1:11" x14ac:dyDescent="0.3">
      <c r="A8235" s="1">
        <v>42968</v>
      </c>
      <c r="B8235" s="3">
        <f t="shared" si="256"/>
        <v>8</v>
      </c>
      <c r="C8235" s="3">
        <f t="shared" si="257"/>
        <v>2017</v>
      </c>
      <c r="D8235" t="s">
        <v>708</v>
      </c>
      <c r="E8235" t="s">
        <v>314</v>
      </c>
      <c r="F8235" t="s">
        <v>10</v>
      </c>
      <c r="G8235" t="s">
        <v>62</v>
      </c>
      <c r="H8235" t="s">
        <v>769</v>
      </c>
      <c r="I8235">
        <v>15.28</v>
      </c>
      <c r="J8235">
        <v>2</v>
      </c>
      <c r="K8235">
        <v>7.49</v>
      </c>
    </row>
    <row r="8236" spans="1:11" x14ac:dyDescent="0.3">
      <c r="A8236" s="1">
        <v>42968</v>
      </c>
      <c r="B8236" s="3">
        <f t="shared" si="256"/>
        <v>8</v>
      </c>
      <c r="C8236" s="3">
        <f t="shared" si="257"/>
        <v>2017</v>
      </c>
      <c r="D8236" t="s">
        <v>1211</v>
      </c>
      <c r="E8236" t="s">
        <v>26</v>
      </c>
      <c r="F8236" t="s">
        <v>10</v>
      </c>
      <c r="G8236" t="s">
        <v>23</v>
      </c>
      <c r="H8236" t="s">
        <v>2200</v>
      </c>
      <c r="I8236">
        <v>17.12</v>
      </c>
      <c r="J8236">
        <v>4</v>
      </c>
      <c r="K8236">
        <v>4.96</v>
      </c>
    </row>
    <row r="8237" spans="1:11" x14ac:dyDescent="0.3">
      <c r="A8237" s="1">
        <v>42968</v>
      </c>
      <c r="B8237" s="3">
        <f t="shared" si="256"/>
        <v>8</v>
      </c>
      <c r="C8237" s="3">
        <f t="shared" si="257"/>
        <v>2017</v>
      </c>
      <c r="D8237" t="s">
        <v>1211</v>
      </c>
      <c r="E8237" t="s">
        <v>26</v>
      </c>
      <c r="F8237" t="s">
        <v>38</v>
      </c>
      <c r="G8237" t="s">
        <v>39</v>
      </c>
      <c r="H8237" t="s">
        <v>346</v>
      </c>
      <c r="I8237">
        <v>431.97</v>
      </c>
      <c r="J8237">
        <v>4</v>
      </c>
      <c r="K8237">
        <v>37.799999999999997</v>
      </c>
    </row>
    <row r="8238" spans="1:11" x14ac:dyDescent="0.3">
      <c r="A8238" s="1">
        <v>42968</v>
      </c>
      <c r="B8238" s="3">
        <f t="shared" si="256"/>
        <v>8</v>
      </c>
      <c r="C8238" s="3">
        <f t="shared" si="257"/>
        <v>2017</v>
      </c>
      <c r="D8238" t="s">
        <v>1211</v>
      </c>
      <c r="E8238" t="s">
        <v>26</v>
      </c>
      <c r="F8238" t="s">
        <v>33</v>
      </c>
      <c r="G8238" t="s">
        <v>46</v>
      </c>
      <c r="H8238" t="s">
        <v>1505</v>
      </c>
      <c r="I8238">
        <v>129.91999999999999</v>
      </c>
      <c r="J8238">
        <v>4</v>
      </c>
      <c r="K8238">
        <v>10.39</v>
      </c>
    </row>
    <row r="8239" spans="1:11" x14ac:dyDescent="0.3">
      <c r="A8239" s="1">
        <v>42968</v>
      </c>
      <c r="B8239" s="3">
        <f t="shared" si="256"/>
        <v>8</v>
      </c>
      <c r="C8239" s="3">
        <f t="shared" si="257"/>
        <v>2017</v>
      </c>
      <c r="D8239" t="s">
        <v>1211</v>
      </c>
      <c r="E8239" t="s">
        <v>26</v>
      </c>
      <c r="F8239" t="s">
        <v>33</v>
      </c>
      <c r="G8239" t="s">
        <v>144</v>
      </c>
      <c r="H8239" t="s">
        <v>740</v>
      </c>
      <c r="I8239">
        <v>568.73</v>
      </c>
      <c r="J8239">
        <v>3</v>
      </c>
      <c r="K8239">
        <v>28.44</v>
      </c>
    </row>
    <row r="8240" spans="1:11" x14ac:dyDescent="0.3">
      <c r="A8240" s="1">
        <v>42968</v>
      </c>
      <c r="B8240" s="3">
        <f t="shared" si="256"/>
        <v>8</v>
      </c>
      <c r="C8240" s="3">
        <f t="shared" si="257"/>
        <v>2017</v>
      </c>
      <c r="D8240" t="s">
        <v>1211</v>
      </c>
      <c r="E8240" t="s">
        <v>26</v>
      </c>
      <c r="F8240" t="s">
        <v>10</v>
      </c>
      <c r="G8240" t="s">
        <v>19</v>
      </c>
      <c r="H8240" t="s">
        <v>1566</v>
      </c>
      <c r="I8240">
        <v>117.14</v>
      </c>
      <c r="J8240">
        <v>9</v>
      </c>
      <c r="K8240">
        <v>42.46</v>
      </c>
    </row>
    <row r="8241" spans="1:11" x14ac:dyDescent="0.3">
      <c r="A8241" s="1">
        <v>42968</v>
      </c>
      <c r="B8241" s="3">
        <f t="shared" si="256"/>
        <v>8</v>
      </c>
      <c r="C8241" s="3">
        <f t="shared" si="257"/>
        <v>2017</v>
      </c>
      <c r="D8241" t="s">
        <v>1211</v>
      </c>
      <c r="E8241" t="s">
        <v>26</v>
      </c>
      <c r="F8241" t="s">
        <v>10</v>
      </c>
      <c r="G8241" t="s">
        <v>91</v>
      </c>
      <c r="H8241" t="s">
        <v>2353</v>
      </c>
      <c r="I8241">
        <v>203.52</v>
      </c>
      <c r="J8241">
        <v>3</v>
      </c>
      <c r="K8241">
        <v>54.95</v>
      </c>
    </row>
    <row r="8242" spans="1:11" x14ac:dyDescent="0.3">
      <c r="A8242" s="1">
        <v>42968</v>
      </c>
      <c r="B8242" s="3">
        <f t="shared" si="256"/>
        <v>8</v>
      </c>
      <c r="C8242" s="3">
        <f t="shared" si="257"/>
        <v>2017</v>
      </c>
      <c r="D8242" t="s">
        <v>1211</v>
      </c>
      <c r="E8242" t="s">
        <v>26</v>
      </c>
      <c r="F8242" t="s">
        <v>10</v>
      </c>
      <c r="G8242" t="s">
        <v>15</v>
      </c>
      <c r="H8242" t="s">
        <v>1708</v>
      </c>
      <c r="I8242">
        <v>51.75</v>
      </c>
      <c r="J8242">
        <v>5</v>
      </c>
      <c r="K8242">
        <v>24.84</v>
      </c>
    </row>
    <row r="8243" spans="1:11" x14ac:dyDescent="0.3">
      <c r="A8243" s="1">
        <v>42968</v>
      </c>
      <c r="B8243" s="3">
        <f t="shared" si="256"/>
        <v>8</v>
      </c>
      <c r="C8243" s="3">
        <f t="shared" si="257"/>
        <v>2017</v>
      </c>
      <c r="D8243" t="s">
        <v>455</v>
      </c>
      <c r="E8243" t="s">
        <v>530</v>
      </c>
      <c r="F8243" t="s">
        <v>10</v>
      </c>
      <c r="G8243" t="s">
        <v>11</v>
      </c>
      <c r="H8243" t="s">
        <v>1663</v>
      </c>
      <c r="I8243">
        <v>277.39999999999998</v>
      </c>
      <c r="J8243">
        <v>5</v>
      </c>
      <c r="K8243">
        <v>133.15</v>
      </c>
    </row>
    <row r="8244" spans="1:11" x14ac:dyDescent="0.3">
      <c r="A8244" s="1">
        <v>42968</v>
      </c>
      <c r="B8244" s="3">
        <f t="shared" si="256"/>
        <v>8</v>
      </c>
      <c r="C8244" s="3">
        <f t="shared" si="257"/>
        <v>2017</v>
      </c>
      <c r="D8244" t="s">
        <v>455</v>
      </c>
      <c r="E8244" t="s">
        <v>530</v>
      </c>
      <c r="F8244" t="s">
        <v>33</v>
      </c>
      <c r="G8244" t="s">
        <v>46</v>
      </c>
      <c r="H8244" t="s">
        <v>2556</v>
      </c>
      <c r="I8244">
        <v>25.16</v>
      </c>
      <c r="J8244">
        <v>2</v>
      </c>
      <c r="K8244">
        <v>8.5500000000000007</v>
      </c>
    </row>
    <row r="8245" spans="1:11" x14ac:dyDescent="0.3">
      <c r="A8245" s="1">
        <v>42968</v>
      </c>
      <c r="B8245" s="3">
        <f t="shared" si="256"/>
        <v>8</v>
      </c>
      <c r="C8245" s="3">
        <f t="shared" si="257"/>
        <v>2017</v>
      </c>
      <c r="D8245" t="s">
        <v>455</v>
      </c>
      <c r="E8245" t="s">
        <v>530</v>
      </c>
      <c r="F8245" t="s">
        <v>33</v>
      </c>
      <c r="G8245" t="s">
        <v>46</v>
      </c>
      <c r="H8245" t="s">
        <v>2646</v>
      </c>
      <c r="I8245">
        <v>91.92</v>
      </c>
      <c r="J8245">
        <v>4</v>
      </c>
      <c r="K8245">
        <v>31.25</v>
      </c>
    </row>
    <row r="8246" spans="1:11" x14ac:dyDescent="0.3">
      <c r="A8246" s="1">
        <v>42968</v>
      </c>
      <c r="B8246" s="3">
        <f t="shared" si="256"/>
        <v>8</v>
      </c>
      <c r="C8246" s="3">
        <f t="shared" si="257"/>
        <v>2017</v>
      </c>
      <c r="D8246" t="s">
        <v>2411</v>
      </c>
      <c r="E8246" t="s">
        <v>94</v>
      </c>
      <c r="F8246" t="s">
        <v>10</v>
      </c>
      <c r="G8246" t="s">
        <v>11</v>
      </c>
      <c r="H8246" t="s">
        <v>881</v>
      </c>
      <c r="I8246">
        <v>83.88</v>
      </c>
      <c r="J8246">
        <v>1</v>
      </c>
      <c r="K8246">
        <v>29.36</v>
      </c>
    </row>
    <row r="8247" spans="1:11" x14ac:dyDescent="0.3">
      <c r="A8247" s="1">
        <v>42968</v>
      </c>
      <c r="B8247" s="3">
        <f t="shared" si="256"/>
        <v>8</v>
      </c>
      <c r="C8247" s="3">
        <f t="shared" si="257"/>
        <v>2017</v>
      </c>
      <c r="D8247" t="s">
        <v>1617</v>
      </c>
      <c r="E8247" t="s">
        <v>163</v>
      </c>
      <c r="F8247" t="s">
        <v>33</v>
      </c>
      <c r="G8247" t="s">
        <v>34</v>
      </c>
      <c r="H8247" t="s">
        <v>861</v>
      </c>
      <c r="I8247">
        <v>388.7</v>
      </c>
      <c r="J8247">
        <v>6</v>
      </c>
      <c r="K8247">
        <v>38.869999999999997</v>
      </c>
    </row>
    <row r="8248" spans="1:11" x14ac:dyDescent="0.3">
      <c r="A8248" s="1">
        <v>42968</v>
      </c>
      <c r="B8248" s="3">
        <f t="shared" si="256"/>
        <v>8</v>
      </c>
      <c r="C8248" s="3">
        <f t="shared" si="257"/>
        <v>2017</v>
      </c>
      <c r="D8248" t="s">
        <v>1617</v>
      </c>
      <c r="E8248" t="s">
        <v>163</v>
      </c>
      <c r="F8248" t="s">
        <v>10</v>
      </c>
      <c r="G8248" t="s">
        <v>17</v>
      </c>
      <c r="H8248" t="s">
        <v>67</v>
      </c>
      <c r="I8248">
        <v>572.58000000000004</v>
      </c>
      <c r="J8248">
        <v>6</v>
      </c>
      <c r="K8248">
        <v>34.35</v>
      </c>
    </row>
    <row r="8249" spans="1:11" x14ac:dyDescent="0.3">
      <c r="A8249" s="1">
        <v>42968</v>
      </c>
      <c r="B8249" s="3">
        <f t="shared" si="256"/>
        <v>8</v>
      </c>
      <c r="C8249" s="3">
        <f t="shared" si="257"/>
        <v>2017</v>
      </c>
      <c r="D8249" t="s">
        <v>1617</v>
      </c>
      <c r="E8249" t="s">
        <v>163</v>
      </c>
      <c r="F8249" t="s">
        <v>38</v>
      </c>
      <c r="G8249" t="s">
        <v>51</v>
      </c>
      <c r="H8249" t="s">
        <v>2254</v>
      </c>
      <c r="I8249">
        <v>33.18</v>
      </c>
      <c r="J8249">
        <v>2</v>
      </c>
      <c r="K8249">
        <v>11.61</v>
      </c>
    </row>
    <row r="8250" spans="1:11" x14ac:dyDescent="0.3">
      <c r="A8250" s="1">
        <v>42968</v>
      </c>
      <c r="B8250" s="3">
        <f t="shared" si="256"/>
        <v>8</v>
      </c>
      <c r="C8250" s="3">
        <f t="shared" si="257"/>
        <v>2017</v>
      </c>
      <c r="D8250" t="s">
        <v>1592</v>
      </c>
      <c r="E8250" t="s">
        <v>148</v>
      </c>
      <c r="F8250" t="s">
        <v>10</v>
      </c>
      <c r="G8250" t="s">
        <v>19</v>
      </c>
      <c r="H8250" t="s">
        <v>79</v>
      </c>
      <c r="I8250">
        <v>32.090000000000003</v>
      </c>
      <c r="J8250">
        <v>7</v>
      </c>
      <c r="K8250">
        <v>11.23</v>
      </c>
    </row>
    <row r="8251" spans="1:11" x14ac:dyDescent="0.3">
      <c r="A8251" s="1">
        <v>42968</v>
      </c>
      <c r="B8251" s="3">
        <f t="shared" si="256"/>
        <v>8</v>
      </c>
      <c r="C8251" s="3">
        <f t="shared" si="257"/>
        <v>2017</v>
      </c>
      <c r="D8251" t="s">
        <v>1592</v>
      </c>
      <c r="E8251" t="s">
        <v>148</v>
      </c>
      <c r="F8251" t="s">
        <v>10</v>
      </c>
      <c r="G8251" t="s">
        <v>19</v>
      </c>
      <c r="H8251" t="s">
        <v>1141</v>
      </c>
      <c r="I8251">
        <v>4305.55</v>
      </c>
      <c r="J8251">
        <v>6</v>
      </c>
      <c r="K8251">
        <v>1453.12</v>
      </c>
    </row>
    <row r="8252" spans="1:11" x14ac:dyDescent="0.3">
      <c r="A8252" s="1">
        <v>42968</v>
      </c>
      <c r="B8252" s="3">
        <f t="shared" si="256"/>
        <v>8</v>
      </c>
      <c r="C8252" s="3">
        <f t="shared" si="257"/>
        <v>2017</v>
      </c>
      <c r="D8252" t="s">
        <v>2623</v>
      </c>
      <c r="E8252" t="s">
        <v>277</v>
      </c>
      <c r="F8252" t="s">
        <v>10</v>
      </c>
      <c r="G8252" t="s">
        <v>17</v>
      </c>
      <c r="H8252" t="s">
        <v>1688</v>
      </c>
      <c r="I8252">
        <v>237.1</v>
      </c>
      <c r="J8252">
        <v>3</v>
      </c>
      <c r="K8252">
        <v>20.75</v>
      </c>
    </row>
    <row r="8253" spans="1:11" x14ac:dyDescent="0.3">
      <c r="A8253" s="1">
        <v>42968</v>
      </c>
      <c r="B8253" s="3">
        <f t="shared" si="256"/>
        <v>8</v>
      </c>
      <c r="C8253" s="3">
        <f t="shared" si="257"/>
        <v>2017</v>
      </c>
      <c r="D8253" t="s">
        <v>2623</v>
      </c>
      <c r="E8253" t="s">
        <v>277</v>
      </c>
      <c r="F8253" t="s">
        <v>33</v>
      </c>
      <c r="G8253" t="s">
        <v>46</v>
      </c>
      <c r="H8253" t="s">
        <v>1999</v>
      </c>
      <c r="I8253">
        <v>22.75</v>
      </c>
      <c r="J8253">
        <v>3</v>
      </c>
      <c r="K8253">
        <v>7.11</v>
      </c>
    </row>
    <row r="8254" spans="1:11" x14ac:dyDescent="0.3">
      <c r="A8254" s="1">
        <v>42968</v>
      </c>
      <c r="B8254" s="3">
        <f t="shared" si="256"/>
        <v>8</v>
      </c>
      <c r="C8254" s="3">
        <f t="shared" si="257"/>
        <v>2017</v>
      </c>
      <c r="D8254" t="s">
        <v>2623</v>
      </c>
      <c r="E8254" t="s">
        <v>277</v>
      </c>
      <c r="F8254" t="s">
        <v>10</v>
      </c>
      <c r="G8254" t="s">
        <v>11</v>
      </c>
      <c r="H8254" t="s">
        <v>1977</v>
      </c>
      <c r="I8254">
        <v>6.67</v>
      </c>
      <c r="J8254">
        <v>1</v>
      </c>
      <c r="K8254">
        <v>2.09</v>
      </c>
    </row>
    <row r="8255" spans="1:11" x14ac:dyDescent="0.3">
      <c r="A8255" s="1">
        <v>42969</v>
      </c>
      <c r="B8255" s="3">
        <f t="shared" si="256"/>
        <v>8</v>
      </c>
      <c r="C8255" s="3">
        <f t="shared" si="257"/>
        <v>2017</v>
      </c>
      <c r="D8255" t="s">
        <v>2664</v>
      </c>
      <c r="E8255" t="s">
        <v>26</v>
      </c>
      <c r="F8255" t="s">
        <v>33</v>
      </c>
      <c r="G8255" t="s">
        <v>144</v>
      </c>
      <c r="H8255" t="s">
        <v>1552</v>
      </c>
      <c r="I8255">
        <v>210.01</v>
      </c>
      <c r="J8255">
        <v>1</v>
      </c>
      <c r="K8255">
        <v>2.63</v>
      </c>
    </row>
    <row r="8256" spans="1:11" x14ac:dyDescent="0.3">
      <c r="A8256" s="1">
        <v>42969</v>
      </c>
      <c r="B8256" s="3">
        <f t="shared" si="256"/>
        <v>8</v>
      </c>
      <c r="C8256" s="3">
        <f t="shared" si="257"/>
        <v>2017</v>
      </c>
      <c r="D8256" t="s">
        <v>723</v>
      </c>
      <c r="E8256" t="s">
        <v>22</v>
      </c>
      <c r="F8256" t="s">
        <v>33</v>
      </c>
      <c r="G8256" t="s">
        <v>144</v>
      </c>
      <c r="H8256" t="s">
        <v>1612</v>
      </c>
      <c r="I8256">
        <v>314.52999999999997</v>
      </c>
      <c r="J8256">
        <v>2</v>
      </c>
      <c r="K8256">
        <v>-83.88</v>
      </c>
    </row>
    <row r="8257" spans="1:11" x14ac:dyDescent="0.3">
      <c r="A8257" s="1">
        <v>42970</v>
      </c>
      <c r="B8257" s="3">
        <f t="shared" si="256"/>
        <v>8</v>
      </c>
      <c r="C8257" s="3">
        <f t="shared" si="257"/>
        <v>2017</v>
      </c>
      <c r="D8257" t="s">
        <v>1545</v>
      </c>
      <c r="E8257" t="s">
        <v>122</v>
      </c>
      <c r="F8257" t="s">
        <v>38</v>
      </c>
      <c r="G8257" t="s">
        <v>39</v>
      </c>
      <c r="H8257" t="s">
        <v>587</v>
      </c>
      <c r="I8257">
        <v>4367.8999999999996</v>
      </c>
      <c r="J8257">
        <v>13</v>
      </c>
      <c r="K8257">
        <v>327.58999999999997</v>
      </c>
    </row>
    <row r="8258" spans="1:11" x14ac:dyDescent="0.3">
      <c r="A8258" s="1">
        <v>42970</v>
      </c>
      <c r="B8258" s="3">
        <f t="shared" ref="B8258:B8321" si="258">MONTH(A:A)</f>
        <v>8</v>
      </c>
      <c r="C8258" s="3">
        <f t="shared" ref="C8258:C8321" si="259">YEAR(A:A)</f>
        <v>2017</v>
      </c>
      <c r="D8258" t="s">
        <v>1545</v>
      </c>
      <c r="E8258" t="s">
        <v>122</v>
      </c>
      <c r="F8258" t="s">
        <v>10</v>
      </c>
      <c r="G8258" t="s">
        <v>11</v>
      </c>
      <c r="H8258" t="s">
        <v>2545</v>
      </c>
      <c r="I8258">
        <v>49.57</v>
      </c>
      <c r="J8258">
        <v>2</v>
      </c>
      <c r="K8258">
        <v>15.49</v>
      </c>
    </row>
    <row r="8259" spans="1:11" x14ac:dyDescent="0.3">
      <c r="A8259" s="1">
        <v>42970</v>
      </c>
      <c r="B8259" s="3">
        <f t="shared" si="258"/>
        <v>8</v>
      </c>
      <c r="C8259" s="3">
        <f t="shared" si="259"/>
        <v>2017</v>
      </c>
      <c r="D8259" t="s">
        <v>1545</v>
      </c>
      <c r="E8259" t="s">
        <v>122</v>
      </c>
      <c r="F8259" t="s">
        <v>10</v>
      </c>
      <c r="G8259" t="s">
        <v>91</v>
      </c>
      <c r="H8259" t="s">
        <v>2394</v>
      </c>
      <c r="I8259">
        <v>161.38</v>
      </c>
      <c r="J8259">
        <v>6</v>
      </c>
      <c r="K8259">
        <v>12.1</v>
      </c>
    </row>
    <row r="8260" spans="1:11" x14ac:dyDescent="0.3">
      <c r="A8260" s="1">
        <v>42970</v>
      </c>
      <c r="B8260" s="3">
        <f t="shared" si="258"/>
        <v>8</v>
      </c>
      <c r="C8260" s="3">
        <f t="shared" si="259"/>
        <v>2017</v>
      </c>
      <c r="D8260" t="s">
        <v>1545</v>
      </c>
      <c r="E8260" t="s">
        <v>122</v>
      </c>
      <c r="F8260" t="s">
        <v>33</v>
      </c>
      <c r="G8260" t="s">
        <v>46</v>
      </c>
      <c r="H8260" t="s">
        <v>615</v>
      </c>
      <c r="I8260">
        <v>2.78</v>
      </c>
      <c r="J8260">
        <v>2</v>
      </c>
      <c r="K8260">
        <v>0.42</v>
      </c>
    </row>
    <row r="8261" spans="1:11" x14ac:dyDescent="0.3">
      <c r="A8261" s="1">
        <v>42970</v>
      </c>
      <c r="B8261" s="3">
        <f t="shared" si="258"/>
        <v>8</v>
      </c>
      <c r="C8261" s="3">
        <f t="shared" si="259"/>
        <v>2017</v>
      </c>
      <c r="D8261" t="s">
        <v>1545</v>
      </c>
      <c r="E8261" t="s">
        <v>122</v>
      </c>
      <c r="F8261" t="s">
        <v>10</v>
      </c>
      <c r="G8261" t="s">
        <v>11</v>
      </c>
      <c r="H8261" t="s">
        <v>1551</v>
      </c>
      <c r="I8261">
        <v>8.7200000000000006</v>
      </c>
      <c r="J8261">
        <v>5</v>
      </c>
      <c r="K8261">
        <v>2.94</v>
      </c>
    </row>
    <row r="8262" spans="1:11" x14ac:dyDescent="0.3">
      <c r="A8262" s="1">
        <v>42971</v>
      </c>
      <c r="B8262" s="3">
        <f t="shared" si="258"/>
        <v>8</v>
      </c>
      <c r="C8262" s="3">
        <f t="shared" si="259"/>
        <v>2017</v>
      </c>
      <c r="D8262" t="s">
        <v>1934</v>
      </c>
      <c r="E8262" t="s">
        <v>148</v>
      </c>
      <c r="F8262" t="s">
        <v>10</v>
      </c>
      <c r="G8262" t="s">
        <v>19</v>
      </c>
      <c r="H8262" t="s">
        <v>799</v>
      </c>
      <c r="I8262">
        <v>24.67</v>
      </c>
      <c r="J8262">
        <v>4</v>
      </c>
      <c r="K8262">
        <v>7.71</v>
      </c>
    </row>
    <row r="8263" spans="1:11" x14ac:dyDescent="0.3">
      <c r="A8263" s="1">
        <v>42971</v>
      </c>
      <c r="B8263" s="3">
        <f t="shared" si="258"/>
        <v>8</v>
      </c>
      <c r="C8263" s="3">
        <f t="shared" si="259"/>
        <v>2017</v>
      </c>
      <c r="D8263" t="s">
        <v>1934</v>
      </c>
      <c r="E8263" t="s">
        <v>148</v>
      </c>
      <c r="F8263" t="s">
        <v>10</v>
      </c>
      <c r="G8263" t="s">
        <v>19</v>
      </c>
      <c r="H8263" t="s">
        <v>1119</v>
      </c>
      <c r="I8263">
        <v>3.74</v>
      </c>
      <c r="J8263">
        <v>1</v>
      </c>
      <c r="K8263">
        <v>1.31</v>
      </c>
    </row>
    <row r="8264" spans="1:11" x14ac:dyDescent="0.3">
      <c r="A8264" s="1">
        <v>42971</v>
      </c>
      <c r="B8264" s="3">
        <f t="shared" si="258"/>
        <v>8</v>
      </c>
      <c r="C8264" s="3">
        <f t="shared" si="259"/>
        <v>2017</v>
      </c>
      <c r="D8264" t="s">
        <v>1302</v>
      </c>
      <c r="E8264" t="s">
        <v>77</v>
      </c>
      <c r="F8264" t="s">
        <v>10</v>
      </c>
      <c r="G8264" t="s">
        <v>91</v>
      </c>
      <c r="H8264" t="s">
        <v>2559</v>
      </c>
      <c r="I8264">
        <v>646.27</v>
      </c>
      <c r="J8264">
        <v>8</v>
      </c>
      <c r="K8264">
        <v>64.63</v>
      </c>
    </row>
    <row r="8265" spans="1:11" x14ac:dyDescent="0.3">
      <c r="A8265" s="1">
        <v>42971</v>
      </c>
      <c r="B8265" s="3">
        <f t="shared" si="258"/>
        <v>8</v>
      </c>
      <c r="C8265" s="3">
        <f t="shared" si="259"/>
        <v>2017</v>
      </c>
      <c r="D8265" t="s">
        <v>1302</v>
      </c>
      <c r="E8265" t="s">
        <v>77</v>
      </c>
      <c r="F8265" t="s">
        <v>10</v>
      </c>
      <c r="G8265" t="s">
        <v>11</v>
      </c>
      <c r="H8265" t="s">
        <v>326</v>
      </c>
      <c r="I8265">
        <v>10.37</v>
      </c>
      <c r="J8265">
        <v>2</v>
      </c>
      <c r="K8265">
        <v>3.76</v>
      </c>
    </row>
    <row r="8266" spans="1:11" x14ac:dyDescent="0.3">
      <c r="A8266" s="1">
        <v>42972</v>
      </c>
      <c r="B8266" s="3">
        <f t="shared" si="258"/>
        <v>8</v>
      </c>
      <c r="C8266" s="3">
        <f t="shared" si="259"/>
        <v>2017</v>
      </c>
      <c r="D8266" t="s">
        <v>184</v>
      </c>
      <c r="E8266" t="s">
        <v>244</v>
      </c>
      <c r="F8266" t="s">
        <v>10</v>
      </c>
      <c r="G8266" t="s">
        <v>11</v>
      </c>
      <c r="H8266" t="s">
        <v>2332</v>
      </c>
      <c r="I8266">
        <v>192.16</v>
      </c>
      <c r="J8266">
        <v>5</v>
      </c>
      <c r="K8266">
        <v>67.260000000000005</v>
      </c>
    </row>
    <row r="8267" spans="1:11" x14ac:dyDescent="0.3">
      <c r="A8267" s="1">
        <v>42972</v>
      </c>
      <c r="B8267" s="3">
        <f t="shared" si="258"/>
        <v>8</v>
      </c>
      <c r="C8267" s="3">
        <f t="shared" si="259"/>
        <v>2017</v>
      </c>
      <c r="D8267" t="s">
        <v>2446</v>
      </c>
      <c r="E8267" t="s">
        <v>119</v>
      </c>
      <c r="F8267" t="s">
        <v>10</v>
      </c>
      <c r="G8267" t="s">
        <v>23</v>
      </c>
      <c r="H8267" t="s">
        <v>225</v>
      </c>
      <c r="I8267">
        <v>9.73</v>
      </c>
      <c r="J8267">
        <v>2</v>
      </c>
      <c r="K8267">
        <v>1.7</v>
      </c>
    </row>
    <row r="8268" spans="1:11" x14ac:dyDescent="0.3">
      <c r="A8268" s="1">
        <v>42972</v>
      </c>
      <c r="B8268" s="3">
        <f t="shared" si="258"/>
        <v>8</v>
      </c>
      <c r="C8268" s="3">
        <f t="shared" si="259"/>
        <v>2017</v>
      </c>
      <c r="D8268" t="s">
        <v>2446</v>
      </c>
      <c r="E8268" t="s">
        <v>119</v>
      </c>
      <c r="F8268" t="s">
        <v>10</v>
      </c>
      <c r="G8268" t="s">
        <v>11</v>
      </c>
      <c r="H8268" t="s">
        <v>1589</v>
      </c>
      <c r="I8268">
        <v>3.42</v>
      </c>
      <c r="J8268">
        <v>1</v>
      </c>
      <c r="K8268">
        <v>1.07</v>
      </c>
    </row>
    <row r="8269" spans="1:11" x14ac:dyDescent="0.3">
      <c r="A8269" s="1">
        <v>42972</v>
      </c>
      <c r="B8269" s="3">
        <f t="shared" si="258"/>
        <v>8</v>
      </c>
      <c r="C8269" s="3">
        <f t="shared" si="259"/>
        <v>2017</v>
      </c>
      <c r="D8269" t="s">
        <v>1172</v>
      </c>
      <c r="E8269" t="s">
        <v>77</v>
      </c>
      <c r="F8269" t="s">
        <v>10</v>
      </c>
      <c r="G8269" t="s">
        <v>17</v>
      </c>
      <c r="H8269" t="s">
        <v>1521</v>
      </c>
      <c r="I8269">
        <v>25.7</v>
      </c>
      <c r="J8269">
        <v>2</v>
      </c>
      <c r="K8269">
        <v>1.93</v>
      </c>
    </row>
    <row r="8270" spans="1:11" x14ac:dyDescent="0.3">
      <c r="A8270" s="1">
        <v>42972</v>
      </c>
      <c r="B8270" s="3">
        <f t="shared" si="258"/>
        <v>8</v>
      </c>
      <c r="C8270" s="3">
        <f t="shared" si="259"/>
        <v>2017</v>
      </c>
      <c r="D8270" t="s">
        <v>57</v>
      </c>
      <c r="E8270" t="s">
        <v>22</v>
      </c>
      <c r="F8270" t="s">
        <v>33</v>
      </c>
      <c r="G8270" t="s">
        <v>73</v>
      </c>
      <c r="H8270" t="s">
        <v>2483</v>
      </c>
      <c r="I8270">
        <v>130.97999999999999</v>
      </c>
      <c r="J8270">
        <v>2</v>
      </c>
      <c r="K8270">
        <v>-89.07</v>
      </c>
    </row>
    <row r="8271" spans="1:11" x14ac:dyDescent="0.3">
      <c r="A8271" s="1">
        <v>42973</v>
      </c>
      <c r="B8271" s="3">
        <f t="shared" si="258"/>
        <v>8</v>
      </c>
      <c r="C8271" s="3">
        <f t="shared" si="259"/>
        <v>2017</v>
      </c>
      <c r="D8271" t="s">
        <v>1671</v>
      </c>
      <c r="E8271" t="s">
        <v>29</v>
      </c>
      <c r="F8271" t="s">
        <v>38</v>
      </c>
      <c r="G8271" t="s">
        <v>51</v>
      </c>
      <c r="H8271" t="s">
        <v>866</v>
      </c>
      <c r="I8271">
        <v>71.98</v>
      </c>
      <c r="J8271">
        <v>2</v>
      </c>
      <c r="K8271">
        <v>15.12</v>
      </c>
    </row>
    <row r="8272" spans="1:11" x14ac:dyDescent="0.3">
      <c r="A8272" s="1">
        <v>42973</v>
      </c>
      <c r="B8272" s="3">
        <f t="shared" si="258"/>
        <v>8</v>
      </c>
      <c r="C8272" s="3">
        <f t="shared" si="259"/>
        <v>2017</v>
      </c>
      <c r="D8272" t="s">
        <v>8</v>
      </c>
      <c r="E8272" t="s">
        <v>14</v>
      </c>
      <c r="F8272" t="s">
        <v>33</v>
      </c>
      <c r="G8272" t="s">
        <v>46</v>
      </c>
      <c r="H8272" t="s">
        <v>1310</v>
      </c>
      <c r="I8272">
        <v>64.959999999999994</v>
      </c>
      <c r="J8272">
        <v>5</v>
      </c>
      <c r="K8272">
        <v>-43.85</v>
      </c>
    </row>
    <row r="8273" spans="1:11" x14ac:dyDescent="0.3">
      <c r="A8273" s="1">
        <v>42973</v>
      </c>
      <c r="B8273" s="3">
        <f t="shared" si="258"/>
        <v>8</v>
      </c>
      <c r="C8273" s="3">
        <f t="shared" si="259"/>
        <v>2017</v>
      </c>
      <c r="D8273" t="s">
        <v>2012</v>
      </c>
      <c r="E8273" t="s">
        <v>109</v>
      </c>
      <c r="F8273" t="s">
        <v>10</v>
      </c>
      <c r="G8273" t="s">
        <v>17</v>
      </c>
      <c r="H8273" t="s">
        <v>2019</v>
      </c>
      <c r="I8273">
        <v>53.72</v>
      </c>
      <c r="J8273">
        <v>4</v>
      </c>
      <c r="K8273">
        <v>13.97</v>
      </c>
    </row>
    <row r="8274" spans="1:11" x14ac:dyDescent="0.3">
      <c r="A8274" s="1">
        <v>42974</v>
      </c>
      <c r="B8274" s="3">
        <f t="shared" si="258"/>
        <v>8</v>
      </c>
      <c r="C8274" s="3">
        <f t="shared" si="259"/>
        <v>2017</v>
      </c>
      <c r="D8274" t="s">
        <v>1423</v>
      </c>
      <c r="E8274" t="s">
        <v>433</v>
      </c>
      <c r="F8274" t="s">
        <v>33</v>
      </c>
      <c r="G8274" t="s">
        <v>144</v>
      </c>
      <c r="H8274" t="s">
        <v>2451</v>
      </c>
      <c r="I8274">
        <v>1488.42</v>
      </c>
      <c r="J8274">
        <v>7</v>
      </c>
      <c r="K8274">
        <v>-297.68</v>
      </c>
    </row>
    <row r="8275" spans="1:11" x14ac:dyDescent="0.3">
      <c r="A8275" s="1">
        <v>42974</v>
      </c>
      <c r="B8275" s="3">
        <f t="shared" si="258"/>
        <v>8</v>
      </c>
      <c r="C8275" s="3">
        <f t="shared" si="259"/>
        <v>2017</v>
      </c>
      <c r="D8275" t="s">
        <v>1208</v>
      </c>
      <c r="E8275" t="s">
        <v>148</v>
      </c>
      <c r="F8275" t="s">
        <v>10</v>
      </c>
      <c r="G8275" t="s">
        <v>17</v>
      </c>
      <c r="H8275" t="s">
        <v>1452</v>
      </c>
      <c r="I8275">
        <v>63.84</v>
      </c>
      <c r="J8275">
        <v>8</v>
      </c>
      <c r="K8275">
        <v>16.600000000000001</v>
      </c>
    </row>
    <row r="8276" spans="1:11" x14ac:dyDescent="0.3">
      <c r="A8276" s="1">
        <v>42974</v>
      </c>
      <c r="B8276" s="3">
        <f t="shared" si="258"/>
        <v>8</v>
      </c>
      <c r="C8276" s="3">
        <f t="shared" si="259"/>
        <v>2017</v>
      </c>
      <c r="D8276" t="s">
        <v>1208</v>
      </c>
      <c r="E8276" t="s">
        <v>148</v>
      </c>
      <c r="F8276" t="s">
        <v>38</v>
      </c>
      <c r="G8276" t="s">
        <v>39</v>
      </c>
      <c r="H8276" t="s">
        <v>1186</v>
      </c>
      <c r="I8276">
        <v>347.97</v>
      </c>
      <c r="J8276">
        <v>3</v>
      </c>
      <c r="K8276">
        <v>100.91</v>
      </c>
    </row>
    <row r="8277" spans="1:11" x14ac:dyDescent="0.3">
      <c r="A8277" s="1">
        <v>42974</v>
      </c>
      <c r="B8277" s="3">
        <f t="shared" si="258"/>
        <v>8</v>
      </c>
      <c r="C8277" s="3">
        <f t="shared" si="259"/>
        <v>2017</v>
      </c>
      <c r="D8277" t="s">
        <v>1208</v>
      </c>
      <c r="E8277" t="s">
        <v>148</v>
      </c>
      <c r="F8277" t="s">
        <v>10</v>
      </c>
      <c r="G8277" t="s">
        <v>19</v>
      </c>
      <c r="H8277" t="s">
        <v>799</v>
      </c>
      <c r="I8277">
        <v>37.01</v>
      </c>
      <c r="J8277">
        <v>6</v>
      </c>
      <c r="K8277">
        <v>11.57</v>
      </c>
    </row>
    <row r="8278" spans="1:11" x14ac:dyDescent="0.3">
      <c r="A8278" s="1">
        <v>42974</v>
      </c>
      <c r="B8278" s="3">
        <f t="shared" si="258"/>
        <v>8</v>
      </c>
      <c r="C8278" s="3">
        <f t="shared" si="259"/>
        <v>2017</v>
      </c>
      <c r="D8278" t="s">
        <v>508</v>
      </c>
      <c r="E8278" t="s">
        <v>9</v>
      </c>
      <c r="F8278" t="s">
        <v>10</v>
      </c>
      <c r="G8278" t="s">
        <v>23</v>
      </c>
      <c r="H8278" t="s">
        <v>383</v>
      </c>
      <c r="I8278">
        <v>5.95</v>
      </c>
      <c r="J8278">
        <v>1</v>
      </c>
      <c r="K8278">
        <v>0.37</v>
      </c>
    </row>
    <row r="8279" spans="1:11" x14ac:dyDescent="0.3">
      <c r="A8279" s="1">
        <v>42974</v>
      </c>
      <c r="B8279" s="3">
        <f t="shared" si="258"/>
        <v>8</v>
      </c>
      <c r="C8279" s="3">
        <f t="shared" si="259"/>
        <v>2017</v>
      </c>
      <c r="D8279" t="s">
        <v>1248</v>
      </c>
      <c r="E8279" t="s">
        <v>122</v>
      </c>
      <c r="F8279" t="s">
        <v>10</v>
      </c>
      <c r="G8279" t="s">
        <v>62</v>
      </c>
      <c r="H8279" t="s">
        <v>1426</v>
      </c>
      <c r="I8279">
        <v>2.9</v>
      </c>
      <c r="J8279">
        <v>1</v>
      </c>
      <c r="K8279">
        <v>0.98</v>
      </c>
    </row>
    <row r="8280" spans="1:11" x14ac:dyDescent="0.3">
      <c r="A8280" s="1">
        <v>42974</v>
      </c>
      <c r="B8280" s="3">
        <f t="shared" si="258"/>
        <v>8</v>
      </c>
      <c r="C8280" s="3">
        <f t="shared" si="259"/>
        <v>2017</v>
      </c>
      <c r="D8280" t="s">
        <v>2264</v>
      </c>
      <c r="E8280" t="s">
        <v>26</v>
      </c>
      <c r="F8280" t="s">
        <v>33</v>
      </c>
      <c r="G8280" t="s">
        <v>46</v>
      </c>
      <c r="H8280" t="s">
        <v>2035</v>
      </c>
      <c r="I8280">
        <v>198.46</v>
      </c>
      <c r="J8280">
        <v>2</v>
      </c>
      <c r="K8280">
        <v>99.23</v>
      </c>
    </row>
    <row r="8281" spans="1:11" x14ac:dyDescent="0.3">
      <c r="A8281" s="1">
        <v>42974</v>
      </c>
      <c r="B8281" s="3">
        <f t="shared" si="258"/>
        <v>8</v>
      </c>
      <c r="C8281" s="3">
        <f t="shared" si="259"/>
        <v>2017</v>
      </c>
      <c r="D8281" t="s">
        <v>2264</v>
      </c>
      <c r="E8281" t="s">
        <v>26</v>
      </c>
      <c r="F8281" t="s">
        <v>10</v>
      </c>
      <c r="G8281" t="s">
        <v>91</v>
      </c>
      <c r="H8281" t="s">
        <v>1639</v>
      </c>
      <c r="I8281">
        <v>321.92</v>
      </c>
      <c r="J8281">
        <v>4</v>
      </c>
      <c r="K8281">
        <v>96.58</v>
      </c>
    </row>
    <row r="8282" spans="1:11" x14ac:dyDescent="0.3">
      <c r="A8282" s="1">
        <v>42974</v>
      </c>
      <c r="B8282" s="3">
        <f t="shared" si="258"/>
        <v>8</v>
      </c>
      <c r="C8282" s="3">
        <f t="shared" si="259"/>
        <v>2017</v>
      </c>
      <c r="D8282" t="s">
        <v>2264</v>
      </c>
      <c r="E8282" t="s">
        <v>26</v>
      </c>
      <c r="F8282" t="s">
        <v>38</v>
      </c>
      <c r="G8282" t="s">
        <v>602</v>
      </c>
      <c r="H8282" t="s">
        <v>1088</v>
      </c>
      <c r="I8282">
        <v>879.98</v>
      </c>
      <c r="J8282">
        <v>2</v>
      </c>
      <c r="K8282">
        <v>329.99</v>
      </c>
    </row>
    <row r="8283" spans="1:11" x14ac:dyDescent="0.3">
      <c r="A8283" s="1">
        <v>42974</v>
      </c>
      <c r="B8283" s="3">
        <f t="shared" si="258"/>
        <v>8</v>
      </c>
      <c r="C8283" s="3">
        <f t="shared" si="259"/>
        <v>2017</v>
      </c>
      <c r="D8283" t="s">
        <v>2264</v>
      </c>
      <c r="E8283" t="s">
        <v>26</v>
      </c>
      <c r="F8283" t="s">
        <v>10</v>
      </c>
      <c r="G8283" t="s">
        <v>199</v>
      </c>
      <c r="H8283" t="s">
        <v>2592</v>
      </c>
      <c r="I8283">
        <v>28.4</v>
      </c>
      <c r="J8283">
        <v>5</v>
      </c>
      <c r="K8283">
        <v>8.24</v>
      </c>
    </row>
    <row r="8284" spans="1:11" x14ac:dyDescent="0.3">
      <c r="A8284" s="1">
        <v>42974</v>
      </c>
      <c r="B8284" s="3">
        <f t="shared" si="258"/>
        <v>8</v>
      </c>
      <c r="C8284" s="3">
        <f t="shared" si="259"/>
        <v>2017</v>
      </c>
      <c r="D8284" t="s">
        <v>2264</v>
      </c>
      <c r="E8284" t="s">
        <v>26</v>
      </c>
      <c r="F8284" t="s">
        <v>33</v>
      </c>
      <c r="G8284" t="s">
        <v>34</v>
      </c>
      <c r="H8284" t="s">
        <v>573</v>
      </c>
      <c r="I8284">
        <v>230.28</v>
      </c>
      <c r="J8284">
        <v>3</v>
      </c>
      <c r="K8284">
        <v>23.03</v>
      </c>
    </row>
    <row r="8285" spans="1:11" x14ac:dyDescent="0.3">
      <c r="A8285" s="1">
        <v>42974</v>
      </c>
      <c r="B8285" s="3">
        <f t="shared" si="258"/>
        <v>8</v>
      </c>
      <c r="C8285" s="3">
        <f t="shared" si="259"/>
        <v>2017</v>
      </c>
      <c r="D8285" t="s">
        <v>2264</v>
      </c>
      <c r="E8285" t="s">
        <v>26</v>
      </c>
      <c r="F8285" t="s">
        <v>10</v>
      </c>
      <c r="G8285" t="s">
        <v>11</v>
      </c>
      <c r="H8285" t="s">
        <v>1053</v>
      </c>
      <c r="I8285">
        <v>116.28</v>
      </c>
      <c r="J8285">
        <v>3</v>
      </c>
      <c r="K8285">
        <v>56.98</v>
      </c>
    </row>
    <row r="8286" spans="1:11" x14ac:dyDescent="0.3">
      <c r="A8286" s="1">
        <v>42974</v>
      </c>
      <c r="B8286" s="3">
        <f t="shared" si="258"/>
        <v>8</v>
      </c>
      <c r="C8286" s="3">
        <f t="shared" si="259"/>
        <v>2017</v>
      </c>
      <c r="D8286" t="s">
        <v>2264</v>
      </c>
      <c r="E8286" t="s">
        <v>26</v>
      </c>
      <c r="F8286" t="s">
        <v>10</v>
      </c>
      <c r="G8286" t="s">
        <v>19</v>
      </c>
      <c r="H8286" t="s">
        <v>1776</v>
      </c>
      <c r="I8286">
        <v>841.57</v>
      </c>
      <c r="J8286">
        <v>2</v>
      </c>
      <c r="K8286">
        <v>294.55</v>
      </c>
    </row>
    <row r="8287" spans="1:11" x14ac:dyDescent="0.3">
      <c r="A8287" s="1">
        <v>42974</v>
      </c>
      <c r="B8287" s="3">
        <f t="shared" si="258"/>
        <v>8</v>
      </c>
      <c r="C8287" s="3">
        <f t="shared" si="259"/>
        <v>2017</v>
      </c>
      <c r="D8287" t="s">
        <v>2264</v>
      </c>
      <c r="E8287" t="s">
        <v>26</v>
      </c>
      <c r="F8287" t="s">
        <v>10</v>
      </c>
      <c r="G8287" t="s">
        <v>17</v>
      </c>
      <c r="H8287" t="s">
        <v>256</v>
      </c>
      <c r="I8287">
        <v>354.9</v>
      </c>
      <c r="J8287">
        <v>5</v>
      </c>
      <c r="K8287">
        <v>17.75</v>
      </c>
    </row>
    <row r="8288" spans="1:11" x14ac:dyDescent="0.3">
      <c r="A8288" s="1">
        <v>42974</v>
      </c>
      <c r="B8288" s="3">
        <f t="shared" si="258"/>
        <v>8</v>
      </c>
      <c r="C8288" s="3">
        <f t="shared" si="259"/>
        <v>2017</v>
      </c>
      <c r="D8288" t="s">
        <v>1940</v>
      </c>
      <c r="E8288" t="s">
        <v>119</v>
      </c>
      <c r="F8288" t="s">
        <v>10</v>
      </c>
      <c r="G8288" t="s">
        <v>11</v>
      </c>
      <c r="H8288" t="s">
        <v>1364</v>
      </c>
      <c r="I8288">
        <v>5.18</v>
      </c>
      <c r="J8288">
        <v>1</v>
      </c>
      <c r="K8288">
        <v>1.81</v>
      </c>
    </row>
    <row r="8289" spans="1:11" x14ac:dyDescent="0.3">
      <c r="A8289" s="1">
        <v>42974</v>
      </c>
      <c r="B8289" s="3">
        <f t="shared" si="258"/>
        <v>8</v>
      </c>
      <c r="C8289" s="3">
        <f t="shared" si="259"/>
        <v>2017</v>
      </c>
      <c r="D8289" t="s">
        <v>194</v>
      </c>
      <c r="E8289" t="s">
        <v>122</v>
      </c>
      <c r="F8289" t="s">
        <v>10</v>
      </c>
      <c r="G8289" t="s">
        <v>91</v>
      </c>
      <c r="H8289" t="s">
        <v>1922</v>
      </c>
      <c r="I8289">
        <v>14.34</v>
      </c>
      <c r="J8289">
        <v>4</v>
      </c>
      <c r="K8289">
        <v>0.9</v>
      </c>
    </row>
    <row r="8290" spans="1:11" x14ac:dyDescent="0.3">
      <c r="A8290" s="1">
        <v>42974</v>
      </c>
      <c r="B8290" s="3">
        <f t="shared" si="258"/>
        <v>8</v>
      </c>
      <c r="C8290" s="3">
        <f t="shared" si="259"/>
        <v>2017</v>
      </c>
      <c r="D8290" t="s">
        <v>1973</v>
      </c>
      <c r="E8290" t="s">
        <v>22</v>
      </c>
      <c r="F8290" t="s">
        <v>10</v>
      </c>
      <c r="G8290" t="s">
        <v>11</v>
      </c>
      <c r="H8290" t="s">
        <v>1856</v>
      </c>
      <c r="I8290">
        <v>12.67</v>
      </c>
      <c r="J8290">
        <v>3</v>
      </c>
      <c r="K8290">
        <v>3.96</v>
      </c>
    </row>
    <row r="8291" spans="1:11" x14ac:dyDescent="0.3">
      <c r="A8291" s="1">
        <v>42974</v>
      </c>
      <c r="B8291" s="3">
        <f t="shared" si="258"/>
        <v>8</v>
      </c>
      <c r="C8291" s="3">
        <f t="shared" si="259"/>
        <v>2017</v>
      </c>
      <c r="D8291" t="s">
        <v>1973</v>
      </c>
      <c r="E8291" t="s">
        <v>22</v>
      </c>
      <c r="F8291" t="s">
        <v>38</v>
      </c>
      <c r="G8291" t="s">
        <v>51</v>
      </c>
      <c r="H8291" t="s">
        <v>501</v>
      </c>
      <c r="I8291">
        <v>1119.8900000000001</v>
      </c>
      <c r="J8291">
        <v>14</v>
      </c>
      <c r="K8291">
        <v>209.98</v>
      </c>
    </row>
    <row r="8292" spans="1:11" x14ac:dyDescent="0.3">
      <c r="A8292" s="1">
        <v>42974</v>
      </c>
      <c r="B8292" s="3">
        <f t="shared" si="258"/>
        <v>8</v>
      </c>
      <c r="C8292" s="3">
        <f t="shared" si="259"/>
        <v>2017</v>
      </c>
      <c r="D8292" t="s">
        <v>1827</v>
      </c>
      <c r="E8292" t="s">
        <v>94</v>
      </c>
      <c r="F8292" t="s">
        <v>33</v>
      </c>
      <c r="G8292" t="s">
        <v>46</v>
      </c>
      <c r="H8292" t="s">
        <v>2014</v>
      </c>
      <c r="I8292">
        <v>120.58</v>
      </c>
      <c r="J8292">
        <v>8</v>
      </c>
      <c r="K8292">
        <v>33.159999999999997</v>
      </c>
    </row>
    <row r="8293" spans="1:11" x14ac:dyDescent="0.3">
      <c r="A8293" s="1">
        <v>42975</v>
      </c>
      <c r="B8293" s="3">
        <f t="shared" si="258"/>
        <v>8</v>
      </c>
      <c r="C8293" s="3">
        <f t="shared" si="259"/>
        <v>2017</v>
      </c>
      <c r="D8293" t="s">
        <v>238</v>
      </c>
      <c r="E8293" t="s">
        <v>163</v>
      </c>
      <c r="F8293" t="s">
        <v>38</v>
      </c>
      <c r="G8293" t="s">
        <v>39</v>
      </c>
      <c r="H8293" t="s">
        <v>1892</v>
      </c>
      <c r="I8293">
        <v>35.17</v>
      </c>
      <c r="J8293">
        <v>4</v>
      </c>
      <c r="K8293">
        <v>11.43</v>
      </c>
    </row>
    <row r="8294" spans="1:11" x14ac:dyDescent="0.3">
      <c r="A8294" s="1">
        <v>42975</v>
      </c>
      <c r="B8294" s="3">
        <f t="shared" si="258"/>
        <v>8</v>
      </c>
      <c r="C8294" s="3">
        <f t="shared" si="259"/>
        <v>2017</v>
      </c>
      <c r="D8294" t="s">
        <v>238</v>
      </c>
      <c r="E8294" t="s">
        <v>163</v>
      </c>
      <c r="F8294" t="s">
        <v>33</v>
      </c>
      <c r="G8294" t="s">
        <v>144</v>
      </c>
      <c r="H8294" t="s">
        <v>1500</v>
      </c>
      <c r="I8294">
        <v>1137.75</v>
      </c>
      <c r="J8294">
        <v>5</v>
      </c>
      <c r="K8294">
        <v>250.31</v>
      </c>
    </row>
    <row r="8295" spans="1:11" x14ac:dyDescent="0.3">
      <c r="A8295" s="1">
        <v>42975</v>
      </c>
      <c r="B8295" s="3">
        <f t="shared" si="258"/>
        <v>8</v>
      </c>
      <c r="C8295" s="3">
        <f t="shared" si="259"/>
        <v>2017</v>
      </c>
      <c r="D8295" t="s">
        <v>238</v>
      </c>
      <c r="E8295" t="s">
        <v>163</v>
      </c>
      <c r="F8295" t="s">
        <v>10</v>
      </c>
      <c r="G8295" t="s">
        <v>19</v>
      </c>
      <c r="H8295" t="s">
        <v>764</v>
      </c>
      <c r="I8295">
        <v>99.68</v>
      </c>
      <c r="J8295">
        <v>5</v>
      </c>
      <c r="K8295">
        <v>32.4</v>
      </c>
    </row>
    <row r="8296" spans="1:11" x14ac:dyDescent="0.3">
      <c r="A8296" s="1">
        <v>42975</v>
      </c>
      <c r="B8296" s="3">
        <f t="shared" si="258"/>
        <v>8</v>
      </c>
      <c r="C8296" s="3">
        <f t="shared" si="259"/>
        <v>2017</v>
      </c>
      <c r="D8296" t="s">
        <v>238</v>
      </c>
      <c r="E8296" t="s">
        <v>163</v>
      </c>
      <c r="F8296" t="s">
        <v>10</v>
      </c>
      <c r="G8296" t="s">
        <v>23</v>
      </c>
      <c r="H8296" t="s">
        <v>1948</v>
      </c>
      <c r="I8296">
        <v>5.56</v>
      </c>
      <c r="J8296">
        <v>2</v>
      </c>
      <c r="K8296">
        <v>1.45</v>
      </c>
    </row>
    <row r="8297" spans="1:11" x14ac:dyDescent="0.3">
      <c r="A8297" s="1">
        <v>42975</v>
      </c>
      <c r="B8297" s="3">
        <f t="shared" si="258"/>
        <v>8</v>
      </c>
      <c r="C8297" s="3">
        <f t="shared" si="259"/>
        <v>2017</v>
      </c>
      <c r="D8297" t="s">
        <v>1798</v>
      </c>
      <c r="E8297" t="s">
        <v>14</v>
      </c>
      <c r="F8297" t="s">
        <v>10</v>
      </c>
      <c r="G8297" t="s">
        <v>11</v>
      </c>
      <c r="H8297" t="s">
        <v>1590</v>
      </c>
      <c r="I8297">
        <v>25.34</v>
      </c>
      <c r="J8297">
        <v>6</v>
      </c>
      <c r="K8297">
        <v>7.92</v>
      </c>
    </row>
    <row r="8298" spans="1:11" x14ac:dyDescent="0.3">
      <c r="A8298" s="1">
        <v>42975</v>
      </c>
      <c r="B8298" s="3">
        <f t="shared" si="258"/>
        <v>8</v>
      </c>
      <c r="C8298" s="3">
        <f t="shared" si="259"/>
        <v>2017</v>
      </c>
      <c r="D8298" t="s">
        <v>1798</v>
      </c>
      <c r="E8298" t="s">
        <v>14</v>
      </c>
      <c r="F8298" t="s">
        <v>10</v>
      </c>
      <c r="G8298" t="s">
        <v>11</v>
      </c>
      <c r="H8298" t="s">
        <v>2565</v>
      </c>
      <c r="I8298">
        <v>26.72</v>
      </c>
      <c r="J8298">
        <v>5</v>
      </c>
      <c r="K8298">
        <v>9.35</v>
      </c>
    </row>
    <row r="8299" spans="1:11" x14ac:dyDescent="0.3">
      <c r="A8299" s="1">
        <v>42975</v>
      </c>
      <c r="B8299" s="3">
        <f t="shared" si="258"/>
        <v>8</v>
      </c>
      <c r="C8299" s="3">
        <f t="shared" si="259"/>
        <v>2017</v>
      </c>
      <c r="D8299" t="s">
        <v>1098</v>
      </c>
      <c r="E8299" t="s">
        <v>156</v>
      </c>
      <c r="F8299" t="s">
        <v>10</v>
      </c>
      <c r="G8299" t="s">
        <v>199</v>
      </c>
      <c r="H8299" t="s">
        <v>1577</v>
      </c>
      <c r="I8299">
        <v>21.81</v>
      </c>
      <c r="J8299">
        <v>3</v>
      </c>
      <c r="K8299">
        <v>5.89</v>
      </c>
    </row>
    <row r="8300" spans="1:11" x14ac:dyDescent="0.3">
      <c r="A8300" s="1">
        <v>42975</v>
      </c>
      <c r="B8300" s="3">
        <f t="shared" si="258"/>
        <v>8</v>
      </c>
      <c r="C8300" s="3">
        <f t="shared" si="259"/>
        <v>2017</v>
      </c>
      <c r="D8300" t="s">
        <v>1098</v>
      </c>
      <c r="E8300" t="s">
        <v>156</v>
      </c>
      <c r="F8300" t="s">
        <v>10</v>
      </c>
      <c r="G8300" t="s">
        <v>91</v>
      </c>
      <c r="H8300" t="s">
        <v>1982</v>
      </c>
      <c r="I8300">
        <v>91.6</v>
      </c>
      <c r="J8300">
        <v>5</v>
      </c>
      <c r="K8300">
        <v>26.56</v>
      </c>
    </row>
    <row r="8301" spans="1:11" x14ac:dyDescent="0.3">
      <c r="A8301" s="1">
        <v>42976</v>
      </c>
      <c r="B8301" s="3">
        <f t="shared" si="258"/>
        <v>8</v>
      </c>
      <c r="C8301" s="3">
        <f t="shared" si="259"/>
        <v>2017</v>
      </c>
      <c r="D8301" t="s">
        <v>1743</v>
      </c>
      <c r="E8301" t="s">
        <v>14</v>
      </c>
      <c r="F8301" t="s">
        <v>10</v>
      </c>
      <c r="G8301" t="s">
        <v>15</v>
      </c>
      <c r="H8301" t="s">
        <v>363</v>
      </c>
      <c r="I8301">
        <v>47.36</v>
      </c>
      <c r="J8301">
        <v>4</v>
      </c>
      <c r="K8301">
        <v>17.760000000000002</v>
      </c>
    </row>
    <row r="8302" spans="1:11" x14ac:dyDescent="0.3">
      <c r="A8302" s="1">
        <v>42976</v>
      </c>
      <c r="B8302" s="3">
        <f t="shared" si="258"/>
        <v>8</v>
      </c>
      <c r="C8302" s="3">
        <f t="shared" si="259"/>
        <v>2017</v>
      </c>
      <c r="D8302" t="s">
        <v>1743</v>
      </c>
      <c r="E8302" t="s">
        <v>14</v>
      </c>
      <c r="F8302" t="s">
        <v>10</v>
      </c>
      <c r="G8302" t="s">
        <v>17</v>
      </c>
      <c r="H8302" t="s">
        <v>1846</v>
      </c>
      <c r="I8302">
        <v>27.44</v>
      </c>
      <c r="J8302">
        <v>2</v>
      </c>
      <c r="K8302">
        <v>2.4</v>
      </c>
    </row>
    <row r="8303" spans="1:11" x14ac:dyDescent="0.3">
      <c r="A8303" s="1">
        <v>42976</v>
      </c>
      <c r="B8303" s="3">
        <f t="shared" si="258"/>
        <v>8</v>
      </c>
      <c r="C8303" s="3">
        <f t="shared" si="259"/>
        <v>2017</v>
      </c>
      <c r="D8303" t="s">
        <v>1743</v>
      </c>
      <c r="E8303" t="s">
        <v>14</v>
      </c>
      <c r="F8303" t="s">
        <v>10</v>
      </c>
      <c r="G8303" t="s">
        <v>19</v>
      </c>
      <c r="H8303" t="s">
        <v>204</v>
      </c>
      <c r="I8303">
        <v>3.24</v>
      </c>
      <c r="J8303">
        <v>9</v>
      </c>
      <c r="K8303">
        <v>-5.18</v>
      </c>
    </row>
    <row r="8304" spans="1:11" x14ac:dyDescent="0.3">
      <c r="A8304" s="1">
        <v>42976</v>
      </c>
      <c r="B8304" s="3">
        <f t="shared" si="258"/>
        <v>8</v>
      </c>
      <c r="C8304" s="3">
        <f t="shared" si="259"/>
        <v>2017</v>
      </c>
      <c r="D8304" t="s">
        <v>1733</v>
      </c>
      <c r="E8304" t="s">
        <v>22</v>
      </c>
      <c r="F8304" t="s">
        <v>10</v>
      </c>
      <c r="G8304" t="s">
        <v>23</v>
      </c>
      <c r="H8304" t="s">
        <v>2255</v>
      </c>
      <c r="I8304">
        <v>9.41</v>
      </c>
      <c r="J8304">
        <v>7</v>
      </c>
      <c r="K8304">
        <v>0.71</v>
      </c>
    </row>
    <row r="8305" spans="1:11" x14ac:dyDescent="0.3">
      <c r="A8305" s="1">
        <v>42976</v>
      </c>
      <c r="B8305" s="3">
        <f t="shared" si="258"/>
        <v>8</v>
      </c>
      <c r="C8305" s="3">
        <f t="shared" si="259"/>
        <v>2017</v>
      </c>
      <c r="D8305" t="s">
        <v>1906</v>
      </c>
      <c r="E8305" t="s">
        <v>26</v>
      </c>
      <c r="F8305" t="s">
        <v>33</v>
      </c>
      <c r="G8305" t="s">
        <v>46</v>
      </c>
      <c r="H8305" t="s">
        <v>2430</v>
      </c>
      <c r="I8305">
        <v>148.02000000000001</v>
      </c>
      <c r="J8305">
        <v>3</v>
      </c>
      <c r="K8305">
        <v>41.45</v>
      </c>
    </row>
    <row r="8306" spans="1:11" x14ac:dyDescent="0.3">
      <c r="A8306" s="1">
        <v>42978</v>
      </c>
      <c r="B8306" s="3">
        <f t="shared" si="258"/>
        <v>8</v>
      </c>
      <c r="C8306" s="3">
        <f t="shared" si="259"/>
        <v>2017</v>
      </c>
      <c r="D8306" t="s">
        <v>1486</v>
      </c>
      <c r="E8306" t="s">
        <v>94</v>
      </c>
      <c r="F8306" t="s">
        <v>10</v>
      </c>
      <c r="G8306" t="s">
        <v>17</v>
      </c>
      <c r="H8306" t="s">
        <v>2019</v>
      </c>
      <c r="I8306">
        <v>10.74</v>
      </c>
      <c r="J8306">
        <v>1</v>
      </c>
      <c r="K8306">
        <v>0.81</v>
      </c>
    </row>
    <row r="8307" spans="1:11" x14ac:dyDescent="0.3">
      <c r="A8307" s="1">
        <v>42978</v>
      </c>
      <c r="B8307" s="3">
        <f t="shared" si="258"/>
        <v>8</v>
      </c>
      <c r="C8307" s="3">
        <f t="shared" si="259"/>
        <v>2017</v>
      </c>
      <c r="D8307" t="s">
        <v>1486</v>
      </c>
      <c r="E8307" t="s">
        <v>94</v>
      </c>
      <c r="F8307" t="s">
        <v>10</v>
      </c>
      <c r="G8307" t="s">
        <v>42</v>
      </c>
      <c r="H8307" t="s">
        <v>1560</v>
      </c>
      <c r="I8307">
        <v>8.3800000000000008</v>
      </c>
      <c r="J8307">
        <v>3</v>
      </c>
      <c r="K8307">
        <v>2.72</v>
      </c>
    </row>
    <row r="8308" spans="1:11" x14ac:dyDescent="0.3">
      <c r="A8308" s="1">
        <v>42978</v>
      </c>
      <c r="B8308" s="3">
        <f t="shared" si="258"/>
        <v>8</v>
      </c>
      <c r="C8308" s="3">
        <f t="shared" si="259"/>
        <v>2017</v>
      </c>
      <c r="D8308" t="s">
        <v>1750</v>
      </c>
      <c r="E8308" t="s">
        <v>244</v>
      </c>
      <c r="F8308" t="s">
        <v>10</v>
      </c>
      <c r="G8308" t="s">
        <v>11</v>
      </c>
      <c r="H8308" t="s">
        <v>490</v>
      </c>
      <c r="I8308">
        <v>229.54</v>
      </c>
      <c r="J8308">
        <v>7</v>
      </c>
      <c r="K8308">
        <v>83.21</v>
      </c>
    </row>
    <row r="8309" spans="1:11" x14ac:dyDescent="0.3">
      <c r="A8309" s="1">
        <v>42978</v>
      </c>
      <c r="B8309" s="3">
        <f t="shared" si="258"/>
        <v>8</v>
      </c>
      <c r="C8309" s="3">
        <f t="shared" si="259"/>
        <v>2017</v>
      </c>
      <c r="D8309" t="s">
        <v>243</v>
      </c>
      <c r="E8309" t="s">
        <v>128</v>
      </c>
      <c r="F8309" t="s">
        <v>10</v>
      </c>
      <c r="G8309" t="s">
        <v>91</v>
      </c>
      <c r="H8309" t="s">
        <v>2066</v>
      </c>
      <c r="I8309">
        <v>638.73</v>
      </c>
      <c r="J8309">
        <v>9</v>
      </c>
      <c r="K8309">
        <v>166.07</v>
      </c>
    </row>
    <row r="8310" spans="1:11" x14ac:dyDescent="0.3">
      <c r="A8310" s="1">
        <v>42978</v>
      </c>
      <c r="B8310" s="3">
        <f t="shared" si="258"/>
        <v>8</v>
      </c>
      <c r="C8310" s="3">
        <f t="shared" si="259"/>
        <v>2017</v>
      </c>
      <c r="D8310" t="s">
        <v>950</v>
      </c>
      <c r="E8310" t="s">
        <v>26</v>
      </c>
      <c r="F8310" t="s">
        <v>10</v>
      </c>
      <c r="G8310" t="s">
        <v>19</v>
      </c>
      <c r="H8310" t="s">
        <v>1290</v>
      </c>
      <c r="I8310">
        <v>6.67</v>
      </c>
      <c r="J8310">
        <v>3</v>
      </c>
      <c r="K8310">
        <v>2.17</v>
      </c>
    </row>
    <row r="8311" spans="1:11" x14ac:dyDescent="0.3">
      <c r="A8311" s="1">
        <v>42978</v>
      </c>
      <c r="B8311" s="3">
        <f t="shared" si="258"/>
        <v>8</v>
      </c>
      <c r="C8311" s="3">
        <f t="shared" si="259"/>
        <v>2017</v>
      </c>
      <c r="D8311" t="s">
        <v>950</v>
      </c>
      <c r="E8311" t="s">
        <v>26</v>
      </c>
      <c r="F8311" t="s">
        <v>38</v>
      </c>
      <c r="G8311" t="s">
        <v>39</v>
      </c>
      <c r="H8311" t="s">
        <v>2311</v>
      </c>
      <c r="I8311">
        <v>689.41</v>
      </c>
      <c r="J8311">
        <v>4</v>
      </c>
      <c r="K8311">
        <v>77.56</v>
      </c>
    </row>
    <row r="8312" spans="1:11" x14ac:dyDescent="0.3">
      <c r="A8312" s="1">
        <v>42978</v>
      </c>
      <c r="B8312" s="3">
        <f t="shared" si="258"/>
        <v>8</v>
      </c>
      <c r="C8312" s="3">
        <f t="shared" si="259"/>
        <v>2017</v>
      </c>
      <c r="D8312" t="s">
        <v>1573</v>
      </c>
      <c r="E8312" t="s">
        <v>61</v>
      </c>
      <c r="F8312" t="s">
        <v>38</v>
      </c>
      <c r="G8312" t="s">
        <v>51</v>
      </c>
      <c r="H8312" t="s">
        <v>1786</v>
      </c>
      <c r="I8312">
        <v>659.9</v>
      </c>
      <c r="J8312">
        <v>2</v>
      </c>
      <c r="K8312">
        <v>217.77</v>
      </c>
    </row>
    <row r="8313" spans="1:11" x14ac:dyDescent="0.3">
      <c r="A8313" s="1">
        <v>42978</v>
      </c>
      <c r="B8313" s="3">
        <f t="shared" si="258"/>
        <v>8</v>
      </c>
      <c r="C8313" s="3">
        <f t="shared" si="259"/>
        <v>2017</v>
      </c>
      <c r="D8313" t="s">
        <v>1962</v>
      </c>
      <c r="E8313" t="s">
        <v>163</v>
      </c>
      <c r="F8313" t="s">
        <v>33</v>
      </c>
      <c r="G8313" t="s">
        <v>34</v>
      </c>
      <c r="H8313" t="s">
        <v>105</v>
      </c>
      <c r="I8313">
        <v>569.57000000000005</v>
      </c>
      <c r="J8313">
        <v>2</v>
      </c>
      <c r="K8313">
        <v>7.12</v>
      </c>
    </row>
    <row r="8314" spans="1:11" x14ac:dyDescent="0.3">
      <c r="A8314" s="1">
        <v>42978</v>
      </c>
      <c r="B8314" s="3">
        <f t="shared" si="258"/>
        <v>8</v>
      </c>
      <c r="C8314" s="3">
        <f t="shared" si="259"/>
        <v>2017</v>
      </c>
      <c r="D8314" t="s">
        <v>1962</v>
      </c>
      <c r="E8314" t="s">
        <v>163</v>
      </c>
      <c r="F8314" t="s">
        <v>10</v>
      </c>
      <c r="G8314" t="s">
        <v>17</v>
      </c>
      <c r="H8314" t="s">
        <v>1455</v>
      </c>
      <c r="I8314">
        <v>149.72999999999999</v>
      </c>
      <c r="J8314">
        <v>7</v>
      </c>
      <c r="K8314">
        <v>43.42</v>
      </c>
    </row>
    <row r="8315" spans="1:11" x14ac:dyDescent="0.3">
      <c r="A8315" s="1">
        <v>42978</v>
      </c>
      <c r="B8315" s="3">
        <f t="shared" si="258"/>
        <v>8</v>
      </c>
      <c r="C8315" s="3">
        <f t="shared" si="259"/>
        <v>2017</v>
      </c>
      <c r="D8315" t="s">
        <v>1862</v>
      </c>
      <c r="E8315" t="s">
        <v>90</v>
      </c>
      <c r="F8315" t="s">
        <v>10</v>
      </c>
      <c r="G8315" t="s">
        <v>199</v>
      </c>
      <c r="H8315" t="s">
        <v>869</v>
      </c>
      <c r="I8315">
        <v>6.21</v>
      </c>
      <c r="J8315">
        <v>2</v>
      </c>
      <c r="K8315">
        <v>0.7</v>
      </c>
    </row>
    <row r="8316" spans="1:11" x14ac:dyDescent="0.3">
      <c r="A8316" s="1">
        <v>42978</v>
      </c>
      <c r="B8316" s="3">
        <f t="shared" si="258"/>
        <v>8</v>
      </c>
      <c r="C8316" s="3">
        <f t="shared" si="259"/>
        <v>2017</v>
      </c>
      <c r="D8316" t="s">
        <v>901</v>
      </c>
      <c r="E8316" t="s">
        <v>26</v>
      </c>
      <c r="F8316" t="s">
        <v>10</v>
      </c>
      <c r="G8316" t="s">
        <v>17</v>
      </c>
      <c r="H8316" t="s">
        <v>417</v>
      </c>
      <c r="I8316">
        <v>193.95</v>
      </c>
      <c r="J8316">
        <v>3</v>
      </c>
      <c r="K8316">
        <v>9.6999999999999993</v>
      </c>
    </row>
    <row r="8317" spans="1:11" x14ac:dyDescent="0.3">
      <c r="A8317" s="1">
        <v>42979</v>
      </c>
      <c r="B8317" s="3">
        <f t="shared" si="258"/>
        <v>9</v>
      </c>
      <c r="C8317" s="3">
        <f t="shared" si="259"/>
        <v>2017</v>
      </c>
      <c r="D8317" t="s">
        <v>313</v>
      </c>
      <c r="E8317" t="s">
        <v>148</v>
      </c>
      <c r="F8317" t="s">
        <v>33</v>
      </c>
      <c r="G8317" t="s">
        <v>46</v>
      </c>
      <c r="H8317" t="s">
        <v>2646</v>
      </c>
      <c r="I8317">
        <v>114.9</v>
      </c>
      <c r="J8317">
        <v>5</v>
      </c>
      <c r="K8317">
        <v>39.07</v>
      </c>
    </row>
    <row r="8318" spans="1:11" x14ac:dyDescent="0.3">
      <c r="A8318" s="1">
        <v>42979</v>
      </c>
      <c r="B8318" s="3">
        <f t="shared" si="258"/>
        <v>9</v>
      </c>
      <c r="C8318" s="3">
        <f t="shared" si="259"/>
        <v>2017</v>
      </c>
      <c r="D8318" t="s">
        <v>1784</v>
      </c>
      <c r="E8318" t="s">
        <v>163</v>
      </c>
      <c r="F8318" t="s">
        <v>38</v>
      </c>
      <c r="G8318" t="s">
        <v>51</v>
      </c>
      <c r="H8318" t="s">
        <v>2234</v>
      </c>
      <c r="I8318">
        <v>19.989999999999998</v>
      </c>
      <c r="J8318">
        <v>1</v>
      </c>
      <c r="K8318">
        <v>6.8</v>
      </c>
    </row>
    <row r="8319" spans="1:11" x14ac:dyDescent="0.3">
      <c r="A8319" s="1">
        <v>42979</v>
      </c>
      <c r="B8319" s="3">
        <f t="shared" si="258"/>
        <v>9</v>
      </c>
      <c r="C8319" s="3">
        <f t="shared" si="259"/>
        <v>2017</v>
      </c>
      <c r="D8319" t="s">
        <v>1784</v>
      </c>
      <c r="E8319" t="s">
        <v>163</v>
      </c>
      <c r="F8319" t="s">
        <v>10</v>
      </c>
      <c r="G8319" t="s">
        <v>19</v>
      </c>
      <c r="H8319" t="s">
        <v>79</v>
      </c>
      <c r="I8319">
        <v>22.92</v>
      </c>
      <c r="J8319">
        <v>5</v>
      </c>
      <c r="K8319">
        <v>8.02</v>
      </c>
    </row>
    <row r="8320" spans="1:11" x14ac:dyDescent="0.3">
      <c r="A8320" s="1">
        <v>42979</v>
      </c>
      <c r="B8320" s="3">
        <f t="shared" si="258"/>
        <v>9</v>
      </c>
      <c r="C8320" s="3">
        <f t="shared" si="259"/>
        <v>2017</v>
      </c>
      <c r="D8320" t="s">
        <v>292</v>
      </c>
      <c r="E8320" t="s">
        <v>163</v>
      </c>
      <c r="F8320" t="s">
        <v>10</v>
      </c>
      <c r="G8320" t="s">
        <v>23</v>
      </c>
      <c r="H8320" t="s">
        <v>206</v>
      </c>
      <c r="I8320">
        <v>7.58</v>
      </c>
      <c r="J8320">
        <v>1</v>
      </c>
      <c r="K8320">
        <v>2.96</v>
      </c>
    </row>
    <row r="8321" spans="1:11" x14ac:dyDescent="0.3">
      <c r="A8321" s="1">
        <v>42979</v>
      </c>
      <c r="B8321" s="3">
        <f t="shared" si="258"/>
        <v>9</v>
      </c>
      <c r="C8321" s="3">
        <f t="shared" si="259"/>
        <v>2017</v>
      </c>
      <c r="D8321" t="s">
        <v>878</v>
      </c>
      <c r="E8321" t="s">
        <v>109</v>
      </c>
      <c r="F8321" t="s">
        <v>33</v>
      </c>
      <c r="G8321" t="s">
        <v>34</v>
      </c>
      <c r="H8321" t="s">
        <v>1820</v>
      </c>
      <c r="I8321">
        <v>498.26</v>
      </c>
      <c r="J8321">
        <v>7</v>
      </c>
      <c r="K8321">
        <v>134.53</v>
      </c>
    </row>
    <row r="8322" spans="1:11" x14ac:dyDescent="0.3">
      <c r="A8322" s="1">
        <v>42979</v>
      </c>
      <c r="B8322" s="3">
        <f t="shared" ref="B8322:B8385" si="260">MONTH(A:A)</f>
        <v>9</v>
      </c>
      <c r="C8322" s="3">
        <f t="shared" ref="C8322:C8385" si="261">YEAR(A:A)</f>
        <v>2017</v>
      </c>
      <c r="D8322" t="s">
        <v>1906</v>
      </c>
      <c r="E8322" t="s">
        <v>163</v>
      </c>
      <c r="F8322" t="s">
        <v>10</v>
      </c>
      <c r="G8322" t="s">
        <v>91</v>
      </c>
      <c r="H8322" t="s">
        <v>745</v>
      </c>
      <c r="I8322">
        <v>314.60000000000002</v>
      </c>
      <c r="J8322">
        <v>4</v>
      </c>
      <c r="K8322">
        <v>103.82</v>
      </c>
    </row>
    <row r="8323" spans="1:11" x14ac:dyDescent="0.3">
      <c r="A8323" s="1">
        <v>42979</v>
      </c>
      <c r="B8323" s="3">
        <f t="shared" si="260"/>
        <v>9</v>
      </c>
      <c r="C8323" s="3">
        <f t="shared" si="261"/>
        <v>2017</v>
      </c>
      <c r="D8323" t="s">
        <v>1906</v>
      </c>
      <c r="E8323" t="s">
        <v>163</v>
      </c>
      <c r="F8323" t="s">
        <v>33</v>
      </c>
      <c r="G8323" t="s">
        <v>144</v>
      </c>
      <c r="H8323" t="s">
        <v>727</v>
      </c>
      <c r="I8323">
        <v>283.56</v>
      </c>
      <c r="J8323">
        <v>4</v>
      </c>
      <c r="K8323">
        <v>45.37</v>
      </c>
    </row>
    <row r="8324" spans="1:11" x14ac:dyDescent="0.3">
      <c r="A8324" s="1">
        <v>42980</v>
      </c>
      <c r="B8324" s="3">
        <f t="shared" si="260"/>
        <v>9</v>
      </c>
      <c r="C8324" s="3">
        <f t="shared" si="261"/>
        <v>2017</v>
      </c>
      <c r="D8324" t="s">
        <v>406</v>
      </c>
      <c r="E8324" t="s">
        <v>77</v>
      </c>
      <c r="F8324" t="s">
        <v>33</v>
      </c>
      <c r="G8324" t="s">
        <v>46</v>
      </c>
      <c r="H8324" t="s">
        <v>1693</v>
      </c>
      <c r="I8324">
        <v>15.07</v>
      </c>
      <c r="J8324">
        <v>3</v>
      </c>
      <c r="K8324">
        <v>4.1399999999999997</v>
      </c>
    </row>
    <row r="8325" spans="1:11" x14ac:dyDescent="0.3">
      <c r="A8325" s="1">
        <v>42980</v>
      </c>
      <c r="B8325" s="3">
        <f t="shared" si="260"/>
        <v>9</v>
      </c>
      <c r="C8325" s="3">
        <f t="shared" si="261"/>
        <v>2017</v>
      </c>
      <c r="D8325" t="s">
        <v>2431</v>
      </c>
      <c r="E8325" t="s">
        <v>109</v>
      </c>
      <c r="F8325" t="s">
        <v>38</v>
      </c>
      <c r="G8325" t="s">
        <v>39</v>
      </c>
      <c r="H8325" t="s">
        <v>2018</v>
      </c>
      <c r="I8325">
        <v>1199.8</v>
      </c>
      <c r="J8325">
        <v>4</v>
      </c>
      <c r="K8325">
        <v>323.95</v>
      </c>
    </row>
    <row r="8326" spans="1:11" x14ac:dyDescent="0.3">
      <c r="A8326" s="1">
        <v>42980</v>
      </c>
      <c r="B8326" s="3">
        <f t="shared" si="260"/>
        <v>9</v>
      </c>
      <c r="C8326" s="3">
        <f t="shared" si="261"/>
        <v>2017</v>
      </c>
      <c r="D8326" t="s">
        <v>2431</v>
      </c>
      <c r="E8326" t="s">
        <v>109</v>
      </c>
      <c r="F8326" t="s">
        <v>38</v>
      </c>
      <c r="G8326" t="s">
        <v>51</v>
      </c>
      <c r="H8326" t="s">
        <v>2695</v>
      </c>
      <c r="I8326">
        <v>1928.78</v>
      </c>
      <c r="J8326">
        <v>7</v>
      </c>
      <c r="K8326">
        <v>829.38</v>
      </c>
    </row>
    <row r="8327" spans="1:11" x14ac:dyDescent="0.3">
      <c r="A8327" s="1">
        <v>42980</v>
      </c>
      <c r="B8327" s="3">
        <f t="shared" si="260"/>
        <v>9</v>
      </c>
      <c r="C8327" s="3">
        <f t="shared" si="261"/>
        <v>2017</v>
      </c>
      <c r="D8327" t="s">
        <v>2431</v>
      </c>
      <c r="E8327" t="s">
        <v>109</v>
      </c>
      <c r="F8327" t="s">
        <v>10</v>
      </c>
      <c r="G8327" t="s">
        <v>17</v>
      </c>
      <c r="H8327" t="s">
        <v>1448</v>
      </c>
      <c r="I8327">
        <v>352.38</v>
      </c>
      <c r="J8327">
        <v>2</v>
      </c>
      <c r="K8327">
        <v>81.05</v>
      </c>
    </row>
    <row r="8328" spans="1:11" x14ac:dyDescent="0.3">
      <c r="A8328" s="1">
        <v>42980</v>
      </c>
      <c r="B8328" s="3">
        <f t="shared" si="260"/>
        <v>9</v>
      </c>
      <c r="C8328" s="3">
        <f t="shared" si="261"/>
        <v>2017</v>
      </c>
      <c r="D8328" t="s">
        <v>2165</v>
      </c>
      <c r="E8328" t="s">
        <v>22</v>
      </c>
      <c r="F8328" t="s">
        <v>10</v>
      </c>
      <c r="G8328" t="s">
        <v>11</v>
      </c>
      <c r="H8328" t="s">
        <v>1530</v>
      </c>
      <c r="I8328">
        <v>12.19</v>
      </c>
      <c r="J8328">
        <v>3</v>
      </c>
      <c r="K8328">
        <v>4.1100000000000003</v>
      </c>
    </row>
    <row r="8329" spans="1:11" x14ac:dyDescent="0.3">
      <c r="A8329" s="1">
        <v>42980</v>
      </c>
      <c r="B8329" s="3">
        <f t="shared" si="260"/>
        <v>9</v>
      </c>
      <c r="C8329" s="3">
        <f t="shared" si="261"/>
        <v>2017</v>
      </c>
      <c r="D8329" t="s">
        <v>2557</v>
      </c>
      <c r="E8329" t="s">
        <v>26</v>
      </c>
      <c r="F8329" t="s">
        <v>10</v>
      </c>
      <c r="G8329" t="s">
        <v>23</v>
      </c>
      <c r="H8329" t="s">
        <v>2669</v>
      </c>
      <c r="I8329">
        <v>6.57</v>
      </c>
      <c r="J8329">
        <v>3</v>
      </c>
      <c r="K8329">
        <v>1.77</v>
      </c>
    </row>
    <row r="8330" spans="1:11" x14ac:dyDescent="0.3">
      <c r="A8330" s="1">
        <v>42980</v>
      </c>
      <c r="B8330" s="3">
        <f t="shared" si="260"/>
        <v>9</v>
      </c>
      <c r="C8330" s="3">
        <f t="shared" si="261"/>
        <v>2017</v>
      </c>
      <c r="D8330" t="s">
        <v>2245</v>
      </c>
      <c r="E8330" t="s">
        <v>148</v>
      </c>
      <c r="F8330" t="s">
        <v>10</v>
      </c>
      <c r="G8330" t="s">
        <v>23</v>
      </c>
      <c r="H8330" t="s">
        <v>1005</v>
      </c>
      <c r="I8330">
        <v>23.1</v>
      </c>
      <c r="J8330">
        <v>2</v>
      </c>
      <c r="K8330">
        <v>6.47</v>
      </c>
    </row>
    <row r="8331" spans="1:11" x14ac:dyDescent="0.3">
      <c r="A8331" s="1">
        <v>42980</v>
      </c>
      <c r="B8331" s="3">
        <f t="shared" si="260"/>
        <v>9</v>
      </c>
      <c r="C8331" s="3">
        <f t="shared" si="261"/>
        <v>2017</v>
      </c>
      <c r="D8331" t="s">
        <v>2245</v>
      </c>
      <c r="E8331" t="s">
        <v>148</v>
      </c>
      <c r="F8331" t="s">
        <v>33</v>
      </c>
      <c r="G8331" t="s">
        <v>46</v>
      </c>
      <c r="H8331" t="s">
        <v>1449</v>
      </c>
      <c r="I8331">
        <v>11.54</v>
      </c>
      <c r="J8331">
        <v>2</v>
      </c>
      <c r="K8331">
        <v>3.46</v>
      </c>
    </row>
    <row r="8332" spans="1:11" x14ac:dyDescent="0.3">
      <c r="A8332" s="1">
        <v>42980</v>
      </c>
      <c r="B8332" s="3">
        <f t="shared" si="260"/>
        <v>9</v>
      </c>
      <c r="C8332" s="3">
        <f t="shared" si="261"/>
        <v>2017</v>
      </c>
      <c r="D8332" t="s">
        <v>2245</v>
      </c>
      <c r="E8332" t="s">
        <v>148</v>
      </c>
      <c r="F8332" t="s">
        <v>33</v>
      </c>
      <c r="G8332" t="s">
        <v>144</v>
      </c>
      <c r="H8332" t="s">
        <v>403</v>
      </c>
      <c r="I8332">
        <v>254.53</v>
      </c>
      <c r="J8332">
        <v>1</v>
      </c>
      <c r="K8332">
        <v>-93.33</v>
      </c>
    </row>
    <row r="8333" spans="1:11" x14ac:dyDescent="0.3">
      <c r="A8333" s="1">
        <v>42980</v>
      </c>
      <c r="B8333" s="3">
        <f t="shared" si="260"/>
        <v>9</v>
      </c>
      <c r="C8333" s="3">
        <f t="shared" si="261"/>
        <v>2017</v>
      </c>
      <c r="D8333" t="s">
        <v>2245</v>
      </c>
      <c r="E8333" t="s">
        <v>148</v>
      </c>
      <c r="F8333" t="s">
        <v>10</v>
      </c>
      <c r="G8333" t="s">
        <v>91</v>
      </c>
      <c r="H8333" t="s">
        <v>1348</v>
      </c>
      <c r="I8333">
        <v>12.98</v>
      </c>
      <c r="J8333">
        <v>1</v>
      </c>
      <c r="K8333">
        <v>3.76</v>
      </c>
    </row>
    <row r="8334" spans="1:11" x14ac:dyDescent="0.3">
      <c r="A8334" s="1">
        <v>42980</v>
      </c>
      <c r="B8334" s="3">
        <f t="shared" si="260"/>
        <v>9</v>
      </c>
      <c r="C8334" s="3">
        <f t="shared" si="261"/>
        <v>2017</v>
      </c>
      <c r="D8334" t="s">
        <v>2245</v>
      </c>
      <c r="E8334" t="s">
        <v>148</v>
      </c>
      <c r="F8334" t="s">
        <v>10</v>
      </c>
      <c r="G8334" t="s">
        <v>19</v>
      </c>
      <c r="H8334" t="s">
        <v>558</v>
      </c>
      <c r="I8334">
        <v>26.43</v>
      </c>
      <c r="J8334">
        <v>8</v>
      </c>
      <c r="K8334">
        <v>8.92</v>
      </c>
    </row>
    <row r="8335" spans="1:11" x14ac:dyDescent="0.3">
      <c r="A8335" s="1">
        <v>42980</v>
      </c>
      <c r="B8335" s="3">
        <f t="shared" si="260"/>
        <v>9</v>
      </c>
      <c r="C8335" s="3">
        <f t="shared" si="261"/>
        <v>2017</v>
      </c>
      <c r="D8335" t="s">
        <v>2245</v>
      </c>
      <c r="E8335" t="s">
        <v>148</v>
      </c>
      <c r="F8335" t="s">
        <v>38</v>
      </c>
      <c r="G8335" t="s">
        <v>39</v>
      </c>
      <c r="H8335" t="s">
        <v>929</v>
      </c>
      <c r="I8335">
        <v>197.97</v>
      </c>
      <c r="J8335">
        <v>3</v>
      </c>
      <c r="K8335">
        <v>57.41</v>
      </c>
    </row>
    <row r="8336" spans="1:11" x14ac:dyDescent="0.3">
      <c r="A8336" s="1">
        <v>42980</v>
      </c>
      <c r="B8336" s="3">
        <f t="shared" si="260"/>
        <v>9</v>
      </c>
      <c r="C8336" s="3">
        <f t="shared" si="261"/>
        <v>2017</v>
      </c>
      <c r="D8336" t="s">
        <v>2245</v>
      </c>
      <c r="E8336" t="s">
        <v>148</v>
      </c>
      <c r="F8336" t="s">
        <v>10</v>
      </c>
      <c r="G8336" t="s">
        <v>15</v>
      </c>
      <c r="H8336" t="s">
        <v>446</v>
      </c>
      <c r="I8336">
        <v>18.899999999999999</v>
      </c>
      <c r="J8336">
        <v>6</v>
      </c>
      <c r="K8336">
        <v>9.07</v>
      </c>
    </row>
    <row r="8337" spans="1:11" x14ac:dyDescent="0.3">
      <c r="A8337" s="1">
        <v>42980</v>
      </c>
      <c r="B8337" s="3">
        <f t="shared" si="260"/>
        <v>9</v>
      </c>
      <c r="C8337" s="3">
        <f t="shared" si="261"/>
        <v>2017</v>
      </c>
      <c r="D8337" t="s">
        <v>2245</v>
      </c>
      <c r="E8337" t="s">
        <v>148</v>
      </c>
      <c r="F8337" t="s">
        <v>33</v>
      </c>
      <c r="G8337" t="s">
        <v>34</v>
      </c>
      <c r="H8337" t="s">
        <v>293</v>
      </c>
      <c r="I8337">
        <v>1282.4100000000001</v>
      </c>
      <c r="J8337">
        <v>5</v>
      </c>
      <c r="K8337">
        <v>213.74</v>
      </c>
    </row>
    <row r="8338" spans="1:11" x14ac:dyDescent="0.3">
      <c r="A8338" s="1">
        <v>42980</v>
      </c>
      <c r="B8338" s="3">
        <f t="shared" si="260"/>
        <v>9</v>
      </c>
      <c r="C8338" s="3">
        <f t="shared" si="261"/>
        <v>2017</v>
      </c>
      <c r="D8338" t="s">
        <v>2245</v>
      </c>
      <c r="E8338" t="s">
        <v>148</v>
      </c>
      <c r="F8338" t="s">
        <v>10</v>
      </c>
      <c r="G8338" t="s">
        <v>23</v>
      </c>
      <c r="H8338" t="s">
        <v>889</v>
      </c>
      <c r="I8338">
        <v>4.92</v>
      </c>
      <c r="J8338">
        <v>3</v>
      </c>
      <c r="K8338">
        <v>2.21</v>
      </c>
    </row>
    <row r="8339" spans="1:11" x14ac:dyDescent="0.3">
      <c r="A8339" s="1">
        <v>42980</v>
      </c>
      <c r="B8339" s="3">
        <f t="shared" si="260"/>
        <v>9</v>
      </c>
      <c r="C8339" s="3">
        <f t="shared" si="261"/>
        <v>2017</v>
      </c>
      <c r="D8339" t="s">
        <v>2245</v>
      </c>
      <c r="E8339" t="s">
        <v>148</v>
      </c>
      <c r="F8339" t="s">
        <v>38</v>
      </c>
      <c r="G8339" t="s">
        <v>51</v>
      </c>
      <c r="H8339" t="s">
        <v>1031</v>
      </c>
      <c r="I8339">
        <v>238</v>
      </c>
      <c r="J8339">
        <v>2</v>
      </c>
      <c r="K8339">
        <v>38.08</v>
      </c>
    </row>
    <row r="8340" spans="1:11" x14ac:dyDescent="0.3">
      <c r="A8340" s="1">
        <v>42980</v>
      </c>
      <c r="B8340" s="3">
        <f t="shared" si="260"/>
        <v>9</v>
      </c>
      <c r="C8340" s="3">
        <f t="shared" si="261"/>
        <v>2017</v>
      </c>
      <c r="D8340" t="s">
        <v>2245</v>
      </c>
      <c r="E8340" t="s">
        <v>148</v>
      </c>
      <c r="F8340" t="s">
        <v>38</v>
      </c>
      <c r="G8340" t="s">
        <v>51</v>
      </c>
      <c r="H8340" t="s">
        <v>635</v>
      </c>
      <c r="I8340">
        <v>167.97</v>
      </c>
      <c r="J8340">
        <v>3</v>
      </c>
      <c r="K8340">
        <v>40.31</v>
      </c>
    </row>
    <row r="8341" spans="1:11" x14ac:dyDescent="0.3">
      <c r="A8341" s="1">
        <v>42980</v>
      </c>
      <c r="B8341" s="3">
        <f t="shared" si="260"/>
        <v>9</v>
      </c>
      <c r="C8341" s="3">
        <f t="shared" si="261"/>
        <v>2017</v>
      </c>
      <c r="D8341" t="s">
        <v>2245</v>
      </c>
      <c r="E8341" t="s">
        <v>148</v>
      </c>
      <c r="F8341" t="s">
        <v>10</v>
      </c>
      <c r="G8341" t="s">
        <v>11</v>
      </c>
      <c r="H8341" t="s">
        <v>2068</v>
      </c>
      <c r="I8341">
        <v>17.12</v>
      </c>
      <c r="J8341">
        <v>4</v>
      </c>
      <c r="K8341">
        <v>7.7</v>
      </c>
    </row>
    <row r="8342" spans="1:11" x14ac:dyDescent="0.3">
      <c r="A8342" s="1">
        <v>42980</v>
      </c>
      <c r="B8342" s="3">
        <f t="shared" si="260"/>
        <v>9</v>
      </c>
      <c r="C8342" s="3">
        <f t="shared" si="261"/>
        <v>2017</v>
      </c>
      <c r="D8342" t="s">
        <v>2011</v>
      </c>
      <c r="E8342" t="s">
        <v>26</v>
      </c>
      <c r="F8342" t="s">
        <v>10</v>
      </c>
      <c r="G8342" t="s">
        <v>23</v>
      </c>
      <c r="H8342" t="s">
        <v>843</v>
      </c>
      <c r="I8342">
        <v>9.4</v>
      </c>
      <c r="J8342">
        <v>5</v>
      </c>
      <c r="K8342">
        <v>2.73</v>
      </c>
    </row>
    <row r="8343" spans="1:11" x14ac:dyDescent="0.3">
      <c r="A8343" s="1">
        <v>42980</v>
      </c>
      <c r="B8343" s="3">
        <f t="shared" si="260"/>
        <v>9</v>
      </c>
      <c r="C8343" s="3">
        <f t="shared" si="261"/>
        <v>2017</v>
      </c>
      <c r="D8343" t="s">
        <v>2011</v>
      </c>
      <c r="E8343" t="s">
        <v>26</v>
      </c>
      <c r="F8343" t="s">
        <v>10</v>
      </c>
      <c r="G8343" t="s">
        <v>15</v>
      </c>
      <c r="H8343" t="s">
        <v>363</v>
      </c>
      <c r="I8343">
        <v>74</v>
      </c>
      <c r="J8343">
        <v>5</v>
      </c>
      <c r="K8343">
        <v>37</v>
      </c>
    </row>
    <row r="8344" spans="1:11" x14ac:dyDescent="0.3">
      <c r="A8344" s="1">
        <v>42980</v>
      </c>
      <c r="B8344" s="3">
        <f t="shared" si="260"/>
        <v>9</v>
      </c>
      <c r="C8344" s="3">
        <f t="shared" si="261"/>
        <v>2017</v>
      </c>
      <c r="D8344" t="s">
        <v>2011</v>
      </c>
      <c r="E8344" t="s">
        <v>26</v>
      </c>
      <c r="F8344" t="s">
        <v>38</v>
      </c>
      <c r="G8344" t="s">
        <v>39</v>
      </c>
      <c r="H8344" t="s">
        <v>374</v>
      </c>
      <c r="I8344">
        <v>201.58</v>
      </c>
      <c r="J8344">
        <v>2</v>
      </c>
      <c r="K8344">
        <v>12.6</v>
      </c>
    </row>
    <row r="8345" spans="1:11" x14ac:dyDescent="0.3">
      <c r="A8345" s="1">
        <v>42980</v>
      </c>
      <c r="B8345" s="3">
        <f t="shared" si="260"/>
        <v>9</v>
      </c>
      <c r="C8345" s="3">
        <f t="shared" si="261"/>
        <v>2017</v>
      </c>
      <c r="D8345" t="s">
        <v>2549</v>
      </c>
      <c r="E8345" t="s">
        <v>612</v>
      </c>
      <c r="F8345" t="s">
        <v>10</v>
      </c>
      <c r="G8345" t="s">
        <v>17</v>
      </c>
      <c r="H8345" t="s">
        <v>348</v>
      </c>
      <c r="I8345">
        <v>10.9</v>
      </c>
      <c r="J8345">
        <v>1</v>
      </c>
      <c r="K8345">
        <v>2.83</v>
      </c>
    </row>
    <row r="8346" spans="1:11" x14ac:dyDescent="0.3">
      <c r="A8346" s="1">
        <v>42980</v>
      </c>
      <c r="B8346" s="3">
        <f t="shared" si="260"/>
        <v>9</v>
      </c>
      <c r="C8346" s="3">
        <f t="shared" si="261"/>
        <v>2017</v>
      </c>
      <c r="D8346" t="s">
        <v>2549</v>
      </c>
      <c r="E8346" t="s">
        <v>612</v>
      </c>
      <c r="F8346" t="s">
        <v>10</v>
      </c>
      <c r="G8346" t="s">
        <v>11</v>
      </c>
      <c r="H8346" t="s">
        <v>2201</v>
      </c>
      <c r="I8346">
        <v>79.92</v>
      </c>
      <c r="J8346">
        <v>4</v>
      </c>
      <c r="K8346">
        <v>37.56</v>
      </c>
    </row>
    <row r="8347" spans="1:11" x14ac:dyDescent="0.3">
      <c r="A8347" s="1">
        <v>42980</v>
      </c>
      <c r="B8347" s="3">
        <f t="shared" si="260"/>
        <v>9</v>
      </c>
      <c r="C8347" s="3">
        <f t="shared" si="261"/>
        <v>2017</v>
      </c>
      <c r="D8347" t="s">
        <v>2549</v>
      </c>
      <c r="E8347" t="s">
        <v>612</v>
      </c>
      <c r="F8347" t="s">
        <v>10</v>
      </c>
      <c r="G8347" t="s">
        <v>11</v>
      </c>
      <c r="H8347" t="s">
        <v>2210</v>
      </c>
      <c r="I8347">
        <v>146.82</v>
      </c>
      <c r="J8347">
        <v>3</v>
      </c>
      <c r="K8347">
        <v>73.41</v>
      </c>
    </row>
    <row r="8348" spans="1:11" x14ac:dyDescent="0.3">
      <c r="A8348" s="1">
        <v>42980</v>
      </c>
      <c r="B8348" s="3">
        <f t="shared" si="260"/>
        <v>9</v>
      </c>
      <c r="C8348" s="3">
        <f t="shared" si="261"/>
        <v>2017</v>
      </c>
      <c r="D8348" t="s">
        <v>248</v>
      </c>
      <c r="E8348" t="s">
        <v>14</v>
      </c>
      <c r="F8348" t="s">
        <v>10</v>
      </c>
      <c r="G8348" t="s">
        <v>42</v>
      </c>
      <c r="H8348" t="s">
        <v>1246</v>
      </c>
      <c r="I8348">
        <v>16</v>
      </c>
      <c r="J8348">
        <v>4</v>
      </c>
      <c r="K8348">
        <v>5.6</v>
      </c>
    </row>
    <row r="8349" spans="1:11" x14ac:dyDescent="0.3">
      <c r="A8349" s="1">
        <v>42980</v>
      </c>
      <c r="B8349" s="3">
        <f t="shared" si="260"/>
        <v>9</v>
      </c>
      <c r="C8349" s="3">
        <f t="shared" si="261"/>
        <v>2017</v>
      </c>
      <c r="D8349" t="s">
        <v>248</v>
      </c>
      <c r="E8349" t="s">
        <v>14</v>
      </c>
      <c r="F8349" t="s">
        <v>10</v>
      </c>
      <c r="G8349" t="s">
        <v>91</v>
      </c>
      <c r="H8349" t="s">
        <v>1837</v>
      </c>
      <c r="I8349">
        <v>5.59</v>
      </c>
      <c r="J8349">
        <v>2</v>
      </c>
      <c r="K8349">
        <v>-15.09</v>
      </c>
    </row>
    <row r="8350" spans="1:11" x14ac:dyDescent="0.3">
      <c r="A8350" s="1">
        <v>42980</v>
      </c>
      <c r="B8350" s="3">
        <f t="shared" si="260"/>
        <v>9</v>
      </c>
      <c r="C8350" s="3">
        <f t="shared" si="261"/>
        <v>2017</v>
      </c>
      <c r="D8350" t="s">
        <v>248</v>
      </c>
      <c r="E8350" t="s">
        <v>14</v>
      </c>
      <c r="F8350" t="s">
        <v>10</v>
      </c>
      <c r="G8350" t="s">
        <v>17</v>
      </c>
      <c r="H8350" t="s">
        <v>2230</v>
      </c>
      <c r="I8350">
        <v>235.92</v>
      </c>
      <c r="J8350">
        <v>5</v>
      </c>
      <c r="K8350">
        <v>-44.24</v>
      </c>
    </row>
    <row r="8351" spans="1:11" x14ac:dyDescent="0.3">
      <c r="A8351" s="1">
        <v>42980</v>
      </c>
      <c r="B8351" s="3">
        <f t="shared" si="260"/>
        <v>9</v>
      </c>
      <c r="C8351" s="3">
        <f t="shared" si="261"/>
        <v>2017</v>
      </c>
      <c r="D8351" t="s">
        <v>830</v>
      </c>
      <c r="E8351" t="s">
        <v>14</v>
      </c>
      <c r="F8351" t="s">
        <v>38</v>
      </c>
      <c r="G8351" t="s">
        <v>51</v>
      </c>
      <c r="H8351" t="s">
        <v>476</v>
      </c>
      <c r="I8351">
        <v>40.68</v>
      </c>
      <c r="J8351">
        <v>3</v>
      </c>
      <c r="K8351">
        <v>-7.12</v>
      </c>
    </row>
    <row r="8352" spans="1:11" x14ac:dyDescent="0.3">
      <c r="A8352" s="1">
        <v>42980</v>
      </c>
      <c r="B8352" s="3">
        <f t="shared" si="260"/>
        <v>9</v>
      </c>
      <c r="C8352" s="3">
        <f t="shared" si="261"/>
        <v>2017</v>
      </c>
      <c r="D8352" t="s">
        <v>713</v>
      </c>
      <c r="E8352" t="s">
        <v>26</v>
      </c>
      <c r="F8352" t="s">
        <v>10</v>
      </c>
      <c r="G8352" t="s">
        <v>19</v>
      </c>
      <c r="H8352" t="s">
        <v>1119</v>
      </c>
      <c r="I8352">
        <v>18.72</v>
      </c>
      <c r="J8352">
        <v>5</v>
      </c>
      <c r="K8352">
        <v>6.55</v>
      </c>
    </row>
    <row r="8353" spans="1:11" x14ac:dyDescent="0.3">
      <c r="A8353" s="1">
        <v>42980</v>
      </c>
      <c r="B8353" s="3">
        <f t="shared" si="260"/>
        <v>9</v>
      </c>
      <c r="C8353" s="3">
        <f t="shared" si="261"/>
        <v>2017</v>
      </c>
      <c r="D8353" t="s">
        <v>713</v>
      </c>
      <c r="E8353" t="s">
        <v>26</v>
      </c>
      <c r="F8353" t="s">
        <v>33</v>
      </c>
      <c r="G8353" t="s">
        <v>144</v>
      </c>
      <c r="H8353" t="s">
        <v>1332</v>
      </c>
      <c r="I8353">
        <v>236.53</v>
      </c>
      <c r="J8353">
        <v>2</v>
      </c>
      <c r="K8353">
        <v>-2.96</v>
      </c>
    </row>
    <row r="8354" spans="1:11" x14ac:dyDescent="0.3">
      <c r="A8354" s="1">
        <v>42980</v>
      </c>
      <c r="B8354" s="3">
        <f t="shared" si="260"/>
        <v>9</v>
      </c>
      <c r="C8354" s="3">
        <f t="shared" si="261"/>
        <v>2017</v>
      </c>
      <c r="D8354" t="s">
        <v>2380</v>
      </c>
      <c r="E8354" t="s">
        <v>163</v>
      </c>
      <c r="F8354" t="s">
        <v>33</v>
      </c>
      <c r="G8354" t="s">
        <v>34</v>
      </c>
      <c r="H8354" t="s">
        <v>2028</v>
      </c>
      <c r="I8354">
        <v>215.98</v>
      </c>
      <c r="J8354">
        <v>3</v>
      </c>
      <c r="K8354">
        <v>-2.7</v>
      </c>
    </row>
    <row r="8355" spans="1:11" x14ac:dyDescent="0.3">
      <c r="A8355" s="1">
        <v>42980</v>
      </c>
      <c r="B8355" s="3">
        <f t="shared" si="260"/>
        <v>9</v>
      </c>
      <c r="C8355" s="3">
        <f t="shared" si="261"/>
        <v>2017</v>
      </c>
      <c r="D8355" t="s">
        <v>1722</v>
      </c>
      <c r="E8355" t="s">
        <v>32</v>
      </c>
      <c r="F8355" t="s">
        <v>10</v>
      </c>
      <c r="G8355" t="s">
        <v>19</v>
      </c>
      <c r="H8355" t="s">
        <v>1776</v>
      </c>
      <c r="I8355">
        <v>1577.94</v>
      </c>
      <c r="J8355">
        <v>3</v>
      </c>
      <c r="K8355">
        <v>757.41</v>
      </c>
    </row>
    <row r="8356" spans="1:11" x14ac:dyDescent="0.3">
      <c r="A8356" s="1">
        <v>42980</v>
      </c>
      <c r="B8356" s="3">
        <f t="shared" si="260"/>
        <v>9</v>
      </c>
      <c r="C8356" s="3">
        <f t="shared" si="261"/>
        <v>2017</v>
      </c>
      <c r="D8356" t="s">
        <v>1285</v>
      </c>
      <c r="E8356" t="s">
        <v>277</v>
      </c>
      <c r="F8356" t="s">
        <v>10</v>
      </c>
      <c r="G8356" t="s">
        <v>15</v>
      </c>
      <c r="H8356" t="s">
        <v>1433</v>
      </c>
      <c r="I8356">
        <v>11.7</v>
      </c>
      <c r="J8356">
        <v>2</v>
      </c>
      <c r="K8356">
        <v>3.95</v>
      </c>
    </row>
    <row r="8357" spans="1:11" x14ac:dyDescent="0.3">
      <c r="A8357" s="1">
        <v>42980</v>
      </c>
      <c r="B8357" s="3">
        <f t="shared" si="260"/>
        <v>9</v>
      </c>
      <c r="C8357" s="3">
        <f t="shared" si="261"/>
        <v>2017</v>
      </c>
      <c r="D8357" t="s">
        <v>575</v>
      </c>
      <c r="E8357" t="s">
        <v>26</v>
      </c>
      <c r="F8357" t="s">
        <v>10</v>
      </c>
      <c r="G8357" t="s">
        <v>91</v>
      </c>
      <c r="H8357" t="s">
        <v>1386</v>
      </c>
      <c r="I8357">
        <v>43.1</v>
      </c>
      <c r="J8357">
        <v>5</v>
      </c>
      <c r="K8357">
        <v>11.21</v>
      </c>
    </row>
    <row r="8358" spans="1:11" x14ac:dyDescent="0.3">
      <c r="A8358" s="1">
        <v>42980</v>
      </c>
      <c r="B8358" s="3">
        <f t="shared" si="260"/>
        <v>9</v>
      </c>
      <c r="C8358" s="3">
        <f t="shared" si="261"/>
        <v>2017</v>
      </c>
      <c r="D8358" t="s">
        <v>575</v>
      </c>
      <c r="E8358" t="s">
        <v>26</v>
      </c>
      <c r="F8358" t="s">
        <v>33</v>
      </c>
      <c r="G8358" t="s">
        <v>46</v>
      </c>
      <c r="H8358" t="s">
        <v>1396</v>
      </c>
      <c r="I8358">
        <v>511.5</v>
      </c>
      <c r="J8358">
        <v>5</v>
      </c>
      <c r="K8358">
        <v>132.99</v>
      </c>
    </row>
    <row r="8359" spans="1:11" x14ac:dyDescent="0.3">
      <c r="A8359" s="1">
        <v>42980</v>
      </c>
      <c r="B8359" s="3">
        <f t="shared" si="260"/>
        <v>9</v>
      </c>
      <c r="C8359" s="3">
        <f t="shared" si="261"/>
        <v>2017</v>
      </c>
      <c r="D8359" t="s">
        <v>575</v>
      </c>
      <c r="E8359" t="s">
        <v>26</v>
      </c>
      <c r="F8359" t="s">
        <v>10</v>
      </c>
      <c r="G8359" t="s">
        <v>19</v>
      </c>
      <c r="H8359" t="s">
        <v>2021</v>
      </c>
      <c r="I8359">
        <v>147.91999999999999</v>
      </c>
      <c r="J8359">
        <v>5</v>
      </c>
      <c r="K8359">
        <v>46.23</v>
      </c>
    </row>
    <row r="8360" spans="1:11" x14ac:dyDescent="0.3">
      <c r="A8360" s="1">
        <v>42981</v>
      </c>
      <c r="B8360" s="3">
        <f t="shared" si="260"/>
        <v>9</v>
      </c>
      <c r="C8360" s="3">
        <f t="shared" si="261"/>
        <v>2017</v>
      </c>
      <c r="D8360" t="s">
        <v>914</v>
      </c>
      <c r="E8360" t="s">
        <v>14</v>
      </c>
      <c r="F8360" t="s">
        <v>10</v>
      </c>
      <c r="G8360" t="s">
        <v>19</v>
      </c>
      <c r="H8360" t="s">
        <v>1280</v>
      </c>
      <c r="I8360">
        <v>42.62</v>
      </c>
      <c r="J8360">
        <v>7</v>
      </c>
      <c r="K8360">
        <v>-68.19</v>
      </c>
    </row>
    <row r="8361" spans="1:11" x14ac:dyDescent="0.3">
      <c r="A8361" s="1">
        <v>42981</v>
      </c>
      <c r="B8361" s="3">
        <f t="shared" si="260"/>
        <v>9</v>
      </c>
      <c r="C8361" s="3">
        <f t="shared" si="261"/>
        <v>2017</v>
      </c>
      <c r="D8361" t="s">
        <v>1151</v>
      </c>
      <c r="E8361" t="s">
        <v>122</v>
      </c>
      <c r="F8361" t="s">
        <v>10</v>
      </c>
      <c r="G8361" t="s">
        <v>62</v>
      </c>
      <c r="H8361" t="s">
        <v>1443</v>
      </c>
      <c r="I8361">
        <v>24.45</v>
      </c>
      <c r="J8361">
        <v>4</v>
      </c>
      <c r="K8361">
        <v>8.86</v>
      </c>
    </row>
    <row r="8362" spans="1:11" x14ac:dyDescent="0.3">
      <c r="A8362" s="1">
        <v>42981</v>
      </c>
      <c r="B8362" s="3">
        <f t="shared" si="260"/>
        <v>9</v>
      </c>
      <c r="C8362" s="3">
        <f t="shared" si="261"/>
        <v>2017</v>
      </c>
      <c r="D8362" t="s">
        <v>572</v>
      </c>
      <c r="E8362" t="s">
        <v>26</v>
      </c>
      <c r="F8362" t="s">
        <v>10</v>
      </c>
      <c r="G8362" t="s">
        <v>23</v>
      </c>
      <c r="H8362" t="s">
        <v>997</v>
      </c>
      <c r="I8362">
        <v>5.96</v>
      </c>
      <c r="J8362">
        <v>2</v>
      </c>
      <c r="K8362">
        <v>1.67</v>
      </c>
    </row>
    <row r="8363" spans="1:11" x14ac:dyDescent="0.3">
      <c r="A8363" s="1">
        <v>42981</v>
      </c>
      <c r="B8363" s="3">
        <f t="shared" si="260"/>
        <v>9</v>
      </c>
      <c r="C8363" s="3">
        <f t="shared" si="261"/>
        <v>2017</v>
      </c>
      <c r="D8363" t="s">
        <v>342</v>
      </c>
      <c r="E8363" t="s">
        <v>26</v>
      </c>
      <c r="F8363" t="s">
        <v>10</v>
      </c>
      <c r="G8363" t="s">
        <v>19</v>
      </c>
      <c r="H8363" t="s">
        <v>1174</v>
      </c>
      <c r="I8363">
        <v>82.56</v>
      </c>
      <c r="J8363">
        <v>5</v>
      </c>
      <c r="K8363">
        <v>28.9</v>
      </c>
    </row>
    <row r="8364" spans="1:11" x14ac:dyDescent="0.3">
      <c r="A8364" s="1">
        <v>42981</v>
      </c>
      <c r="B8364" s="3">
        <f t="shared" si="260"/>
        <v>9</v>
      </c>
      <c r="C8364" s="3">
        <f t="shared" si="261"/>
        <v>2017</v>
      </c>
      <c r="D8364" t="s">
        <v>342</v>
      </c>
      <c r="E8364" t="s">
        <v>26</v>
      </c>
      <c r="F8364" t="s">
        <v>38</v>
      </c>
      <c r="G8364" t="s">
        <v>51</v>
      </c>
      <c r="H8364" t="s">
        <v>543</v>
      </c>
      <c r="I8364">
        <v>284.97000000000003</v>
      </c>
      <c r="J8364">
        <v>3</v>
      </c>
      <c r="K8364">
        <v>85.49</v>
      </c>
    </row>
    <row r="8365" spans="1:11" x14ac:dyDescent="0.3">
      <c r="A8365" s="1">
        <v>42981</v>
      </c>
      <c r="B8365" s="3">
        <f t="shared" si="260"/>
        <v>9</v>
      </c>
      <c r="C8365" s="3">
        <f t="shared" si="261"/>
        <v>2017</v>
      </c>
      <c r="D8365" t="s">
        <v>2346</v>
      </c>
      <c r="E8365" t="s">
        <v>148</v>
      </c>
      <c r="F8365" t="s">
        <v>10</v>
      </c>
      <c r="G8365" t="s">
        <v>11</v>
      </c>
      <c r="H8365" t="s">
        <v>978</v>
      </c>
      <c r="I8365">
        <v>419.4</v>
      </c>
      <c r="J8365">
        <v>4</v>
      </c>
      <c r="K8365">
        <v>201.31</v>
      </c>
    </row>
    <row r="8366" spans="1:11" x14ac:dyDescent="0.3">
      <c r="A8366" s="1">
        <v>42981</v>
      </c>
      <c r="B8366" s="3">
        <f t="shared" si="260"/>
        <v>9</v>
      </c>
      <c r="C8366" s="3">
        <f t="shared" si="261"/>
        <v>2017</v>
      </c>
      <c r="D8366" t="s">
        <v>2346</v>
      </c>
      <c r="E8366" t="s">
        <v>148</v>
      </c>
      <c r="F8366" t="s">
        <v>33</v>
      </c>
      <c r="G8366" t="s">
        <v>34</v>
      </c>
      <c r="H8366" t="s">
        <v>1483</v>
      </c>
      <c r="I8366">
        <v>90.8</v>
      </c>
      <c r="J8366">
        <v>1</v>
      </c>
      <c r="K8366">
        <v>14.12</v>
      </c>
    </row>
    <row r="8367" spans="1:11" x14ac:dyDescent="0.3">
      <c r="A8367" s="1">
        <v>42981</v>
      </c>
      <c r="B8367" s="3">
        <f t="shared" si="260"/>
        <v>9</v>
      </c>
      <c r="C8367" s="3">
        <f t="shared" si="261"/>
        <v>2017</v>
      </c>
      <c r="D8367" t="s">
        <v>2346</v>
      </c>
      <c r="E8367" t="s">
        <v>148</v>
      </c>
      <c r="F8367" t="s">
        <v>33</v>
      </c>
      <c r="G8367" t="s">
        <v>34</v>
      </c>
      <c r="H8367" t="s">
        <v>1818</v>
      </c>
      <c r="I8367">
        <v>181.76</v>
      </c>
      <c r="J8367">
        <v>2</v>
      </c>
      <c r="K8367">
        <v>-8.08</v>
      </c>
    </row>
    <row r="8368" spans="1:11" x14ac:dyDescent="0.3">
      <c r="A8368" s="1">
        <v>42981</v>
      </c>
      <c r="B8368" s="3">
        <f t="shared" si="260"/>
        <v>9</v>
      </c>
      <c r="C8368" s="3">
        <f t="shared" si="261"/>
        <v>2017</v>
      </c>
      <c r="D8368" t="s">
        <v>2346</v>
      </c>
      <c r="E8368" t="s">
        <v>148</v>
      </c>
      <c r="F8368" t="s">
        <v>10</v>
      </c>
      <c r="G8368" t="s">
        <v>23</v>
      </c>
      <c r="H8368" t="s">
        <v>868</v>
      </c>
      <c r="I8368">
        <v>5.56</v>
      </c>
      <c r="J8368">
        <v>2</v>
      </c>
      <c r="K8368">
        <v>2.2200000000000002</v>
      </c>
    </row>
    <row r="8369" spans="1:11" x14ac:dyDescent="0.3">
      <c r="A8369" s="1">
        <v>42981</v>
      </c>
      <c r="B8369" s="3">
        <f t="shared" si="260"/>
        <v>9</v>
      </c>
      <c r="C8369" s="3">
        <f t="shared" si="261"/>
        <v>2017</v>
      </c>
      <c r="D8369" t="s">
        <v>1651</v>
      </c>
      <c r="E8369" t="s">
        <v>26</v>
      </c>
      <c r="F8369" t="s">
        <v>33</v>
      </c>
      <c r="G8369" t="s">
        <v>73</v>
      </c>
      <c r="H8369" t="s">
        <v>341</v>
      </c>
      <c r="I8369">
        <v>239.67</v>
      </c>
      <c r="J8369">
        <v>2</v>
      </c>
      <c r="K8369">
        <v>14.1</v>
      </c>
    </row>
    <row r="8370" spans="1:11" x14ac:dyDescent="0.3">
      <c r="A8370" s="1">
        <v>42981</v>
      </c>
      <c r="B8370" s="3">
        <f t="shared" si="260"/>
        <v>9</v>
      </c>
      <c r="C8370" s="3">
        <f t="shared" si="261"/>
        <v>2017</v>
      </c>
      <c r="D8370" t="s">
        <v>1004</v>
      </c>
      <c r="E8370" t="s">
        <v>9</v>
      </c>
      <c r="F8370" t="s">
        <v>33</v>
      </c>
      <c r="G8370" t="s">
        <v>46</v>
      </c>
      <c r="H8370" t="s">
        <v>1995</v>
      </c>
      <c r="I8370">
        <v>108.4</v>
      </c>
      <c r="J8370">
        <v>5</v>
      </c>
      <c r="K8370">
        <v>-105.69</v>
      </c>
    </row>
    <row r="8371" spans="1:11" x14ac:dyDescent="0.3">
      <c r="A8371" s="1">
        <v>42981</v>
      </c>
      <c r="B8371" s="3">
        <f t="shared" si="260"/>
        <v>9</v>
      </c>
      <c r="C8371" s="3">
        <f t="shared" si="261"/>
        <v>2017</v>
      </c>
      <c r="D8371" t="s">
        <v>577</v>
      </c>
      <c r="E8371" t="s">
        <v>14</v>
      </c>
      <c r="F8371" t="s">
        <v>10</v>
      </c>
      <c r="G8371" t="s">
        <v>11</v>
      </c>
      <c r="H8371" t="s">
        <v>2696</v>
      </c>
      <c r="I8371">
        <v>8.9</v>
      </c>
      <c r="J8371">
        <v>3</v>
      </c>
      <c r="K8371">
        <v>3.34</v>
      </c>
    </row>
    <row r="8372" spans="1:11" x14ac:dyDescent="0.3">
      <c r="A8372" s="1">
        <v>42981</v>
      </c>
      <c r="B8372" s="3">
        <f t="shared" si="260"/>
        <v>9</v>
      </c>
      <c r="C8372" s="3">
        <f t="shared" si="261"/>
        <v>2017</v>
      </c>
      <c r="D8372" t="s">
        <v>577</v>
      </c>
      <c r="E8372" t="s">
        <v>14</v>
      </c>
      <c r="F8372" t="s">
        <v>38</v>
      </c>
      <c r="G8372" t="s">
        <v>51</v>
      </c>
      <c r="H8372" t="s">
        <v>242</v>
      </c>
      <c r="I8372">
        <v>100.8</v>
      </c>
      <c r="J8372">
        <v>2</v>
      </c>
      <c r="K8372">
        <v>21.42</v>
      </c>
    </row>
    <row r="8373" spans="1:11" x14ac:dyDescent="0.3">
      <c r="A8373" s="1">
        <v>42982</v>
      </c>
      <c r="B8373" s="3">
        <f t="shared" si="260"/>
        <v>9</v>
      </c>
      <c r="C8373" s="3">
        <f t="shared" si="261"/>
        <v>2017</v>
      </c>
      <c r="D8373" t="s">
        <v>1993</v>
      </c>
      <c r="E8373" t="s">
        <v>9</v>
      </c>
      <c r="F8373" t="s">
        <v>10</v>
      </c>
      <c r="G8373" t="s">
        <v>23</v>
      </c>
      <c r="H8373" t="s">
        <v>2350</v>
      </c>
      <c r="I8373">
        <v>10.19</v>
      </c>
      <c r="J8373">
        <v>7</v>
      </c>
      <c r="K8373">
        <v>3.19</v>
      </c>
    </row>
    <row r="8374" spans="1:11" x14ac:dyDescent="0.3">
      <c r="A8374" s="1">
        <v>42982</v>
      </c>
      <c r="B8374" s="3">
        <f t="shared" si="260"/>
        <v>9</v>
      </c>
      <c r="C8374" s="3">
        <f t="shared" si="261"/>
        <v>2017</v>
      </c>
      <c r="D8374" t="s">
        <v>1993</v>
      </c>
      <c r="E8374" t="s">
        <v>9</v>
      </c>
      <c r="F8374" t="s">
        <v>10</v>
      </c>
      <c r="G8374" t="s">
        <v>17</v>
      </c>
      <c r="H8374" t="s">
        <v>1591</v>
      </c>
      <c r="I8374">
        <v>16.78</v>
      </c>
      <c r="J8374">
        <v>1</v>
      </c>
      <c r="K8374">
        <v>-0.21</v>
      </c>
    </row>
    <row r="8375" spans="1:11" x14ac:dyDescent="0.3">
      <c r="A8375" s="1">
        <v>42982</v>
      </c>
      <c r="B8375" s="3">
        <f t="shared" si="260"/>
        <v>9</v>
      </c>
      <c r="C8375" s="3">
        <f t="shared" si="261"/>
        <v>2017</v>
      </c>
      <c r="D8375" t="s">
        <v>1993</v>
      </c>
      <c r="E8375" t="s">
        <v>9</v>
      </c>
      <c r="F8375" t="s">
        <v>10</v>
      </c>
      <c r="G8375" t="s">
        <v>23</v>
      </c>
      <c r="H8375" t="s">
        <v>2356</v>
      </c>
      <c r="I8375">
        <v>13.12</v>
      </c>
      <c r="J8375">
        <v>5</v>
      </c>
      <c r="K8375">
        <v>3.77</v>
      </c>
    </row>
    <row r="8376" spans="1:11" x14ac:dyDescent="0.3">
      <c r="A8376" s="1">
        <v>42982</v>
      </c>
      <c r="B8376" s="3">
        <f t="shared" si="260"/>
        <v>9</v>
      </c>
      <c r="C8376" s="3">
        <f t="shared" si="261"/>
        <v>2017</v>
      </c>
      <c r="D8376" t="s">
        <v>258</v>
      </c>
      <c r="E8376" t="s">
        <v>148</v>
      </c>
      <c r="F8376" t="s">
        <v>38</v>
      </c>
      <c r="G8376" t="s">
        <v>51</v>
      </c>
      <c r="H8376" t="s">
        <v>1968</v>
      </c>
      <c r="I8376">
        <v>91.96</v>
      </c>
      <c r="J8376">
        <v>4</v>
      </c>
      <c r="K8376">
        <v>39.54</v>
      </c>
    </row>
    <row r="8377" spans="1:11" x14ac:dyDescent="0.3">
      <c r="A8377" s="1">
        <v>42982</v>
      </c>
      <c r="B8377" s="3">
        <f t="shared" si="260"/>
        <v>9</v>
      </c>
      <c r="C8377" s="3">
        <f t="shared" si="261"/>
        <v>2017</v>
      </c>
      <c r="D8377" t="s">
        <v>457</v>
      </c>
      <c r="E8377" t="s">
        <v>26</v>
      </c>
      <c r="F8377" t="s">
        <v>33</v>
      </c>
      <c r="G8377" t="s">
        <v>144</v>
      </c>
      <c r="H8377" t="s">
        <v>401</v>
      </c>
      <c r="I8377">
        <v>1322.35</v>
      </c>
      <c r="J8377">
        <v>3</v>
      </c>
      <c r="K8377">
        <v>-99.18</v>
      </c>
    </row>
    <row r="8378" spans="1:11" x14ac:dyDescent="0.3">
      <c r="A8378" s="1">
        <v>42982</v>
      </c>
      <c r="B8378" s="3">
        <f t="shared" si="260"/>
        <v>9</v>
      </c>
      <c r="C8378" s="3">
        <f t="shared" si="261"/>
        <v>2017</v>
      </c>
      <c r="D8378" t="s">
        <v>2346</v>
      </c>
      <c r="E8378" t="s">
        <v>26</v>
      </c>
      <c r="F8378" t="s">
        <v>10</v>
      </c>
      <c r="G8378" t="s">
        <v>11</v>
      </c>
      <c r="H8378" t="s">
        <v>218</v>
      </c>
      <c r="I8378">
        <v>12.96</v>
      </c>
      <c r="J8378">
        <v>2</v>
      </c>
      <c r="K8378">
        <v>6.22</v>
      </c>
    </row>
    <row r="8379" spans="1:11" x14ac:dyDescent="0.3">
      <c r="A8379" s="1">
        <v>42982</v>
      </c>
      <c r="B8379" s="3">
        <f t="shared" si="260"/>
        <v>9</v>
      </c>
      <c r="C8379" s="3">
        <f t="shared" si="261"/>
        <v>2017</v>
      </c>
      <c r="D8379" t="s">
        <v>2346</v>
      </c>
      <c r="E8379" t="s">
        <v>26</v>
      </c>
      <c r="F8379" t="s">
        <v>38</v>
      </c>
      <c r="G8379" t="s">
        <v>39</v>
      </c>
      <c r="H8379" t="s">
        <v>1214</v>
      </c>
      <c r="I8379">
        <v>43.18</v>
      </c>
      <c r="J8379">
        <v>3</v>
      </c>
      <c r="K8379">
        <v>15.11</v>
      </c>
    </row>
    <row r="8380" spans="1:11" x14ac:dyDescent="0.3">
      <c r="A8380" s="1">
        <v>42982</v>
      </c>
      <c r="B8380" s="3">
        <f t="shared" si="260"/>
        <v>9</v>
      </c>
      <c r="C8380" s="3">
        <f t="shared" si="261"/>
        <v>2017</v>
      </c>
      <c r="D8380" t="s">
        <v>2270</v>
      </c>
      <c r="E8380" t="s">
        <v>14</v>
      </c>
      <c r="F8380" t="s">
        <v>33</v>
      </c>
      <c r="G8380" t="s">
        <v>73</v>
      </c>
      <c r="H8380" t="s">
        <v>2697</v>
      </c>
      <c r="I8380">
        <v>825.17</v>
      </c>
      <c r="J8380">
        <v>9</v>
      </c>
      <c r="K8380">
        <v>-117.88</v>
      </c>
    </row>
    <row r="8381" spans="1:11" x14ac:dyDescent="0.3">
      <c r="A8381" s="1">
        <v>42982</v>
      </c>
      <c r="B8381" s="3">
        <f t="shared" si="260"/>
        <v>9</v>
      </c>
      <c r="C8381" s="3">
        <f t="shared" si="261"/>
        <v>2017</v>
      </c>
      <c r="D8381" t="s">
        <v>2270</v>
      </c>
      <c r="E8381" t="s">
        <v>14</v>
      </c>
      <c r="F8381" t="s">
        <v>10</v>
      </c>
      <c r="G8381" t="s">
        <v>11</v>
      </c>
      <c r="H8381" t="s">
        <v>1886</v>
      </c>
      <c r="I8381">
        <v>17.760000000000002</v>
      </c>
      <c r="J8381">
        <v>3</v>
      </c>
      <c r="K8381">
        <v>5.55</v>
      </c>
    </row>
    <row r="8382" spans="1:11" x14ac:dyDescent="0.3">
      <c r="A8382" s="1">
        <v>42982</v>
      </c>
      <c r="B8382" s="3">
        <f t="shared" si="260"/>
        <v>9</v>
      </c>
      <c r="C8382" s="3">
        <f t="shared" si="261"/>
        <v>2017</v>
      </c>
      <c r="D8382" t="s">
        <v>2270</v>
      </c>
      <c r="E8382" t="s">
        <v>14</v>
      </c>
      <c r="F8382" t="s">
        <v>10</v>
      </c>
      <c r="G8382" t="s">
        <v>23</v>
      </c>
      <c r="H8382" t="s">
        <v>1914</v>
      </c>
      <c r="I8382">
        <v>6.91</v>
      </c>
      <c r="J8382">
        <v>3</v>
      </c>
      <c r="K8382">
        <v>0.86</v>
      </c>
    </row>
    <row r="8383" spans="1:11" x14ac:dyDescent="0.3">
      <c r="A8383" s="1">
        <v>42982</v>
      </c>
      <c r="B8383" s="3">
        <f t="shared" si="260"/>
        <v>9</v>
      </c>
      <c r="C8383" s="3">
        <f t="shared" si="261"/>
        <v>2017</v>
      </c>
      <c r="D8383" t="s">
        <v>1570</v>
      </c>
      <c r="E8383" t="s">
        <v>77</v>
      </c>
      <c r="F8383" t="s">
        <v>10</v>
      </c>
      <c r="G8383" t="s">
        <v>23</v>
      </c>
      <c r="H8383" t="s">
        <v>810</v>
      </c>
      <c r="I8383">
        <v>8.26</v>
      </c>
      <c r="J8383">
        <v>4</v>
      </c>
      <c r="K8383">
        <v>0.62</v>
      </c>
    </row>
    <row r="8384" spans="1:11" x14ac:dyDescent="0.3">
      <c r="A8384" s="1">
        <v>42982</v>
      </c>
      <c r="B8384" s="3">
        <f t="shared" si="260"/>
        <v>9</v>
      </c>
      <c r="C8384" s="3">
        <f t="shared" si="261"/>
        <v>2017</v>
      </c>
      <c r="D8384" t="s">
        <v>1570</v>
      </c>
      <c r="E8384" t="s">
        <v>77</v>
      </c>
      <c r="F8384" t="s">
        <v>10</v>
      </c>
      <c r="G8384" t="s">
        <v>19</v>
      </c>
      <c r="H8384" t="s">
        <v>1532</v>
      </c>
      <c r="I8384">
        <v>25.56</v>
      </c>
      <c r="J8384">
        <v>5</v>
      </c>
      <c r="K8384">
        <v>-20.45</v>
      </c>
    </row>
    <row r="8385" spans="1:11" x14ac:dyDescent="0.3">
      <c r="A8385" s="1">
        <v>42982</v>
      </c>
      <c r="B8385" s="3">
        <f t="shared" si="260"/>
        <v>9</v>
      </c>
      <c r="C8385" s="3">
        <f t="shared" si="261"/>
        <v>2017</v>
      </c>
      <c r="D8385" t="s">
        <v>1570</v>
      </c>
      <c r="E8385" t="s">
        <v>77</v>
      </c>
      <c r="F8385" t="s">
        <v>10</v>
      </c>
      <c r="G8385" t="s">
        <v>19</v>
      </c>
      <c r="H8385" t="s">
        <v>1629</v>
      </c>
      <c r="I8385">
        <v>4.37</v>
      </c>
      <c r="J8385">
        <v>2</v>
      </c>
      <c r="K8385">
        <v>-3.06</v>
      </c>
    </row>
    <row r="8386" spans="1:11" x14ac:dyDescent="0.3">
      <c r="A8386" s="1">
        <v>42982</v>
      </c>
      <c r="B8386" s="3">
        <f t="shared" ref="B8386:B8449" si="262">MONTH(A:A)</f>
        <v>9</v>
      </c>
      <c r="C8386" s="3">
        <f t="shared" ref="C8386:C8449" si="263">YEAR(A:A)</f>
        <v>2017</v>
      </c>
      <c r="D8386" t="s">
        <v>1570</v>
      </c>
      <c r="E8386" t="s">
        <v>77</v>
      </c>
      <c r="F8386" t="s">
        <v>10</v>
      </c>
      <c r="G8386" t="s">
        <v>11</v>
      </c>
      <c r="H8386" t="s">
        <v>2436</v>
      </c>
      <c r="I8386">
        <v>11.52</v>
      </c>
      <c r="J8386">
        <v>4</v>
      </c>
      <c r="K8386">
        <v>3.74</v>
      </c>
    </row>
    <row r="8387" spans="1:11" x14ac:dyDescent="0.3">
      <c r="A8387" s="1">
        <v>42982</v>
      </c>
      <c r="B8387" s="3">
        <f t="shared" si="262"/>
        <v>9</v>
      </c>
      <c r="C8387" s="3">
        <f t="shared" si="263"/>
        <v>2017</v>
      </c>
      <c r="D8387" t="s">
        <v>1780</v>
      </c>
      <c r="E8387" t="s">
        <v>26</v>
      </c>
      <c r="F8387" t="s">
        <v>10</v>
      </c>
      <c r="G8387" t="s">
        <v>19</v>
      </c>
      <c r="H8387" t="s">
        <v>36</v>
      </c>
      <c r="I8387">
        <v>487.98</v>
      </c>
      <c r="J8387">
        <v>2</v>
      </c>
      <c r="K8387">
        <v>152.5</v>
      </c>
    </row>
    <row r="8388" spans="1:11" x14ac:dyDescent="0.3">
      <c r="A8388" s="1">
        <v>42982</v>
      </c>
      <c r="B8388" s="3">
        <f t="shared" si="262"/>
        <v>9</v>
      </c>
      <c r="C8388" s="3">
        <f t="shared" si="263"/>
        <v>2017</v>
      </c>
      <c r="D8388" t="s">
        <v>1780</v>
      </c>
      <c r="E8388" t="s">
        <v>26</v>
      </c>
      <c r="F8388" t="s">
        <v>38</v>
      </c>
      <c r="G8388" t="s">
        <v>39</v>
      </c>
      <c r="H8388" t="s">
        <v>1341</v>
      </c>
      <c r="I8388">
        <v>5.56</v>
      </c>
      <c r="J8388">
        <v>1</v>
      </c>
      <c r="K8388">
        <v>1.74</v>
      </c>
    </row>
    <row r="8389" spans="1:11" x14ac:dyDescent="0.3">
      <c r="A8389" s="1">
        <v>42982</v>
      </c>
      <c r="B8389" s="3">
        <f t="shared" si="262"/>
        <v>9</v>
      </c>
      <c r="C8389" s="3">
        <f t="shared" si="263"/>
        <v>2017</v>
      </c>
      <c r="D8389" t="s">
        <v>1780</v>
      </c>
      <c r="E8389" t="s">
        <v>26</v>
      </c>
      <c r="F8389" t="s">
        <v>10</v>
      </c>
      <c r="G8389" t="s">
        <v>17</v>
      </c>
      <c r="H8389" t="s">
        <v>1559</v>
      </c>
      <c r="I8389">
        <v>217.85</v>
      </c>
      <c r="J8389">
        <v>5</v>
      </c>
      <c r="K8389">
        <v>65.36</v>
      </c>
    </row>
    <row r="8390" spans="1:11" x14ac:dyDescent="0.3">
      <c r="A8390" s="1">
        <v>42982</v>
      </c>
      <c r="B8390" s="3">
        <f t="shared" si="262"/>
        <v>9</v>
      </c>
      <c r="C8390" s="3">
        <f t="shared" si="263"/>
        <v>2017</v>
      </c>
      <c r="D8390" t="s">
        <v>76</v>
      </c>
      <c r="E8390" t="s">
        <v>22</v>
      </c>
      <c r="F8390" t="s">
        <v>38</v>
      </c>
      <c r="G8390" t="s">
        <v>51</v>
      </c>
      <c r="H8390" t="s">
        <v>1741</v>
      </c>
      <c r="I8390">
        <v>19.04</v>
      </c>
      <c r="J8390">
        <v>4</v>
      </c>
      <c r="K8390">
        <v>-1.43</v>
      </c>
    </row>
    <row r="8391" spans="1:11" x14ac:dyDescent="0.3">
      <c r="A8391" s="1">
        <v>42982</v>
      </c>
      <c r="B8391" s="3">
        <f t="shared" si="262"/>
        <v>9</v>
      </c>
      <c r="C8391" s="3">
        <f t="shared" si="263"/>
        <v>2017</v>
      </c>
      <c r="D8391" t="s">
        <v>1567</v>
      </c>
      <c r="E8391" t="s">
        <v>26</v>
      </c>
      <c r="F8391" t="s">
        <v>10</v>
      </c>
      <c r="G8391" t="s">
        <v>17</v>
      </c>
      <c r="H8391" t="s">
        <v>1809</v>
      </c>
      <c r="I8391">
        <v>54.32</v>
      </c>
      <c r="J8391">
        <v>4</v>
      </c>
      <c r="K8391">
        <v>0.54</v>
      </c>
    </row>
    <row r="8392" spans="1:11" x14ac:dyDescent="0.3">
      <c r="A8392" s="1">
        <v>42982</v>
      </c>
      <c r="B8392" s="3">
        <f t="shared" si="262"/>
        <v>9</v>
      </c>
      <c r="C8392" s="3">
        <f t="shared" si="263"/>
        <v>2017</v>
      </c>
      <c r="D8392" t="s">
        <v>1592</v>
      </c>
      <c r="E8392" t="s">
        <v>26</v>
      </c>
      <c r="F8392" t="s">
        <v>10</v>
      </c>
      <c r="G8392" t="s">
        <v>19</v>
      </c>
      <c r="H8392" t="s">
        <v>1290</v>
      </c>
      <c r="I8392">
        <v>13.34</v>
      </c>
      <c r="J8392">
        <v>6</v>
      </c>
      <c r="K8392">
        <v>4.34</v>
      </c>
    </row>
    <row r="8393" spans="1:11" x14ac:dyDescent="0.3">
      <c r="A8393" s="1">
        <v>42982</v>
      </c>
      <c r="B8393" s="3">
        <f t="shared" si="262"/>
        <v>9</v>
      </c>
      <c r="C8393" s="3">
        <f t="shared" si="263"/>
        <v>2017</v>
      </c>
      <c r="D8393" t="s">
        <v>1592</v>
      </c>
      <c r="E8393" t="s">
        <v>26</v>
      </c>
      <c r="F8393" t="s">
        <v>33</v>
      </c>
      <c r="G8393" t="s">
        <v>144</v>
      </c>
      <c r="H8393" t="s">
        <v>2542</v>
      </c>
      <c r="I8393">
        <v>1478.27</v>
      </c>
      <c r="J8393">
        <v>8</v>
      </c>
      <c r="K8393">
        <v>92.39</v>
      </c>
    </row>
    <row r="8394" spans="1:11" x14ac:dyDescent="0.3">
      <c r="A8394" s="1">
        <v>42982</v>
      </c>
      <c r="B8394" s="3">
        <f t="shared" si="262"/>
        <v>9</v>
      </c>
      <c r="C8394" s="3">
        <f t="shared" si="263"/>
        <v>2017</v>
      </c>
      <c r="D8394" t="s">
        <v>371</v>
      </c>
      <c r="E8394" t="s">
        <v>684</v>
      </c>
      <c r="F8394" t="s">
        <v>10</v>
      </c>
      <c r="G8394" t="s">
        <v>42</v>
      </c>
      <c r="H8394" t="s">
        <v>159</v>
      </c>
      <c r="I8394">
        <v>14.82</v>
      </c>
      <c r="J8394">
        <v>6</v>
      </c>
      <c r="K8394">
        <v>6.97</v>
      </c>
    </row>
    <row r="8395" spans="1:11" x14ac:dyDescent="0.3">
      <c r="A8395" s="1">
        <v>42982</v>
      </c>
      <c r="B8395" s="3">
        <f t="shared" si="262"/>
        <v>9</v>
      </c>
      <c r="C8395" s="3">
        <f t="shared" si="263"/>
        <v>2017</v>
      </c>
      <c r="D8395" t="s">
        <v>253</v>
      </c>
      <c r="E8395" t="s">
        <v>26</v>
      </c>
      <c r="F8395" t="s">
        <v>10</v>
      </c>
      <c r="G8395" t="s">
        <v>17</v>
      </c>
      <c r="H8395" t="s">
        <v>1497</v>
      </c>
      <c r="I8395">
        <v>421.1</v>
      </c>
      <c r="J8395">
        <v>2</v>
      </c>
      <c r="K8395">
        <v>105.28</v>
      </c>
    </row>
    <row r="8396" spans="1:11" x14ac:dyDescent="0.3">
      <c r="A8396" s="1">
        <v>42982</v>
      </c>
      <c r="B8396" s="3">
        <f t="shared" si="262"/>
        <v>9</v>
      </c>
      <c r="C8396" s="3">
        <f t="shared" si="263"/>
        <v>2017</v>
      </c>
      <c r="D8396" t="s">
        <v>2322</v>
      </c>
      <c r="E8396" t="s">
        <v>122</v>
      </c>
      <c r="F8396" t="s">
        <v>33</v>
      </c>
      <c r="G8396" t="s">
        <v>34</v>
      </c>
      <c r="H8396" t="s">
        <v>1065</v>
      </c>
      <c r="I8396">
        <v>97.18</v>
      </c>
      <c r="J8396">
        <v>2</v>
      </c>
      <c r="K8396">
        <v>6.07</v>
      </c>
    </row>
    <row r="8397" spans="1:11" x14ac:dyDescent="0.3">
      <c r="A8397" s="1">
        <v>42982</v>
      </c>
      <c r="B8397" s="3">
        <f t="shared" si="262"/>
        <v>9</v>
      </c>
      <c r="C8397" s="3">
        <f t="shared" si="263"/>
        <v>2017</v>
      </c>
      <c r="D8397" t="s">
        <v>2322</v>
      </c>
      <c r="E8397" t="s">
        <v>122</v>
      </c>
      <c r="F8397" t="s">
        <v>10</v>
      </c>
      <c r="G8397" t="s">
        <v>11</v>
      </c>
      <c r="H8397" t="s">
        <v>523</v>
      </c>
      <c r="I8397">
        <v>10.37</v>
      </c>
      <c r="J8397">
        <v>2</v>
      </c>
      <c r="K8397">
        <v>3.63</v>
      </c>
    </row>
    <row r="8398" spans="1:11" x14ac:dyDescent="0.3">
      <c r="A8398" s="1">
        <v>42982</v>
      </c>
      <c r="B8398" s="3">
        <f t="shared" si="262"/>
        <v>9</v>
      </c>
      <c r="C8398" s="3">
        <f t="shared" si="263"/>
        <v>2017</v>
      </c>
      <c r="D8398" t="s">
        <v>1546</v>
      </c>
      <c r="E8398" t="s">
        <v>9</v>
      </c>
      <c r="F8398" t="s">
        <v>10</v>
      </c>
      <c r="G8398" t="s">
        <v>23</v>
      </c>
      <c r="H8398" t="s">
        <v>1252</v>
      </c>
      <c r="I8398">
        <v>30.38</v>
      </c>
      <c r="J8398">
        <v>1</v>
      </c>
      <c r="K8398">
        <v>3.8</v>
      </c>
    </row>
    <row r="8399" spans="1:11" x14ac:dyDescent="0.3">
      <c r="A8399" s="1">
        <v>42982</v>
      </c>
      <c r="B8399" s="3">
        <f t="shared" si="262"/>
        <v>9</v>
      </c>
      <c r="C8399" s="3">
        <f t="shared" si="263"/>
        <v>2017</v>
      </c>
      <c r="D8399" t="s">
        <v>2517</v>
      </c>
      <c r="E8399" t="s">
        <v>26</v>
      </c>
      <c r="F8399" t="s">
        <v>10</v>
      </c>
      <c r="G8399" t="s">
        <v>19</v>
      </c>
      <c r="H8399" t="s">
        <v>1649</v>
      </c>
      <c r="I8399">
        <v>11.81</v>
      </c>
      <c r="J8399">
        <v>3</v>
      </c>
      <c r="K8399">
        <v>4.13</v>
      </c>
    </row>
    <row r="8400" spans="1:11" x14ac:dyDescent="0.3">
      <c r="A8400" s="1">
        <v>42982</v>
      </c>
      <c r="B8400" s="3">
        <f t="shared" si="262"/>
        <v>9</v>
      </c>
      <c r="C8400" s="3">
        <f t="shared" si="263"/>
        <v>2017</v>
      </c>
      <c r="D8400" t="s">
        <v>1032</v>
      </c>
      <c r="E8400" t="s">
        <v>90</v>
      </c>
      <c r="F8400" t="s">
        <v>10</v>
      </c>
      <c r="G8400" t="s">
        <v>19</v>
      </c>
      <c r="H8400" t="s">
        <v>846</v>
      </c>
      <c r="I8400">
        <v>88.07</v>
      </c>
      <c r="J8400">
        <v>7</v>
      </c>
      <c r="K8400">
        <v>-58.72</v>
      </c>
    </row>
    <row r="8401" spans="1:11" x14ac:dyDescent="0.3">
      <c r="A8401" s="1">
        <v>42983</v>
      </c>
      <c r="B8401" s="3">
        <f t="shared" si="262"/>
        <v>9</v>
      </c>
      <c r="C8401" s="3">
        <f t="shared" si="263"/>
        <v>2017</v>
      </c>
      <c r="D8401" t="s">
        <v>1382</v>
      </c>
      <c r="E8401" t="s">
        <v>163</v>
      </c>
      <c r="F8401" t="s">
        <v>10</v>
      </c>
      <c r="G8401" t="s">
        <v>23</v>
      </c>
      <c r="H8401" t="s">
        <v>325</v>
      </c>
      <c r="I8401">
        <v>2.78</v>
      </c>
      <c r="J8401">
        <v>1</v>
      </c>
      <c r="K8401">
        <v>0.72</v>
      </c>
    </row>
    <row r="8402" spans="1:11" x14ac:dyDescent="0.3">
      <c r="A8402" s="1">
        <v>42983</v>
      </c>
      <c r="B8402" s="3">
        <f t="shared" si="262"/>
        <v>9</v>
      </c>
      <c r="C8402" s="3">
        <f t="shared" si="263"/>
        <v>2017</v>
      </c>
      <c r="D8402" t="s">
        <v>219</v>
      </c>
      <c r="E8402" t="s">
        <v>122</v>
      </c>
      <c r="F8402" t="s">
        <v>10</v>
      </c>
      <c r="G8402" t="s">
        <v>17</v>
      </c>
      <c r="H8402" t="s">
        <v>907</v>
      </c>
      <c r="I8402">
        <v>147.18</v>
      </c>
      <c r="J8402">
        <v>2</v>
      </c>
      <c r="K8402">
        <v>-29.44</v>
      </c>
    </row>
    <row r="8403" spans="1:11" x14ac:dyDescent="0.3">
      <c r="A8403" s="1">
        <v>42983</v>
      </c>
      <c r="B8403" s="3">
        <f t="shared" si="262"/>
        <v>9</v>
      </c>
      <c r="C8403" s="3">
        <f t="shared" si="263"/>
        <v>2017</v>
      </c>
      <c r="D8403" t="s">
        <v>2539</v>
      </c>
      <c r="E8403" t="s">
        <v>119</v>
      </c>
      <c r="F8403" t="s">
        <v>38</v>
      </c>
      <c r="G8403" t="s">
        <v>51</v>
      </c>
      <c r="H8403" t="s">
        <v>1525</v>
      </c>
      <c r="I8403">
        <v>89.57</v>
      </c>
      <c r="J8403">
        <v>4</v>
      </c>
      <c r="K8403">
        <v>-1.1200000000000001</v>
      </c>
    </row>
    <row r="8404" spans="1:11" x14ac:dyDescent="0.3">
      <c r="A8404" s="1">
        <v>42983</v>
      </c>
      <c r="B8404" s="3">
        <f t="shared" si="262"/>
        <v>9</v>
      </c>
      <c r="C8404" s="3">
        <f t="shared" si="263"/>
        <v>2017</v>
      </c>
      <c r="D8404" t="s">
        <v>2539</v>
      </c>
      <c r="E8404" t="s">
        <v>119</v>
      </c>
      <c r="F8404" t="s">
        <v>10</v>
      </c>
      <c r="G8404" t="s">
        <v>23</v>
      </c>
      <c r="H8404" t="s">
        <v>628</v>
      </c>
      <c r="I8404">
        <v>71.959999999999994</v>
      </c>
      <c r="J8404">
        <v>5</v>
      </c>
      <c r="K8404">
        <v>7.2</v>
      </c>
    </row>
    <row r="8405" spans="1:11" x14ac:dyDescent="0.3">
      <c r="A8405" s="1">
        <v>42983</v>
      </c>
      <c r="B8405" s="3">
        <f t="shared" si="262"/>
        <v>9</v>
      </c>
      <c r="C8405" s="3">
        <f t="shared" si="263"/>
        <v>2017</v>
      </c>
      <c r="D8405" t="s">
        <v>2539</v>
      </c>
      <c r="E8405" t="s">
        <v>119</v>
      </c>
      <c r="F8405" t="s">
        <v>10</v>
      </c>
      <c r="G8405" t="s">
        <v>11</v>
      </c>
      <c r="H8405" t="s">
        <v>218</v>
      </c>
      <c r="I8405">
        <v>15.55</v>
      </c>
      <c r="J8405">
        <v>3</v>
      </c>
      <c r="K8405">
        <v>5.44</v>
      </c>
    </row>
    <row r="8406" spans="1:11" x14ac:dyDescent="0.3">
      <c r="A8406" s="1">
        <v>42985</v>
      </c>
      <c r="B8406" s="3">
        <f t="shared" si="262"/>
        <v>9</v>
      </c>
      <c r="C8406" s="3">
        <f t="shared" si="263"/>
        <v>2017</v>
      </c>
      <c r="D8406" t="s">
        <v>147</v>
      </c>
      <c r="E8406" t="s">
        <v>26</v>
      </c>
      <c r="F8406" t="s">
        <v>33</v>
      </c>
      <c r="G8406" t="s">
        <v>46</v>
      </c>
      <c r="H8406" t="s">
        <v>1511</v>
      </c>
      <c r="I8406">
        <v>47.94</v>
      </c>
      <c r="J8406">
        <v>3</v>
      </c>
      <c r="K8406">
        <v>2.4</v>
      </c>
    </row>
    <row r="8407" spans="1:11" x14ac:dyDescent="0.3">
      <c r="A8407" s="1">
        <v>42985</v>
      </c>
      <c r="B8407" s="3">
        <f t="shared" si="262"/>
        <v>9</v>
      </c>
      <c r="C8407" s="3">
        <f t="shared" si="263"/>
        <v>2017</v>
      </c>
      <c r="D8407" t="s">
        <v>464</v>
      </c>
      <c r="E8407" t="s">
        <v>90</v>
      </c>
      <c r="F8407" t="s">
        <v>10</v>
      </c>
      <c r="G8407" t="s">
        <v>17</v>
      </c>
      <c r="H8407" t="s">
        <v>2316</v>
      </c>
      <c r="I8407">
        <v>37.68</v>
      </c>
      <c r="J8407">
        <v>3</v>
      </c>
      <c r="K8407">
        <v>2.36</v>
      </c>
    </row>
    <row r="8408" spans="1:11" x14ac:dyDescent="0.3">
      <c r="A8408" s="1">
        <v>42985</v>
      </c>
      <c r="B8408" s="3">
        <f t="shared" si="262"/>
        <v>9</v>
      </c>
      <c r="C8408" s="3">
        <f t="shared" si="263"/>
        <v>2017</v>
      </c>
      <c r="D8408" t="s">
        <v>464</v>
      </c>
      <c r="E8408" t="s">
        <v>90</v>
      </c>
      <c r="F8408" t="s">
        <v>38</v>
      </c>
      <c r="G8408" t="s">
        <v>51</v>
      </c>
      <c r="H8408" t="s">
        <v>453</v>
      </c>
      <c r="I8408">
        <v>279.94</v>
      </c>
      <c r="J8408">
        <v>7</v>
      </c>
      <c r="K8408">
        <v>80.48</v>
      </c>
    </row>
    <row r="8409" spans="1:11" x14ac:dyDescent="0.3">
      <c r="A8409" s="1">
        <v>42985</v>
      </c>
      <c r="B8409" s="3">
        <f t="shared" si="262"/>
        <v>9</v>
      </c>
      <c r="C8409" s="3">
        <f t="shared" si="263"/>
        <v>2017</v>
      </c>
      <c r="D8409" t="s">
        <v>1248</v>
      </c>
      <c r="E8409" t="s">
        <v>148</v>
      </c>
      <c r="F8409" t="s">
        <v>10</v>
      </c>
      <c r="G8409" t="s">
        <v>17</v>
      </c>
      <c r="H8409" t="s">
        <v>2331</v>
      </c>
      <c r="I8409">
        <v>478.08</v>
      </c>
      <c r="J8409">
        <v>8</v>
      </c>
      <c r="K8409">
        <v>133.86000000000001</v>
      </c>
    </row>
    <row r="8410" spans="1:11" x14ac:dyDescent="0.3">
      <c r="A8410" s="1">
        <v>42985</v>
      </c>
      <c r="B8410" s="3">
        <f t="shared" si="262"/>
        <v>9</v>
      </c>
      <c r="C8410" s="3">
        <f t="shared" si="263"/>
        <v>2017</v>
      </c>
      <c r="D8410" t="s">
        <v>544</v>
      </c>
      <c r="E8410" t="s">
        <v>14</v>
      </c>
      <c r="F8410" t="s">
        <v>10</v>
      </c>
      <c r="G8410" t="s">
        <v>11</v>
      </c>
      <c r="H8410" t="s">
        <v>624</v>
      </c>
      <c r="I8410">
        <v>73.010000000000005</v>
      </c>
      <c r="J8410">
        <v>9</v>
      </c>
      <c r="K8410">
        <v>26.47</v>
      </c>
    </row>
    <row r="8411" spans="1:11" x14ac:dyDescent="0.3">
      <c r="A8411" s="1">
        <v>42985</v>
      </c>
      <c r="B8411" s="3">
        <f t="shared" si="262"/>
        <v>9</v>
      </c>
      <c r="C8411" s="3">
        <f t="shared" si="263"/>
        <v>2017</v>
      </c>
      <c r="D8411" t="s">
        <v>2010</v>
      </c>
      <c r="E8411" t="s">
        <v>185</v>
      </c>
      <c r="F8411" t="s">
        <v>10</v>
      </c>
      <c r="G8411" t="s">
        <v>19</v>
      </c>
      <c r="H8411" t="s">
        <v>1776</v>
      </c>
      <c r="I8411">
        <v>1577.94</v>
      </c>
      <c r="J8411">
        <v>3</v>
      </c>
      <c r="K8411">
        <v>757.41</v>
      </c>
    </row>
    <row r="8412" spans="1:11" x14ac:dyDescent="0.3">
      <c r="A8412" s="1">
        <v>42985</v>
      </c>
      <c r="B8412" s="3">
        <f t="shared" si="262"/>
        <v>9</v>
      </c>
      <c r="C8412" s="3">
        <f t="shared" si="263"/>
        <v>2017</v>
      </c>
      <c r="D8412" t="s">
        <v>723</v>
      </c>
      <c r="E8412" t="s">
        <v>94</v>
      </c>
      <c r="F8412" t="s">
        <v>10</v>
      </c>
      <c r="G8412" t="s">
        <v>19</v>
      </c>
      <c r="H8412" t="s">
        <v>183</v>
      </c>
      <c r="I8412">
        <v>7.86</v>
      </c>
      <c r="J8412">
        <v>3</v>
      </c>
      <c r="K8412">
        <v>-6.02</v>
      </c>
    </row>
    <row r="8413" spans="1:11" x14ac:dyDescent="0.3">
      <c r="A8413" s="1">
        <v>42985</v>
      </c>
      <c r="B8413" s="3">
        <f t="shared" si="262"/>
        <v>9</v>
      </c>
      <c r="C8413" s="3">
        <f t="shared" si="263"/>
        <v>2017</v>
      </c>
      <c r="D8413" t="s">
        <v>351</v>
      </c>
      <c r="E8413" t="s">
        <v>22</v>
      </c>
      <c r="F8413" t="s">
        <v>10</v>
      </c>
      <c r="G8413" t="s">
        <v>15</v>
      </c>
      <c r="H8413" t="s">
        <v>1433</v>
      </c>
      <c r="I8413">
        <v>29.24</v>
      </c>
      <c r="J8413">
        <v>5</v>
      </c>
      <c r="K8413">
        <v>9.8699999999999992</v>
      </c>
    </row>
    <row r="8414" spans="1:11" x14ac:dyDescent="0.3">
      <c r="A8414" s="1">
        <v>42985</v>
      </c>
      <c r="B8414" s="3">
        <f t="shared" si="262"/>
        <v>9</v>
      </c>
      <c r="C8414" s="3">
        <f t="shared" si="263"/>
        <v>2017</v>
      </c>
      <c r="D8414" t="s">
        <v>351</v>
      </c>
      <c r="E8414" t="s">
        <v>22</v>
      </c>
      <c r="F8414" t="s">
        <v>10</v>
      </c>
      <c r="G8414" t="s">
        <v>11</v>
      </c>
      <c r="H8414" t="s">
        <v>133</v>
      </c>
      <c r="I8414">
        <v>15.55</v>
      </c>
      <c r="J8414">
        <v>3</v>
      </c>
      <c r="K8414">
        <v>5.44</v>
      </c>
    </row>
    <row r="8415" spans="1:11" x14ac:dyDescent="0.3">
      <c r="A8415" s="1">
        <v>42985</v>
      </c>
      <c r="B8415" s="3">
        <f t="shared" si="262"/>
        <v>9</v>
      </c>
      <c r="C8415" s="3">
        <f t="shared" si="263"/>
        <v>2017</v>
      </c>
      <c r="D8415" t="s">
        <v>351</v>
      </c>
      <c r="E8415" t="s">
        <v>22</v>
      </c>
      <c r="F8415" t="s">
        <v>10</v>
      </c>
      <c r="G8415" t="s">
        <v>62</v>
      </c>
      <c r="H8415" t="s">
        <v>395</v>
      </c>
      <c r="I8415">
        <v>4.9000000000000004</v>
      </c>
      <c r="J8415">
        <v>3</v>
      </c>
      <c r="K8415">
        <v>1.65</v>
      </c>
    </row>
    <row r="8416" spans="1:11" x14ac:dyDescent="0.3">
      <c r="A8416" s="1">
        <v>42985</v>
      </c>
      <c r="B8416" s="3">
        <f t="shared" si="262"/>
        <v>9</v>
      </c>
      <c r="C8416" s="3">
        <f t="shared" si="263"/>
        <v>2017</v>
      </c>
      <c r="D8416" t="s">
        <v>2064</v>
      </c>
      <c r="E8416" t="s">
        <v>156</v>
      </c>
      <c r="F8416" t="s">
        <v>38</v>
      </c>
      <c r="G8416" t="s">
        <v>51</v>
      </c>
      <c r="H8416" t="s">
        <v>1264</v>
      </c>
      <c r="I8416">
        <v>13.48</v>
      </c>
      <c r="J8416">
        <v>1</v>
      </c>
      <c r="K8416">
        <v>1.89</v>
      </c>
    </row>
    <row r="8417" spans="1:11" x14ac:dyDescent="0.3">
      <c r="A8417" s="1">
        <v>42985</v>
      </c>
      <c r="B8417" s="3">
        <f t="shared" si="262"/>
        <v>9</v>
      </c>
      <c r="C8417" s="3">
        <f t="shared" si="263"/>
        <v>2017</v>
      </c>
      <c r="D8417" t="s">
        <v>598</v>
      </c>
      <c r="E8417" t="s">
        <v>295</v>
      </c>
      <c r="F8417" t="s">
        <v>33</v>
      </c>
      <c r="G8417" t="s">
        <v>46</v>
      </c>
      <c r="H8417" t="s">
        <v>208</v>
      </c>
      <c r="I8417">
        <v>25.16</v>
      </c>
      <c r="J8417">
        <v>2</v>
      </c>
      <c r="K8417">
        <v>10.57</v>
      </c>
    </row>
    <row r="8418" spans="1:11" x14ac:dyDescent="0.3">
      <c r="A8418" s="1">
        <v>42985</v>
      </c>
      <c r="B8418" s="3">
        <f t="shared" si="262"/>
        <v>9</v>
      </c>
      <c r="C8418" s="3">
        <f t="shared" si="263"/>
        <v>2017</v>
      </c>
      <c r="D8418" t="s">
        <v>598</v>
      </c>
      <c r="E8418" t="s">
        <v>295</v>
      </c>
      <c r="F8418" t="s">
        <v>38</v>
      </c>
      <c r="G8418" t="s">
        <v>39</v>
      </c>
      <c r="H8418" t="s">
        <v>2368</v>
      </c>
      <c r="I8418">
        <v>126.56</v>
      </c>
      <c r="J8418">
        <v>4</v>
      </c>
      <c r="K8418">
        <v>47.46</v>
      </c>
    </row>
    <row r="8419" spans="1:11" x14ac:dyDescent="0.3">
      <c r="A8419" s="1">
        <v>42985</v>
      </c>
      <c r="B8419" s="3">
        <f t="shared" si="262"/>
        <v>9</v>
      </c>
      <c r="C8419" s="3">
        <f t="shared" si="263"/>
        <v>2017</v>
      </c>
      <c r="D8419" t="s">
        <v>546</v>
      </c>
      <c r="E8419" t="s">
        <v>26</v>
      </c>
      <c r="F8419" t="s">
        <v>33</v>
      </c>
      <c r="G8419" t="s">
        <v>46</v>
      </c>
      <c r="H8419" t="s">
        <v>2479</v>
      </c>
      <c r="I8419">
        <v>19.760000000000002</v>
      </c>
      <c r="J8419">
        <v>4</v>
      </c>
      <c r="K8419">
        <v>8.3000000000000007</v>
      </c>
    </row>
    <row r="8420" spans="1:11" x14ac:dyDescent="0.3">
      <c r="A8420" s="1">
        <v>42985</v>
      </c>
      <c r="B8420" s="3">
        <f t="shared" si="262"/>
        <v>9</v>
      </c>
      <c r="C8420" s="3">
        <f t="shared" si="263"/>
        <v>2017</v>
      </c>
      <c r="D8420" t="s">
        <v>428</v>
      </c>
      <c r="E8420" t="s">
        <v>185</v>
      </c>
      <c r="F8420" t="s">
        <v>38</v>
      </c>
      <c r="G8420" t="s">
        <v>51</v>
      </c>
      <c r="H8420" t="s">
        <v>1062</v>
      </c>
      <c r="I8420">
        <v>113.52</v>
      </c>
      <c r="J8420">
        <v>4</v>
      </c>
      <c r="K8420">
        <v>46.54</v>
      </c>
    </row>
    <row r="8421" spans="1:11" x14ac:dyDescent="0.3">
      <c r="A8421" s="1">
        <v>42985</v>
      </c>
      <c r="B8421" s="3">
        <f t="shared" si="262"/>
        <v>9</v>
      </c>
      <c r="C8421" s="3">
        <f t="shared" si="263"/>
        <v>2017</v>
      </c>
      <c r="D8421" t="s">
        <v>428</v>
      </c>
      <c r="E8421" t="s">
        <v>185</v>
      </c>
      <c r="F8421" t="s">
        <v>33</v>
      </c>
      <c r="G8421" t="s">
        <v>46</v>
      </c>
      <c r="H8421" t="s">
        <v>1036</v>
      </c>
      <c r="I8421">
        <v>135.30000000000001</v>
      </c>
      <c r="J8421">
        <v>5</v>
      </c>
      <c r="K8421">
        <v>37.880000000000003</v>
      </c>
    </row>
    <row r="8422" spans="1:11" x14ac:dyDescent="0.3">
      <c r="A8422" s="1">
        <v>42985</v>
      </c>
      <c r="B8422" s="3">
        <f t="shared" si="262"/>
        <v>9</v>
      </c>
      <c r="C8422" s="3">
        <f t="shared" si="263"/>
        <v>2017</v>
      </c>
      <c r="D8422" t="s">
        <v>1319</v>
      </c>
      <c r="E8422" t="s">
        <v>26</v>
      </c>
      <c r="F8422" t="s">
        <v>33</v>
      </c>
      <c r="G8422" t="s">
        <v>34</v>
      </c>
      <c r="H8422" t="s">
        <v>1818</v>
      </c>
      <c r="I8422">
        <v>161.57</v>
      </c>
      <c r="J8422">
        <v>2</v>
      </c>
      <c r="K8422">
        <v>-28.27</v>
      </c>
    </row>
    <row r="8423" spans="1:11" x14ac:dyDescent="0.3">
      <c r="A8423" s="1">
        <v>42985</v>
      </c>
      <c r="B8423" s="3">
        <f t="shared" si="262"/>
        <v>9</v>
      </c>
      <c r="C8423" s="3">
        <f t="shared" si="263"/>
        <v>2017</v>
      </c>
      <c r="D8423" t="s">
        <v>1413</v>
      </c>
      <c r="E8423" t="s">
        <v>119</v>
      </c>
      <c r="F8423" t="s">
        <v>10</v>
      </c>
      <c r="G8423" t="s">
        <v>91</v>
      </c>
      <c r="H8423" t="s">
        <v>1061</v>
      </c>
      <c r="I8423">
        <v>81.569999999999993</v>
      </c>
      <c r="J8423">
        <v>2</v>
      </c>
      <c r="K8423">
        <v>7.14</v>
      </c>
    </row>
    <row r="8424" spans="1:11" x14ac:dyDescent="0.3">
      <c r="A8424" s="1">
        <v>42985</v>
      </c>
      <c r="B8424" s="3">
        <f t="shared" si="262"/>
        <v>9</v>
      </c>
      <c r="C8424" s="3">
        <f t="shared" si="263"/>
        <v>2017</v>
      </c>
      <c r="D8424" t="s">
        <v>2557</v>
      </c>
      <c r="E8424" t="s">
        <v>163</v>
      </c>
      <c r="F8424" t="s">
        <v>33</v>
      </c>
      <c r="G8424" t="s">
        <v>46</v>
      </c>
      <c r="H8424" t="s">
        <v>2447</v>
      </c>
      <c r="I8424">
        <v>80.959999999999994</v>
      </c>
      <c r="J8424">
        <v>4</v>
      </c>
      <c r="K8424">
        <v>34.81</v>
      </c>
    </row>
    <row r="8425" spans="1:11" x14ac:dyDescent="0.3">
      <c r="A8425" s="1">
        <v>42985</v>
      </c>
      <c r="B8425" s="3">
        <f t="shared" si="262"/>
        <v>9</v>
      </c>
      <c r="C8425" s="3">
        <f t="shared" si="263"/>
        <v>2017</v>
      </c>
      <c r="D8425" t="s">
        <v>2557</v>
      </c>
      <c r="E8425" t="s">
        <v>163</v>
      </c>
      <c r="F8425" t="s">
        <v>38</v>
      </c>
      <c r="G8425" t="s">
        <v>39</v>
      </c>
      <c r="H8425" t="s">
        <v>801</v>
      </c>
      <c r="I8425">
        <v>455.71</v>
      </c>
      <c r="J8425">
        <v>2</v>
      </c>
      <c r="K8425">
        <v>34.18</v>
      </c>
    </row>
    <row r="8426" spans="1:11" x14ac:dyDescent="0.3">
      <c r="A8426" s="1">
        <v>42985</v>
      </c>
      <c r="B8426" s="3">
        <f t="shared" si="262"/>
        <v>9</v>
      </c>
      <c r="C8426" s="3">
        <f t="shared" si="263"/>
        <v>2017</v>
      </c>
      <c r="D8426" t="s">
        <v>2557</v>
      </c>
      <c r="E8426" t="s">
        <v>163</v>
      </c>
      <c r="F8426" t="s">
        <v>10</v>
      </c>
      <c r="G8426" t="s">
        <v>23</v>
      </c>
      <c r="H8426" t="s">
        <v>2681</v>
      </c>
      <c r="I8426">
        <v>25.98</v>
      </c>
      <c r="J8426">
        <v>1</v>
      </c>
      <c r="K8426">
        <v>7.27</v>
      </c>
    </row>
    <row r="8427" spans="1:11" x14ac:dyDescent="0.3">
      <c r="A8427" s="1">
        <v>42985</v>
      </c>
      <c r="B8427" s="3">
        <f t="shared" si="262"/>
        <v>9</v>
      </c>
      <c r="C8427" s="3">
        <f t="shared" si="263"/>
        <v>2017</v>
      </c>
      <c r="D8427" t="s">
        <v>553</v>
      </c>
      <c r="E8427" t="s">
        <v>1528</v>
      </c>
      <c r="F8427" t="s">
        <v>10</v>
      </c>
      <c r="G8427" t="s">
        <v>11</v>
      </c>
      <c r="H8427" t="s">
        <v>1179</v>
      </c>
      <c r="I8427">
        <v>16.899999999999999</v>
      </c>
      <c r="J8427">
        <v>5</v>
      </c>
      <c r="K8427">
        <v>7.77</v>
      </c>
    </row>
    <row r="8428" spans="1:11" x14ac:dyDescent="0.3">
      <c r="A8428" s="1">
        <v>42985</v>
      </c>
      <c r="B8428" s="3">
        <f t="shared" si="262"/>
        <v>9</v>
      </c>
      <c r="C8428" s="3">
        <f t="shared" si="263"/>
        <v>2017</v>
      </c>
      <c r="D8428" t="s">
        <v>553</v>
      </c>
      <c r="E8428" t="s">
        <v>1528</v>
      </c>
      <c r="F8428" t="s">
        <v>10</v>
      </c>
      <c r="G8428" t="s">
        <v>11</v>
      </c>
      <c r="H8428" t="s">
        <v>2201</v>
      </c>
      <c r="I8428">
        <v>39.96</v>
      </c>
      <c r="J8428">
        <v>2</v>
      </c>
      <c r="K8428">
        <v>18.78</v>
      </c>
    </row>
    <row r="8429" spans="1:11" x14ac:dyDescent="0.3">
      <c r="A8429" s="1">
        <v>42986</v>
      </c>
      <c r="B8429" s="3">
        <f t="shared" si="262"/>
        <v>9</v>
      </c>
      <c r="C8429" s="3">
        <f t="shared" si="263"/>
        <v>2017</v>
      </c>
      <c r="D8429" t="s">
        <v>513</v>
      </c>
      <c r="E8429" t="s">
        <v>14</v>
      </c>
      <c r="F8429" t="s">
        <v>33</v>
      </c>
      <c r="G8429" t="s">
        <v>144</v>
      </c>
      <c r="H8429" t="s">
        <v>1048</v>
      </c>
      <c r="I8429">
        <v>765.63</v>
      </c>
      <c r="J8429">
        <v>7</v>
      </c>
      <c r="K8429">
        <v>-566.55999999999995</v>
      </c>
    </row>
    <row r="8430" spans="1:11" x14ac:dyDescent="0.3">
      <c r="A8430" s="1">
        <v>42986</v>
      </c>
      <c r="B8430" s="3">
        <f t="shared" si="262"/>
        <v>9</v>
      </c>
      <c r="C8430" s="3">
        <f t="shared" si="263"/>
        <v>2017</v>
      </c>
      <c r="D8430" t="s">
        <v>2016</v>
      </c>
      <c r="E8430" t="s">
        <v>22</v>
      </c>
      <c r="F8430" t="s">
        <v>38</v>
      </c>
      <c r="G8430" t="s">
        <v>39</v>
      </c>
      <c r="H8430" t="s">
        <v>2311</v>
      </c>
      <c r="I8430">
        <v>258.52999999999997</v>
      </c>
      <c r="J8430">
        <v>2</v>
      </c>
      <c r="K8430">
        <v>-47.4</v>
      </c>
    </row>
    <row r="8431" spans="1:11" x14ac:dyDescent="0.3">
      <c r="A8431" s="1">
        <v>42986</v>
      </c>
      <c r="B8431" s="3">
        <f t="shared" si="262"/>
        <v>9</v>
      </c>
      <c r="C8431" s="3">
        <f t="shared" si="263"/>
        <v>2017</v>
      </c>
      <c r="D8431" t="s">
        <v>555</v>
      </c>
      <c r="E8431" t="s">
        <v>77</v>
      </c>
      <c r="F8431" t="s">
        <v>38</v>
      </c>
      <c r="G8431" t="s">
        <v>51</v>
      </c>
      <c r="H8431" t="s">
        <v>384</v>
      </c>
      <c r="I8431">
        <v>9.1</v>
      </c>
      <c r="J8431">
        <v>1</v>
      </c>
      <c r="K8431">
        <v>1.71</v>
      </c>
    </row>
    <row r="8432" spans="1:11" x14ac:dyDescent="0.3">
      <c r="A8432" s="1">
        <v>42986</v>
      </c>
      <c r="B8432" s="3">
        <f t="shared" si="262"/>
        <v>9</v>
      </c>
      <c r="C8432" s="3">
        <f t="shared" si="263"/>
        <v>2017</v>
      </c>
      <c r="D8432" t="s">
        <v>489</v>
      </c>
      <c r="E8432" t="s">
        <v>77</v>
      </c>
      <c r="F8432" t="s">
        <v>38</v>
      </c>
      <c r="G8432" t="s">
        <v>51</v>
      </c>
      <c r="H8432" t="s">
        <v>1572</v>
      </c>
      <c r="I8432">
        <v>116.83</v>
      </c>
      <c r="J8432">
        <v>4</v>
      </c>
      <c r="K8432">
        <v>33.590000000000003</v>
      </c>
    </row>
    <row r="8433" spans="1:11" x14ac:dyDescent="0.3">
      <c r="A8433" s="1">
        <v>42986</v>
      </c>
      <c r="B8433" s="3">
        <f t="shared" si="262"/>
        <v>9</v>
      </c>
      <c r="C8433" s="3">
        <f t="shared" si="263"/>
        <v>2017</v>
      </c>
      <c r="D8433" t="s">
        <v>1867</v>
      </c>
      <c r="E8433" t="s">
        <v>9</v>
      </c>
      <c r="F8433" t="s">
        <v>38</v>
      </c>
      <c r="G8433" t="s">
        <v>51</v>
      </c>
      <c r="H8433" t="s">
        <v>1984</v>
      </c>
      <c r="I8433">
        <v>85.2</v>
      </c>
      <c r="J8433">
        <v>6</v>
      </c>
      <c r="K8433">
        <v>20.239999999999998</v>
      </c>
    </row>
    <row r="8434" spans="1:11" x14ac:dyDescent="0.3">
      <c r="A8434" s="1">
        <v>42986</v>
      </c>
      <c r="B8434" s="3">
        <f t="shared" si="262"/>
        <v>9</v>
      </c>
      <c r="C8434" s="3">
        <f t="shared" si="263"/>
        <v>2017</v>
      </c>
      <c r="D8434" t="s">
        <v>201</v>
      </c>
      <c r="E8434" t="s">
        <v>9</v>
      </c>
      <c r="F8434" t="s">
        <v>10</v>
      </c>
      <c r="G8434" t="s">
        <v>19</v>
      </c>
      <c r="H8434" t="s">
        <v>1280</v>
      </c>
      <c r="I8434">
        <v>42.62</v>
      </c>
      <c r="J8434">
        <v>7</v>
      </c>
      <c r="K8434">
        <v>-68.19</v>
      </c>
    </row>
    <row r="8435" spans="1:11" x14ac:dyDescent="0.3">
      <c r="A8435" s="1">
        <v>42986</v>
      </c>
      <c r="B8435" s="3">
        <f t="shared" si="262"/>
        <v>9</v>
      </c>
      <c r="C8435" s="3">
        <f t="shared" si="263"/>
        <v>2017</v>
      </c>
      <c r="D8435" t="s">
        <v>201</v>
      </c>
      <c r="E8435" t="s">
        <v>9</v>
      </c>
      <c r="F8435" t="s">
        <v>38</v>
      </c>
      <c r="G8435" t="s">
        <v>602</v>
      </c>
      <c r="H8435" t="s">
        <v>2009</v>
      </c>
      <c r="I8435">
        <v>319.98</v>
      </c>
      <c r="J8435">
        <v>2</v>
      </c>
      <c r="K8435">
        <v>107.99</v>
      </c>
    </row>
    <row r="8436" spans="1:11" x14ac:dyDescent="0.3">
      <c r="A8436" s="1">
        <v>42986</v>
      </c>
      <c r="B8436" s="3">
        <f t="shared" si="262"/>
        <v>9</v>
      </c>
      <c r="C8436" s="3">
        <f t="shared" si="263"/>
        <v>2017</v>
      </c>
      <c r="D8436" t="s">
        <v>201</v>
      </c>
      <c r="E8436" t="s">
        <v>9</v>
      </c>
      <c r="F8436" t="s">
        <v>10</v>
      </c>
      <c r="G8436" t="s">
        <v>42</v>
      </c>
      <c r="H8436" t="s">
        <v>1108</v>
      </c>
      <c r="I8436">
        <v>45.92</v>
      </c>
      <c r="J8436">
        <v>5</v>
      </c>
      <c r="K8436">
        <v>15.5</v>
      </c>
    </row>
    <row r="8437" spans="1:11" x14ac:dyDescent="0.3">
      <c r="A8437" s="1">
        <v>42986</v>
      </c>
      <c r="B8437" s="3">
        <f t="shared" si="262"/>
        <v>9</v>
      </c>
      <c r="C8437" s="3">
        <f t="shared" si="263"/>
        <v>2017</v>
      </c>
      <c r="D8437" t="s">
        <v>201</v>
      </c>
      <c r="E8437" t="s">
        <v>9</v>
      </c>
      <c r="F8437" t="s">
        <v>33</v>
      </c>
      <c r="G8437" t="s">
        <v>46</v>
      </c>
      <c r="H8437" t="s">
        <v>85</v>
      </c>
      <c r="I8437">
        <v>21.18</v>
      </c>
      <c r="J8437">
        <v>2</v>
      </c>
      <c r="K8437">
        <v>-11.65</v>
      </c>
    </row>
    <row r="8438" spans="1:11" x14ac:dyDescent="0.3">
      <c r="A8438" s="1">
        <v>42986</v>
      </c>
      <c r="B8438" s="3">
        <f t="shared" si="262"/>
        <v>9</v>
      </c>
      <c r="C8438" s="3">
        <f t="shared" si="263"/>
        <v>2017</v>
      </c>
      <c r="D8438" t="s">
        <v>201</v>
      </c>
      <c r="E8438" t="s">
        <v>9</v>
      </c>
      <c r="F8438" t="s">
        <v>10</v>
      </c>
      <c r="G8438" t="s">
        <v>11</v>
      </c>
      <c r="H8438" t="s">
        <v>755</v>
      </c>
      <c r="I8438">
        <v>20.74</v>
      </c>
      <c r="J8438">
        <v>4</v>
      </c>
      <c r="K8438">
        <v>7.26</v>
      </c>
    </row>
    <row r="8439" spans="1:11" x14ac:dyDescent="0.3">
      <c r="A8439" s="1">
        <v>42986</v>
      </c>
      <c r="B8439" s="3">
        <f t="shared" si="262"/>
        <v>9</v>
      </c>
      <c r="C8439" s="3">
        <f t="shared" si="263"/>
        <v>2017</v>
      </c>
      <c r="D8439" t="s">
        <v>201</v>
      </c>
      <c r="E8439" t="s">
        <v>9</v>
      </c>
      <c r="F8439" t="s">
        <v>33</v>
      </c>
      <c r="G8439" t="s">
        <v>34</v>
      </c>
      <c r="H8439" t="s">
        <v>2040</v>
      </c>
      <c r="I8439">
        <v>213.43</v>
      </c>
      <c r="J8439">
        <v>5</v>
      </c>
      <c r="K8439">
        <v>-39.64</v>
      </c>
    </row>
    <row r="8440" spans="1:11" x14ac:dyDescent="0.3">
      <c r="A8440" s="1">
        <v>42986</v>
      </c>
      <c r="B8440" s="3">
        <f t="shared" si="262"/>
        <v>9</v>
      </c>
      <c r="C8440" s="3">
        <f t="shared" si="263"/>
        <v>2017</v>
      </c>
      <c r="D8440" t="s">
        <v>2114</v>
      </c>
      <c r="E8440" t="s">
        <v>122</v>
      </c>
      <c r="F8440" t="s">
        <v>10</v>
      </c>
      <c r="G8440" t="s">
        <v>17</v>
      </c>
      <c r="H8440" t="s">
        <v>1330</v>
      </c>
      <c r="I8440">
        <v>61.68</v>
      </c>
      <c r="J8440">
        <v>5</v>
      </c>
      <c r="K8440">
        <v>5.4</v>
      </c>
    </row>
    <row r="8441" spans="1:11" x14ac:dyDescent="0.3">
      <c r="A8441" s="1">
        <v>42986</v>
      </c>
      <c r="B8441" s="3">
        <f t="shared" si="262"/>
        <v>9</v>
      </c>
      <c r="C8441" s="3">
        <f t="shared" si="263"/>
        <v>2017</v>
      </c>
      <c r="D8441" t="s">
        <v>2114</v>
      </c>
      <c r="E8441" t="s">
        <v>122</v>
      </c>
      <c r="F8441" t="s">
        <v>38</v>
      </c>
      <c r="G8441" t="s">
        <v>39</v>
      </c>
      <c r="H8441" t="s">
        <v>1550</v>
      </c>
      <c r="I8441">
        <v>158.38</v>
      </c>
      <c r="J8441">
        <v>3</v>
      </c>
      <c r="K8441">
        <v>13.86</v>
      </c>
    </row>
    <row r="8442" spans="1:11" x14ac:dyDescent="0.3">
      <c r="A8442" s="1">
        <v>42986</v>
      </c>
      <c r="B8442" s="3">
        <f t="shared" si="262"/>
        <v>9</v>
      </c>
      <c r="C8442" s="3">
        <f t="shared" si="263"/>
        <v>2017</v>
      </c>
      <c r="D8442" t="s">
        <v>2178</v>
      </c>
      <c r="E8442" t="s">
        <v>148</v>
      </c>
      <c r="F8442" t="s">
        <v>10</v>
      </c>
      <c r="G8442" t="s">
        <v>17</v>
      </c>
      <c r="H8442" t="s">
        <v>463</v>
      </c>
      <c r="I8442">
        <v>65.12</v>
      </c>
      <c r="J8442">
        <v>4</v>
      </c>
      <c r="K8442">
        <v>16.93</v>
      </c>
    </row>
    <row r="8443" spans="1:11" x14ac:dyDescent="0.3">
      <c r="A8443" s="1">
        <v>42987</v>
      </c>
      <c r="B8443" s="3">
        <f t="shared" si="262"/>
        <v>9</v>
      </c>
      <c r="C8443" s="3">
        <f t="shared" si="263"/>
        <v>2017</v>
      </c>
      <c r="D8443" t="s">
        <v>1248</v>
      </c>
      <c r="E8443" t="s">
        <v>22</v>
      </c>
      <c r="F8443" t="s">
        <v>33</v>
      </c>
      <c r="G8443" t="s">
        <v>34</v>
      </c>
      <c r="H8443" t="s">
        <v>1818</v>
      </c>
      <c r="I8443">
        <v>141.37</v>
      </c>
      <c r="J8443">
        <v>2</v>
      </c>
      <c r="K8443">
        <v>-48.47</v>
      </c>
    </row>
    <row r="8444" spans="1:11" x14ac:dyDescent="0.3">
      <c r="A8444" s="1">
        <v>42987</v>
      </c>
      <c r="B8444" s="3">
        <f t="shared" si="262"/>
        <v>9</v>
      </c>
      <c r="C8444" s="3">
        <f t="shared" si="263"/>
        <v>2017</v>
      </c>
      <c r="D8444" t="s">
        <v>1248</v>
      </c>
      <c r="E8444" t="s">
        <v>22</v>
      </c>
      <c r="F8444" t="s">
        <v>10</v>
      </c>
      <c r="G8444" t="s">
        <v>19</v>
      </c>
      <c r="H8444" t="s">
        <v>1196</v>
      </c>
      <c r="I8444">
        <v>3.04</v>
      </c>
      <c r="J8444">
        <v>2</v>
      </c>
      <c r="K8444">
        <v>-2.33</v>
      </c>
    </row>
    <row r="8445" spans="1:11" x14ac:dyDescent="0.3">
      <c r="A8445" s="1">
        <v>42987</v>
      </c>
      <c r="B8445" s="3">
        <f t="shared" si="262"/>
        <v>9</v>
      </c>
      <c r="C8445" s="3">
        <f t="shared" si="263"/>
        <v>2017</v>
      </c>
      <c r="D8445" t="s">
        <v>1248</v>
      </c>
      <c r="E8445" t="s">
        <v>22</v>
      </c>
      <c r="F8445" t="s">
        <v>10</v>
      </c>
      <c r="G8445" t="s">
        <v>19</v>
      </c>
      <c r="H8445" t="s">
        <v>851</v>
      </c>
      <c r="I8445">
        <v>4.5</v>
      </c>
      <c r="J8445">
        <v>1</v>
      </c>
      <c r="K8445">
        <v>-3.6</v>
      </c>
    </row>
    <row r="8446" spans="1:11" x14ac:dyDescent="0.3">
      <c r="A8446" s="1">
        <v>42987</v>
      </c>
      <c r="B8446" s="3">
        <f t="shared" si="262"/>
        <v>9</v>
      </c>
      <c r="C8446" s="3">
        <f t="shared" si="263"/>
        <v>2017</v>
      </c>
      <c r="D8446" t="s">
        <v>1248</v>
      </c>
      <c r="E8446" t="s">
        <v>22</v>
      </c>
      <c r="F8446" t="s">
        <v>10</v>
      </c>
      <c r="G8446" t="s">
        <v>23</v>
      </c>
      <c r="H8446" t="s">
        <v>2203</v>
      </c>
      <c r="I8446">
        <v>4.67</v>
      </c>
      <c r="J8446">
        <v>1</v>
      </c>
      <c r="K8446">
        <v>1.58</v>
      </c>
    </row>
    <row r="8447" spans="1:11" x14ac:dyDescent="0.3">
      <c r="A8447" s="1">
        <v>42987</v>
      </c>
      <c r="B8447" s="3">
        <f t="shared" si="262"/>
        <v>9</v>
      </c>
      <c r="C8447" s="3">
        <f t="shared" si="263"/>
        <v>2017</v>
      </c>
      <c r="D8447" t="s">
        <v>1248</v>
      </c>
      <c r="E8447" t="s">
        <v>22</v>
      </c>
      <c r="F8447" t="s">
        <v>38</v>
      </c>
      <c r="G8447" t="s">
        <v>51</v>
      </c>
      <c r="H8447" t="s">
        <v>1938</v>
      </c>
      <c r="I8447">
        <v>95.88</v>
      </c>
      <c r="J8447">
        <v>3</v>
      </c>
      <c r="K8447">
        <v>28.76</v>
      </c>
    </row>
    <row r="8448" spans="1:11" x14ac:dyDescent="0.3">
      <c r="A8448" s="1">
        <v>42987</v>
      </c>
      <c r="B8448" s="3">
        <f t="shared" si="262"/>
        <v>9</v>
      </c>
      <c r="C8448" s="3">
        <f t="shared" si="263"/>
        <v>2017</v>
      </c>
      <c r="D8448" t="s">
        <v>1248</v>
      </c>
      <c r="E8448" t="s">
        <v>22</v>
      </c>
      <c r="F8448" t="s">
        <v>33</v>
      </c>
      <c r="G8448" t="s">
        <v>46</v>
      </c>
      <c r="H8448" t="s">
        <v>1586</v>
      </c>
      <c r="I8448">
        <v>17.02</v>
      </c>
      <c r="J8448">
        <v>2</v>
      </c>
      <c r="K8448">
        <v>1.7</v>
      </c>
    </row>
    <row r="8449" spans="1:11" x14ac:dyDescent="0.3">
      <c r="A8449" s="1">
        <v>42987</v>
      </c>
      <c r="B8449" s="3">
        <f t="shared" si="262"/>
        <v>9</v>
      </c>
      <c r="C8449" s="3">
        <f t="shared" si="263"/>
        <v>2017</v>
      </c>
      <c r="D8449" t="s">
        <v>1248</v>
      </c>
      <c r="E8449" t="s">
        <v>22</v>
      </c>
      <c r="F8449" t="s">
        <v>38</v>
      </c>
      <c r="G8449" t="s">
        <v>51</v>
      </c>
      <c r="H8449" t="s">
        <v>65</v>
      </c>
      <c r="I8449">
        <v>258.7</v>
      </c>
      <c r="J8449">
        <v>3</v>
      </c>
      <c r="K8449">
        <v>64.67</v>
      </c>
    </row>
    <row r="8450" spans="1:11" x14ac:dyDescent="0.3">
      <c r="A8450" s="1">
        <v>42987</v>
      </c>
      <c r="B8450" s="3">
        <f t="shared" ref="B8450:B8513" si="264">MONTH(A:A)</f>
        <v>9</v>
      </c>
      <c r="C8450" s="3">
        <f t="shared" ref="C8450:C8513" si="265">YEAR(A:A)</f>
        <v>2017</v>
      </c>
      <c r="D8450" t="s">
        <v>1248</v>
      </c>
      <c r="E8450" t="s">
        <v>22</v>
      </c>
      <c r="F8450" t="s">
        <v>38</v>
      </c>
      <c r="G8450" t="s">
        <v>39</v>
      </c>
      <c r="H8450" t="s">
        <v>2649</v>
      </c>
      <c r="I8450">
        <v>1931.96</v>
      </c>
      <c r="J8450">
        <v>7</v>
      </c>
      <c r="K8450">
        <v>-386.39</v>
      </c>
    </row>
    <row r="8451" spans="1:11" x14ac:dyDescent="0.3">
      <c r="A8451" s="1">
        <v>42987</v>
      </c>
      <c r="B8451" s="3">
        <f t="shared" si="264"/>
        <v>9</v>
      </c>
      <c r="C8451" s="3">
        <f t="shared" si="265"/>
        <v>2017</v>
      </c>
      <c r="D8451" t="s">
        <v>636</v>
      </c>
      <c r="E8451" t="s">
        <v>69</v>
      </c>
      <c r="F8451" t="s">
        <v>10</v>
      </c>
      <c r="G8451" t="s">
        <v>17</v>
      </c>
      <c r="H8451" t="s">
        <v>728</v>
      </c>
      <c r="I8451">
        <v>628.80999999999995</v>
      </c>
      <c r="J8451">
        <v>7</v>
      </c>
      <c r="K8451">
        <v>12.58</v>
      </c>
    </row>
    <row r="8452" spans="1:11" x14ac:dyDescent="0.3">
      <c r="A8452" s="1">
        <v>42987</v>
      </c>
      <c r="B8452" s="3">
        <f t="shared" si="264"/>
        <v>9</v>
      </c>
      <c r="C8452" s="3">
        <f t="shared" si="265"/>
        <v>2017</v>
      </c>
      <c r="D8452" t="s">
        <v>636</v>
      </c>
      <c r="E8452" t="s">
        <v>69</v>
      </c>
      <c r="F8452" t="s">
        <v>10</v>
      </c>
      <c r="G8452" t="s">
        <v>17</v>
      </c>
      <c r="H8452" t="s">
        <v>584</v>
      </c>
      <c r="I8452">
        <v>56.45</v>
      </c>
      <c r="J8452">
        <v>5</v>
      </c>
      <c r="K8452">
        <v>14.68</v>
      </c>
    </row>
    <row r="8453" spans="1:11" x14ac:dyDescent="0.3">
      <c r="A8453" s="1">
        <v>42987</v>
      </c>
      <c r="B8453" s="3">
        <f t="shared" si="264"/>
        <v>9</v>
      </c>
      <c r="C8453" s="3">
        <f t="shared" si="265"/>
        <v>2017</v>
      </c>
      <c r="D8453" t="s">
        <v>2283</v>
      </c>
      <c r="E8453" t="s">
        <v>119</v>
      </c>
      <c r="F8453" t="s">
        <v>10</v>
      </c>
      <c r="G8453" t="s">
        <v>199</v>
      </c>
      <c r="H8453" t="s">
        <v>806</v>
      </c>
      <c r="I8453">
        <v>8.83</v>
      </c>
      <c r="J8453">
        <v>3</v>
      </c>
      <c r="K8453">
        <v>-1.99</v>
      </c>
    </row>
    <row r="8454" spans="1:11" x14ac:dyDescent="0.3">
      <c r="A8454" s="1">
        <v>42987</v>
      </c>
      <c r="B8454" s="3">
        <f t="shared" si="264"/>
        <v>9</v>
      </c>
      <c r="C8454" s="3">
        <f t="shared" si="265"/>
        <v>2017</v>
      </c>
      <c r="D8454" t="s">
        <v>2283</v>
      </c>
      <c r="E8454" t="s">
        <v>119</v>
      </c>
      <c r="F8454" t="s">
        <v>10</v>
      </c>
      <c r="G8454" t="s">
        <v>11</v>
      </c>
      <c r="H8454" t="s">
        <v>1663</v>
      </c>
      <c r="I8454">
        <v>177.54</v>
      </c>
      <c r="J8454">
        <v>4</v>
      </c>
      <c r="K8454">
        <v>62.14</v>
      </c>
    </row>
    <row r="8455" spans="1:11" x14ac:dyDescent="0.3">
      <c r="A8455" s="1">
        <v>42987</v>
      </c>
      <c r="B8455" s="3">
        <f t="shared" si="264"/>
        <v>9</v>
      </c>
      <c r="C8455" s="3">
        <f t="shared" si="265"/>
        <v>2017</v>
      </c>
      <c r="D8455" t="s">
        <v>2283</v>
      </c>
      <c r="E8455" t="s">
        <v>119</v>
      </c>
      <c r="F8455" t="s">
        <v>10</v>
      </c>
      <c r="G8455" t="s">
        <v>17</v>
      </c>
      <c r="H8455" t="s">
        <v>1409</v>
      </c>
      <c r="I8455">
        <v>258.48</v>
      </c>
      <c r="J8455">
        <v>2</v>
      </c>
      <c r="K8455">
        <v>-3.23</v>
      </c>
    </row>
    <row r="8456" spans="1:11" x14ac:dyDescent="0.3">
      <c r="A8456" s="1">
        <v>42987</v>
      </c>
      <c r="B8456" s="3">
        <f t="shared" si="264"/>
        <v>9</v>
      </c>
      <c r="C8456" s="3">
        <f t="shared" si="265"/>
        <v>2017</v>
      </c>
      <c r="D8456" t="s">
        <v>2283</v>
      </c>
      <c r="E8456" t="s">
        <v>119</v>
      </c>
      <c r="F8456" t="s">
        <v>33</v>
      </c>
      <c r="G8456" t="s">
        <v>46</v>
      </c>
      <c r="H8456" t="s">
        <v>280</v>
      </c>
      <c r="I8456">
        <v>14.14</v>
      </c>
      <c r="J8456">
        <v>3</v>
      </c>
      <c r="K8456">
        <v>4.24</v>
      </c>
    </row>
    <row r="8457" spans="1:11" x14ac:dyDescent="0.3">
      <c r="A8457" s="1">
        <v>42987</v>
      </c>
      <c r="B8457" s="3">
        <f t="shared" si="264"/>
        <v>9</v>
      </c>
      <c r="C8457" s="3">
        <f t="shared" si="265"/>
        <v>2017</v>
      </c>
      <c r="D8457" t="s">
        <v>2428</v>
      </c>
      <c r="E8457" t="s">
        <v>109</v>
      </c>
      <c r="F8457" t="s">
        <v>10</v>
      </c>
      <c r="G8457" t="s">
        <v>62</v>
      </c>
      <c r="H8457" t="s">
        <v>784</v>
      </c>
      <c r="I8457">
        <v>17.48</v>
      </c>
      <c r="J8457">
        <v>2</v>
      </c>
      <c r="K8457">
        <v>8.2200000000000006</v>
      </c>
    </row>
    <row r="8458" spans="1:11" x14ac:dyDescent="0.3">
      <c r="A8458" s="1">
        <v>42987</v>
      </c>
      <c r="B8458" s="3">
        <f t="shared" si="264"/>
        <v>9</v>
      </c>
      <c r="C8458" s="3">
        <f t="shared" si="265"/>
        <v>2017</v>
      </c>
      <c r="D8458" t="s">
        <v>586</v>
      </c>
      <c r="E8458" t="s">
        <v>94</v>
      </c>
      <c r="F8458" t="s">
        <v>10</v>
      </c>
      <c r="G8458" t="s">
        <v>11</v>
      </c>
      <c r="H8458" t="s">
        <v>2662</v>
      </c>
      <c r="I8458">
        <v>6.37</v>
      </c>
      <c r="J8458">
        <v>2</v>
      </c>
      <c r="K8458">
        <v>2.39</v>
      </c>
    </row>
    <row r="8459" spans="1:11" x14ac:dyDescent="0.3">
      <c r="A8459" s="1">
        <v>42987</v>
      </c>
      <c r="B8459" s="3">
        <f t="shared" si="264"/>
        <v>9</v>
      </c>
      <c r="C8459" s="3">
        <f t="shared" si="265"/>
        <v>2017</v>
      </c>
      <c r="D8459" t="s">
        <v>153</v>
      </c>
      <c r="E8459" t="s">
        <v>26</v>
      </c>
      <c r="F8459" t="s">
        <v>10</v>
      </c>
      <c r="G8459" t="s">
        <v>23</v>
      </c>
      <c r="H8459" t="s">
        <v>316</v>
      </c>
      <c r="I8459">
        <v>6.56</v>
      </c>
      <c r="J8459">
        <v>2</v>
      </c>
      <c r="K8459">
        <v>1.9</v>
      </c>
    </row>
    <row r="8460" spans="1:11" x14ac:dyDescent="0.3">
      <c r="A8460" s="1">
        <v>42987</v>
      </c>
      <c r="B8460" s="3">
        <f t="shared" si="264"/>
        <v>9</v>
      </c>
      <c r="C8460" s="3">
        <f t="shared" si="265"/>
        <v>2017</v>
      </c>
      <c r="D8460" t="s">
        <v>153</v>
      </c>
      <c r="E8460" t="s">
        <v>26</v>
      </c>
      <c r="F8460" t="s">
        <v>33</v>
      </c>
      <c r="G8460" t="s">
        <v>34</v>
      </c>
      <c r="H8460" t="s">
        <v>1127</v>
      </c>
      <c r="I8460">
        <v>243.92</v>
      </c>
      <c r="J8460">
        <v>5</v>
      </c>
      <c r="K8460">
        <v>-15.25</v>
      </c>
    </row>
    <row r="8461" spans="1:11" x14ac:dyDescent="0.3">
      <c r="A8461" s="1">
        <v>42987</v>
      </c>
      <c r="B8461" s="3">
        <f t="shared" si="264"/>
        <v>9</v>
      </c>
      <c r="C8461" s="3">
        <f t="shared" si="265"/>
        <v>2017</v>
      </c>
      <c r="D8461" t="s">
        <v>153</v>
      </c>
      <c r="E8461" t="s">
        <v>26</v>
      </c>
      <c r="F8461" t="s">
        <v>10</v>
      </c>
      <c r="G8461" t="s">
        <v>11</v>
      </c>
      <c r="H8461" t="s">
        <v>1767</v>
      </c>
      <c r="I8461">
        <v>47.52</v>
      </c>
      <c r="J8461">
        <v>9</v>
      </c>
      <c r="K8461">
        <v>22.81</v>
      </c>
    </row>
    <row r="8462" spans="1:11" x14ac:dyDescent="0.3">
      <c r="A8462" s="1">
        <v>42987</v>
      </c>
      <c r="B8462" s="3">
        <f t="shared" si="264"/>
        <v>9</v>
      </c>
      <c r="C8462" s="3">
        <f t="shared" si="265"/>
        <v>2017</v>
      </c>
      <c r="D8462" t="s">
        <v>1393</v>
      </c>
      <c r="E8462" t="s">
        <v>26</v>
      </c>
      <c r="F8462" t="s">
        <v>10</v>
      </c>
      <c r="G8462" t="s">
        <v>17</v>
      </c>
      <c r="H8462" t="s">
        <v>114</v>
      </c>
      <c r="I8462">
        <v>99.87</v>
      </c>
      <c r="J8462">
        <v>3</v>
      </c>
      <c r="K8462">
        <v>23.97</v>
      </c>
    </row>
    <row r="8463" spans="1:11" x14ac:dyDescent="0.3">
      <c r="A8463" s="1">
        <v>42987</v>
      </c>
      <c r="B8463" s="3">
        <f t="shared" si="264"/>
        <v>9</v>
      </c>
      <c r="C8463" s="3">
        <f t="shared" si="265"/>
        <v>2017</v>
      </c>
      <c r="D8463" t="s">
        <v>874</v>
      </c>
      <c r="E8463" t="s">
        <v>9</v>
      </c>
      <c r="F8463" t="s">
        <v>10</v>
      </c>
      <c r="G8463" t="s">
        <v>15</v>
      </c>
      <c r="H8463" t="s">
        <v>2215</v>
      </c>
      <c r="I8463">
        <v>9.86</v>
      </c>
      <c r="J8463">
        <v>4</v>
      </c>
      <c r="K8463">
        <v>3.45</v>
      </c>
    </row>
    <row r="8464" spans="1:11" x14ac:dyDescent="0.3">
      <c r="A8464" s="1">
        <v>42987</v>
      </c>
      <c r="B8464" s="3">
        <f t="shared" si="264"/>
        <v>9</v>
      </c>
      <c r="C8464" s="3">
        <f t="shared" si="265"/>
        <v>2017</v>
      </c>
      <c r="D8464" t="s">
        <v>1262</v>
      </c>
      <c r="E8464" t="s">
        <v>77</v>
      </c>
      <c r="F8464" t="s">
        <v>10</v>
      </c>
      <c r="G8464" t="s">
        <v>23</v>
      </c>
      <c r="H8464" t="s">
        <v>257</v>
      </c>
      <c r="I8464">
        <v>25.92</v>
      </c>
      <c r="J8464">
        <v>5</v>
      </c>
      <c r="K8464">
        <v>3.89</v>
      </c>
    </row>
    <row r="8465" spans="1:11" x14ac:dyDescent="0.3">
      <c r="A8465" s="1">
        <v>42987</v>
      </c>
      <c r="B8465" s="3">
        <f t="shared" si="264"/>
        <v>9</v>
      </c>
      <c r="C8465" s="3">
        <f t="shared" si="265"/>
        <v>2017</v>
      </c>
      <c r="D8465" t="s">
        <v>1262</v>
      </c>
      <c r="E8465" t="s">
        <v>77</v>
      </c>
      <c r="F8465" t="s">
        <v>33</v>
      </c>
      <c r="G8465" t="s">
        <v>46</v>
      </c>
      <c r="H8465" t="s">
        <v>653</v>
      </c>
      <c r="I8465">
        <v>66.11</v>
      </c>
      <c r="J8465">
        <v>2</v>
      </c>
      <c r="K8465">
        <v>-9.09</v>
      </c>
    </row>
    <row r="8466" spans="1:11" x14ac:dyDescent="0.3">
      <c r="A8466" s="1">
        <v>42987</v>
      </c>
      <c r="B8466" s="3">
        <f t="shared" si="264"/>
        <v>9</v>
      </c>
      <c r="C8466" s="3">
        <f t="shared" si="265"/>
        <v>2017</v>
      </c>
      <c r="D8466" t="s">
        <v>345</v>
      </c>
      <c r="E8466" t="s">
        <v>26</v>
      </c>
      <c r="F8466" t="s">
        <v>38</v>
      </c>
      <c r="G8466" t="s">
        <v>51</v>
      </c>
      <c r="H8466" t="s">
        <v>2655</v>
      </c>
      <c r="I8466">
        <v>159.96</v>
      </c>
      <c r="J8466">
        <v>4</v>
      </c>
      <c r="K8466">
        <v>51.19</v>
      </c>
    </row>
    <row r="8467" spans="1:11" x14ac:dyDescent="0.3">
      <c r="A8467" s="1">
        <v>42987</v>
      </c>
      <c r="B8467" s="3">
        <f t="shared" si="264"/>
        <v>9</v>
      </c>
      <c r="C8467" s="3">
        <f t="shared" si="265"/>
        <v>2017</v>
      </c>
      <c r="D8467" t="s">
        <v>388</v>
      </c>
      <c r="E8467" t="s">
        <v>90</v>
      </c>
      <c r="F8467" t="s">
        <v>10</v>
      </c>
      <c r="G8467" t="s">
        <v>11</v>
      </c>
      <c r="H8467" t="s">
        <v>2393</v>
      </c>
      <c r="I8467">
        <v>31.1</v>
      </c>
      <c r="J8467">
        <v>6</v>
      </c>
      <c r="K8467">
        <v>11.28</v>
      </c>
    </row>
    <row r="8468" spans="1:11" x14ac:dyDescent="0.3">
      <c r="A8468" s="1">
        <v>42987</v>
      </c>
      <c r="B8468" s="3">
        <f t="shared" si="264"/>
        <v>9</v>
      </c>
      <c r="C8468" s="3">
        <f t="shared" si="265"/>
        <v>2017</v>
      </c>
      <c r="D8468" t="s">
        <v>388</v>
      </c>
      <c r="E8468" t="s">
        <v>90</v>
      </c>
      <c r="F8468" t="s">
        <v>10</v>
      </c>
      <c r="G8468" t="s">
        <v>91</v>
      </c>
      <c r="H8468" t="s">
        <v>1837</v>
      </c>
      <c r="I8468">
        <v>11.18</v>
      </c>
      <c r="J8468">
        <v>1</v>
      </c>
      <c r="K8468">
        <v>0.84</v>
      </c>
    </row>
    <row r="8469" spans="1:11" x14ac:dyDescent="0.3">
      <c r="A8469" s="1">
        <v>42987</v>
      </c>
      <c r="B8469" s="3">
        <f t="shared" si="264"/>
        <v>9</v>
      </c>
      <c r="C8469" s="3">
        <f t="shared" si="265"/>
        <v>2017</v>
      </c>
      <c r="D8469" t="s">
        <v>1432</v>
      </c>
      <c r="E8469" t="s">
        <v>77</v>
      </c>
      <c r="F8469" t="s">
        <v>10</v>
      </c>
      <c r="G8469" t="s">
        <v>15</v>
      </c>
      <c r="H8469" t="s">
        <v>347</v>
      </c>
      <c r="I8469">
        <v>17.71</v>
      </c>
      <c r="J8469">
        <v>6</v>
      </c>
      <c r="K8469">
        <v>5.98</v>
      </c>
    </row>
    <row r="8470" spans="1:11" x14ac:dyDescent="0.3">
      <c r="A8470" s="1">
        <v>42987</v>
      </c>
      <c r="B8470" s="3">
        <f t="shared" si="264"/>
        <v>9</v>
      </c>
      <c r="C8470" s="3">
        <f t="shared" si="265"/>
        <v>2017</v>
      </c>
      <c r="D8470" t="s">
        <v>1432</v>
      </c>
      <c r="E8470" t="s">
        <v>77</v>
      </c>
      <c r="F8470" t="s">
        <v>10</v>
      </c>
      <c r="G8470" t="s">
        <v>19</v>
      </c>
      <c r="H8470" t="s">
        <v>1667</v>
      </c>
      <c r="I8470">
        <v>4.8600000000000003</v>
      </c>
      <c r="J8470">
        <v>3</v>
      </c>
      <c r="K8470">
        <v>-3.56</v>
      </c>
    </row>
    <row r="8471" spans="1:11" x14ac:dyDescent="0.3">
      <c r="A8471" s="1">
        <v>42987</v>
      </c>
      <c r="B8471" s="3">
        <f t="shared" si="264"/>
        <v>9</v>
      </c>
      <c r="C8471" s="3">
        <f t="shared" si="265"/>
        <v>2017</v>
      </c>
      <c r="D8471" t="s">
        <v>1432</v>
      </c>
      <c r="E8471" t="s">
        <v>77</v>
      </c>
      <c r="F8471" t="s">
        <v>10</v>
      </c>
      <c r="G8471" t="s">
        <v>19</v>
      </c>
      <c r="H8471" t="s">
        <v>578</v>
      </c>
      <c r="I8471">
        <v>6.26</v>
      </c>
      <c r="J8471">
        <v>2</v>
      </c>
      <c r="K8471">
        <v>-5.22</v>
      </c>
    </row>
    <row r="8472" spans="1:11" x14ac:dyDescent="0.3">
      <c r="A8472" s="1">
        <v>42988</v>
      </c>
      <c r="B8472" s="3">
        <f t="shared" si="264"/>
        <v>9</v>
      </c>
      <c r="C8472" s="3">
        <f t="shared" si="265"/>
        <v>2017</v>
      </c>
      <c r="D8472" t="s">
        <v>211</v>
      </c>
      <c r="E8472" t="s">
        <v>14</v>
      </c>
      <c r="F8472" t="s">
        <v>38</v>
      </c>
      <c r="G8472" t="s">
        <v>39</v>
      </c>
      <c r="H8472" t="s">
        <v>862</v>
      </c>
      <c r="I8472">
        <v>147.16999999999999</v>
      </c>
      <c r="J8472">
        <v>4</v>
      </c>
      <c r="K8472">
        <v>16.559999999999999</v>
      </c>
    </row>
    <row r="8473" spans="1:11" x14ac:dyDescent="0.3">
      <c r="A8473" s="1">
        <v>42988</v>
      </c>
      <c r="B8473" s="3">
        <f t="shared" si="264"/>
        <v>9</v>
      </c>
      <c r="C8473" s="3">
        <f t="shared" si="265"/>
        <v>2017</v>
      </c>
      <c r="D8473" t="s">
        <v>482</v>
      </c>
      <c r="E8473" t="s">
        <v>26</v>
      </c>
      <c r="F8473" t="s">
        <v>33</v>
      </c>
      <c r="G8473" t="s">
        <v>34</v>
      </c>
      <c r="H8473" t="s">
        <v>541</v>
      </c>
      <c r="I8473">
        <v>362.35</v>
      </c>
      <c r="J8473">
        <v>3</v>
      </c>
      <c r="K8473">
        <v>27.18</v>
      </c>
    </row>
    <row r="8474" spans="1:11" x14ac:dyDescent="0.3">
      <c r="A8474" s="1">
        <v>42988</v>
      </c>
      <c r="B8474" s="3">
        <f t="shared" si="264"/>
        <v>9</v>
      </c>
      <c r="C8474" s="3">
        <f t="shared" si="265"/>
        <v>2017</v>
      </c>
      <c r="D8474" t="s">
        <v>482</v>
      </c>
      <c r="E8474" t="s">
        <v>26</v>
      </c>
      <c r="F8474" t="s">
        <v>10</v>
      </c>
      <c r="G8474" t="s">
        <v>19</v>
      </c>
      <c r="H8474" t="s">
        <v>450</v>
      </c>
      <c r="I8474">
        <v>7.18</v>
      </c>
      <c r="J8474">
        <v>2</v>
      </c>
      <c r="K8474">
        <v>2.25</v>
      </c>
    </row>
    <row r="8475" spans="1:11" x14ac:dyDescent="0.3">
      <c r="A8475" s="1">
        <v>42988</v>
      </c>
      <c r="B8475" s="3">
        <f t="shared" si="264"/>
        <v>9</v>
      </c>
      <c r="C8475" s="3">
        <f t="shared" si="265"/>
        <v>2017</v>
      </c>
      <c r="D8475" t="s">
        <v>2533</v>
      </c>
      <c r="E8475" t="s">
        <v>185</v>
      </c>
      <c r="F8475" t="s">
        <v>10</v>
      </c>
      <c r="G8475" t="s">
        <v>19</v>
      </c>
      <c r="H8475" t="s">
        <v>1667</v>
      </c>
      <c r="I8475">
        <v>16.2</v>
      </c>
      <c r="J8475">
        <v>3</v>
      </c>
      <c r="K8475">
        <v>7.78</v>
      </c>
    </row>
    <row r="8476" spans="1:11" x14ac:dyDescent="0.3">
      <c r="A8476" s="1">
        <v>42988</v>
      </c>
      <c r="B8476" s="3">
        <f t="shared" si="264"/>
        <v>9</v>
      </c>
      <c r="C8476" s="3">
        <f t="shared" si="265"/>
        <v>2017</v>
      </c>
      <c r="D8476" t="s">
        <v>2533</v>
      </c>
      <c r="E8476" t="s">
        <v>185</v>
      </c>
      <c r="F8476" t="s">
        <v>10</v>
      </c>
      <c r="G8476" t="s">
        <v>91</v>
      </c>
      <c r="H8476" t="s">
        <v>1243</v>
      </c>
      <c r="I8476">
        <v>33.99</v>
      </c>
      <c r="J8476">
        <v>3</v>
      </c>
      <c r="K8476">
        <v>14.62</v>
      </c>
    </row>
    <row r="8477" spans="1:11" x14ac:dyDescent="0.3">
      <c r="A8477" s="1">
        <v>42988</v>
      </c>
      <c r="B8477" s="3">
        <f t="shared" si="264"/>
        <v>9</v>
      </c>
      <c r="C8477" s="3">
        <f t="shared" si="265"/>
        <v>2017</v>
      </c>
      <c r="D8477" t="s">
        <v>2533</v>
      </c>
      <c r="E8477" t="s">
        <v>185</v>
      </c>
      <c r="F8477" t="s">
        <v>38</v>
      </c>
      <c r="G8477" t="s">
        <v>51</v>
      </c>
      <c r="H8477" t="s">
        <v>1427</v>
      </c>
      <c r="I8477">
        <v>296.85000000000002</v>
      </c>
      <c r="J8477">
        <v>5</v>
      </c>
      <c r="K8477">
        <v>53.43</v>
      </c>
    </row>
    <row r="8478" spans="1:11" x14ac:dyDescent="0.3">
      <c r="A8478" s="1">
        <v>42988</v>
      </c>
      <c r="B8478" s="3">
        <f t="shared" si="264"/>
        <v>9</v>
      </c>
      <c r="C8478" s="3">
        <f t="shared" si="265"/>
        <v>2017</v>
      </c>
      <c r="D8478" t="s">
        <v>2533</v>
      </c>
      <c r="E8478" t="s">
        <v>185</v>
      </c>
      <c r="F8478" t="s">
        <v>38</v>
      </c>
      <c r="G8478" t="s">
        <v>51</v>
      </c>
      <c r="H8478" t="s">
        <v>672</v>
      </c>
      <c r="I8478">
        <v>112.8</v>
      </c>
      <c r="J8478">
        <v>6</v>
      </c>
      <c r="K8478">
        <v>6.77</v>
      </c>
    </row>
    <row r="8479" spans="1:11" x14ac:dyDescent="0.3">
      <c r="A8479" s="1">
        <v>42988</v>
      </c>
      <c r="B8479" s="3">
        <f t="shared" si="264"/>
        <v>9</v>
      </c>
      <c r="C8479" s="3">
        <f t="shared" si="265"/>
        <v>2017</v>
      </c>
      <c r="D8479" t="s">
        <v>2533</v>
      </c>
      <c r="E8479" t="s">
        <v>185</v>
      </c>
      <c r="F8479" t="s">
        <v>10</v>
      </c>
      <c r="G8479" t="s">
        <v>19</v>
      </c>
      <c r="H8479" t="s">
        <v>936</v>
      </c>
      <c r="I8479">
        <v>13.71</v>
      </c>
      <c r="J8479">
        <v>3</v>
      </c>
      <c r="K8479">
        <v>6.58</v>
      </c>
    </row>
    <row r="8480" spans="1:11" x14ac:dyDescent="0.3">
      <c r="A8480" s="1">
        <v>42988</v>
      </c>
      <c r="B8480" s="3">
        <f t="shared" si="264"/>
        <v>9</v>
      </c>
      <c r="C8480" s="3">
        <f t="shared" si="265"/>
        <v>2017</v>
      </c>
      <c r="D8480" t="s">
        <v>2533</v>
      </c>
      <c r="E8480" t="s">
        <v>185</v>
      </c>
      <c r="F8480" t="s">
        <v>10</v>
      </c>
      <c r="G8480" t="s">
        <v>11</v>
      </c>
      <c r="H8480" t="s">
        <v>1709</v>
      </c>
      <c r="I8480">
        <v>24.9</v>
      </c>
      <c r="J8480">
        <v>5</v>
      </c>
      <c r="K8480">
        <v>11.7</v>
      </c>
    </row>
    <row r="8481" spans="1:11" x14ac:dyDescent="0.3">
      <c r="A8481" s="1">
        <v>42988</v>
      </c>
      <c r="B8481" s="3">
        <f t="shared" si="264"/>
        <v>9</v>
      </c>
      <c r="C8481" s="3">
        <f t="shared" si="265"/>
        <v>2017</v>
      </c>
      <c r="D8481" t="s">
        <v>2533</v>
      </c>
      <c r="E8481" t="s">
        <v>185</v>
      </c>
      <c r="F8481" t="s">
        <v>10</v>
      </c>
      <c r="G8481" t="s">
        <v>17</v>
      </c>
      <c r="H8481" t="s">
        <v>67</v>
      </c>
      <c r="I8481">
        <v>286.29000000000002</v>
      </c>
      <c r="J8481">
        <v>3</v>
      </c>
      <c r="K8481">
        <v>17.18</v>
      </c>
    </row>
    <row r="8482" spans="1:11" x14ac:dyDescent="0.3">
      <c r="A8482" s="1">
        <v>42988</v>
      </c>
      <c r="B8482" s="3">
        <f t="shared" si="264"/>
        <v>9</v>
      </c>
      <c r="C8482" s="3">
        <f t="shared" si="265"/>
        <v>2017</v>
      </c>
      <c r="D8482" t="s">
        <v>2533</v>
      </c>
      <c r="E8482" t="s">
        <v>185</v>
      </c>
      <c r="F8482" t="s">
        <v>10</v>
      </c>
      <c r="G8482" t="s">
        <v>91</v>
      </c>
      <c r="H8482" t="s">
        <v>1030</v>
      </c>
      <c r="I8482">
        <v>24.18</v>
      </c>
      <c r="J8482">
        <v>2</v>
      </c>
      <c r="K8482">
        <v>7.25</v>
      </c>
    </row>
    <row r="8483" spans="1:11" x14ac:dyDescent="0.3">
      <c r="A8483" s="1">
        <v>42988</v>
      </c>
      <c r="B8483" s="3">
        <f t="shared" si="264"/>
        <v>9</v>
      </c>
      <c r="C8483" s="3">
        <f t="shared" si="265"/>
        <v>2017</v>
      </c>
      <c r="D8483" t="s">
        <v>2116</v>
      </c>
      <c r="E8483" t="s">
        <v>14</v>
      </c>
      <c r="F8483" t="s">
        <v>10</v>
      </c>
      <c r="G8483" t="s">
        <v>19</v>
      </c>
      <c r="H8483" t="s">
        <v>1605</v>
      </c>
      <c r="I8483">
        <v>762.59</v>
      </c>
      <c r="J8483">
        <v>3</v>
      </c>
      <c r="K8483">
        <v>-1143.8900000000001</v>
      </c>
    </row>
    <row r="8484" spans="1:11" x14ac:dyDescent="0.3">
      <c r="A8484" s="1">
        <v>42988</v>
      </c>
      <c r="B8484" s="3">
        <f t="shared" si="264"/>
        <v>9</v>
      </c>
      <c r="C8484" s="3">
        <f t="shared" si="265"/>
        <v>2017</v>
      </c>
      <c r="D8484" t="s">
        <v>1547</v>
      </c>
      <c r="E8484" t="s">
        <v>148</v>
      </c>
      <c r="F8484" t="s">
        <v>10</v>
      </c>
      <c r="G8484" t="s">
        <v>11</v>
      </c>
      <c r="H8484" t="s">
        <v>2582</v>
      </c>
      <c r="I8484">
        <v>18.760000000000002</v>
      </c>
      <c r="J8484">
        <v>2</v>
      </c>
      <c r="K8484">
        <v>9</v>
      </c>
    </row>
    <row r="8485" spans="1:11" x14ac:dyDescent="0.3">
      <c r="A8485" s="1">
        <v>42988</v>
      </c>
      <c r="B8485" s="3">
        <f t="shared" si="264"/>
        <v>9</v>
      </c>
      <c r="C8485" s="3">
        <f t="shared" si="265"/>
        <v>2017</v>
      </c>
      <c r="D8485" t="s">
        <v>1867</v>
      </c>
      <c r="E8485" t="s">
        <v>433</v>
      </c>
      <c r="F8485" t="s">
        <v>10</v>
      </c>
      <c r="G8485" t="s">
        <v>23</v>
      </c>
      <c r="H8485" t="s">
        <v>383</v>
      </c>
      <c r="I8485">
        <v>14.88</v>
      </c>
      <c r="J8485">
        <v>2</v>
      </c>
      <c r="K8485">
        <v>3.72</v>
      </c>
    </row>
    <row r="8486" spans="1:11" x14ac:dyDescent="0.3">
      <c r="A8486" s="1">
        <v>42988</v>
      </c>
      <c r="B8486" s="3">
        <f t="shared" si="264"/>
        <v>9</v>
      </c>
      <c r="C8486" s="3">
        <f t="shared" si="265"/>
        <v>2017</v>
      </c>
      <c r="D8486" t="s">
        <v>1537</v>
      </c>
      <c r="E8486" t="s">
        <v>77</v>
      </c>
      <c r="F8486" t="s">
        <v>10</v>
      </c>
      <c r="G8486" t="s">
        <v>11</v>
      </c>
      <c r="H8486" t="s">
        <v>1854</v>
      </c>
      <c r="I8486">
        <v>85.06</v>
      </c>
      <c r="J8486">
        <v>3</v>
      </c>
      <c r="K8486">
        <v>28.71</v>
      </c>
    </row>
    <row r="8487" spans="1:11" x14ac:dyDescent="0.3">
      <c r="A8487" s="1">
        <v>42988</v>
      </c>
      <c r="B8487" s="3">
        <f t="shared" si="264"/>
        <v>9</v>
      </c>
      <c r="C8487" s="3">
        <f t="shared" si="265"/>
        <v>2017</v>
      </c>
      <c r="D8487" t="s">
        <v>739</v>
      </c>
      <c r="E8487" t="s">
        <v>29</v>
      </c>
      <c r="F8487" t="s">
        <v>10</v>
      </c>
      <c r="G8487" t="s">
        <v>19</v>
      </c>
      <c r="H8487" t="s">
        <v>560</v>
      </c>
      <c r="I8487">
        <v>2.78</v>
      </c>
      <c r="J8487">
        <v>1</v>
      </c>
      <c r="K8487">
        <v>1.36</v>
      </c>
    </row>
    <row r="8488" spans="1:11" x14ac:dyDescent="0.3">
      <c r="A8488" s="1">
        <v>42988</v>
      </c>
      <c r="B8488" s="3">
        <f t="shared" si="264"/>
        <v>9</v>
      </c>
      <c r="C8488" s="3">
        <f t="shared" si="265"/>
        <v>2017</v>
      </c>
      <c r="D8488" t="s">
        <v>886</v>
      </c>
      <c r="E8488" t="s">
        <v>77</v>
      </c>
      <c r="F8488" t="s">
        <v>38</v>
      </c>
      <c r="G8488" t="s">
        <v>51</v>
      </c>
      <c r="H8488" t="s">
        <v>1910</v>
      </c>
      <c r="I8488">
        <v>37.06</v>
      </c>
      <c r="J8488">
        <v>4</v>
      </c>
      <c r="K8488">
        <v>8.8000000000000007</v>
      </c>
    </row>
    <row r="8489" spans="1:11" x14ac:dyDescent="0.3">
      <c r="A8489" s="1">
        <v>42988</v>
      </c>
      <c r="B8489" s="3">
        <f t="shared" si="264"/>
        <v>9</v>
      </c>
      <c r="C8489" s="3">
        <f t="shared" si="265"/>
        <v>2017</v>
      </c>
      <c r="D8489" t="s">
        <v>886</v>
      </c>
      <c r="E8489" t="s">
        <v>77</v>
      </c>
      <c r="F8489" t="s">
        <v>38</v>
      </c>
      <c r="G8489" t="s">
        <v>39</v>
      </c>
      <c r="H8489" t="s">
        <v>2193</v>
      </c>
      <c r="I8489">
        <v>259.89999999999998</v>
      </c>
      <c r="J8489">
        <v>2</v>
      </c>
      <c r="K8489">
        <v>-56.31</v>
      </c>
    </row>
    <row r="8490" spans="1:11" x14ac:dyDescent="0.3">
      <c r="A8490" s="1">
        <v>42989</v>
      </c>
      <c r="B8490" s="3">
        <f t="shared" si="264"/>
        <v>9</v>
      </c>
      <c r="C8490" s="3">
        <f t="shared" si="265"/>
        <v>2017</v>
      </c>
      <c r="D8490" t="s">
        <v>1163</v>
      </c>
      <c r="E8490" t="s">
        <v>122</v>
      </c>
      <c r="F8490" t="s">
        <v>33</v>
      </c>
      <c r="G8490" t="s">
        <v>46</v>
      </c>
      <c r="H8490" t="s">
        <v>919</v>
      </c>
      <c r="I8490">
        <v>34.5</v>
      </c>
      <c r="J8490">
        <v>1</v>
      </c>
      <c r="K8490">
        <v>6.04</v>
      </c>
    </row>
    <row r="8491" spans="1:11" x14ac:dyDescent="0.3">
      <c r="A8491" s="1">
        <v>42989</v>
      </c>
      <c r="B8491" s="3">
        <f t="shared" si="264"/>
        <v>9</v>
      </c>
      <c r="C8491" s="3">
        <f t="shared" si="265"/>
        <v>2017</v>
      </c>
      <c r="D8491" t="s">
        <v>1506</v>
      </c>
      <c r="E8491" t="s">
        <v>29</v>
      </c>
      <c r="F8491" t="s">
        <v>10</v>
      </c>
      <c r="G8491" t="s">
        <v>11</v>
      </c>
      <c r="H8491" t="s">
        <v>2376</v>
      </c>
      <c r="I8491">
        <v>184.66</v>
      </c>
      <c r="J8491">
        <v>7</v>
      </c>
      <c r="K8491">
        <v>84.94</v>
      </c>
    </row>
    <row r="8492" spans="1:11" x14ac:dyDescent="0.3">
      <c r="A8492" s="1">
        <v>42989</v>
      </c>
      <c r="B8492" s="3">
        <f t="shared" si="264"/>
        <v>9</v>
      </c>
      <c r="C8492" s="3">
        <f t="shared" si="265"/>
        <v>2017</v>
      </c>
      <c r="D8492" t="s">
        <v>1384</v>
      </c>
      <c r="E8492" t="s">
        <v>26</v>
      </c>
      <c r="F8492" t="s">
        <v>10</v>
      </c>
      <c r="G8492" t="s">
        <v>11</v>
      </c>
      <c r="H8492" t="s">
        <v>2271</v>
      </c>
      <c r="I8492">
        <v>12.96</v>
      </c>
      <c r="J8492">
        <v>2</v>
      </c>
      <c r="K8492">
        <v>6.22</v>
      </c>
    </row>
    <row r="8493" spans="1:11" x14ac:dyDescent="0.3">
      <c r="A8493" s="1">
        <v>42989</v>
      </c>
      <c r="B8493" s="3">
        <f t="shared" si="264"/>
        <v>9</v>
      </c>
      <c r="C8493" s="3">
        <f t="shared" si="265"/>
        <v>2017</v>
      </c>
      <c r="D8493" t="s">
        <v>1384</v>
      </c>
      <c r="E8493" t="s">
        <v>26</v>
      </c>
      <c r="F8493" t="s">
        <v>10</v>
      </c>
      <c r="G8493" t="s">
        <v>62</v>
      </c>
      <c r="H8493" t="s">
        <v>2478</v>
      </c>
      <c r="I8493">
        <v>22.18</v>
      </c>
      <c r="J8493">
        <v>2</v>
      </c>
      <c r="K8493">
        <v>10.87</v>
      </c>
    </row>
    <row r="8494" spans="1:11" x14ac:dyDescent="0.3">
      <c r="A8494" s="1">
        <v>42989</v>
      </c>
      <c r="B8494" s="3">
        <f t="shared" si="264"/>
        <v>9</v>
      </c>
      <c r="C8494" s="3">
        <f t="shared" si="265"/>
        <v>2017</v>
      </c>
      <c r="D8494" t="s">
        <v>1384</v>
      </c>
      <c r="E8494" t="s">
        <v>26</v>
      </c>
      <c r="F8494" t="s">
        <v>33</v>
      </c>
      <c r="G8494" t="s">
        <v>34</v>
      </c>
      <c r="H8494" t="s">
        <v>649</v>
      </c>
      <c r="I8494">
        <v>2054.27</v>
      </c>
      <c r="J8494">
        <v>8</v>
      </c>
      <c r="K8494">
        <v>256.77999999999997</v>
      </c>
    </row>
    <row r="8495" spans="1:11" x14ac:dyDescent="0.3">
      <c r="A8495" s="1">
        <v>42989</v>
      </c>
      <c r="B8495" s="3">
        <f t="shared" si="264"/>
        <v>9</v>
      </c>
      <c r="C8495" s="3">
        <f t="shared" si="265"/>
        <v>2017</v>
      </c>
      <c r="D8495" t="s">
        <v>1451</v>
      </c>
      <c r="E8495" t="s">
        <v>14</v>
      </c>
      <c r="F8495" t="s">
        <v>10</v>
      </c>
      <c r="G8495" t="s">
        <v>42</v>
      </c>
      <c r="H8495" t="s">
        <v>1232</v>
      </c>
      <c r="I8495">
        <v>10.53</v>
      </c>
      <c r="J8495">
        <v>4</v>
      </c>
      <c r="K8495">
        <v>3.29</v>
      </c>
    </row>
    <row r="8496" spans="1:11" x14ac:dyDescent="0.3">
      <c r="A8496" s="1">
        <v>42989</v>
      </c>
      <c r="B8496" s="3">
        <f t="shared" si="264"/>
        <v>9</v>
      </c>
      <c r="C8496" s="3">
        <f t="shared" si="265"/>
        <v>2017</v>
      </c>
      <c r="D8496" t="s">
        <v>1451</v>
      </c>
      <c r="E8496" t="s">
        <v>14</v>
      </c>
      <c r="F8496" t="s">
        <v>10</v>
      </c>
      <c r="G8496" t="s">
        <v>11</v>
      </c>
      <c r="H8496" t="s">
        <v>1844</v>
      </c>
      <c r="I8496">
        <v>20.54</v>
      </c>
      <c r="J8496">
        <v>6</v>
      </c>
      <c r="K8496">
        <v>6.42</v>
      </c>
    </row>
    <row r="8497" spans="1:11" x14ac:dyDescent="0.3">
      <c r="A8497" s="1">
        <v>42989</v>
      </c>
      <c r="B8497" s="3">
        <f t="shared" si="264"/>
        <v>9</v>
      </c>
      <c r="C8497" s="3">
        <f t="shared" si="265"/>
        <v>2017</v>
      </c>
      <c r="D8497" t="s">
        <v>351</v>
      </c>
      <c r="E8497" t="s">
        <v>26</v>
      </c>
      <c r="F8497" t="s">
        <v>33</v>
      </c>
      <c r="G8497" t="s">
        <v>46</v>
      </c>
      <c r="H8497" t="s">
        <v>2593</v>
      </c>
      <c r="I8497">
        <v>32.36</v>
      </c>
      <c r="J8497">
        <v>4</v>
      </c>
      <c r="K8497">
        <v>11.65</v>
      </c>
    </row>
    <row r="8498" spans="1:11" x14ac:dyDescent="0.3">
      <c r="A8498" s="1">
        <v>42989</v>
      </c>
      <c r="B8498" s="3">
        <f t="shared" si="264"/>
        <v>9</v>
      </c>
      <c r="C8498" s="3">
        <f t="shared" si="265"/>
        <v>2017</v>
      </c>
      <c r="D8498" t="s">
        <v>351</v>
      </c>
      <c r="E8498" t="s">
        <v>26</v>
      </c>
      <c r="F8498" t="s">
        <v>10</v>
      </c>
      <c r="G8498" t="s">
        <v>91</v>
      </c>
      <c r="H8498" t="s">
        <v>2006</v>
      </c>
      <c r="I8498">
        <v>406.6</v>
      </c>
      <c r="J8498">
        <v>5</v>
      </c>
      <c r="K8498">
        <v>113.85</v>
      </c>
    </row>
    <row r="8499" spans="1:11" x14ac:dyDescent="0.3">
      <c r="A8499" s="1">
        <v>42989</v>
      </c>
      <c r="B8499" s="3">
        <f t="shared" si="264"/>
        <v>9</v>
      </c>
      <c r="C8499" s="3">
        <f t="shared" si="265"/>
        <v>2017</v>
      </c>
      <c r="D8499" t="s">
        <v>828</v>
      </c>
      <c r="E8499" t="s">
        <v>163</v>
      </c>
      <c r="F8499" t="s">
        <v>33</v>
      </c>
      <c r="G8499" t="s">
        <v>34</v>
      </c>
      <c r="H8499" t="s">
        <v>2131</v>
      </c>
      <c r="I8499">
        <v>177.57</v>
      </c>
      <c r="J8499">
        <v>2</v>
      </c>
      <c r="K8499">
        <v>8.8800000000000008</v>
      </c>
    </row>
    <row r="8500" spans="1:11" x14ac:dyDescent="0.3">
      <c r="A8500" s="1">
        <v>42989</v>
      </c>
      <c r="B8500" s="3">
        <f t="shared" si="264"/>
        <v>9</v>
      </c>
      <c r="C8500" s="3">
        <f t="shared" si="265"/>
        <v>2017</v>
      </c>
      <c r="D8500" t="s">
        <v>828</v>
      </c>
      <c r="E8500" t="s">
        <v>163</v>
      </c>
      <c r="F8500" t="s">
        <v>10</v>
      </c>
      <c r="G8500" t="s">
        <v>11</v>
      </c>
      <c r="H8500" t="s">
        <v>27</v>
      </c>
      <c r="I8500">
        <v>19.440000000000001</v>
      </c>
      <c r="J8500">
        <v>3</v>
      </c>
      <c r="K8500">
        <v>9.33</v>
      </c>
    </row>
    <row r="8501" spans="1:11" x14ac:dyDescent="0.3">
      <c r="A8501" s="1">
        <v>42989</v>
      </c>
      <c r="B8501" s="3">
        <f t="shared" si="264"/>
        <v>9</v>
      </c>
      <c r="C8501" s="3">
        <f t="shared" si="265"/>
        <v>2017</v>
      </c>
      <c r="D8501" t="s">
        <v>828</v>
      </c>
      <c r="E8501" t="s">
        <v>163</v>
      </c>
      <c r="F8501" t="s">
        <v>10</v>
      </c>
      <c r="G8501" t="s">
        <v>11</v>
      </c>
      <c r="H8501" t="s">
        <v>2085</v>
      </c>
      <c r="I8501">
        <v>71.28</v>
      </c>
      <c r="J8501">
        <v>11</v>
      </c>
      <c r="K8501">
        <v>34.21</v>
      </c>
    </row>
    <row r="8502" spans="1:11" x14ac:dyDescent="0.3">
      <c r="A8502" s="1">
        <v>42989</v>
      </c>
      <c r="B8502" s="3">
        <f t="shared" si="264"/>
        <v>9</v>
      </c>
      <c r="C8502" s="3">
        <f t="shared" si="265"/>
        <v>2017</v>
      </c>
      <c r="D8502" t="s">
        <v>828</v>
      </c>
      <c r="E8502" t="s">
        <v>163</v>
      </c>
      <c r="F8502" t="s">
        <v>10</v>
      </c>
      <c r="G8502" t="s">
        <v>19</v>
      </c>
      <c r="H8502" t="s">
        <v>1102</v>
      </c>
      <c r="I8502">
        <v>1471.96</v>
      </c>
      <c r="J8502">
        <v>5</v>
      </c>
      <c r="K8502">
        <v>459.99</v>
      </c>
    </row>
    <row r="8503" spans="1:11" x14ac:dyDescent="0.3">
      <c r="A8503" s="1">
        <v>42989</v>
      </c>
      <c r="B8503" s="3">
        <f t="shared" si="264"/>
        <v>9</v>
      </c>
      <c r="C8503" s="3">
        <f t="shared" si="265"/>
        <v>2017</v>
      </c>
      <c r="D8503" t="s">
        <v>828</v>
      </c>
      <c r="E8503" t="s">
        <v>163</v>
      </c>
      <c r="F8503" t="s">
        <v>38</v>
      </c>
      <c r="G8503" t="s">
        <v>39</v>
      </c>
      <c r="H8503" t="s">
        <v>2698</v>
      </c>
      <c r="I8503">
        <v>79.959999999999994</v>
      </c>
      <c r="J8503">
        <v>5</v>
      </c>
      <c r="K8503">
        <v>-17.989999999999998</v>
      </c>
    </row>
    <row r="8504" spans="1:11" x14ac:dyDescent="0.3">
      <c r="A8504" s="1">
        <v>42989</v>
      </c>
      <c r="B8504" s="3">
        <f t="shared" si="264"/>
        <v>9</v>
      </c>
      <c r="C8504" s="3">
        <f t="shared" si="265"/>
        <v>2017</v>
      </c>
      <c r="D8504" t="s">
        <v>671</v>
      </c>
      <c r="E8504" t="s">
        <v>9</v>
      </c>
      <c r="F8504" t="s">
        <v>10</v>
      </c>
      <c r="G8504" t="s">
        <v>11</v>
      </c>
      <c r="H8504" t="s">
        <v>2069</v>
      </c>
      <c r="I8504">
        <v>10.27</v>
      </c>
      <c r="J8504">
        <v>3</v>
      </c>
      <c r="K8504">
        <v>3.21</v>
      </c>
    </row>
    <row r="8505" spans="1:11" x14ac:dyDescent="0.3">
      <c r="A8505" s="1">
        <v>42989</v>
      </c>
      <c r="B8505" s="3">
        <f t="shared" si="264"/>
        <v>9</v>
      </c>
      <c r="C8505" s="3">
        <f t="shared" si="265"/>
        <v>2017</v>
      </c>
      <c r="D8505" t="s">
        <v>671</v>
      </c>
      <c r="E8505" t="s">
        <v>9</v>
      </c>
      <c r="F8505" t="s">
        <v>33</v>
      </c>
      <c r="G8505" t="s">
        <v>144</v>
      </c>
      <c r="H8505" t="s">
        <v>949</v>
      </c>
      <c r="I8505">
        <v>512.19000000000005</v>
      </c>
      <c r="J8505">
        <v>5</v>
      </c>
      <c r="K8505">
        <v>-65.849999999999994</v>
      </c>
    </row>
    <row r="8506" spans="1:11" x14ac:dyDescent="0.3">
      <c r="A8506" s="1">
        <v>42989</v>
      </c>
      <c r="B8506" s="3">
        <f t="shared" si="264"/>
        <v>9</v>
      </c>
      <c r="C8506" s="3">
        <f t="shared" si="265"/>
        <v>2017</v>
      </c>
      <c r="D8506" t="s">
        <v>671</v>
      </c>
      <c r="E8506" t="s">
        <v>9</v>
      </c>
      <c r="F8506" t="s">
        <v>10</v>
      </c>
      <c r="G8506" t="s">
        <v>91</v>
      </c>
      <c r="H8506" t="s">
        <v>775</v>
      </c>
      <c r="I8506">
        <v>1.56</v>
      </c>
      <c r="J8506">
        <v>2</v>
      </c>
      <c r="K8506">
        <v>-4.2</v>
      </c>
    </row>
    <row r="8507" spans="1:11" x14ac:dyDescent="0.3">
      <c r="A8507" s="1">
        <v>42989</v>
      </c>
      <c r="B8507" s="3">
        <f t="shared" si="264"/>
        <v>9</v>
      </c>
      <c r="C8507" s="3">
        <f t="shared" si="265"/>
        <v>2017</v>
      </c>
      <c r="D8507" t="s">
        <v>1537</v>
      </c>
      <c r="E8507" t="s">
        <v>26</v>
      </c>
      <c r="F8507" t="s">
        <v>38</v>
      </c>
      <c r="G8507" t="s">
        <v>39</v>
      </c>
      <c r="H8507" t="s">
        <v>2289</v>
      </c>
      <c r="I8507">
        <v>143.94999999999999</v>
      </c>
      <c r="J8507">
        <v>6</v>
      </c>
      <c r="K8507">
        <v>17.989999999999998</v>
      </c>
    </row>
    <row r="8508" spans="1:11" x14ac:dyDescent="0.3">
      <c r="A8508" s="1">
        <v>42989</v>
      </c>
      <c r="B8508" s="3">
        <f t="shared" si="264"/>
        <v>9</v>
      </c>
      <c r="C8508" s="3">
        <f t="shared" si="265"/>
        <v>2017</v>
      </c>
      <c r="D8508" t="s">
        <v>1537</v>
      </c>
      <c r="E8508" t="s">
        <v>26</v>
      </c>
      <c r="F8508" t="s">
        <v>10</v>
      </c>
      <c r="G8508" t="s">
        <v>11</v>
      </c>
      <c r="H8508" t="s">
        <v>1621</v>
      </c>
      <c r="I8508">
        <v>19.440000000000001</v>
      </c>
      <c r="J8508">
        <v>3</v>
      </c>
      <c r="K8508">
        <v>9.33</v>
      </c>
    </row>
    <row r="8509" spans="1:11" x14ac:dyDescent="0.3">
      <c r="A8509" s="1">
        <v>42989</v>
      </c>
      <c r="B8509" s="3">
        <f t="shared" si="264"/>
        <v>9</v>
      </c>
      <c r="C8509" s="3">
        <f t="shared" si="265"/>
        <v>2017</v>
      </c>
      <c r="D8509" t="s">
        <v>351</v>
      </c>
      <c r="E8509" t="s">
        <v>54</v>
      </c>
      <c r="F8509" t="s">
        <v>10</v>
      </c>
      <c r="G8509" t="s">
        <v>91</v>
      </c>
      <c r="H8509" t="s">
        <v>2651</v>
      </c>
      <c r="I8509">
        <v>67.900000000000006</v>
      </c>
      <c r="J8509">
        <v>5</v>
      </c>
      <c r="K8509">
        <v>20.37</v>
      </c>
    </row>
    <row r="8510" spans="1:11" x14ac:dyDescent="0.3">
      <c r="A8510" s="1">
        <v>42989</v>
      </c>
      <c r="B8510" s="3">
        <f t="shared" si="264"/>
        <v>9</v>
      </c>
      <c r="C8510" s="3">
        <f t="shared" si="265"/>
        <v>2017</v>
      </c>
      <c r="D8510" t="s">
        <v>739</v>
      </c>
      <c r="E8510" t="s">
        <v>32</v>
      </c>
      <c r="F8510" t="s">
        <v>10</v>
      </c>
      <c r="G8510" t="s">
        <v>91</v>
      </c>
      <c r="H8510" t="s">
        <v>285</v>
      </c>
      <c r="I8510">
        <v>195.68</v>
      </c>
      <c r="J8510">
        <v>4</v>
      </c>
      <c r="K8510">
        <v>50.88</v>
      </c>
    </row>
    <row r="8511" spans="1:11" x14ac:dyDescent="0.3">
      <c r="A8511" s="1">
        <v>42989</v>
      </c>
      <c r="B8511" s="3">
        <f t="shared" si="264"/>
        <v>9</v>
      </c>
      <c r="C8511" s="3">
        <f t="shared" si="265"/>
        <v>2017</v>
      </c>
      <c r="D8511" t="s">
        <v>739</v>
      </c>
      <c r="E8511" t="s">
        <v>32</v>
      </c>
      <c r="F8511" t="s">
        <v>10</v>
      </c>
      <c r="G8511" t="s">
        <v>42</v>
      </c>
      <c r="H8511" t="s">
        <v>1044</v>
      </c>
      <c r="I8511">
        <v>14.2</v>
      </c>
      <c r="J8511">
        <v>4</v>
      </c>
      <c r="K8511">
        <v>6.67</v>
      </c>
    </row>
    <row r="8512" spans="1:11" x14ac:dyDescent="0.3">
      <c r="A8512" s="1">
        <v>42990</v>
      </c>
      <c r="B8512" s="3">
        <f t="shared" si="264"/>
        <v>9</v>
      </c>
      <c r="C8512" s="3">
        <f t="shared" si="265"/>
        <v>2017</v>
      </c>
      <c r="D8512" t="s">
        <v>1287</v>
      </c>
      <c r="E8512" t="s">
        <v>26</v>
      </c>
      <c r="F8512" t="s">
        <v>33</v>
      </c>
      <c r="G8512" t="s">
        <v>46</v>
      </c>
      <c r="H8512" t="s">
        <v>1778</v>
      </c>
      <c r="I8512">
        <v>8.36</v>
      </c>
      <c r="J8512">
        <v>2</v>
      </c>
      <c r="K8512">
        <v>3.01</v>
      </c>
    </row>
    <row r="8513" spans="1:11" x14ac:dyDescent="0.3">
      <c r="A8513" s="1">
        <v>42990</v>
      </c>
      <c r="B8513" s="3">
        <f t="shared" si="264"/>
        <v>9</v>
      </c>
      <c r="C8513" s="3">
        <f t="shared" si="265"/>
        <v>2017</v>
      </c>
      <c r="D8513" t="s">
        <v>1711</v>
      </c>
      <c r="E8513" t="s">
        <v>530</v>
      </c>
      <c r="F8513" t="s">
        <v>10</v>
      </c>
      <c r="G8513" t="s">
        <v>11</v>
      </c>
      <c r="H8513" t="s">
        <v>753</v>
      </c>
      <c r="I8513">
        <v>39.9</v>
      </c>
      <c r="J8513">
        <v>5</v>
      </c>
      <c r="K8513">
        <v>19.95</v>
      </c>
    </row>
    <row r="8514" spans="1:11" x14ac:dyDescent="0.3">
      <c r="A8514" s="1">
        <v>42990</v>
      </c>
      <c r="B8514" s="3">
        <f t="shared" ref="B8514:B8577" si="266">MONTH(A:A)</f>
        <v>9</v>
      </c>
      <c r="C8514" s="3">
        <f t="shared" ref="C8514:C8577" si="267">YEAR(A:A)</f>
        <v>2017</v>
      </c>
      <c r="D8514" t="s">
        <v>1711</v>
      </c>
      <c r="E8514" t="s">
        <v>530</v>
      </c>
      <c r="F8514" t="s">
        <v>10</v>
      </c>
      <c r="G8514" t="s">
        <v>91</v>
      </c>
      <c r="H8514" t="s">
        <v>1348</v>
      </c>
      <c r="I8514">
        <v>90.86</v>
      </c>
      <c r="J8514">
        <v>7</v>
      </c>
      <c r="K8514">
        <v>26.35</v>
      </c>
    </row>
    <row r="8515" spans="1:11" x14ac:dyDescent="0.3">
      <c r="A8515" s="1">
        <v>42990</v>
      </c>
      <c r="B8515" s="3">
        <f t="shared" si="266"/>
        <v>9</v>
      </c>
      <c r="C8515" s="3">
        <f t="shared" si="267"/>
        <v>2017</v>
      </c>
      <c r="D8515" t="s">
        <v>1711</v>
      </c>
      <c r="E8515" t="s">
        <v>530</v>
      </c>
      <c r="F8515" t="s">
        <v>10</v>
      </c>
      <c r="G8515" t="s">
        <v>11</v>
      </c>
      <c r="H8515" t="s">
        <v>2476</v>
      </c>
      <c r="I8515">
        <v>94.85</v>
      </c>
      <c r="J8515">
        <v>5</v>
      </c>
      <c r="K8515">
        <v>45.53</v>
      </c>
    </row>
    <row r="8516" spans="1:11" x14ac:dyDescent="0.3">
      <c r="A8516" s="1">
        <v>42990</v>
      </c>
      <c r="B8516" s="3">
        <f t="shared" si="266"/>
        <v>9</v>
      </c>
      <c r="C8516" s="3">
        <f t="shared" si="267"/>
        <v>2017</v>
      </c>
      <c r="D8516" t="s">
        <v>1130</v>
      </c>
      <c r="E8516" t="s">
        <v>1528</v>
      </c>
      <c r="F8516" t="s">
        <v>10</v>
      </c>
      <c r="G8516" t="s">
        <v>11</v>
      </c>
      <c r="H8516" t="s">
        <v>454</v>
      </c>
      <c r="I8516">
        <v>45.36</v>
      </c>
      <c r="J8516">
        <v>7</v>
      </c>
      <c r="K8516">
        <v>21.77</v>
      </c>
    </row>
    <row r="8517" spans="1:11" x14ac:dyDescent="0.3">
      <c r="A8517" s="1">
        <v>42990</v>
      </c>
      <c r="B8517" s="3">
        <f t="shared" si="266"/>
        <v>9</v>
      </c>
      <c r="C8517" s="3">
        <f t="shared" si="267"/>
        <v>2017</v>
      </c>
      <c r="D8517" t="s">
        <v>1130</v>
      </c>
      <c r="E8517" t="s">
        <v>1528</v>
      </c>
      <c r="F8517" t="s">
        <v>10</v>
      </c>
      <c r="G8517" t="s">
        <v>19</v>
      </c>
      <c r="H8517" t="s">
        <v>1992</v>
      </c>
      <c r="I8517">
        <v>45.78</v>
      </c>
      <c r="J8517">
        <v>3</v>
      </c>
      <c r="K8517">
        <v>22.89</v>
      </c>
    </row>
    <row r="8518" spans="1:11" x14ac:dyDescent="0.3">
      <c r="A8518" s="1">
        <v>42990</v>
      </c>
      <c r="B8518" s="3">
        <f t="shared" si="266"/>
        <v>9</v>
      </c>
      <c r="C8518" s="3">
        <f t="shared" si="267"/>
        <v>2017</v>
      </c>
      <c r="D8518" t="s">
        <v>1660</v>
      </c>
      <c r="E8518" t="s">
        <v>26</v>
      </c>
      <c r="F8518" t="s">
        <v>10</v>
      </c>
      <c r="G8518" t="s">
        <v>11</v>
      </c>
      <c r="H8518" t="s">
        <v>456</v>
      </c>
      <c r="I8518">
        <v>166.44</v>
      </c>
      <c r="J8518">
        <v>3</v>
      </c>
      <c r="K8518">
        <v>79.89</v>
      </c>
    </row>
    <row r="8519" spans="1:11" x14ac:dyDescent="0.3">
      <c r="A8519" s="1">
        <v>42991</v>
      </c>
      <c r="B8519" s="3">
        <f t="shared" si="266"/>
        <v>9</v>
      </c>
      <c r="C8519" s="3">
        <f t="shared" si="267"/>
        <v>2017</v>
      </c>
      <c r="D8519" t="s">
        <v>127</v>
      </c>
      <c r="E8519" t="s">
        <v>244</v>
      </c>
      <c r="F8519" t="s">
        <v>10</v>
      </c>
      <c r="G8519" t="s">
        <v>23</v>
      </c>
      <c r="H8519" t="s">
        <v>948</v>
      </c>
      <c r="I8519">
        <v>15.92</v>
      </c>
      <c r="J8519">
        <v>5</v>
      </c>
      <c r="K8519">
        <v>2.79</v>
      </c>
    </row>
    <row r="8520" spans="1:11" x14ac:dyDescent="0.3">
      <c r="A8520" s="1">
        <v>42992</v>
      </c>
      <c r="B8520" s="3">
        <f t="shared" si="266"/>
        <v>9</v>
      </c>
      <c r="C8520" s="3">
        <f t="shared" si="267"/>
        <v>2017</v>
      </c>
      <c r="D8520" t="s">
        <v>1476</v>
      </c>
      <c r="E8520" t="s">
        <v>109</v>
      </c>
      <c r="F8520" t="s">
        <v>10</v>
      </c>
      <c r="G8520" t="s">
        <v>11</v>
      </c>
      <c r="H8520" t="s">
        <v>2532</v>
      </c>
      <c r="I8520">
        <v>19.05</v>
      </c>
      <c r="J8520">
        <v>3</v>
      </c>
      <c r="K8520">
        <v>8.76</v>
      </c>
    </row>
    <row r="8521" spans="1:11" x14ac:dyDescent="0.3">
      <c r="A8521" s="1">
        <v>42992</v>
      </c>
      <c r="B8521" s="3">
        <f t="shared" si="266"/>
        <v>9</v>
      </c>
      <c r="C8521" s="3">
        <f t="shared" si="267"/>
        <v>2017</v>
      </c>
      <c r="D8521" t="s">
        <v>759</v>
      </c>
      <c r="E8521" t="s">
        <v>176</v>
      </c>
      <c r="F8521" t="s">
        <v>10</v>
      </c>
      <c r="G8521" t="s">
        <v>23</v>
      </c>
      <c r="H8521" t="s">
        <v>483</v>
      </c>
      <c r="I8521">
        <v>70.95</v>
      </c>
      <c r="J8521">
        <v>3</v>
      </c>
      <c r="K8521">
        <v>18.45</v>
      </c>
    </row>
    <row r="8522" spans="1:11" x14ac:dyDescent="0.3">
      <c r="A8522" s="1">
        <v>42992</v>
      </c>
      <c r="B8522" s="3">
        <f t="shared" si="266"/>
        <v>9</v>
      </c>
      <c r="C8522" s="3">
        <f t="shared" si="267"/>
        <v>2017</v>
      </c>
      <c r="D8522" t="s">
        <v>2428</v>
      </c>
      <c r="E8522" t="s">
        <v>26</v>
      </c>
      <c r="F8522" t="s">
        <v>10</v>
      </c>
      <c r="G8522" t="s">
        <v>15</v>
      </c>
      <c r="H8522" t="s">
        <v>1406</v>
      </c>
      <c r="I8522">
        <v>56.7</v>
      </c>
      <c r="J8522">
        <v>9</v>
      </c>
      <c r="K8522">
        <v>26.08</v>
      </c>
    </row>
    <row r="8523" spans="1:11" x14ac:dyDescent="0.3">
      <c r="A8523" s="1">
        <v>42992</v>
      </c>
      <c r="B8523" s="3">
        <f t="shared" si="266"/>
        <v>9</v>
      </c>
      <c r="C8523" s="3">
        <f t="shared" si="267"/>
        <v>2017</v>
      </c>
      <c r="D8523" t="s">
        <v>819</v>
      </c>
      <c r="E8523" t="s">
        <v>22</v>
      </c>
      <c r="F8523" t="s">
        <v>10</v>
      </c>
      <c r="G8523" t="s">
        <v>19</v>
      </c>
      <c r="H8523" t="s">
        <v>1366</v>
      </c>
      <c r="I8523">
        <v>3.88</v>
      </c>
      <c r="J8523">
        <v>2</v>
      </c>
      <c r="K8523">
        <v>-2.59</v>
      </c>
    </row>
    <row r="8524" spans="1:11" x14ac:dyDescent="0.3">
      <c r="A8524" s="1">
        <v>42992</v>
      </c>
      <c r="B8524" s="3">
        <f t="shared" si="266"/>
        <v>9</v>
      </c>
      <c r="C8524" s="3">
        <f t="shared" si="267"/>
        <v>2017</v>
      </c>
      <c r="D8524" t="s">
        <v>819</v>
      </c>
      <c r="E8524" t="s">
        <v>22</v>
      </c>
      <c r="F8524" t="s">
        <v>38</v>
      </c>
      <c r="G8524" t="s">
        <v>301</v>
      </c>
      <c r="H8524" t="s">
        <v>2351</v>
      </c>
      <c r="I8524">
        <v>12.59</v>
      </c>
      <c r="J8524">
        <v>1</v>
      </c>
      <c r="K8524">
        <v>-18.04</v>
      </c>
    </row>
    <row r="8525" spans="1:11" x14ac:dyDescent="0.3">
      <c r="A8525" s="1">
        <v>42992</v>
      </c>
      <c r="B8525" s="3">
        <f t="shared" si="266"/>
        <v>9</v>
      </c>
      <c r="C8525" s="3">
        <f t="shared" si="267"/>
        <v>2017</v>
      </c>
      <c r="D8525" t="s">
        <v>819</v>
      </c>
      <c r="E8525" t="s">
        <v>22</v>
      </c>
      <c r="F8525" t="s">
        <v>33</v>
      </c>
      <c r="G8525" t="s">
        <v>34</v>
      </c>
      <c r="H8525" t="s">
        <v>963</v>
      </c>
      <c r="I8525">
        <v>113.37</v>
      </c>
      <c r="J8525">
        <v>2</v>
      </c>
      <c r="K8525">
        <v>-29.15</v>
      </c>
    </row>
    <row r="8526" spans="1:11" x14ac:dyDescent="0.3">
      <c r="A8526" s="1">
        <v>42992</v>
      </c>
      <c r="B8526" s="3">
        <f t="shared" si="266"/>
        <v>9</v>
      </c>
      <c r="C8526" s="3">
        <f t="shared" si="267"/>
        <v>2017</v>
      </c>
      <c r="D8526" t="s">
        <v>819</v>
      </c>
      <c r="E8526" t="s">
        <v>22</v>
      </c>
      <c r="F8526" t="s">
        <v>10</v>
      </c>
      <c r="G8526" t="s">
        <v>19</v>
      </c>
      <c r="H8526" t="s">
        <v>1992</v>
      </c>
      <c r="I8526">
        <v>18.309999999999999</v>
      </c>
      <c r="J8526">
        <v>4</v>
      </c>
      <c r="K8526">
        <v>-12.21</v>
      </c>
    </row>
    <row r="8527" spans="1:11" x14ac:dyDescent="0.3">
      <c r="A8527" s="1">
        <v>42992</v>
      </c>
      <c r="B8527" s="3">
        <f t="shared" si="266"/>
        <v>9</v>
      </c>
      <c r="C8527" s="3">
        <f t="shared" si="267"/>
        <v>2017</v>
      </c>
      <c r="D8527" t="s">
        <v>819</v>
      </c>
      <c r="E8527" t="s">
        <v>22</v>
      </c>
      <c r="F8527" t="s">
        <v>33</v>
      </c>
      <c r="G8527" t="s">
        <v>46</v>
      </c>
      <c r="H8527" t="s">
        <v>955</v>
      </c>
      <c r="I8527">
        <v>127.94</v>
      </c>
      <c r="J8527">
        <v>8</v>
      </c>
      <c r="K8527">
        <v>4.8</v>
      </c>
    </row>
    <row r="8528" spans="1:11" x14ac:dyDescent="0.3">
      <c r="A8528" s="1">
        <v>42992</v>
      </c>
      <c r="B8528" s="3">
        <f t="shared" si="266"/>
        <v>9</v>
      </c>
      <c r="C8528" s="3">
        <f t="shared" si="267"/>
        <v>2017</v>
      </c>
      <c r="D8528" t="s">
        <v>819</v>
      </c>
      <c r="E8528" t="s">
        <v>22</v>
      </c>
      <c r="F8528" t="s">
        <v>38</v>
      </c>
      <c r="G8528" t="s">
        <v>301</v>
      </c>
      <c r="H8528" t="s">
        <v>2374</v>
      </c>
      <c r="I8528">
        <v>241.17</v>
      </c>
      <c r="J8528">
        <v>2</v>
      </c>
      <c r="K8528">
        <v>-168.82</v>
      </c>
    </row>
    <row r="8529" spans="1:11" x14ac:dyDescent="0.3">
      <c r="A8529" s="1">
        <v>42992</v>
      </c>
      <c r="B8529" s="3">
        <f t="shared" si="266"/>
        <v>9</v>
      </c>
      <c r="C8529" s="3">
        <f t="shared" si="267"/>
        <v>2017</v>
      </c>
      <c r="D8529" t="s">
        <v>555</v>
      </c>
      <c r="E8529" t="s">
        <v>244</v>
      </c>
      <c r="F8529" t="s">
        <v>10</v>
      </c>
      <c r="G8529" t="s">
        <v>91</v>
      </c>
      <c r="H8529" t="s">
        <v>252</v>
      </c>
      <c r="I8529">
        <v>942.78</v>
      </c>
      <c r="J8529">
        <v>4</v>
      </c>
      <c r="K8529">
        <v>94.28</v>
      </c>
    </row>
    <row r="8530" spans="1:11" x14ac:dyDescent="0.3">
      <c r="A8530" s="1">
        <v>42992</v>
      </c>
      <c r="B8530" s="3">
        <f t="shared" si="266"/>
        <v>9</v>
      </c>
      <c r="C8530" s="3">
        <f t="shared" si="267"/>
        <v>2017</v>
      </c>
      <c r="D8530" t="s">
        <v>555</v>
      </c>
      <c r="E8530" t="s">
        <v>244</v>
      </c>
      <c r="F8530" t="s">
        <v>10</v>
      </c>
      <c r="G8530" t="s">
        <v>11</v>
      </c>
      <c r="H8530" t="s">
        <v>1157</v>
      </c>
      <c r="I8530">
        <v>74.349999999999994</v>
      </c>
      <c r="J8530">
        <v>3</v>
      </c>
      <c r="K8530">
        <v>23.24</v>
      </c>
    </row>
    <row r="8531" spans="1:11" x14ac:dyDescent="0.3">
      <c r="A8531" s="1">
        <v>42992</v>
      </c>
      <c r="B8531" s="3">
        <f t="shared" si="266"/>
        <v>9</v>
      </c>
      <c r="C8531" s="3">
        <f t="shared" si="267"/>
        <v>2017</v>
      </c>
      <c r="D8531" t="s">
        <v>2205</v>
      </c>
      <c r="E8531" t="s">
        <v>148</v>
      </c>
      <c r="F8531" t="s">
        <v>38</v>
      </c>
      <c r="G8531" t="s">
        <v>39</v>
      </c>
      <c r="H8531" t="s">
        <v>897</v>
      </c>
      <c r="I8531">
        <v>1079.8499999999999</v>
      </c>
      <c r="J8531">
        <v>3</v>
      </c>
      <c r="K8531">
        <v>323.95999999999998</v>
      </c>
    </row>
    <row r="8532" spans="1:11" x14ac:dyDescent="0.3">
      <c r="A8532" s="1">
        <v>42992</v>
      </c>
      <c r="B8532" s="3">
        <f t="shared" si="266"/>
        <v>9</v>
      </c>
      <c r="C8532" s="3">
        <f t="shared" si="267"/>
        <v>2017</v>
      </c>
      <c r="D8532" t="s">
        <v>2205</v>
      </c>
      <c r="E8532" t="s">
        <v>148</v>
      </c>
      <c r="F8532" t="s">
        <v>10</v>
      </c>
      <c r="G8532" t="s">
        <v>17</v>
      </c>
      <c r="H8532" t="s">
        <v>256</v>
      </c>
      <c r="I8532">
        <v>70.98</v>
      </c>
      <c r="J8532">
        <v>1</v>
      </c>
      <c r="K8532">
        <v>3.55</v>
      </c>
    </row>
    <row r="8533" spans="1:11" x14ac:dyDescent="0.3">
      <c r="A8533" s="1">
        <v>42992</v>
      </c>
      <c r="B8533" s="3">
        <f t="shared" si="266"/>
        <v>9</v>
      </c>
      <c r="C8533" s="3">
        <f t="shared" si="267"/>
        <v>2017</v>
      </c>
      <c r="D8533" t="s">
        <v>2205</v>
      </c>
      <c r="E8533" t="s">
        <v>148</v>
      </c>
      <c r="F8533" t="s">
        <v>10</v>
      </c>
      <c r="G8533" t="s">
        <v>23</v>
      </c>
      <c r="H8533" t="s">
        <v>2675</v>
      </c>
      <c r="I8533">
        <v>29.95</v>
      </c>
      <c r="J8533">
        <v>5</v>
      </c>
      <c r="K8533">
        <v>8.69</v>
      </c>
    </row>
    <row r="8534" spans="1:11" x14ac:dyDescent="0.3">
      <c r="A8534" s="1">
        <v>42992</v>
      </c>
      <c r="B8534" s="3">
        <f t="shared" si="266"/>
        <v>9</v>
      </c>
      <c r="C8534" s="3">
        <f t="shared" si="267"/>
        <v>2017</v>
      </c>
      <c r="D8534" t="s">
        <v>2205</v>
      </c>
      <c r="E8534" t="s">
        <v>148</v>
      </c>
      <c r="F8534" t="s">
        <v>33</v>
      </c>
      <c r="G8534" t="s">
        <v>34</v>
      </c>
      <c r="H8534" t="s">
        <v>1434</v>
      </c>
      <c r="I8534">
        <v>589.41</v>
      </c>
      <c r="J8534">
        <v>5</v>
      </c>
      <c r="K8534">
        <v>-6.55</v>
      </c>
    </row>
    <row r="8535" spans="1:11" x14ac:dyDescent="0.3">
      <c r="A8535" s="1">
        <v>42992</v>
      </c>
      <c r="B8535" s="3">
        <f t="shared" si="266"/>
        <v>9</v>
      </c>
      <c r="C8535" s="3">
        <f t="shared" si="267"/>
        <v>2017</v>
      </c>
      <c r="D8535" t="s">
        <v>2462</v>
      </c>
      <c r="E8535" t="s">
        <v>148</v>
      </c>
      <c r="F8535" t="s">
        <v>10</v>
      </c>
      <c r="G8535" t="s">
        <v>11</v>
      </c>
      <c r="H8535" t="s">
        <v>2659</v>
      </c>
      <c r="I8535">
        <v>8.56</v>
      </c>
      <c r="J8535">
        <v>2</v>
      </c>
      <c r="K8535">
        <v>3.85</v>
      </c>
    </row>
    <row r="8536" spans="1:11" x14ac:dyDescent="0.3">
      <c r="A8536" s="1">
        <v>42992</v>
      </c>
      <c r="B8536" s="3">
        <f t="shared" si="266"/>
        <v>9</v>
      </c>
      <c r="C8536" s="3">
        <f t="shared" si="267"/>
        <v>2017</v>
      </c>
      <c r="D8536" t="s">
        <v>2462</v>
      </c>
      <c r="E8536" t="s">
        <v>148</v>
      </c>
      <c r="F8536" t="s">
        <v>10</v>
      </c>
      <c r="G8536" t="s">
        <v>11</v>
      </c>
      <c r="H8536" t="s">
        <v>1766</v>
      </c>
      <c r="I8536">
        <v>11.56</v>
      </c>
      <c r="J8536">
        <v>2</v>
      </c>
      <c r="K8536">
        <v>5.66</v>
      </c>
    </row>
    <row r="8537" spans="1:11" x14ac:dyDescent="0.3">
      <c r="A8537" s="1">
        <v>42992</v>
      </c>
      <c r="B8537" s="3">
        <f t="shared" si="266"/>
        <v>9</v>
      </c>
      <c r="C8537" s="3">
        <f t="shared" si="267"/>
        <v>2017</v>
      </c>
      <c r="D8537" t="s">
        <v>1775</v>
      </c>
      <c r="E8537" t="s">
        <v>77</v>
      </c>
      <c r="F8537" t="s">
        <v>38</v>
      </c>
      <c r="G8537" t="s">
        <v>51</v>
      </c>
      <c r="H8537" t="s">
        <v>260</v>
      </c>
      <c r="I8537">
        <v>895.94</v>
      </c>
      <c r="J8537">
        <v>7</v>
      </c>
      <c r="K8537">
        <v>190.39</v>
      </c>
    </row>
    <row r="8538" spans="1:11" x14ac:dyDescent="0.3">
      <c r="A8538" s="1">
        <v>42993</v>
      </c>
      <c r="B8538" s="3">
        <f t="shared" si="266"/>
        <v>9</v>
      </c>
      <c r="C8538" s="3">
        <f t="shared" si="267"/>
        <v>2017</v>
      </c>
      <c r="D8538" t="s">
        <v>2102</v>
      </c>
      <c r="E8538" t="s">
        <v>9</v>
      </c>
      <c r="F8538" t="s">
        <v>10</v>
      </c>
      <c r="G8538" t="s">
        <v>11</v>
      </c>
      <c r="H8538" t="s">
        <v>980</v>
      </c>
      <c r="I8538">
        <v>31.87</v>
      </c>
      <c r="J8538">
        <v>8</v>
      </c>
      <c r="K8538">
        <v>11.55</v>
      </c>
    </row>
    <row r="8539" spans="1:11" x14ac:dyDescent="0.3">
      <c r="A8539" s="1">
        <v>42993</v>
      </c>
      <c r="B8539" s="3">
        <f t="shared" si="266"/>
        <v>9</v>
      </c>
      <c r="C8539" s="3">
        <f t="shared" si="267"/>
        <v>2017</v>
      </c>
      <c r="D8539" t="s">
        <v>2247</v>
      </c>
      <c r="E8539" t="s">
        <v>148</v>
      </c>
      <c r="F8539" t="s">
        <v>33</v>
      </c>
      <c r="G8539" t="s">
        <v>46</v>
      </c>
      <c r="H8539" t="s">
        <v>213</v>
      </c>
      <c r="I8539">
        <v>35.56</v>
      </c>
      <c r="J8539">
        <v>7</v>
      </c>
      <c r="K8539">
        <v>12.09</v>
      </c>
    </row>
    <row r="8540" spans="1:11" x14ac:dyDescent="0.3">
      <c r="A8540" s="1">
        <v>42993</v>
      </c>
      <c r="B8540" s="3">
        <f t="shared" si="266"/>
        <v>9</v>
      </c>
      <c r="C8540" s="3">
        <f t="shared" si="267"/>
        <v>2017</v>
      </c>
      <c r="D8540" t="s">
        <v>226</v>
      </c>
      <c r="E8540" t="s">
        <v>14</v>
      </c>
      <c r="F8540" t="s">
        <v>38</v>
      </c>
      <c r="G8540" t="s">
        <v>39</v>
      </c>
      <c r="H8540" t="s">
        <v>2627</v>
      </c>
      <c r="I8540">
        <v>323.98</v>
      </c>
      <c r="J8540">
        <v>3</v>
      </c>
      <c r="K8540">
        <v>20.25</v>
      </c>
    </row>
    <row r="8541" spans="1:11" x14ac:dyDescent="0.3">
      <c r="A8541" s="1">
        <v>42993</v>
      </c>
      <c r="B8541" s="3">
        <f t="shared" si="266"/>
        <v>9</v>
      </c>
      <c r="C8541" s="3">
        <f t="shared" si="267"/>
        <v>2017</v>
      </c>
      <c r="D8541" t="s">
        <v>1015</v>
      </c>
      <c r="E8541" t="s">
        <v>433</v>
      </c>
      <c r="F8541" t="s">
        <v>38</v>
      </c>
      <c r="G8541" t="s">
        <v>39</v>
      </c>
      <c r="H8541" t="s">
        <v>942</v>
      </c>
      <c r="I8541">
        <v>39.99</v>
      </c>
      <c r="J8541">
        <v>1</v>
      </c>
      <c r="K8541">
        <v>11.6</v>
      </c>
    </row>
    <row r="8542" spans="1:11" x14ac:dyDescent="0.3">
      <c r="A8542" s="1">
        <v>42993</v>
      </c>
      <c r="B8542" s="3">
        <f t="shared" si="266"/>
        <v>9</v>
      </c>
      <c r="C8542" s="3">
        <f t="shared" si="267"/>
        <v>2017</v>
      </c>
      <c r="D8542" t="s">
        <v>1015</v>
      </c>
      <c r="E8542" t="s">
        <v>433</v>
      </c>
      <c r="F8542" t="s">
        <v>10</v>
      </c>
      <c r="G8542" t="s">
        <v>23</v>
      </c>
      <c r="H8542" t="s">
        <v>24</v>
      </c>
      <c r="I8542">
        <v>16.28</v>
      </c>
      <c r="J8542">
        <v>2</v>
      </c>
      <c r="K8542">
        <v>6.51</v>
      </c>
    </row>
    <row r="8543" spans="1:11" x14ac:dyDescent="0.3">
      <c r="A8543" s="1">
        <v>42993</v>
      </c>
      <c r="B8543" s="3">
        <f t="shared" si="266"/>
        <v>9</v>
      </c>
      <c r="C8543" s="3">
        <f t="shared" si="267"/>
        <v>2017</v>
      </c>
      <c r="D8543" t="s">
        <v>1015</v>
      </c>
      <c r="E8543" t="s">
        <v>433</v>
      </c>
      <c r="F8543" t="s">
        <v>33</v>
      </c>
      <c r="G8543" t="s">
        <v>73</v>
      </c>
      <c r="H8543" t="s">
        <v>1603</v>
      </c>
      <c r="I8543">
        <v>782.94</v>
      </c>
      <c r="J8543">
        <v>3</v>
      </c>
      <c r="K8543">
        <v>203.56</v>
      </c>
    </row>
    <row r="8544" spans="1:11" x14ac:dyDescent="0.3">
      <c r="A8544" s="1">
        <v>42993</v>
      </c>
      <c r="B8544" s="3">
        <f t="shared" si="266"/>
        <v>9</v>
      </c>
      <c r="C8544" s="3">
        <f t="shared" si="267"/>
        <v>2017</v>
      </c>
      <c r="D8544" t="s">
        <v>1015</v>
      </c>
      <c r="E8544" t="s">
        <v>433</v>
      </c>
      <c r="F8544" t="s">
        <v>10</v>
      </c>
      <c r="G8544" t="s">
        <v>19</v>
      </c>
      <c r="H8544" t="s">
        <v>762</v>
      </c>
      <c r="I8544">
        <v>242.48</v>
      </c>
      <c r="J8544">
        <v>7</v>
      </c>
      <c r="K8544">
        <v>116.39</v>
      </c>
    </row>
    <row r="8545" spans="1:11" x14ac:dyDescent="0.3">
      <c r="A8545" s="1">
        <v>42993</v>
      </c>
      <c r="B8545" s="3">
        <f t="shared" si="266"/>
        <v>9</v>
      </c>
      <c r="C8545" s="3">
        <f t="shared" si="267"/>
        <v>2017</v>
      </c>
      <c r="D8545" t="s">
        <v>1334</v>
      </c>
      <c r="E8545" t="s">
        <v>26</v>
      </c>
      <c r="F8545" t="s">
        <v>10</v>
      </c>
      <c r="G8545" t="s">
        <v>19</v>
      </c>
      <c r="H8545" t="s">
        <v>419</v>
      </c>
      <c r="I8545">
        <v>2357.4899999999998</v>
      </c>
      <c r="J8545">
        <v>7</v>
      </c>
      <c r="K8545">
        <v>884.06</v>
      </c>
    </row>
    <row r="8546" spans="1:11" x14ac:dyDescent="0.3">
      <c r="A8546" s="1">
        <v>42993</v>
      </c>
      <c r="B8546" s="3">
        <f t="shared" si="266"/>
        <v>9</v>
      </c>
      <c r="C8546" s="3">
        <f t="shared" si="267"/>
        <v>2017</v>
      </c>
      <c r="D8546" t="s">
        <v>1334</v>
      </c>
      <c r="E8546" t="s">
        <v>26</v>
      </c>
      <c r="F8546" t="s">
        <v>38</v>
      </c>
      <c r="G8546" t="s">
        <v>39</v>
      </c>
      <c r="H8546" t="s">
        <v>2299</v>
      </c>
      <c r="I8546">
        <v>369.54</v>
      </c>
      <c r="J8546">
        <v>7</v>
      </c>
      <c r="K8546">
        <v>32.340000000000003</v>
      </c>
    </row>
    <row r="8547" spans="1:11" x14ac:dyDescent="0.3">
      <c r="A8547" s="1">
        <v>42993</v>
      </c>
      <c r="B8547" s="3">
        <f t="shared" si="266"/>
        <v>9</v>
      </c>
      <c r="C8547" s="3">
        <f t="shared" si="267"/>
        <v>2017</v>
      </c>
      <c r="D8547" t="s">
        <v>1334</v>
      </c>
      <c r="E8547" t="s">
        <v>26</v>
      </c>
      <c r="F8547" t="s">
        <v>33</v>
      </c>
      <c r="G8547" t="s">
        <v>34</v>
      </c>
      <c r="H8547" t="s">
        <v>698</v>
      </c>
      <c r="I8547">
        <v>184.75</v>
      </c>
      <c r="J8547">
        <v>3</v>
      </c>
      <c r="K8547">
        <v>-20.78</v>
      </c>
    </row>
    <row r="8548" spans="1:11" x14ac:dyDescent="0.3">
      <c r="A8548" s="1">
        <v>42993</v>
      </c>
      <c r="B8548" s="3">
        <f t="shared" si="266"/>
        <v>9</v>
      </c>
      <c r="C8548" s="3">
        <f t="shared" si="267"/>
        <v>2017</v>
      </c>
      <c r="D8548" t="s">
        <v>1632</v>
      </c>
      <c r="E8548" t="s">
        <v>119</v>
      </c>
      <c r="F8548" t="s">
        <v>10</v>
      </c>
      <c r="G8548" t="s">
        <v>11</v>
      </c>
      <c r="H8548" t="s">
        <v>1600</v>
      </c>
      <c r="I8548">
        <v>163.96</v>
      </c>
      <c r="J8548">
        <v>5</v>
      </c>
      <c r="K8548">
        <v>59.44</v>
      </c>
    </row>
    <row r="8549" spans="1:11" x14ac:dyDescent="0.3">
      <c r="A8549" s="1">
        <v>42993</v>
      </c>
      <c r="B8549" s="3">
        <f t="shared" si="266"/>
        <v>9</v>
      </c>
      <c r="C8549" s="3">
        <f t="shared" si="267"/>
        <v>2017</v>
      </c>
      <c r="D8549" t="s">
        <v>793</v>
      </c>
      <c r="E8549" t="s">
        <v>26</v>
      </c>
      <c r="F8549" t="s">
        <v>33</v>
      </c>
      <c r="G8549" t="s">
        <v>34</v>
      </c>
      <c r="H8549" t="s">
        <v>1378</v>
      </c>
      <c r="I8549">
        <v>218.35</v>
      </c>
      <c r="J8549">
        <v>3</v>
      </c>
      <c r="K8549">
        <v>0</v>
      </c>
    </row>
    <row r="8550" spans="1:11" x14ac:dyDescent="0.3">
      <c r="A8550" s="1">
        <v>42993</v>
      </c>
      <c r="B8550" s="3">
        <f t="shared" si="266"/>
        <v>9</v>
      </c>
      <c r="C8550" s="3">
        <f t="shared" si="267"/>
        <v>2017</v>
      </c>
      <c r="D8550" t="s">
        <v>793</v>
      </c>
      <c r="E8550" t="s">
        <v>26</v>
      </c>
      <c r="F8550" t="s">
        <v>33</v>
      </c>
      <c r="G8550" t="s">
        <v>46</v>
      </c>
      <c r="H8550" t="s">
        <v>2195</v>
      </c>
      <c r="I8550">
        <v>529.9</v>
      </c>
      <c r="J8550">
        <v>5</v>
      </c>
      <c r="K8550">
        <v>105.98</v>
      </c>
    </row>
    <row r="8551" spans="1:11" x14ac:dyDescent="0.3">
      <c r="A8551" s="1">
        <v>42993</v>
      </c>
      <c r="B8551" s="3">
        <f t="shared" si="266"/>
        <v>9</v>
      </c>
      <c r="C8551" s="3">
        <f t="shared" si="267"/>
        <v>2017</v>
      </c>
      <c r="D8551" t="s">
        <v>793</v>
      </c>
      <c r="E8551" t="s">
        <v>26</v>
      </c>
      <c r="F8551" t="s">
        <v>10</v>
      </c>
      <c r="G8551" t="s">
        <v>23</v>
      </c>
      <c r="H8551" t="s">
        <v>405</v>
      </c>
      <c r="I8551">
        <v>99.3</v>
      </c>
      <c r="J8551">
        <v>10</v>
      </c>
      <c r="K8551">
        <v>41.71</v>
      </c>
    </row>
    <row r="8552" spans="1:11" x14ac:dyDescent="0.3">
      <c r="A8552" s="1">
        <v>42993</v>
      </c>
      <c r="B8552" s="3">
        <f t="shared" si="266"/>
        <v>9</v>
      </c>
      <c r="C8552" s="3">
        <f t="shared" si="267"/>
        <v>2017</v>
      </c>
      <c r="D8552" t="s">
        <v>793</v>
      </c>
      <c r="E8552" t="s">
        <v>26</v>
      </c>
      <c r="F8552" t="s">
        <v>10</v>
      </c>
      <c r="G8552" t="s">
        <v>91</v>
      </c>
      <c r="H8552" t="s">
        <v>1887</v>
      </c>
      <c r="I8552">
        <v>108.96</v>
      </c>
      <c r="J8552">
        <v>2</v>
      </c>
      <c r="K8552">
        <v>30.51</v>
      </c>
    </row>
    <row r="8553" spans="1:11" x14ac:dyDescent="0.3">
      <c r="A8553" s="1">
        <v>42993</v>
      </c>
      <c r="B8553" s="3">
        <f t="shared" si="266"/>
        <v>9</v>
      </c>
      <c r="C8553" s="3">
        <f t="shared" si="267"/>
        <v>2017</v>
      </c>
      <c r="D8553" t="s">
        <v>793</v>
      </c>
      <c r="E8553" t="s">
        <v>26</v>
      </c>
      <c r="F8553" t="s">
        <v>10</v>
      </c>
      <c r="G8553" t="s">
        <v>19</v>
      </c>
      <c r="H8553" t="s">
        <v>892</v>
      </c>
      <c r="I8553">
        <v>2.69</v>
      </c>
      <c r="J8553">
        <v>1</v>
      </c>
      <c r="K8553">
        <v>0.84</v>
      </c>
    </row>
    <row r="8554" spans="1:11" x14ac:dyDescent="0.3">
      <c r="A8554" s="1">
        <v>42993</v>
      </c>
      <c r="B8554" s="3">
        <f t="shared" si="266"/>
        <v>9</v>
      </c>
      <c r="C8554" s="3">
        <f t="shared" si="267"/>
        <v>2017</v>
      </c>
      <c r="D8554" t="s">
        <v>2699</v>
      </c>
      <c r="E8554" t="s">
        <v>176</v>
      </c>
      <c r="F8554" t="s">
        <v>33</v>
      </c>
      <c r="G8554" t="s">
        <v>46</v>
      </c>
      <c r="H8554" t="s">
        <v>2048</v>
      </c>
      <c r="I8554">
        <v>47.4</v>
      </c>
      <c r="J8554">
        <v>5</v>
      </c>
      <c r="K8554">
        <v>18.96</v>
      </c>
    </row>
    <row r="8555" spans="1:11" x14ac:dyDescent="0.3">
      <c r="A8555" s="1">
        <v>42993</v>
      </c>
      <c r="B8555" s="3">
        <f t="shared" si="266"/>
        <v>9</v>
      </c>
      <c r="C8555" s="3">
        <f t="shared" si="267"/>
        <v>2017</v>
      </c>
      <c r="D8555" t="s">
        <v>2699</v>
      </c>
      <c r="E8555" t="s">
        <v>176</v>
      </c>
      <c r="F8555" t="s">
        <v>33</v>
      </c>
      <c r="G8555" t="s">
        <v>34</v>
      </c>
      <c r="H8555" t="s">
        <v>2611</v>
      </c>
      <c r="I8555">
        <v>512.96</v>
      </c>
      <c r="J8555">
        <v>4</v>
      </c>
      <c r="K8555">
        <v>143.63</v>
      </c>
    </row>
    <row r="8556" spans="1:11" x14ac:dyDescent="0.3">
      <c r="A8556" s="1">
        <v>42993</v>
      </c>
      <c r="B8556" s="3">
        <f t="shared" si="266"/>
        <v>9</v>
      </c>
      <c r="C8556" s="3">
        <f t="shared" si="267"/>
        <v>2017</v>
      </c>
      <c r="D8556" t="s">
        <v>2699</v>
      </c>
      <c r="E8556" t="s">
        <v>176</v>
      </c>
      <c r="F8556" t="s">
        <v>38</v>
      </c>
      <c r="G8556" t="s">
        <v>39</v>
      </c>
      <c r="H8556" t="s">
        <v>875</v>
      </c>
      <c r="I8556">
        <v>395.94</v>
      </c>
      <c r="J8556">
        <v>6</v>
      </c>
      <c r="K8556">
        <v>102.94</v>
      </c>
    </row>
    <row r="8557" spans="1:11" x14ac:dyDescent="0.3">
      <c r="A8557" s="1">
        <v>42993</v>
      </c>
      <c r="B8557" s="3">
        <f t="shared" si="266"/>
        <v>9</v>
      </c>
      <c r="C8557" s="3">
        <f t="shared" si="267"/>
        <v>2017</v>
      </c>
      <c r="D8557" t="s">
        <v>2699</v>
      </c>
      <c r="E8557" t="s">
        <v>176</v>
      </c>
      <c r="F8557" t="s">
        <v>10</v>
      </c>
      <c r="G8557" t="s">
        <v>17</v>
      </c>
      <c r="H8557" t="s">
        <v>271</v>
      </c>
      <c r="I8557">
        <v>81.96</v>
      </c>
      <c r="J8557">
        <v>2</v>
      </c>
      <c r="K8557">
        <v>0</v>
      </c>
    </row>
    <row r="8558" spans="1:11" x14ac:dyDescent="0.3">
      <c r="A8558" s="1">
        <v>42993</v>
      </c>
      <c r="B8558" s="3">
        <f t="shared" si="266"/>
        <v>9</v>
      </c>
      <c r="C8558" s="3">
        <f t="shared" si="267"/>
        <v>2017</v>
      </c>
      <c r="D8558" t="s">
        <v>977</v>
      </c>
      <c r="E8558" t="s">
        <v>9</v>
      </c>
      <c r="F8558" t="s">
        <v>10</v>
      </c>
      <c r="G8558" t="s">
        <v>23</v>
      </c>
      <c r="H8558" t="s">
        <v>525</v>
      </c>
      <c r="I8558">
        <v>31.74</v>
      </c>
      <c r="J8558">
        <v>2</v>
      </c>
      <c r="K8558">
        <v>8.33</v>
      </c>
    </row>
    <row r="8559" spans="1:11" x14ac:dyDescent="0.3">
      <c r="A8559" s="1">
        <v>42993</v>
      </c>
      <c r="B8559" s="3">
        <f t="shared" si="266"/>
        <v>9</v>
      </c>
      <c r="C8559" s="3">
        <f t="shared" si="267"/>
        <v>2017</v>
      </c>
      <c r="D8559" t="s">
        <v>1103</v>
      </c>
      <c r="E8559" t="s">
        <v>163</v>
      </c>
      <c r="F8559" t="s">
        <v>10</v>
      </c>
      <c r="G8559" t="s">
        <v>23</v>
      </c>
      <c r="H8559" t="s">
        <v>1234</v>
      </c>
      <c r="I8559">
        <v>12.42</v>
      </c>
      <c r="J8559">
        <v>3</v>
      </c>
      <c r="K8559">
        <v>5.22</v>
      </c>
    </row>
    <row r="8560" spans="1:11" x14ac:dyDescent="0.3">
      <c r="A8560" s="1">
        <v>42993</v>
      </c>
      <c r="B8560" s="3">
        <f t="shared" si="266"/>
        <v>9</v>
      </c>
      <c r="C8560" s="3">
        <f t="shared" si="267"/>
        <v>2017</v>
      </c>
      <c r="D8560" t="s">
        <v>723</v>
      </c>
      <c r="E8560" t="s">
        <v>612</v>
      </c>
      <c r="F8560" t="s">
        <v>10</v>
      </c>
      <c r="G8560" t="s">
        <v>17</v>
      </c>
      <c r="H8560" t="s">
        <v>1316</v>
      </c>
      <c r="I8560">
        <v>38.619999999999997</v>
      </c>
      <c r="J8560">
        <v>2</v>
      </c>
      <c r="K8560">
        <v>10.81</v>
      </c>
    </row>
    <row r="8561" spans="1:11" x14ac:dyDescent="0.3">
      <c r="A8561" s="1">
        <v>42993</v>
      </c>
      <c r="B8561" s="3">
        <f t="shared" si="266"/>
        <v>9</v>
      </c>
      <c r="C8561" s="3">
        <f t="shared" si="267"/>
        <v>2017</v>
      </c>
      <c r="D8561" t="s">
        <v>723</v>
      </c>
      <c r="E8561" t="s">
        <v>612</v>
      </c>
      <c r="F8561" t="s">
        <v>38</v>
      </c>
      <c r="G8561" t="s">
        <v>51</v>
      </c>
      <c r="H8561" t="s">
        <v>2336</v>
      </c>
      <c r="I8561">
        <v>59.98</v>
      </c>
      <c r="J8561">
        <v>2</v>
      </c>
      <c r="K8561">
        <v>10.8</v>
      </c>
    </row>
    <row r="8562" spans="1:11" x14ac:dyDescent="0.3">
      <c r="A8562" s="1">
        <v>42993</v>
      </c>
      <c r="B8562" s="3">
        <f t="shared" si="266"/>
        <v>9</v>
      </c>
      <c r="C8562" s="3">
        <f t="shared" si="267"/>
        <v>2017</v>
      </c>
      <c r="D8562" t="s">
        <v>2322</v>
      </c>
      <c r="E8562" t="s">
        <v>295</v>
      </c>
      <c r="F8562" t="s">
        <v>10</v>
      </c>
      <c r="G8562" t="s">
        <v>19</v>
      </c>
      <c r="H8562" t="s">
        <v>484</v>
      </c>
      <c r="I8562">
        <v>295.06</v>
      </c>
      <c r="J8562">
        <v>9</v>
      </c>
      <c r="K8562">
        <v>106.96</v>
      </c>
    </row>
    <row r="8563" spans="1:11" x14ac:dyDescent="0.3">
      <c r="A8563" s="1">
        <v>42993</v>
      </c>
      <c r="B8563" s="3">
        <f t="shared" si="266"/>
        <v>9</v>
      </c>
      <c r="C8563" s="3">
        <f t="shared" si="267"/>
        <v>2017</v>
      </c>
      <c r="D8563" t="s">
        <v>1382</v>
      </c>
      <c r="E8563" t="s">
        <v>26</v>
      </c>
      <c r="F8563" t="s">
        <v>33</v>
      </c>
      <c r="G8563" t="s">
        <v>144</v>
      </c>
      <c r="H8563" t="s">
        <v>319</v>
      </c>
      <c r="I8563">
        <v>300.89999999999998</v>
      </c>
      <c r="J8563">
        <v>1</v>
      </c>
      <c r="K8563">
        <v>11.28</v>
      </c>
    </row>
    <row r="8564" spans="1:11" x14ac:dyDescent="0.3">
      <c r="A8564" s="1">
        <v>42994</v>
      </c>
      <c r="B8564" s="3">
        <f t="shared" si="266"/>
        <v>9</v>
      </c>
      <c r="C8564" s="3">
        <f t="shared" si="267"/>
        <v>2017</v>
      </c>
      <c r="D8564" t="s">
        <v>1034</v>
      </c>
      <c r="E8564" t="s">
        <v>26</v>
      </c>
      <c r="F8564" t="s">
        <v>10</v>
      </c>
      <c r="G8564" t="s">
        <v>11</v>
      </c>
      <c r="H8564" t="s">
        <v>1986</v>
      </c>
      <c r="I8564">
        <v>8.82</v>
      </c>
      <c r="J8564">
        <v>2</v>
      </c>
      <c r="K8564">
        <v>4.0599999999999996</v>
      </c>
    </row>
    <row r="8565" spans="1:11" x14ac:dyDescent="0.3">
      <c r="A8565" s="1">
        <v>42994</v>
      </c>
      <c r="B8565" s="3">
        <f t="shared" si="266"/>
        <v>9</v>
      </c>
      <c r="C8565" s="3">
        <f t="shared" si="267"/>
        <v>2017</v>
      </c>
      <c r="D8565" t="s">
        <v>1034</v>
      </c>
      <c r="E8565" t="s">
        <v>26</v>
      </c>
      <c r="F8565" t="s">
        <v>10</v>
      </c>
      <c r="G8565" t="s">
        <v>23</v>
      </c>
      <c r="H8565" t="s">
        <v>265</v>
      </c>
      <c r="I8565">
        <v>5.98</v>
      </c>
      <c r="J8565">
        <v>1</v>
      </c>
      <c r="K8565">
        <v>1.55</v>
      </c>
    </row>
    <row r="8566" spans="1:11" x14ac:dyDescent="0.3">
      <c r="A8566" s="1">
        <v>42994</v>
      </c>
      <c r="B8566" s="3">
        <f t="shared" si="266"/>
        <v>9</v>
      </c>
      <c r="C8566" s="3">
        <f t="shared" si="267"/>
        <v>2017</v>
      </c>
      <c r="D8566" t="s">
        <v>2293</v>
      </c>
      <c r="E8566" t="s">
        <v>9</v>
      </c>
      <c r="F8566" t="s">
        <v>10</v>
      </c>
      <c r="G8566" t="s">
        <v>62</v>
      </c>
      <c r="H8566" t="s">
        <v>2520</v>
      </c>
      <c r="I8566">
        <v>17.57</v>
      </c>
      <c r="J8566">
        <v>2</v>
      </c>
      <c r="K8566">
        <v>6.37</v>
      </c>
    </row>
    <row r="8567" spans="1:11" x14ac:dyDescent="0.3">
      <c r="A8567" s="1">
        <v>42994</v>
      </c>
      <c r="B8567" s="3">
        <f t="shared" si="266"/>
        <v>9</v>
      </c>
      <c r="C8567" s="3">
        <f t="shared" si="267"/>
        <v>2017</v>
      </c>
      <c r="D8567" t="s">
        <v>2293</v>
      </c>
      <c r="E8567" t="s">
        <v>9</v>
      </c>
      <c r="F8567" t="s">
        <v>38</v>
      </c>
      <c r="G8567" t="s">
        <v>39</v>
      </c>
      <c r="H8567" t="s">
        <v>1707</v>
      </c>
      <c r="I8567">
        <v>55.99</v>
      </c>
      <c r="J8567">
        <v>1</v>
      </c>
      <c r="K8567">
        <v>5.6</v>
      </c>
    </row>
    <row r="8568" spans="1:11" x14ac:dyDescent="0.3">
      <c r="A8568" s="1">
        <v>42994</v>
      </c>
      <c r="B8568" s="3">
        <f t="shared" si="266"/>
        <v>9</v>
      </c>
      <c r="C8568" s="3">
        <f t="shared" si="267"/>
        <v>2017</v>
      </c>
      <c r="D8568" t="s">
        <v>2252</v>
      </c>
      <c r="E8568" t="s">
        <v>22</v>
      </c>
      <c r="F8568" t="s">
        <v>10</v>
      </c>
      <c r="G8568" t="s">
        <v>11</v>
      </c>
      <c r="H8568" t="s">
        <v>2121</v>
      </c>
      <c r="I8568">
        <v>20.74</v>
      </c>
      <c r="J8568">
        <v>4</v>
      </c>
      <c r="K8568">
        <v>7.26</v>
      </c>
    </row>
    <row r="8569" spans="1:11" x14ac:dyDescent="0.3">
      <c r="A8569" s="1">
        <v>42994</v>
      </c>
      <c r="B8569" s="3">
        <f t="shared" si="266"/>
        <v>9</v>
      </c>
      <c r="C8569" s="3">
        <f t="shared" si="267"/>
        <v>2017</v>
      </c>
      <c r="D8569" t="s">
        <v>1360</v>
      </c>
      <c r="E8569" t="s">
        <v>22</v>
      </c>
      <c r="F8569" t="s">
        <v>38</v>
      </c>
      <c r="G8569" t="s">
        <v>51</v>
      </c>
      <c r="H8569" t="s">
        <v>1313</v>
      </c>
      <c r="I8569">
        <v>71.98</v>
      </c>
      <c r="J8569">
        <v>3</v>
      </c>
      <c r="K8569">
        <v>19.79</v>
      </c>
    </row>
    <row r="8570" spans="1:11" x14ac:dyDescent="0.3">
      <c r="A8570" s="1">
        <v>42994</v>
      </c>
      <c r="B8570" s="3">
        <f t="shared" si="266"/>
        <v>9</v>
      </c>
      <c r="C8570" s="3">
        <f t="shared" si="267"/>
        <v>2017</v>
      </c>
      <c r="D8570" t="s">
        <v>1360</v>
      </c>
      <c r="E8570" t="s">
        <v>22</v>
      </c>
      <c r="F8570" t="s">
        <v>33</v>
      </c>
      <c r="G8570" t="s">
        <v>46</v>
      </c>
      <c r="H8570" t="s">
        <v>1975</v>
      </c>
      <c r="I8570">
        <v>22.51</v>
      </c>
      <c r="J8570">
        <v>3</v>
      </c>
      <c r="K8570">
        <v>2.25</v>
      </c>
    </row>
    <row r="8571" spans="1:11" x14ac:dyDescent="0.3">
      <c r="A8571" s="1">
        <v>42994</v>
      </c>
      <c r="B8571" s="3">
        <f t="shared" si="266"/>
        <v>9</v>
      </c>
      <c r="C8571" s="3">
        <f t="shared" si="267"/>
        <v>2017</v>
      </c>
      <c r="D8571" t="s">
        <v>1360</v>
      </c>
      <c r="E8571" t="s">
        <v>22</v>
      </c>
      <c r="F8571" t="s">
        <v>10</v>
      </c>
      <c r="G8571" t="s">
        <v>19</v>
      </c>
      <c r="H8571" t="s">
        <v>2328</v>
      </c>
      <c r="I8571">
        <v>3.44</v>
      </c>
      <c r="J8571">
        <v>2</v>
      </c>
      <c r="K8571">
        <v>-2.76</v>
      </c>
    </row>
    <row r="8572" spans="1:11" x14ac:dyDescent="0.3">
      <c r="A8572" s="1">
        <v>42994</v>
      </c>
      <c r="B8572" s="3">
        <f t="shared" si="266"/>
        <v>9</v>
      </c>
      <c r="C8572" s="3">
        <f t="shared" si="267"/>
        <v>2017</v>
      </c>
      <c r="D8572" t="s">
        <v>1360</v>
      </c>
      <c r="E8572" t="s">
        <v>22</v>
      </c>
      <c r="F8572" t="s">
        <v>10</v>
      </c>
      <c r="G8572" t="s">
        <v>19</v>
      </c>
      <c r="H8572" t="s">
        <v>1141</v>
      </c>
      <c r="I8572">
        <v>538.19000000000005</v>
      </c>
      <c r="J8572">
        <v>2</v>
      </c>
      <c r="K8572">
        <v>-412.62</v>
      </c>
    </row>
    <row r="8573" spans="1:11" x14ac:dyDescent="0.3">
      <c r="A8573" s="1">
        <v>42994</v>
      </c>
      <c r="B8573" s="3">
        <f t="shared" si="266"/>
        <v>9</v>
      </c>
      <c r="C8573" s="3">
        <f t="shared" si="267"/>
        <v>2017</v>
      </c>
      <c r="D8573" t="s">
        <v>1360</v>
      </c>
      <c r="E8573" t="s">
        <v>22</v>
      </c>
      <c r="F8573" t="s">
        <v>38</v>
      </c>
      <c r="G8573" t="s">
        <v>51</v>
      </c>
      <c r="H8573" t="s">
        <v>83</v>
      </c>
      <c r="I8573">
        <v>47.98</v>
      </c>
      <c r="J8573">
        <v>2</v>
      </c>
      <c r="K8573">
        <v>14.4</v>
      </c>
    </row>
    <row r="8574" spans="1:11" x14ac:dyDescent="0.3">
      <c r="A8574" s="1">
        <v>42994</v>
      </c>
      <c r="B8574" s="3">
        <f t="shared" si="266"/>
        <v>9</v>
      </c>
      <c r="C8574" s="3">
        <f t="shared" si="267"/>
        <v>2017</v>
      </c>
      <c r="D8574" t="s">
        <v>701</v>
      </c>
      <c r="E8574" t="s">
        <v>22</v>
      </c>
      <c r="F8574" t="s">
        <v>10</v>
      </c>
      <c r="G8574" t="s">
        <v>11</v>
      </c>
      <c r="H8574" t="s">
        <v>1844</v>
      </c>
      <c r="I8574">
        <v>20.54</v>
      </c>
      <c r="J8574">
        <v>6</v>
      </c>
      <c r="K8574">
        <v>6.42</v>
      </c>
    </row>
    <row r="8575" spans="1:11" x14ac:dyDescent="0.3">
      <c r="A8575" s="1">
        <v>42994</v>
      </c>
      <c r="B8575" s="3">
        <f t="shared" si="266"/>
        <v>9</v>
      </c>
      <c r="C8575" s="3">
        <f t="shared" si="267"/>
        <v>2017</v>
      </c>
      <c r="D8575" t="s">
        <v>1775</v>
      </c>
      <c r="E8575" t="s">
        <v>26</v>
      </c>
      <c r="F8575" t="s">
        <v>10</v>
      </c>
      <c r="G8575" t="s">
        <v>42</v>
      </c>
      <c r="H8575" t="s">
        <v>1035</v>
      </c>
      <c r="I8575">
        <v>17.899999999999999</v>
      </c>
      <c r="J8575">
        <v>5</v>
      </c>
      <c r="K8575">
        <v>8.77</v>
      </c>
    </row>
    <row r="8576" spans="1:11" x14ac:dyDescent="0.3">
      <c r="A8576" s="1">
        <v>42994</v>
      </c>
      <c r="B8576" s="3">
        <f t="shared" si="266"/>
        <v>9</v>
      </c>
      <c r="C8576" s="3">
        <f t="shared" si="267"/>
        <v>2017</v>
      </c>
      <c r="D8576" t="s">
        <v>2500</v>
      </c>
      <c r="E8576" t="s">
        <v>32</v>
      </c>
      <c r="F8576" t="s">
        <v>38</v>
      </c>
      <c r="G8576" t="s">
        <v>51</v>
      </c>
      <c r="H8576" t="s">
        <v>2228</v>
      </c>
      <c r="I8576">
        <v>18</v>
      </c>
      <c r="J8576">
        <v>1</v>
      </c>
      <c r="K8576">
        <v>3.24</v>
      </c>
    </row>
    <row r="8577" spans="1:11" x14ac:dyDescent="0.3">
      <c r="A8577" s="1">
        <v>42995</v>
      </c>
      <c r="B8577" s="3">
        <f t="shared" si="266"/>
        <v>9</v>
      </c>
      <c r="C8577" s="3">
        <f t="shared" si="267"/>
        <v>2017</v>
      </c>
      <c r="D8577" t="s">
        <v>2364</v>
      </c>
      <c r="E8577" t="s">
        <v>163</v>
      </c>
      <c r="F8577" t="s">
        <v>10</v>
      </c>
      <c r="G8577" t="s">
        <v>11</v>
      </c>
      <c r="H8577" t="s">
        <v>2700</v>
      </c>
      <c r="I8577">
        <v>12.96</v>
      </c>
      <c r="J8577">
        <v>2</v>
      </c>
      <c r="K8577">
        <v>6.35</v>
      </c>
    </row>
    <row r="8578" spans="1:11" x14ac:dyDescent="0.3">
      <c r="A8578" s="1">
        <v>42995</v>
      </c>
      <c r="B8578" s="3">
        <f t="shared" ref="B8578:B8641" si="268">MONTH(A:A)</f>
        <v>9</v>
      </c>
      <c r="C8578" s="3">
        <f t="shared" ref="C8578:C8641" si="269">YEAR(A:A)</f>
        <v>2017</v>
      </c>
      <c r="D8578" t="s">
        <v>2247</v>
      </c>
      <c r="E8578" t="s">
        <v>29</v>
      </c>
      <c r="F8578" t="s">
        <v>33</v>
      </c>
      <c r="G8578" t="s">
        <v>34</v>
      </c>
      <c r="H8578" t="s">
        <v>2181</v>
      </c>
      <c r="I8578">
        <v>723.92</v>
      </c>
      <c r="J8578">
        <v>4</v>
      </c>
      <c r="K8578">
        <v>188.22</v>
      </c>
    </row>
    <row r="8579" spans="1:11" x14ac:dyDescent="0.3">
      <c r="A8579" s="1">
        <v>42995</v>
      </c>
      <c r="B8579" s="3">
        <f t="shared" si="268"/>
        <v>9</v>
      </c>
      <c r="C8579" s="3">
        <f t="shared" si="269"/>
        <v>2017</v>
      </c>
      <c r="D8579" t="s">
        <v>2247</v>
      </c>
      <c r="E8579" t="s">
        <v>29</v>
      </c>
      <c r="F8579" t="s">
        <v>10</v>
      </c>
      <c r="G8579" t="s">
        <v>11</v>
      </c>
      <c r="H8579" t="s">
        <v>624</v>
      </c>
      <c r="I8579">
        <v>106.32</v>
      </c>
      <c r="J8579">
        <v>3</v>
      </c>
      <c r="K8579">
        <v>49.97</v>
      </c>
    </row>
    <row r="8580" spans="1:11" x14ac:dyDescent="0.3">
      <c r="A8580" s="1">
        <v>42995</v>
      </c>
      <c r="B8580" s="3">
        <f t="shared" si="268"/>
        <v>9</v>
      </c>
      <c r="C8580" s="3">
        <f t="shared" si="269"/>
        <v>2017</v>
      </c>
      <c r="D8580" t="s">
        <v>1477</v>
      </c>
      <c r="E8580" t="s">
        <v>295</v>
      </c>
      <c r="F8580" t="s">
        <v>10</v>
      </c>
      <c r="G8580" t="s">
        <v>19</v>
      </c>
      <c r="H8580" t="s">
        <v>450</v>
      </c>
      <c r="I8580">
        <v>10.78</v>
      </c>
      <c r="J8580">
        <v>3</v>
      </c>
      <c r="K8580">
        <v>3.5</v>
      </c>
    </row>
    <row r="8581" spans="1:11" x14ac:dyDescent="0.3">
      <c r="A8581" s="1">
        <v>42995</v>
      </c>
      <c r="B8581" s="3">
        <f t="shared" si="268"/>
        <v>9</v>
      </c>
      <c r="C8581" s="3">
        <f t="shared" si="269"/>
        <v>2017</v>
      </c>
      <c r="D8581" t="s">
        <v>1477</v>
      </c>
      <c r="E8581" t="s">
        <v>295</v>
      </c>
      <c r="F8581" t="s">
        <v>10</v>
      </c>
      <c r="G8581" t="s">
        <v>19</v>
      </c>
      <c r="H8581" t="s">
        <v>1312</v>
      </c>
      <c r="I8581">
        <v>11.78</v>
      </c>
      <c r="J8581">
        <v>3</v>
      </c>
      <c r="K8581">
        <v>4.2699999999999996</v>
      </c>
    </row>
    <row r="8582" spans="1:11" x14ac:dyDescent="0.3">
      <c r="A8582" s="1">
        <v>42995</v>
      </c>
      <c r="B8582" s="3">
        <f t="shared" si="268"/>
        <v>9</v>
      </c>
      <c r="C8582" s="3">
        <f t="shared" si="269"/>
        <v>2017</v>
      </c>
      <c r="D8582" t="s">
        <v>1477</v>
      </c>
      <c r="E8582" t="s">
        <v>295</v>
      </c>
      <c r="F8582" t="s">
        <v>10</v>
      </c>
      <c r="G8582" t="s">
        <v>11</v>
      </c>
      <c r="H8582" t="s">
        <v>1758</v>
      </c>
      <c r="I8582">
        <v>164.88</v>
      </c>
      <c r="J8582">
        <v>3</v>
      </c>
      <c r="K8582">
        <v>80.790000000000006</v>
      </c>
    </row>
    <row r="8583" spans="1:11" x14ac:dyDescent="0.3">
      <c r="A8583" s="1">
        <v>42995</v>
      </c>
      <c r="B8583" s="3">
        <f t="shared" si="268"/>
        <v>9</v>
      </c>
      <c r="C8583" s="3">
        <f t="shared" si="269"/>
        <v>2017</v>
      </c>
      <c r="D8583" t="s">
        <v>1477</v>
      </c>
      <c r="E8583" t="s">
        <v>295</v>
      </c>
      <c r="F8583" t="s">
        <v>33</v>
      </c>
      <c r="G8583" t="s">
        <v>73</v>
      </c>
      <c r="H8583" t="s">
        <v>2701</v>
      </c>
      <c r="I8583">
        <v>1292.94</v>
      </c>
      <c r="J8583">
        <v>3</v>
      </c>
      <c r="K8583">
        <v>77.58</v>
      </c>
    </row>
    <row r="8584" spans="1:11" x14ac:dyDescent="0.3">
      <c r="A8584" s="1">
        <v>42995</v>
      </c>
      <c r="B8584" s="3">
        <f t="shared" si="268"/>
        <v>9</v>
      </c>
      <c r="C8584" s="3">
        <f t="shared" si="269"/>
        <v>2017</v>
      </c>
      <c r="D8584" t="s">
        <v>1477</v>
      </c>
      <c r="E8584" t="s">
        <v>295</v>
      </c>
      <c r="F8584" t="s">
        <v>10</v>
      </c>
      <c r="G8584" t="s">
        <v>19</v>
      </c>
      <c r="H8584" t="s">
        <v>743</v>
      </c>
      <c r="I8584">
        <v>25.58</v>
      </c>
      <c r="J8584">
        <v>2</v>
      </c>
      <c r="K8584">
        <v>8.9499999999999993</v>
      </c>
    </row>
    <row r="8585" spans="1:11" x14ac:dyDescent="0.3">
      <c r="A8585" s="1">
        <v>42995</v>
      </c>
      <c r="B8585" s="3">
        <f t="shared" si="268"/>
        <v>9</v>
      </c>
      <c r="C8585" s="3">
        <f t="shared" si="269"/>
        <v>2017</v>
      </c>
      <c r="D8585" t="s">
        <v>1477</v>
      </c>
      <c r="E8585" t="s">
        <v>295</v>
      </c>
      <c r="F8585" t="s">
        <v>10</v>
      </c>
      <c r="G8585" t="s">
        <v>17</v>
      </c>
      <c r="H8585" t="s">
        <v>2367</v>
      </c>
      <c r="I8585">
        <v>261.74</v>
      </c>
      <c r="J8585">
        <v>2</v>
      </c>
      <c r="K8585">
        <v>65.44</v>
      </c>
    </row>
    <row r="8586" spans="1:11" x14ac:dyDescent="0.3">
      <c r="A8586" s="1">
        <v>42995</v>
      </c>
      <c r="B8586" s="3">
        <f t="shared" si="268"/>
        <v>9</v>
      </c>
      <c r="C8586" s="3">
        <f t="shared" si="269"/>
        <v>2017</v>
      </c>
      <c r="D8586" t="s">
        <v>1477</v>
      </c>
      <c r="E8586" t="s">
        <v>295</v>
      </c>
      <c r="F8586" t="s">
        <v>10</v>
      </c>
      <c r="G8586" t="s">
        <v>15</v>
      </c>
      <c r="H8586" t="s">
        <v>931</v>
      </c>
      <c r="I8586">
        <v>14.4</v>
      </c>
      <c r="J8586">
        <v>5</v>
      </c>
      <c r="K8586">
        <v>7.06</v>
      </c>
    </row>
    <row r="8587" spans="1:11" x14ac:dyDescent="0.3">
      <c r="A8587" s="1">
        <v>42995</v>
      </c>
      <c r="B8587" s="3">
        <f t="shared" si="268"/>
        <v>9</v>
      </c>
      <c r="C8587" s="3">
        <f t="shared" si="269"/>
        <v>2017</v>
      </c>
      <c r="D8587" t="s">
        <v>2258</v>
      </c>
      <c r="E8587" t="s">
        <v>9</v>
      </c>
      <c r="F8587" t="s">
        <v>10</v>
      </c>
      <c r="G8587" t="s">
        <v>23</v>
      </c>
      <c r="H8587" t="s">
        <v>270</v>
      </c>
      <c r="I8587">
        <v>9.91</v>
      </c>
      <c r="J8587">
        <v>3</v>
      </c>
      <c r="K8587">
        <v>3.22</v>
      </c>
    </row>
    <row r="8588" spans="1:11" x14ac:dyDescent="0.3">
      <c r="A8588" s="1">
        <v>42995</v>
      </c>
      <c r="B8588" s="3">
        <f t="shared" si="268"/>
        <v>9</v>
      </c>
      <c r="C8588" s="3">
        <f t="shared" si="269"/>
        <v>2017</v>
      </c>
      <c r="D8588" t="s">
        <v>2258</v>
      </c>
      <c r="E8588" t="s">
        <v>9</v>
      </c>
      <c r="F8588" t="s">
        <v>33</v>
      </c>
      <c r="G8588" t="s">
        <v>34</v>
      </c>
      <c r="H8588" t="s">
        <v>1479</v>
      </c>
      <c r="I8588">
        <v>318.43</v>
      </c>
      <c r="J8588">
        <v>5</v>
      </c>
      <c r="K8588">
        <v>-77.33</v>
      </c>
    </row>
    <row r="8589" spans="1:11" x14ac:dyDescent="0.3">
      <c r="A8589" s="1">
        <v>42995</v>
      </c>
      <c r="B8589" s="3">
        <f t="shared" si="268"/>
        <v>9</v>
      </c>
      <c r="C8589" s="3">
        <f t="shared" si="269"/>
        <v>2017</v>
      </c>
      <c r="D8589" t="s">
        <v>2258</v>
      </c>
      <c r="E8589" t="s">
        <v>9</v>
      </c>
      <c r="F8589" t="s">
        <v>10</v>
      </c>
      <c r="G8589" t="s">
        <v>19</v>
      </c>
      <c r="H8589" t="s">
        <v>2199</v>
      </c>
      <c r="I8589">
        <v>5.8</v>
      </c>
      <c r="J8589">
        <v>5</v>
      </c>
      <c r="K8589">
        <v>-10.15</v>
      </c>
    </row>
    <row r="8590" spans="1:11" x14ac:dyDescent="0.3">
      <c r="A8590" s="1">
        <v>42995</v>
      </c>
      <c r="B8590" s="3">
        <f t="shared" si="268"/>
        <v>9</v>
      </c>
      <c r="C8590" s="3">
        <f t="shared" si="269"/>
        <v>2017</v>
      </c>
      <c r="D8590" t="s">
        <v>2258</v>
      </c>
      <c r="E8590" t="s">
        <v>9</v>
      </c>
      <c r="F8590" t="s">
        <v>38</v>
      </c>
      <c r="G8590" t="s">
        <v>39</v>
      </c>
      <c r="H8590" t="s">
        <v>312</v>
      </c>
      <c r="I8590">
        <v>1415.76</v>
      </c>
      <c r="J8590">
        <v>6</v>
      </c>
      <c r="K8590">
        <v>88.49</v>
      </c>
    </row>
    <row r="8591" spans="1:11" x14ac:dyDescent="0.3">
      <c r="A8591" s="1">
        <v>42995</v>
      </c>
      <c r="B8591" s="3">
        <f t="shared" si="268"/>
        <v>9</v>
      </c>
      <c r="C8591" s="3">
        <f t="shared" si="269"/>
        <v>2017</v>
      </c>
      <c r="D8591" t="s">
        <v>1073</v>
      </c>
      <c r="E8591" t="s">
        <v>176</v>
      </c>
      <c r="F8591" t="s">
        <v>38</v>
      </c>
      <c r="G8591" t="s">
        <v>301</v>
      </c>
      <c r="H8591" t="s">
        <v>2702</v>
      </c>
      <c r="I8591">
        <v>480</v>
      </c>
      <c r="J8591">
        <v>4</v>
      </c>
      <c r="K8591">
        <v>225.6</v>
      </c>
    </row>
    <row r="8592" spans="1:11" x14ac:dyDescent="0.3">
      <c r="A8592" s="1">
        <v>42995</v>
      </c>
      <c r="B8592" s="3">
        <f t="shared" si="268"/>
        <v>9</v>
      </c>
      <c r="C8592" s="3">
        <f t="shared" si="269"/>
        <v>2017</v>
      </c>
      <c r="D8592" t="s">
        <v>1073</v>
      </c>
      <c r="E8592" t="s">
        <v>176</v>
      </c>
      <c r="F8592" t="s">
        <v>10</v>
      </c>
      <c r="G8592" t="s">
        <v>17</v>
      </c>
      <c r="H8592" t="s">
        <v>1471</v>
      </c>
      <c r="I8592">
        <v>34.049999999999997</v>
      </c>
      <c r="J8592">
        <v>3</v>
      </c>
      <c r="K8592">
        <v>9.5299999999999994</v>
      </c>
    </row>
    <row r="8593" spans="1:11" x14ac:dyDescent="0.3">
      <c r="A8593" s="1">
        <v>42995</v>
      </c>
      <c r="B8593" s="3">
        <f t="shared" si="268"/>
        <v>9</v>
      </c>
      <c r="C8593" s="3">
        <f t="shared" si="269"/>
        <v>2017</v>
      </c>
      <c r="D8593" t="s">
        <v>232</v>
      </c>
      <c r="E8593" t="s">
        <v>509</v>
      </c>
      <c r="F8593" t="s">
        <v>38</v>
      </c>
      <c r="G8593" t="s">
        <v>51</v>
      </c>
      <c r="H8593" t="s">
        <v>1313</v>
      </c>
      <c r="I8593">
        <v>89.97</v>
      </c>
      <c r="J8593">
        <v>3</v>
      </c>
      <c r="K8593">
        <v>37.79</v>
      </c>
    </row>
    <row r="8594" spans="1:11" x14ac:dyDescent="0.3">
      <c r="A8594" s="1">
        <v>42996</v>
      </c>
      <c r="B8594" s="3">
        <f t="shared" si="268"/>
        <v>9</v>
      </c>
      <c r="C8594" s="3">
        <f t="shared" si="269"/>
        <v>2017</v>
      </c>
      <c r="D8594" t="s">
        <v>1770</v>
      </c>
      <c r="E8594" t="s">
        <v>26</v>
      </c>
      <c r="F8594" t="s">
        <v>10</v>
      </c>
      <c r="G8594" t="s">
        <v>23</v>
      </c>
      <c r="H8594" t="s">
        <v>1568</v>
      </c>
      <c r="I8594">
        <v>8.82</v>
      </c>
      <c r="J8594">
        <v>3</v>
      </c>
      <c r="K8594">
        <v>2.38</v>
      </c>
    </row>
    <row r="8595" spans="1:11" x14ac:dyDescent="0.3">
      <c r="A8595" s="1">
        <v>42996</v>
      </c>
      <c r="B8595" s="3">
        <f t="shared" si="268"/>
        <v>9</v>
      </c>
      <c r="C8595" s="3">
        <f t="shared" si="269"/>
        <v>2017</v>
      </c>
      <c r="D8595" t="s">
        <v>1770</v>
      </c>
      <c r="E8595" t="s">
        <v>26</v>
      </c>
      <c r="F8595" t="s">
        <v>10</v>
      </c>
      <c r="G8595" t="s">
        <v>62</v>
      </c>
      <c r="H8595" t="s">
        <v>1426</v>
      </c>
      <c r="I8595">
        <v>10.86</v>
      </c>
      <c r="J8595">
        <v>3</v>
      </c>
      <c r="K8595">
        <v>5.0999999999999996</v>
      </c>
    </row>
    <row r="8596" spans="1:11" x14ac:dyDescent="0.3">
      <c r="A8596" s="1">
        <v>42996</v>
      </c>
      <c r="B8596" s="3">
        <f t="shared" si="268"/>
        <v>9</v>
      </c>
      <c r="C8596" s="3">
        <f t="shared" si="269"/>
        <v>2017</v>
      </c>
      <c r="D8596" t="s">
        <v>1770</v>
      </c>
      <c r="E8596" t="s">
        <v>26</v>
      </c>
      <c r="F8596" t="s">
        <v>10</v>
      </c>
      <c r="G8596" t="s">
        <v>11</v>
      </c>
      <c r="H8596" t="s">
        <v>2489</v>
      </c>
      <c r="I8596">
        <v>143.69999999999999</v>
      </c>
      <c r="J8596">
        <v>3</v>
      </c>
      <c r="K8596">
        <v>68.98</v>
      </c>
    </row>
    <row r="8597" spans="1:11" x14ac:dyDescent="0.3">
      <c r="A8597" s="1">
        <v>42996</v>
      </c>
      <c r="B8597" s="3">
        <f t="shared" si="268"/>
        <v>9</v>
      </c>
      <c r="C8597" s="3">
        <f t="shared" si="269"/>
        <v>2017</v>
      </c>
      <c r="D8597" t="s">
        <v>201</v>
      </c>
      <c r="E8597" t="s">
        <v>156</v>
      </c>
      <c r="F8597" t="s">
        <v>10</v>
      </c>
      <c r="G8597" t="s">
        <v>11</v>
      </c>
      <c r="H8597" t="s">
        <v>1923</v>
      </c>
      <c r="I8597">
        <v>22.72</v>
      </c>
      <c r="J8597">
        <v>4</v>
      </c>
      <c r="K8597">
        <v>10.220000000000001</v>
      </c>
    </row>
    <row r="8598" spans="1:11" x14ac:dyDescent="0.3">
      <c r="A8598" s="1">
        <v>42996</v>
      </c>
      <c r="B8598" s="3">
        <f t="shared" si="268"/>
        <v>9</v>
      </c>
      <c r="C8598" s="3">
        <f t="shared" si="269"/>
        <v>2017</v>
      </c>
      <c r="D8598" t="s">
        <v>906</v>
      </c>
      <c r="E8598" t="s">
        <v>9</v>
      </c>
      <c r="F8598" t="s">
        <v>10</v>
      </c>
      <c r="G8598" t="s">
        <v>23</v>
      </c>
      <c r="H8598" t="s">
        <v>526</v>
      </c>
      <c r="I8598">
        <v>8.93</v>
      </c>
      <c r="J8598">
        <v>2</v>
      </c>
      <c r="K8598">
        <v>0.56000000000000005</v>
      </c>
    </row>
    <row r="8599" spans="1:11" x14ac:dyDescent="0.3">
      <c r="A8599" s="1">
        <v>42996</v>
      </c>
      <c r="B8599" s="3">
        <f t="shared" si="268"/>
        <v>9</v>
      </c>
      <c r="C8599" s="3">
        <f t="shared" si="269"/>
        <v>2017</v>
      </c>
      <c r="D8599" t="s">
        <v>906</v>
      </c>
      <c r="E8599" t="s">
        <v>9</v>
      </c>
      <c r="F8599" t="s">
        <v>10</v>
      </c>
      <c r="G8599" t="s">
        <v>17</v>
      </c>
      <c r="H8599" t="s">
        <v>2597</v>
      </c>
      <c r="I8599">
        <v>47.58</v>
      </c>
      <c r="J8599">
        <v>2</v>
      </c>
      <c r="K8599">
        <v>-2.97</v>
      </c>
    </row>
    <row r="8600" spans="1:11" x14ac:dyDescent="0.3">
      <c r="A8600" s="1">
        <v>42996</v>
      </c>
      <c r="B8600" s="3">
        <f t="shared" si="268"/>
        <v>9</v>
      </c>
      <c r="C8600" s="3">
        <f t="shared" si="269"/>
        <v>2017</v>
      </c>
      <c r="D8600" t="s">
        <v>118</v>
      </c>
      <c r="E8600" t="s">
        <v>148</v>
      </c>
      <c r="F8600" t="s">
        <v>10</v>
      </c>
      <c r="G8600" t="s">
        <v>11</v>
      </c>
      <c r="H8600" t="s">
        <v>1129</v>
      </c>
      <c r="I8600">
        <v>19.440000000000001</v>
      </c>
      <c r="J8600">
        <v>3</v>
      </c>
      <c r="K8600">
        <v>9.33</v>
      </c>
    </row>
    <row r="8601" spans="1:11" x14ac:dyDescent="0.3">
      <c r="A8601" s="1">
        <v>42996</v>
      </c>
      <c r="B8601" s="3">
        <f t="shared" si="268"/>
        <v>9</v>
      </c>
      <c r="C8601" s="3">
        <f t="shared" si="269"/>
        <v>2017</v>
      </c>
      <c r="D8601" t="s">
        <v>118</v>
      </c>
      <c r="E8601" t="s">
        <v>148</v>
      </c>
      <c r="F8601" t="s">
        <v>33</v>
      </c>
      <c r="G8601" t="s">
        <v>46</v>
      </c>
      <c r="H8601" t="s">
        <v>116</v>
      </c>
      <c r="I8601">
        <v>9.82</v>
      </c>
      <c r="J8601">
        <v>2</v>
      </c>
      <c r="K8601">
        <v>3.24</v>
      </c>
    </row>
    <row r="8602" spans="1:11" x14ac:dyDescent="0.3">
      <c r="A8602" s="1">
        <v>42996</v>
      </c>
      <c r="B8602" s="3">
        <f t="shared" si="268"/>
        <v>9</v>
      </c>
      <c r="C8602" s="3">
        <f t="shared" si="269"/>
        <v>2017</v>
      </c>
      <c r="D8602" t="s">
        <v>216</v>
      </c>
      <c r="E8602" t="s">
        <v>995</v>
      </c>
      <c r="F8602" t="s">
        <v>10</v>
      </c>
      <c r="G8602" t="s">
        <v>11</v>
      </c>
      <c r="H8602" t="s">
        <v>753</v>
      </c>
      <c r="I8602">
        <v>15.96</v>
      </c>
      <c r="J8602">
        <v>2</v>
      </c>
      <c r="K8602">
        <v>7.98</v>
      </c>
    </row>
    <row r="8603" spans="1:11" x14ac:dyDescent="0.3">
      <c r="A8603" s="1">
        <v>42996</v>
      </c>
      <c r="B8603" s="3">
        <f t="shared" si="268"/>
        <v>9</v>
      </c>
      <c r="C8603" s="3">
        <f t="shared" si="269"/>
        <v>2017</v>
      </c>
      <c r="D8603" t="s">
        <v>1812</v>
      </c>
      <c r="E8603" t="s">
        <v>398</v>
      </c>
      <c r="F8603" t="s">
        <v>10</v>
      </c>
      <c r="G8603" t="s">
        <v>19</v>
      </c>
      <c r="H8603" t="s">
        <v>204</v>
      </c>
      <c r="I8603">
        <v>10.08</v>
      </c>
      <c r="J8603">
        <v>7</v>
      </c>
      <c r="K8603">
        <v>3.53</v>
      </c>
    </row>
    <row r="8604" spans="1:11" x14ac:dyDescent="0.3">
      <c r="A8604" s="1">
        <v>42996</v>
      </c>
      <c r="B8604" s="3">
        <f t="shared" si="268"/>
        <v>9</v>
      </c>
      <c r="C8604" s="3">
        <f t="shared" si="269"/>
        <v>2017</v>
      </c>
      <c r="D8604" t="s">
        <v>1812</v>
      </c>
      <c r="E8604" t="s">
        <v>398</v>
      </c>
      <c r="F8604" t="s">
        <v>38</v>
      </c>
      <c r="G8604" t="s">
        <v>51</v>
      </c>
      <c r="H8604" t="s">
        <v>2685</v>
      </c>
      <c r="I8604">
        <v>101.34</v>
      </c>
      <c r="J8604">
        <v>3</v>
      </c>
      <c r="K8604">
        <v>8.11</v>
      </c>
    </row>
    <row r="8605" spans="1:11" x14ac:dyDescent="0.3">
      <c r="A8605" s="1">
        <v>42996</v>
      </c>
      <c r="B8605" s="3">
        <f t="shared" si="268"/>
        <v>9</v>
      </c>
      <c r="C8605" s="3">
        <f t="shared" si="269"/>
        <v>2017</v>
      </c>
      <c r="D8605" t="s">
        <v>1679</v>
      </c>
      <c r="E8605" t="s">
        <v>29</v>
      </c>
      <c r="F8605" t="s">
        <v>38</v>
      </c>
      <c r="G8605" t="s">
        <v>39</v>
      </c>
      <c r="H8605" t="s">
        <v>734</v>
      </c>
      <c r="I8605">
        <v>95.68</v>
      </c>
      <c r="J8605">
        <v>8</v>
      </c>
      <c r="K8605">
        <v>26.79</v>
      </c>
    </row>
    <row r="8606" spans="1:11" x14ac:dyDescent="0.3">
      <c r="A8606" s="1">
        <v>42996</v>
      </c>
      <c r="B8606" s="3">
        <f t="shared" si="268"/>
        <v>9</v>
      </c>
      <c r="C8606" s="3">
        <f t="shared" si="269"/>
        <v>2017</v>
      </c>
      <c r="D8606" t="s">
        <v>1679</v>
      </c>
      <c r="E8606" t="s">
        <v>29</v>
      </c>
      <c r="F8606" t="s">
        <v>10</v>
      </c>
      <c r="G8606" t="s">
        <v>11</v>
      </c>
      <c r="H8606" t="s">
        <v>2703</v>
      </c>
      <c r="I8606">
        <v>50.96</v>
      </c>
      <c r="J8606">
        <v>7</v>
      </c>
      <c r="K8606">
        <v>24.46</v>
      </c>
    </row>
    <row r="8607" spans="1:11" x14ac:dyDescent="0.3">
      <c r="A8607" s="1">
        <v>42996</v>
      </c>
      <c r="B8607" s="3">
        <f t="shared" si="268"/>
        <v>9</v>
      </c>
      <c r="C8607" s="3">
        <f t="shared" si="269"/>
        <v>2017</v>
      </c>
      <c r="D8607" t="s">
        <v>1679</v>
      </c>
      <c r="E8607" t="s">
        <v>29</v>
      </c>
      <c r="F8607" t="s">
        <v>10</v>
      </c>
      <c r="G8607" t="s">
        <v>23</v>
      </c>
      <c r="H8607" t="s">
        <v>1252</v>
      </c>
      <c r="I8607">
        <v>113.94</v>
      </c>
      <c r="J8607">
        <v>3</v>
      </c>
      <c r="K8607">
        <v>34.18</v>
      </c>
    </row>
    <row r="8608" spans="1:11" x14ac:dyDescent="0.3">
      <c r="A8608" s="1">
        <v>42996</v>
      </c>
      <c r="B8608" s="3">
        <f t="shared" si="268"/>
        <v>9</v>
      </c>
      <c r="C8608" s="3">
        <f t="shared" si="269"/>
        <v>2017</v>
      </c>
      <c r="D8608" t="s">
        <v>1679</v>
      </c>
      <c r="E8608" t="s">
        <v>29</v>
      </c>
      <c r="F8608" t="s">
        <v>10</v>
      </c>
      <c r="G8608" t="s">
        <v>11</v>
      </c>
      <c r="H8608" t="s">
        <v>1943</v>
      </c>
      <c r="I8608">
        <v>25.92</v>
      </c>
      <c r="J8608">
        <v>4</v>
      </c>
      <c r="K8608">
        <v>12.44</v>
      </c>
    </row>
    <row r="8609" spans="1:11" x14ac:dyDescent="0.3">
      <c r="A8609" s="1">
        <v>42996</v>
      </c>
      <c r="B8609" s="3">
        <f t="shared" si="268"/>
        <v>9</v>
      </c>
      <c r="C8609" s="3">
        <f t="shared" si="269"/>
        <v>2017</v>
      </c>
      <c r="D8609" t="s">
        <v>1679</v>
      </c>
      <c r="E8609" t="s">
        <v>29</v>
      </c>
      <c r="F8609" t="s">
        <v>33</v>
      </c>
      <c r="G8609" t="s">
        <v>46</v>
      </c>
      <c r="H8609" t="s">
        <v>2396</v>
      </c>
      <c r="I8609">
        <v>20.32</v>
      </c>
      <c r="J8609">
        <v>4</v>
      </c>
      <c r="K8609">
        <v>6.91</v>
      </c>
    </row>
    <row r="8610" spans="1:11" x14ac:dyDescent="0.3">
      <c r="A8610" s="1">
        <v>42996</v>
      </c>
      <c r="B8610" s="3">
        <f t="shared" si="268"/>
        <v>9</v>
      </c>
      <c r="C8610" s="3">
        <f t="shared" si="269"/>
        <v>2017</v>
      </c>
      <c r="D8610" t="s">
        <v>1679</v>
      </c>
      <c r="E8610" t="s">
        <v>29</v>
      </c>
      <c r="F8610" t="s">
        <v>38</v>
      </c>
      <c r="G8610" t="s">
        <v>39</v>
      </c>
      <c r="H8610" t="s">
        <v>2596</v>
      </c>
      <c r="I8610">
        <v>411.98</v>
      </c>
      <c r="J8610">
        <v>2</v>
      </c>
      <c r="K8610">
        <v>119.47</v>
      </c>
    </row>
    <row r="8611" spans="1:11" x14ac:dyDescent="0.3">
      <c r="A8611" s="1">
        <v>42996</v>
      </c>
      <c r="B8611" s="3">
        <f t="shared" si="268"/>
        <v>9</v>
      </c>
      <c r="C8611" s="3">
        <f t="shared" si="269"/>
        <v>2017</v>
      </c>
      <c r="D8611" t="s">
        <v>1679</v>
      </c>
      <c r="E8611" t="s">
        <v>29</v>
      </c>
      <c r="F8611" t="s">
        <v>10</v>
      </c>
      <c r="G8611" t="s">
        <v>199</v>
      </c>
      <c r="H8611" t="s">
        <v>2053</v>
      </c>
      <c r="I8611">
        <v>34.479999999999997</v>
      </c>
      <c r="J8611">
        <v>2</v>
      </c>
      <c r="K8611">
        <v>10</v>
      </c>
    </row>
    <row r="8612" spans="1:11" x14ac:dyDescent="0.3">
      <c r="A8612" s="1">
        <v>42996</v>
      </c>
      <c r="B8612" s="3">
        <f t="shared" si="268"/>
        <v>9</v>
      </c>
      <c r="C8612" s="3">
        <f t="shared" si="269"/>
        <v>2017</v>
      </c>
      <c r="D8612" t="s">
        <v>1679</v>
      </c>
      <c r="E8612" t="s">
        <v>29</v>
      </c>
      <c r="F8612" t="s">
        <v>10</v>
      </c>
      <c r="G8612" t="s">
        <v>11</v>
      </c>
      <c r="H8612" t="s">
        <v>1491</v>
      </c>
      <c r="I8612">
        <v>244.55</v>
      </c>
      <c r="J8612">
        <v>5</v>
      </c>
      <c r="K8612">
        <v>114.94</v>
      </c>
    </row>
    <row r="8613" spans="1:11" x14ac:dyDescent="0.3">
      <c r="A8613" s="1">
        <v>42996</v>
      </c>
      <c r="B8613" s="3">
        <f t="shared" si="268"/>
        <v>9</v>
      </c>
      <c r="C8613" s="3">
        <f t="shared" si="269"/>
        <v>2017</v>
      </c>
      <c r="D8613" t="s">
        <v>673</v>
      </c>
      <c r="E8613" t="s">
        <v>9</v>
      </c>
      <c r="F8613" t="s">
        <v>10</v>
      </c>
      <c r="G8613" t="s">
        <v>62</v>
      </c>
      <c r="H8613" t="s">
        <v>2071</v>
      </c>
      <c r="I8613">
        <v>114.85</v>
      </c>
      <c r="J8613">
        <v>4</v>
      </c>
      <c r="K8613">
        <v>35.89</v>
      </c>
    </row>
    <row r="8614" spans="1:11" x14ac:dyDescent="0.3">
      <c r="A8614" s="1">
        <v>42997</v>
      </c>
      <c r="B8614" s="3">
        <f t="shared" si="268"/>
        <v>9</v>
      </c>
      <c r="C8614" s="3">
        <f t="shared" si="269"/>
        <v>2017</v>
      </c>
      <c r="D8614" t="s">
        <v>1416</v>
      </c>
      <c r="E8614" t="s">
        <v>122</v>
      </c>
      <c r="F8614" t="s">
        <v>10</v>
      </c>
      <c r="G8614" t="s">
        <v>17</v>
      </c>
      <c r="H8614" t="s">
        <v>2331</v>
      </c>
      <c r="I8614">
        <v>95.62</v>
      </c>
      <c r="J8614">
        <v>2</v>
      </c>
      <c r="K8614">
        <v>9.56</v>
      </c>
    </row>
    <row r="8615" spans="1:11" x14ac:dyDescent="0.3">
      <c r="A8615" s="1">
        <v>42997</v>
      </c>
      <c r="B8615" s="3">
        <f t="shared" si="268"/>
        <v>9</v>
      </c>
      <c r="C8615" s="3">
        <f t="shared" si="269"/>
        <v>2017</v>
      </c>
      <c r="D8615" t="s">
        <v>2251</v>
      </c>
      <c r="E8615" t="s">
        <v>90</v>
      </c>
      <c r="F8615" t="s">
        <v>38</v>
      </c>
      <c r="G8615" t="s">
        <v>39</v>
      </c>
      <c r="H8615" t="s">
        <v>766</v>
      </c>
      <c r="I8615">
        <v>191.98</v>
      </c>
      <c r="J8615">
        <v>3</v>
      </c>
      <c r="K8615">
        <v>19.2</v>
      </c>
    </row>
    <row r="8616" spans="1:11" x14ac:dyDescent="0.3">
      <c r="A8616" s="1">
        <v>42997</v>
      </c>
      <c r="B8616" s="3">
        <f t="shared" si="268"/>
        <v>9</v>
      </c>
      <c r="C8616" s="3">
        <f t="shared" si="269"/>
        <v>2017</v>
      </c>
      <c r="D8616" t="s">
        <v>2251</v>
      </c>
      <c r="E8616" t="s">
        <v>90</v>
      </c>
      <c r="F8616" t="s">
        <v>10</v>
      </c>
      <c r="G8616" t="s">
        <v>23</v>
      </c>
      <c r="H8616" t="s">
        <v>405</v>
      </c>
      <c r="I8616">
        <v>23.83</v>
      </c>
      <c r="J8616">
        <v>3</v>
      </c>
      <c r="K8616">
        <v>6.55</v>
      </c>
    </row>
    <row r="8617" spans="1:11" x14ac:dyDescent="0.3">
      <c r="A8617" s="1">
        <v>42997</v>
      </c>
      <c r="B8617" s="3">
        <f t="shared" si="268"/>
        <v>9</v>
      </c>
      <c r="C8617" s="3">
        <f t="shared" si="269"/>
        <v>2017</v>
      </c>
      <c r="D8617" t="s">
        <v>2251</v>
      </c>
      <c r="E8617" t="s">
        <v>90</v>
      </c>
      <c r="F8617" t="s">
        <v>33</v>
      </c>
      <c r="G8617" t="s">
        <v>46</v>
      </c>
      <c r="H8617" t="s">
        <v>47</v>
      </c>
      <c r="I8617">
        <v>409.22</v>
      </c>
      <c r="J8617">
        <v>8</v>
      </c>
      <c r="K8617">
        <v>61.38</v>
      </c>
    </row>
    <row r="8618" spans="1:11" x14ac:dyDescent="0.3">
      <c r="A8618" s="1">
        <v>42997</v>
      </c>
      <c r="B8618" s="3">
        <f t="shared" si="268"/>
        <v>9</v>
      </c>
      <c r="C8618" s="3">
        <f t="shared" si="269"/>
        <v>2017</v>
      </c>
      <c r="D8618" t="s">
        <v>2251</v>
      </c>
      <c r="E8618" t="s">
        <v>90</v>
      </c>
      <c r="F8618" t="s">
        <v>33</v>
      </c>
      <c r="G8618" t="s">
        <v>73</v>
      </c>
      <c r="H8618" t="s">
        <v>98</v>
      </c>
      <c r="I8618">
        <v>72.59</v>
      </c>
      <c r="J8618">
        <v>2</v>
      </c>
      <c r="K8618">
        <v>-128.24</v>
      </c>
    </row>
    <row r="8619" spans="1:11" x14ac:dyDescent="0.3">
      <c r="A8619" s="1">
        <v>42997</v>
      </c>
      <c r="B8619" s="3">
        <f t="shared" si="268"/>
        <v>9</v>
      </c>
      <c r="C8619" s="3">
        <f t="shared" si="269"/>
        <v>2017</v>
      </c>
      <c r="D8619" t="s">
        <v>1287</v>
      </c>
      <c r="E8619" t="s">
        <v>148</v>
      </c>
      <c r="F8619" t="s">
        <v>10</v>
      </c>
      <c r="G8619" t="s">
        <v>11</v>
      </c>
      <c r="H8619" t="s">
        <v>2168</v>
      </c>
      <c r="I8619">
        <v>32.4</v>
      </c>
      <c r="J8619">
        <v>5</v>
      </c>
      <c r="K8619">
        <v>15.55</v>
      </c>
    </row>
    <row r="8620" spans="1:11" x14ac:dyDescent="0.3">
      <c r="A8620" s="1">
        <v>42997</v>
      </c>
      <c r="B8620" s="3">
        <f t="shared" si="268"/>
        <v>9</v>
      </c>
      <c r="C8620" s="3">
        <f t="shared" si="269"/>
        <v>2017</v>
      </c>
      <c r="D8620" t="s">
        <v>2204</v>
      </c>
      <c r="E8620" t="s">
        <v>26</v>
      </c>
      <c r="F8620" t="s">
        <v>38</v>
      </c>
      <c r="G8620" t="s">
        <v>51</v>
      </c>
      <c r="H8620" t="s">
        <v>2277</v>
      </c>
      <c r="I8620">
        <v>149.94999999999999</v>
      </c>
      <c r="J8620">
        <v>5</v>
      </c>
      <c r="K8620">
        <v>31.49</v>
      </c>
    </row>
    <row r="8621" spans="1:11" x14ac:dyDescent="0.3">
      <c r="A8621" s="1">
        <v>42997</v>
      </c>
      <c r="B8621" s="3">
        <f t="shared" si="268"/>
        <v>9</v>
      </c>
      <c r="C8621" s="3">
        <f t="shared" si="269"/>
        <v>2017</v>
      </c>
      <c r="D8621" t="s">
        <v>2204</v>
      </c>
      <c r="E8621" t="s">
        <v>26</v>
      </c>
      <c r="F8621" t="s">
        <v>10</v>
      </c>
      <c r="G8621" t="s">
        <v>23</v>
      </c>
      <c r="H8621" t="s">
        <v>2570</v>
      </c>
      <c r="I8621">
        <v>23.32</v>
      </c>
      <c r="J8621">
        <v>2</v>
      </c>
      <c r="K8621">
        <v>6.06</v>
      </c>
    </row>
    <row r="8622" spans="1:11" x14ac:dyDescent="0.3">
      <c r="A8622" s="1">
        <v>42997</v>
      </c>
      <c r="B8622" s="3">
        <f t="shared" si="268"/>
        <v>9</v>
      </c>
      <c r="C8622" s="3">
        <f t="shared" si="269"/>
        <v>2017</v>
      </c>
      <c r="D8622" t="s">
        <v>2204</v>
      </c>
      <c r="E8622" t="s">
        <v>26</v>
      </c>
      <c r="F8622" t="s">
        <v>10</v>
      </c>
      <c r="G8622" t="s">
        <v>23</v>
      </c>
      <c r="H8622" t="s">
        <v>2468</v>
      </c>
      <c r="I8622">
        <v>16.739999999999998</v>
      </c>
      <c r="J8622">
        <v>3</v>
      </c>
      <c r="K8622">
        <v>4.8499999999999996</v>
      </c>
    </row>
    <row r="8623" spans="1:11" x14ac:dyDescent="0.3">
      <c r="A8623" s="1">
        <v>42997</v>
      </c>
      <c r="B8623" s="3">
        <f t="shared" si="268"/>
        <v>9</v>
      </c>
      <c r="C8623" s="3">
        <f t="shared" si="269"/>
        <v>2017</v>
      </c>
      <c r="D8623" t="s">
        <v>1368</v>
      </c>
      <c r="E8623" t="s">
        <v>29</v>
      </c>
      <c r="F8623" t="s">
        <v>10</v>
      </c>
      <c r="G8623" t="s">
        <v>23</v>
      </c>
      <c r="H8623" t="s">
        <v>1205</v>
      </c>
      <c r="I8623">
        <v>35.4</v>
      </c>
      <c r="J8623">
        <v>5</v>
      </c>
      <c r="K8623">
        <v>13.45</v>
      </c>
    </row>
    <row r="8624" spans="1:11" x14ac:dyDescent="0.3">
      <c r="A8624" s="1">
        <v>42997</v>
      </c>
      <c r="B8624" s="3">
        <f t="shared" si="268"/>
        <v>9</v>
      </c>
      <c r="C8624" s="3">
        <f t="shared" si="269"/>
        <v>2017</v>
      </c>
      <c r="D8624" t="s">
        <v>1816</v>
      </c>
      <c r="E8624" t="s">
        <v>94</v>
      </c>
      <c r="F8624" t="s">
        <v>10</v>
      </c>
      <c r="G8624" t="s">
        <v>17</v>
      </c>
      <c r="H8624" t="s">
        <v>210</v>
      </c>
      <c r="I8624">
        <v>12.62</v>
      </c>
      <c r="J8624">
        <v>2</v>
      </c>
      <c r="K8624">
        <v>-2.52</v>
      </c>
    </row>
    <row r="8625" spans="1:11" x14ac:dyDescent="0.3">
      <c r="A8625" s="1">
        <v>42997</v>
      </c>
      <c r="B8625" s="3">
        <f t="shared" si="268"/>
        <v>9</v>
      </c>
      <c r="C8625" s="3">
        <f t="shared" si="269"/>
        <v>2017</v>
      </c>
      <c r="D8625" t="s">
        <v>1816</v>
      </c>
      <c r="E8625" t="s">
        <v>94</v>
      </c>
      <c r="F8625" t="s">
        <v>38</v>
      </c>
      <c r="G8625" t="s">
        <v>51</v>
      </c>
      <c r="H8625" t="s">
        <v>635</v>
      </c>
      <c r="I8625">
        <v>89.58</v>
      </c>
      <c r="J8625">
        <v>2</v>
      </c>
      <c r="K8625">
        <v>4.4800000000000004</v>
      </c>
    </row>
    <row r="8626" spans="1:11" x14ac:dyDescent="0.3">
      <c r="A8626" s="1">
        <v>42997</v>
      </c>
      <c r="B8626" s="3">
        <f t="shared" si="268"/>
        <v>9</v>
      </c>
      <c r="C8626" s="3">
        <f t="shared" si="269"/>
        <v>2017</v>
      </c>
      <c r="D8626" t="s">
        <v>1816</v>
      </c>
      <c r="E8626" t="s">
        <v>94</v>
      </c>
      <c r="F8626" t="s">
        <v>38</v>
      </c>
      <c r="G8626" t="s">
        <v>39</v>
      </c>
      <c r="H8626" t="s">
        <v>312</v>
      </c>
      <c r="I8626">
        <v>471.92</v>
      </c>
      <c r="J8626">
        <v>2</v>
      </c>
      <c r="K8626">
        <v>29.5</v>
      </c>
    </row>
    <row r="8627" spans="1:11" x14ac:dyDescent="0.3">
      <c r="A8627" s="1">
        <v>42997</v>
      </c>
      <c r="B8627" s="3">
        <f t="shared" si="268"/>
        <v>9</v>
      </c>
      <c r="C8627" s="3">
        <f t="shared" si="269"/>
        <v>2017</v>
      </c>
      <c r="D8627" t="s">
        <v>1816</v>
      </c>
      <c r="E8627" t="s">
        <v>94</v>
      </c>
      <c r="F8627" t="s">
        <v>10</v>
      </c>
      <c r="G8627" t="s">
        <v>19</v>
      </c>
      <c r="H8627" t="s">
        <v>1502</v>
      </c>
      <c r="I8627">
        <v>18.18</v>
      </c>
      <c r="J8627">
        <v>4</v>
      </c>
      <c r="K8627">
        <v>-13.94</v>
      </c>
    </row>
    <row r="8628" spans="1:11" x14ac:dyDescent="0.3">
      <c r="A8628" s="1">
        <v>42997</v>
      </c>
      <c r="B8628" s="3">
        <f t="shared" si="268"/>
        <v>9</v>
      </c>
      <c r="C8628" s="3">
        <f t="shared" si="269"/>
        <v>2017</v>
      </c>
      <c r="D8628" t="s">
        <v>695</v>
      </c>
      <c r="E8628" t="s">
        <v>22</v>
      </c>
      <c r="F8628" t="s">
        <v>10</v>
      </c>
      <c r="G8628" t="s">
        <v>19</v>
      </c>
      <c r="H8628" t="s">
        <v>1762</v>
      </c>
      <c r="I8628">
        <v>4.84</v>
      </c>
      <c r="J8628">
        <v>3</v>
      </c>
      <c r="K8628">
        <v>-3.39</v>
      </c>
    </row>
    <row r="8629" spans="1:11" x14ac:dyDescent="0.3">
      <c r="A8629" s="1">
        <v>42998</v>
      </c>
      <c r="B8629" s="3">
        <f t="shared" si="268"/>
        <v>9</v>
      </c>
      <c r="C8629" s="3">
        <f t="shared" si="269"/>
        <v>2017</v>
      </c>
      <c r="D8629" t="s">
        <v>57</v>
      </c>
      <c r="E8629" t="s">
        <v>148</v>
      </c>
      <c r="F8629" t="s">
        <v>33</v>
      </c>
      <c r="G8629" t="s">
        <v>34</v>
      </c>
      <c r="H8629" t="s">
        <v>2403</v>
      </c>
      <c r="I8629">
        <v>272.64999999999998</v>
      </c>
      <c r="J8629">
        <v>3</v>
      </c>
      <c r="K8629">
        <v>18.18</v>
      </c>
    </row>
    <row r="8630" spans="1:11" x14ac:dyDescent="0.3">
      <c r="A8630" s="1">
        <v>42998</v>
      </c>
      <c r="B8630" s="3">
        <f t="shared" si="268"/>
        <v>9</v>
      </c>
      <c r="C8630" s="3">
        <f t="shared" si="269"/>
        <v>2017</v>
      </c>
      <c r="D8630" t="s">
        <v>57</v>
      </c>
      <c r="E8630" t="s">
        <v>148</v>
      </c>
      <c r="F8630" t="s">
        <v>38</v>
      </c>
      <c r="G8630" t="s">
        <v>51</v>
      </c>
      <c r="H8630" t="s">
        <v>350</v>
      </c>
      <c r="I8630">
        <v>212.8</v>
      </c>
      <c r="J8630">
        <v>2</v>
      </c>
      <c r="K8630">
        <v>95.76</v>
      </c>
    </row>
    <row r="8631" spans="1:11" x14ac:dyDescent="0.3">
      <c r="A8631" s="1">
        <v>42998</v>
      </c>
      <c r="B8631" s="3">
        <f t="shared" si="268"/>
        <v>9</v>
      </c>
      <c r="C8631" s="3">
        <f t="shared" si="269"/>
        <v>2017</v>
      </c>
      <c r="D8631" t="s">
        <v>57</v>
      </c>
      <c r="E8631" t="s">
        <v>148</v>
      </c>
      <c r="F8631" t="s">
        <v>10</v>
      </c>
      <c r="G8631" t="s">
        <v>11</v>
      </c>
      <c r="H8631" t="s">
        <v>2484</v>
      </c>
      <c r="I8631">
        <v>38.520000000000003</v>
      </c>
      <c r="J8631">
        <v>9</v>
      </c>
      <c r="K8631">
        <v>18.100000000000001</v>
      </c>
    </row>
    <row r="8632" spans="1:11" x14ac:dyDescent="0.3">
      <c r="A8632" s="1">
        <v>42998</v>
      </c>
      <c r="B8632" s="3">
        <f t="shared" si="268"/>
        <v>9</v>
      </c>
      <c r="C8632" s="3">
        <f t="shared" si="269"/>
        <v>2017</v>
      </c>
      <c r="D8632" t="s">
        <v>57</v>
      </c>
      <c r="E8632" t="s">
        <v>148</v>
      </c>
      <c r="F8632" t="s">
        <v>38</v>
      </c>
      <c r="G8632" t="s">
        <v>51</v>
      </c>
      <c r="H8632" t="s">
        <v>651</v>
      </c>
      <c r="I8632">
        <v>72.64</v>
      </c>
      <c r="J8632">
        <v>2</v>
      </c>
      <c r="K8632">
        <v>21.79</v>
      </c>
    </row>
    <row r="8633" spans="1:11" x14ac:dyDescent="0.3">
      <c r="A8633" s="1">
        <v>42998</v>
      </c>
      <c r="B8633" s="3">
        <f t="shared" si="268"/>
        <v>9</v>
      </c>
      <c r="C8633" s="3">
        <f t="shared" si="269"/>
        <v>2017</v>
      </c>
      <c r="D8633" t="s">
        <v>57</v>
      </c>
      <c r="E8633" t="s">
        <v>148</v>
      </c>
      <c r="F8633" t="s">
        <v>10</v>
      </c>
      <c r="G8633" t="s">
        <v>17</v>
      </c>
      <c r="H8633" t="s">
        <v>1471</v>
      </c>
      <c r="I8633">
        <v>45.4</v>
      </c>
      <c r="J8633">
        <v>4</v>
      </c>
      <c r="K8633">
        <v>12.71</v>
      </c>
    </row>
    <row r="8634" spans="1:11" x14ac:dyDescent="0.3">
      <c r="A8634" s="1">
        <v>42998</v>
      </c>
      <c r="B8634" s="3">
        <f t="shared" si="268"/>
        <v>9</v>
      </c>
      <c r="C8634" s="3">
        <f t="shared" si="269"/>
        <v>2017</v>
      </c>
      <c r="D8634" t="s">
        <v>57</v>
      </c>
      <c r="E8634" t="s">
        <v>148</v>
      </c>
      <c r="F8634" t="s">
        <v>10</v>
      </c>
      <c r="G8634" t="s">
        <v>11</v>
      </c>
      <c r="H8634" t="s">
        <v>2386</v>
      </c>
      <c r="I8634">
        <v>13.76</v>
      </c>
      <c r="J8634">
        <v>2</v>
      </c>
      <c r="K8634">
        <v>6.33</v>
      </c>
    </row>
    <row r="8635" spans="1:11" x14ac:dyDescent="0.3">
      <c r="A8635" s="1">
        <v>42998</v>
      </c>
      <c r="B8635" s="3">
        <f t="shared" si="268"/>
        <v>9</v>
      </c>
      <c r="C8635" s="3">
        <f t="shared" si="269"/>
        <v>2017</v>
      </c>
      <c r="D8635" t="s">
        <v>57</v>
      </c>
      <c r="E8635" t="s">
        <v>148</v>
      </c>
      <c r="F8635" t="s">
        <v>33</v>
      </c>
      <c r="G8635" t="s">
        <v>34</v>
      </c>
      <c r="H8635" t="s">
        <v>2028</v>
      </c>
      <c r="I8635">
        <v>80.989999999999995</v>
      </c>
      <c r="J8635">
        <v>1</v>
      </c>
      <c r="K8635">
        <v>8.1</v>
      </c>
    </row>
    <row r="8636" spans="1:11" x14ac:dyDescent="0.3">
      <c r="A8636" s="1">
        <v>42998</v>
      </c>
      <c r="B8636" s="3">
        <f t="shared" si="268"/>
        <v>9</v>
      </c>
      <c r="C8636" s="3">
        <f t="shared" si="269"/>
        <v>2017</v>
      </c>
      <c r="D8636" t="s">
        <v>57</v>
      </c>
      <c r="E8636" t="s">
        <v>148</v>
      </c>
      <c r="F8636" t="s">
        <v>10</v>
      </c>
      <c r="G8636" t="s">
        <v>19</v>
      </c>
      <c r="H8636" t="s">
        <v>149</v>
      </c>
      <c r="I8636">
        <v>11.78</v>
      </c>
      <c r="J8636">
        <v>3</v>
      </c>
      <c r="K8636">
        <v>3.98</v>
      </c>
    </row>
    <row r="8637" spans="1:11" x14ac:dyDescent="0.3">
      <c r="A8637" s="1">
        <v>42998</v>
      </c>
      <c r="B8637" s="3">
        <f t="shared" si="268"/>
        <v>9</v>
      </c>
      <c r="C8637" s="3">
        <f t="shared" si="269"/>
        <v>2017</v>
      </c>
      <c r="D8637" t="s">
        <v>57</v>
      </c>
      <c r="E8637" t="s">
        <v>148</v>
      </c>
      <c r="F8637" t="s">
        <v>10</v>
      </c>
      <c r="G8637" t="s">
        <v>42</v>
      </c>
      <c r="H8637" t="s">
        <v>961</v>
      </c>
      <c r="I8637">
        <v>4.3600000000000003</v>
      </c>
      <c r="J8637">
        <v>2</v>
      </c>
      <c r="K8637">
        <v>1.79</v>
      </c>
    </row>
    <row r="8638" spans="1:11" x14ac:dyDescent="0.3">
      <c r="A8638" s="1">
        <v>42998</v>
      </c>
      <c r="B8638" s="3">
        <f t="shared" si="268"/>
        <v>9</v>
      </c>
      <c r="C8638" s="3">
        <f t="shared" si="269"/>
        <v>2017</v>
      </c>
      <c r="D8638" t="s">
        <v>57</v>
      </c>
      <c r="E8638" t="s">
        <v>148</v>
      </c>
      <c r="F8638" t="s">
        <v>33</v>
      </c>
      <c r="G8638" t="s">
        <v>34</v>
      </c>
      <c r="H8638" t="s">
        <v>1981</v>
      </c>
      <c r="I8638">
        <v>2888.13</v>
      </c>
      <c r="J8638">
        <v>11</v>
      </c>
      <c r="K8638">
        <v>609.72</v>
      </c>
    </row>
    <row r="8639" spans="1:11" x14ac:dyDescent="0.3">
      <c r="A8639" s="1">
        <v>42998</v>
      </c>
      <c r="B8639" s="3">
        <f t="shared" si="268"/>
        <v>9</v>
      </c>
      <c r="C8639" s="3">
        <f t="shared" si="269"/>
        <v>2017</v>
      </c>
      <c r="D8639" t="s">
        <v>57</v>
      </c>
      <c r="E8639" t="s">
        <v>148</v>
      </c>
      <c r="F8639" t="s">
        <v>38</v>
      </c>
      <c r="G8639" t="s">
        <v>39</v>
      </c>
      <c r="H8639" t="s">
        <v>675</v>
      </c>
      <c r="I8639">
        <v>1299.6600000000001</v>
      </c>
      <c r="J8639">
        <v>2</v>
      </c>
      <c r="K8639">
        <v>350.91</v>
      </c>
    </row>
    <row r="8640" spans="1:11" x14ac:dyDescent="0.3">
      <c r="A8640" s="1">
        <v>42998</v>
      </c>
      <c r="B8640" s="3">
        <f t="shared" si="268"/>
        <v>9</v>
      </c>
      <c r="C8640" s="3">
        <f t="shared" si="269"/>
        <v>2017</v>
      </c>
      <c r="D8640" t="s">
        <v>57</v>
      </c>
      <c r="E8640" t="s">
        <v>148</v>
      </c>
      <c r="F8640" t="s">
        <v>33</v>
      </c>
      <c r="G8640" t="s">
        <v>34</v>
      </c>
      <c r="H8640" t="s">
        <v>990</v>
      </c>
      <c r="I8640">
        <v>2254.41</v>
      </c>
      <c r="J8640">
        <v>5</v>
      </c>
      <c r="K8640">
        <v>375.74</v>
      </c>
    </row>
    <row r="8641" spans="1:11" x14ac:dyDescent="0.3">
      <c r="A8641" s="1">
        <v>42998</v>
      </c>
      <c r="B8641" s="3">
        <f t="shared" si="268"/>
        <v>9</v>
      </c>
      <c r="C8641" s="3">
        <f t="shared" si="269"/>
        <v>2017</v>
      </c>
      <c r="D8641" t="s">
        <v>57</v>
      </c>
      <c r="E8641" t="s">
        <v>148</v>
      </c>
      <c r="F8641" t="s">
        <v>38</v>
      </c>
      <c r="G8641" t="s">
        <v>39</v>
      </c>
      <c r="H8641" t="s">
        <v>831</v>
      </c>
      <c r="I8641">
        <v>104.85</v>
      </c>
      <c r="J8641">
        <v>3</v>
      </c>
      <c r="K8641">
        <v>28.31</v>
      </c>
    </row>
    <row r="8642" spans="1:11" x14ac:dyDescent="0.3">
      <c r="A8642" s="1">
        <v>42998</v>
      </c>
      <c r="B8642" s="3">
        <f t="shared" ref="B8642:B8705" si="270">MONTH(A:A)</f>
        <v>9</v>
      </c>
      <c r="C8642" s="3">
        <f t="shared" ref="C8642:C8705" si="271">YEAR(A:A)</f>
        <v>2017</v>
      </c>
      <c r="D8642" t="s">
        <v>57</v>
      </c>
      <c r="E8642" t="s">
        <v>148</v>
      </c>
      <c r="F8642" t="s">
        <v>38</v>
      </c>
      <c r="G8642" t="s">
        <v>51</v>
      </c>
      <c r="H8642" t="s">
        <v>2234</v>
      </c>
      <c r="I8642">
        <v>59.97</v>
      </c>
      <c r="J8642">
        <v>3</v>
      </c>
      <c r="K8642">
        <v>20.39</v>
      </c>
    </row>
    <row r="8643" spans="1:11" x14ac:dyDescent="0.3">
      <c r="A8643" s="1">
        <v>42999</v>
      </c>
      <c r="B8643" s="3">
        <f t="shared" si="270"/>
        <v>9</v>
      </c>
      <c r="C8643" s="3">
        <f t="shared" si="271"/>
        <v>2017</v>
      </c>
      <c r="D8643" t="s">
        <v>1147</v>
      </c>
      <c r="E8643" t="s">
        <v>314</v>
      </c>
      <c r="F8643" t="s">
        <v>10</v>
      </c>
      <c r="G8643" t="s">
        <v>19</v>
      </c>
      <c r="H8643" t="s">
        <v>898</v>
      </c>
      <c r="I8643">
        <v>20.16</v>
      </c>
      <c r="J8643">
        <v>7</v>
      </c>
      <c r="K8643">
        <v>9.8800000000000008</v>
      </c>
    </row>
    <row r="8644" spans="1:11" x14ac:dyDescent="0.3">
      <c r="A8644" s="1">
        <v>42999</v>
      </c>
      <c r="B8644" s="3">
        <f t="shared" si="270"/>
        <v>9</v>
      </c>
      <c r="C8644" s="3">
        <f t="shared" si="271"/>
        <v>2017</v>
      </c>
      <c r="D8644" t="s">
        <v>276</v>
      </c>
      <c r="E8644" t="s">
        <v>29</v>
      </c>
      <c r="F8644" t="s">
        <v>10</v>
      </c>
      <c r="G8644" t="s">
        <v>91</v>
      </c>
      <c r="H8644" t="s">
        <v>1639</v>
      </c>
      <c r="I8644">
        <v>80.48</v>
      </c>
      <c r="J8644">
        <v>1</v>
      </c>
      <c r="K8644">
        <v>24.14</v>
      </c>
    </row>
    <row r="8645" spans="1:11" x14ac:dyDescent="0.3">
      <c r="A8645" s="1">
        <v>42999</v>
      </c>
      <c r="B8645" s="3">
        <f t="shared" si="270"/>
        <v>9</v>
      </c>
      <c r="C8645" s="3">
        <f t="shared" si="271"/>
        <v>2017</v>
      </c>
      <c r="D8645" t="s">
        <v>621</v>
      </c>
      <c r="E8645" t="s">
        <v>22</v>
      </c>
      <c r="F8645" t="s">
        <v>10</v>
      </c>
      <c r="G8645" t="s">
        <v>19</v>
      </c>
      <c r="H8645" t="s">
        <v>1175</v>
      </c>
      <c r="I8645">
        <v>1.91</v>
      </c>
      <c r="J8645">
        <v>2</v>
      </c>
      <c r="K8645">
        <v>-1.53</v>
      </c>
    </row>
    <row r="8646" spans="1:11" x14ac:dyDescent="0.3">
      <c r="A8646" s="1">
        <v>42999</v>
      </c>
      <c r="B8646" s="3">
        <f t="shared" si="270"/>
        <v>9</v>
      </c>
      <c r="C8646" s="3">
        <f t="shared" si="271"/>
        <v>2017</v>
      </c>
      <c r="D8646" t="s">
        <v>2094</v>
      </c>
      <c r="E8646" t="s">
        <v>163</v>
      </c>
      <c r="F8646" t="s">
        <v>38</v>
      </c>
      <c r="G8646" t="s">
        <v>51</v>
      </c>
      <c r="H8646" t="s">
        <v>866</v>
      </c>
      <c r="I8646">
        <v>71.98</v>
      </c>
      <c r="J8646">
        <v>2</v>
      </c>
      <c r="K8646">
        <v>15.12</v>
      </c>
    </row>
    <row r="8647" spans="1:11" x14ac:dyDescent="0.3">
      <c r="A8647" s="1">
        <v>42999</v>
      </c>
      <c r="B8647" s="3">
        <f t="shared" si="270"/>
        <v>9</v>
      </c>
      <c r="C8647" s="3">
        <f t="shared" si="271"/>
        <v>2017</v>
      </c>
      <c r="D8647" t="s">
        <v>2094</v>
      </c>
      <c r="E8647" t="s">
        <v>163</v>
      </c>
      <c r="F8647" t="s">
        <v>38</v>
      </c>
      <c r="G8647" t="s">
        <v>51</v>
      </c>
      <c r="H8647" t="s">
        <v>803</v>
      </c>
      <c r="I8647">
        <v>79.98</v>
      </c>
      <c r="J8647">
        <v>2</v>
      </c>
      <c r="K8647">
        <v>26.39</v>
      </c>
    </row>
    <row r="8648" spans="1:11" x14ac:dyDescent="0.3">
      <c r="A8648" s="1">
        <v>42999</v>
      </c>
      <c r="B8648" s="3">
        <f t="shared" si="270"/>
        <v>9</v>
      </c>
      <c r="C8648" s="3">
        <f t="shared" si="271"/>
        <v>2017</v>
      </c>
      <c r="D8648" t="s">
        <v>883</v>
      </c>
      <c r="E8648" t="s">
        <v>122</v>
      </c>
      <c r="F8648" t="s">
        <v>10</v>
      </c>
      <c r="G8648" t="s">
        <v>19</v>
      </c>
      <c r="H8648" t="s">
        <v>484</v>
      </c>
      <c r="I8648">
        <v>12.29</v>
      </c>
      <c r="J8648">
        <v>1</v>
      </c>
      <c r="K8648">
        <v>-8.61</v>
      </c>
    </row>
    <row r="8649" spans="1:11" x14ac:dyDescent="0.3">
      <c r="A8649" s="1">
        <v>42999</v>
      </c>
      <c r="B8649" s="3">
        <f t="shared" si="270"/>
        <v>9</v>
      </c>
      <c r="C8649" s="3">
        <f t="shared" si="271"/>
        <v>2017</v>
      </c>
      <c r="D8649" t="s">
        <v>2243</v>
      </c>
      <c r="E8649" t="s">
        <v>26</v>
      </c>
      <c r="F8649" t="s">
        <v>10</v>
      </c>
      <c r="G8649" t="s">
        <v>17</v>
      </c>
      <c r="H8649" t="s">
        <v>2421</v>
      </c>
      <c r="I8649">
        <v>15.51</v>
      </c>
      <c r="J8649">
        <v>1</v>
      </c>
      <c r="K8649">
        <v>3.88</v>
      </c>
    </row>
    <row r="8650" spans="1:11" x14ac:dyDescent="0.3">
      <c r="A8650" s="1">
        <v>42999</v>
      </c>
      <c r="B8650" s="3">
        <f t="shared" si="270"/>
        <v>9</v>
      </c>
      <c r="C8650" s="3">
        <f t="shared" si="271"/>
        <v>2017</v>
      </c>
      <c r="D8650" t="s">
        <v>1412</v>
      </c>
      <c r="E8650" t="s">
        <v>26</v>
      </c>
      <c r="F8650" t="s">
        <v>10</v>
      </c>
      <c r="G8650" t="s">
        <v>11</v>
      </c>
      <c r="H8650" t="s">
        <v>753</v>
      </c>
      <c r="I8650">
        <v>55.86</v>
      </c>
      <c r="J8650">
        <v>7</v>
      </c>
      <c r="K8650">
        <v>27.93</v>
      </c>
    </row>
    <row r="8651" spans="1:11" x14ac:dyDescent="0.3">
      <c r="A8651" s="1">
        <v>43000</v>
      </c>
      <c r="B8651" s="3">
        <f t="shared" si="270"/>
        <v>9</v>
      </c>
      <c r="C8651" s="3">
        <f t="shared" si="271"/>
        <v>2017</v>
      </c>
      <c r="D8651" t="s">
        <v>1465</v>
      </c>
      <c r="E8651" t="s">
        <v>156</v>
      </c>
      <c r="F8651" t="s">
        <v>10</v>
      </c>
      <c r="G8651" t="s">
        <v>11</v>
      </c>
      <c r="H8651" t="s">
        <v>1190</v>
      </c>
      <c r="I8651">
        <v>219.84</v>
      </c>
      <c r="J8651">
        <v>4</v>
      </c>
      <c r="K8651">
        <v>107.72</v>
      </c>
    </row>
    <row r="8652" spans="1:11" x14ac:dyDescent="0.3">
      <c r="A8652" s="1">
        <v>43000</v>
      </c>
      <c r="B8652" s="3">
        <f t="shared" si="270"/>
        <v>9</v>
      </c>
      <c r="C8652" s="3">
        <f t="shared" si="271"/>
        <v>2017</v>
      </c>
      <c r="D8652" t="s">
        <v>1465</v>
      </c>
      <c r="E8652" t="s">
        <v>156</v>
      </c>
      <c r="F8652" t="s">
        <v>38</v>
      </c>
      <c r="G8652" t="s">
        <v>51</v>
      </c>
      <c r="H8652" t="s">
        <v>1067</v>
      </c>
      <c r="I8652">
        <v>98.16</v>
      </c>
      <c r="J8652">
        <v>6</v>
      </c>
      <c r="K8652">
        <v>9.82</v>
      </c>
    </row>
    <row r="8653" spans="1:11" x14ac:dyDescent="0.3">
      <c r="A8653" s="1">
        <v>43000</v>
      </c>
      <c r="B8653" s="3">
        <f t="shared" si="270"/>
        <v>9</v>
      </c>
      <c r="C8653" s="3">
        <f t="shared" si="271"/>
        <v>2017</v>
      </c>
      <c r="D8653" t="s">
        <v>1465</v>
      </c>
      <c r="E8653" t="s">
        <v>156</v>
      </c>
      <c r="F8653" t="s">
        <v>10</v>
      </c>
      <c r="G8653" t="s">
        <v>19</v>
      </c>
      <c r="H8653" t="s">
        <v>554</v>
      </c>
      <c r="I8653">
        <v>33.04</v>
      </c>
      <c r="J8653">
        <v>8</v>
      </c>
      <c r="K8653">
        <v>15.53</v>
      </c>
    </row>
    <row r="8654" spans="1:11" x14ac:dyDescent="0.3">
      <c r="A8654" s="1">
        <v>43000</v>
      </c>
      <c r="B8654" s="3">
        <f t="shared" si="270"/>
        <v>9</v>
      </c>
      <c r="C8654" s="3">
        <f t="shared" si="271"/>
        <v>2017</v>
      </c>
      <c r="D8654" t="s">
        <v>1465</v>
      </c>
      <c r="E8654" t="s">
        <v>156</v>
      </c>
      <c r="F8654" t="s">
        <v>38</v>
      </c>
      <c r="G8654" t="s">
        <v>39</v>
      </c>
      <c r="H8654" t="s">
        <v>173</v>
      </c>
      <c r="I8654">
        <v>86.97</v>
      </c>
      <c r="J8654">
        <v>3</v>
      </c>
      <c r="K8654">
        <v>25.22</v>
      </c>
    </row>
    <row r="8655" spans="1:11" x14ac:dyDescent="0.3">
      <c r="A8655" s="1">
        <v>43000</v>
      </c>
      <c r="B8655" s="3">
        <f t="shared" si="270"/>
        <v>9</v>
      </c>
      <c r="C8655" s="3">
        <f t="shared" si="271"/>
        <v>2017</v>
      </c>
      <c r="D8655" t="s">
        <v>1319</v>
      </c>
      <c r="E8655" t="s">
        <v>22</v>
      </c>
      <c r="F8655" t="s">
        <v>10</v>
      </c>
      <c r="G8655" t="s">
        <v>19</v>
      </c>
      <c r="H8655" t="s">
        <v>983</v>
      </c>
      <c r="I8655">
        <v>5.61</v>
      </c>
      <c r="J8655">
        <v>1</v>
      </c>
      <c r="K8655">
        <v>-4.3</v>
      </c>
    </row>
    <row r="8656" spans="1:11" x14ac:dyDescent="0.3">
      <c r="A8656" s="1">
        <v>43000</v>
      </c>
      <c r="B8656" s="3">
        <f t="shared" si="270"/>
        <v>9</v>
      </c>
      <c r="C8656" s="3">
        <f t="shared" si="271"/>
        <v>2017</v>
      </c>
      <c r="D8656" t="s">
        <v>1319</v>
      </c>
      <c r="E8656" t="s">
        <v>22</v>
      </c>
      <c r="F8656" t="s">
        <v>10</v>
      </c>
      <c r="G8656" t="s">
        <v>199</v>
      </c>
      <c r="H8656" t="s">
        <v>460</v>
      </c>
      <c r="I8656">
        <v>4663.74</v>
      </c>
      <c r="J8656">
        <v>7</v>
      </c>
      <c r="K8656">
        <v>-1049.3399999999999</v>
      </c>
    </row>
    <row r="8657" spans="1:11" x14ac:dyDescent="0.3">
      <c r="A8657" s="1">
        <v>43000</v>
      </c>
      <c r="B8657" s="3">
        <f t="shared" si="270"/>
        <v>9</v>
      </c>
      <c r="C8657" s="3">
        <f t="shared" si="271"/>
        <v>2017</v>
      </c>
      <c r="D8657" t="s">
        <v>1319</v>
      </c>
      <c r="E8657" t="s">
        <v>22</v>
      </c>
      <c r="F8657" t="s">
        <v>38</v>
      </c>
      <c r="G8657" t="s">
        <v>51</v>
      </c>
      <c r="H8657" t="s">
        <v>453</v>
      </c>
      <c r="I8657">
        <v>79.98</v>
      </c>
      <c r="J8657">
        <v>2</v>
      </c>
      <c r="K8657">
        <v>23</v>
      </c>
    </row>
    <row r="8658" spans="1:11" x14ac:dyDescent="0.3">
      <c r="A8658" s="1">
        <v>43000</v>
      </c>
      <c r="B8658" s="3">
        <f t="shared" si="270"/>
        <v>9</v>
      </c>
      <c r="C8658" s="3">
        <f t="shared" si="271"/>
        <v>2017</v>
      </c>
      <c r="D8658" t="s">
        <v>664</v>
      </c>
      <c r="E8658" t="s">
        <v>109</v>
      </c>
      <c r="F8658" t="s">
        <v>33</v>
      </c>
      <c r="G8658" t="s">
        <v>73</v>
      </c>
      <c r="H8658" t="s">
        <v>98</v>
      </c>
      <c r="I8658">
        <v>241.96</v>
      </c>
      <c r="J8658">
        <v>2</v>
      </c>
      <c r="K8658">
        <v>41.13</v>
      </c>
    </row>
    <row r="8659" spans="1:11" x14ac:dyDescent="0.3">
      <c r="A8659" s="1">
        <v>43000</v>
      </c>
      <c r="B8659" s="3">
        <f t="shared" si="270"/>
        <v>9</v>
      </c>
      <c r="C8659" s="3">
        <f t="shared" si="271"/>
        <v>2017</v>
      </c>
      <c r="D8659" t="s">
        <v>664</v>
      </c>
      <c r="E8659" t="s">
        <v>109</v>
      </c>
      <c r="F8659" t="s">
        <v>10</v>
      </c>
      <c r="G8659" t="s">
        <v>15</v>
      </c>
      <c r="H8659" t="s">
        <v>2215</v>
      </c>
      <c r="I8659">
        <v>27.72</v>
      </c>
      <c r="J8659">
        <v>9</v>
      </c>
      <c r="K8659">
        <v>13.31</v>
      </c>
    </row>
    <row r="8660" spans="1:11" x14ac:dyDescent="0.3">
      <c r="A8660" s="1">
        <v>43000</v>
      </c>
      <c r="B8660" s="3">
        <f t="shared" si="270"/>
        <v>9</v>
      </c>
      <c r="C8660" s="3">
        <f t="shared" si="271"/>
        <v>2017</v>
      </c>
      <c r="D8660" t="s">
        <v>1770</v>
      </c>
      <c r="E8660" t="s">
        <v>9</v>
      </c>
      <c r="F8660" t="s">
        <v>10</v>
      </c>
      <c r="G8660" t="s">
        <v>62</v>
      </c>
      <c r="H8660" t="s">
        <v>63</v>
      </c>
      <c r="I8660">
        <v>13.39</v>
      </c>
      <c r="J8660">
        <v>3</v>
      </c>
      <c r="K8660">
        <v>5.0199999999999996</v>
      </c>
    </row>
    <row r="8661" spans="1:11" x14ac:dyDescent="0.3">
      <c r="A8661" s="1">
        <v>43000</v>
      </c>
      <c r="B8661" s="3">
        <f t="shared" si="270"/>
        <v>9</v>
      </c>
      <c r="C8661" s="3">
        <f t="shared" si="271"/>
        <v>2017</v>
      </c>
      <c r="D8661" t="s">
        <v>1770</v>
      </c>
      <c r="E8661" t="s">
        <v>9</v>
      </c>
      <c r="F8661" t="s">
        <v>10</v>
      </c>
      <c r="G8661" t="s">
        <v>19</v>
      </c>
      <c r="H8661" t="s">
        <v>309</v>
      </c>
      <c r="I8661">
        <v>11.23</v>
      </c>
      <c r="J8661">
        <v>7</v>
      </c>
      <c r="K8661">
        <v>-18.53</v>
      </c>
    </row>
    <row r="8662" spans="1:11" x14ac:dyDescent="0.3">
      <c r="A8662" s="1">
        <v>43000</v>
      </c>
      <c r="B8662" s="3">
        <f t="shared" si="270"/>
        <v>9</v>
      </c>
      <c r="C8662" s="3">
        <f t="shared" si="271"/>
        <v>2017</v>
      </c>
      <c r="D8662" t="s">
        <v>856</v>
      </c>
      <c r="E8662" t="s">
        <v>100</v>
      </c>
      <c r="F8662" t="s">
        <v>10</v>
      </c>
      <c r="G8662" t="s">
        <v>19</v>
      </c>
      <c r="H8662" t="s">
        <v>2460</v>
      </c>
      <c r="I8662">
        <v>691.96</v>
      </c>
      <c r="J8662">
        <v>4</v>
      </c>
      <c r="K8662">
        <v>318.3</v>
      </c>
    </row>
    <row r="8663" spans="1:11" x14ac:dyDescent="0.3">
      <c r="A8663" s="1">
        <v>43000</v>
      </c>
      <c r="B8663" s="3">
        <f t="shared" si="270"/>
        <v>9</v>
      </c>
      <c r="C8663" s="3">
        <f t="shared" si="271"/>
        <v>2017</v>
      </c>
      <c r="D8663" t="s">
        <v>856</v>
      </c>
      <c r="E8663" t="s">
        <v>100</v>
      </c>
      <c r="F8663" t="s">
        <v>38</v>
      </c>
      <c r="G8663" t="s">
        <v>51</v>
      </c>
      <c r="H8663" t="s">
        <v>1324</v>
      </c>
      <c r="I8663">
        <v>34.950000000000003</v>
      </c>
      <c r="J8663">
        <v>5</v>
      </c>
      <c r="K8663">
        <v>15.38</v>
      </c>
    </row>
    <row r="8664" spans="1:11" x14ac:dyDescent="0.3">
      <c r="A8664" s="1">
        <v>43000</v>
      </c>
      <c r="B8664" s="3">
        <f t="shared" si="270"/>
        <v>9</v>
      </c>
      <c r="C8664" s="3">
        <f t="shared" si="271"/>
        <v>2017</v>
      </c>
      <c r="D8664" t="s">
        <v>89</v>
      </c>
      <c r="E8664" t="s">
        <v>398</v>
      </c>
      <c r="F8664" t="s">
        <v>10</v>
      </c>
      <c r="G8664" t="s">
        <v>11</v>
      </c>
      <c r="H8664" t="s">
        <v>2498</v>
      </c>
      <c r="I8664">
        <v>27.18</v>
      </c>
      <c r="J8664">
        <v>3</v>
      </c>
      <c r="K8664">
        <v>12.23</v>
      </c>
    </row>
    <row r="8665" spans="1:11" x14ac:dyDescent="0.3">
      <c r="A8665" s="1">
        <v>43000</v>
      </c>
      <c r="B8665" s="3">
        <f t="shared" si="270"/>
        <v>9</v>
      </c>
      <c r="C8665" s="3">
        <f t="shared" si="271"/>
        <v>2017</v>
      </c>
      <c r="D8665" t="s">
        <v>382</v>
      </c>
      <c r="E8665" t="s">
        <v>58</v>
      </c>
      <c r="F8665" t="s">
        <v>38</v>
      </c>
      <c r="G8665" t="s">
        <v>39</v>
      </c>
      <c r="H8665" t="s">
        <v>40</v>
      </c>
      <c r="I8665">
        <v>391.98</v>
      </c>
      <c r="J8665">
        <v>2</v>
      </c>
      <c r="K8665">
        <v>113.67</v>
      </c>
    </row>
    <row r="8666" spans="1:11" x14ac:dyDescent="0.3">
      <c r="A8666" s="1">
        <v>43000</v>
      </c>
      <c r="B8666" s="3">
        <f t="shared" si="270"/>
        <v>9</v>
      </c>
      <c r="C8666" s="3">
        <f t="shared" si="271"/>
        <v>2017</v>
      </c>
      <c r="D8666" t="s">
        <v>1862</v>
      </c>
      <c r="E8666" t="s">
        <v>684</v>
      </c>
      <c r="F8666" t="s">
        <v>10</v>
      </c>
      <c r="G8666" t="s">
        <v>17</v>
      </c>
      <c r="H8666" t="s">
        <v>2091</v>
      </c>
      <c r="I8666">
        <v>67.400000000000006</v>
      </c>
      <c r="J8666">
        <v>5</v>
      </c>
      <c r="K8666">
        <v>17.52</v>
      </c>
    </row>
    <row r="8667" spans="1:11" x14ac:dyDescent="0.3">
      <c r="A8667" s="1">
        <v>43000</v>
      </c>
      <c r="B8667" s="3">
        <f t="shared" si="270"/>
        <v>9</v>
      </c>
      <c r="C8667" s="3">
        <f t="shared" si="271"/>
        <v>2017</v>
      </c>
      <c r="D8667" t="s">
        <v>2198</v>
      </c>
      <c r="E8667" t="s">
        <v>148</v>
      </c>
      <c r="F8667" t="s">
        <v>10</v>
      </c>
      <c r="G8667" t="s">
        <v>19</v>
      </c>
      <c r="H8667" t="s">
        <v>607</v>
      </c>
      <c r="I8667">
        <v>40.18</v>
      </c>
      <c r="J8667">
        <v>3</v>
      </c>
      <c r="K8667">
        <v>14.56</v>
      </c>
    </row>
    <row r="8668" spans="1:11" x14ac:dyDescent="0.3">
      <c r="A8668" s="1">
        <v>43000</v>
      </c>
      <c r="B8668" s="3">
        <f t="shared" si="270"/>
        <v>9</v>
      </c>
      <c r="C8668" s="3">
        <f t="shared" si="271"/>
        <v>2017</v>
      </c>
      <c r="D8668" t="s">
        <v>1624</v>
      </c>
      <c r="E8668" t="s">
        <v>29</v>
      </c>
      <c r="F8668" t="s">
        <v>10</v>
      </c>
      <c r="G8668" t="s">
        <v>11</v>
      </c>
      <c r="H8668" t="s">
        <v>2084</v>
      </c>
      <c r="I8668">
        <v>12.96</v>
      </c>
      <c r="J8668">
        <v>2</v>
      </c>
      <c r="K8668">
        <v>6.22</v>
      </c>
    </row>
    <row r="8669" spans="1:11" x14ac:dyDescent="0.3">
      <c r="A8669" s="1">
        <v>43000</v>
      </c>
      <c r="B8669" s="3">
        <f t="shared" si="270"/>
        <v>9</v>
      </c>
      <c r="C8669" s="3">
        <f t="shared" si="271"/>
        <v>2017</v>
      </c>
      <c r="D8669" t="s">
        <v>1624</v>
      </c>
      <c r="E8669" t="s">
        <v>29</v>
      </c>
      <c r="F8669" t="s">
        <v>10</v>
      </c>
      <c r="G8669" t="s">
        <v>23</v>
      </c>
      <c r="H8669" t="s">
        <v>2704</v>
      </c>
      <c r="I8669">
        <v>17.940000000000001</v>
      </c>
      <c r="J8669">
        <v>3</v>
      </c>
      <c r="K8669">
        <v>6.46</v>
      </c>
    </row>
    <row r="8670" spans="1:11" x14ac:dyDescent="0.3">
      <c r="A8670" s="1">
        <v>43000</v>
      </c>
      <c r="B8670" s="3">
        <f t="shared" si="270"/>
        <v>9</v>
      </c>
      <c r="C8670" s="3">
        <f t="shared" si="271"/>
        <v>2017</v>
      </c>
      <c r="D8670" t="s">
        <v>1050</v>
      </c>
      <c r="E8670" t="s">
        <v>26</v>
      </c>
      <c r="F8670" t="s">
        <v>10</v>
      </c>
      <c r="G8670" t="s">
        <v>199</v>
      </c>
      <c r="H8670" t="s">
        <v>2214</v>
      </c>
      <c r="I8670">
        <v>21.96</v>
      </c>
      <c r="J8670">
        <v>2</v>
      </c>
      <c r="K8670">
        <v>6.15</v>
      </c>
    </row>
    <row r="8671" spans="1:11" x14ac:dyDescent="0.3">
      <c r="A8671" s="1">
        <v>43000</v>
      </c>
      <c r="B8671" s="3">
        <f t="shared" si="270"/>
        <v>9</v>
      </c>
      <c r="C8671" s="3">
        <f t="shared" si="271"/>
        <v>2017</v>
      </c>
      <c r="D8671" t="s">
        <v>1262</v>
      </c>
      <c r="E8671" t="s">
        <v>148</v>
      </c>
      <c r="F8671" t="s">
        <v>38</v>
      </c>
      <c r="G8671" t="s">
        <v>51</v>
      </c>
      <c r="H8671" t="s">
        <v>1031</v>
      </c>
      <c r="I8671">
        <v>1071</v>
      </c>
      <c r="J8671">
        <v>9</v>
      </c>
      <c r="K8671">
        <v>171.36</v>
      </c>
    </row>
    <row r="8672" spans="1:11" x14ac:dyDescent="0.3">
      <c r="A8672" s="1">
        <v>43000</v>
      </c>
      <c r="B8672" s="3">
        <f t="shared" si="270"/>
        <v>9</v>
      </c>
      <c r="C8672" s="3">
        <f t="shared" si="271"/>
        <v>2017</v>
      </c>
      <c r="D8672" t="s">
        <v>1262</v>
      </c>
      <c r="E8672" t="s">
        <v>148</v>
      </c>
      <c r="F8672" t="s">
        <v>33</v>
      </c>
      <c r="G8672" t="s">
        <v>46</v>
      </c>
      <c r="H8672" t="s">
        <v>2575</v>
      </c>
      <c r="I8672">
        <v>12.07</v>
      </c>
      <c r="J8672">
        <v>1</v>
      </c>
      <c r="K8672">
        <v>3.98</v>
      </c>
    </row>
    <row r="8673" spans="1:11" x14ac:dyDescent="0.3">
      <c r="A8673" s="1">
        <v>43001</v>
      </c>
      <c r="B8673" s="3">
        <f t="shared" si="270"/>
        <v>9</v>
      </c>
      <c r="C8673" s="3">
        <f t="shared" si="271"/>
        <v>2017</v>
      </c>
      <c r="D8673" t="s">
        <v>2446</v>
      </c>
      <c r="E8673" t="s">
        <v>163</v>
      </c>
      <c r="F8673" t="s">
        <v>10</v>
      </c>
      <c r="G8673" t="s">
        <v>91</v>
      </c>
      <c r="H8673" t="s">
        <v>1381</v>
      </c>
      <c r="I8673">
        <v>119.96</v>
      </c>
      <c r="J8673">
        <v>2</v>
      </c>
      <c r="K8673">
        <v>33.590000000000003</v>
      </c>
    </row>
    <row r="8674" spans="1:11" x14ac:dyDescent="0.3">
      <c r="A8674" s="1">
        <v>43001</v>
      </c>
      <c r="B8674" s="3">
        <f t="shared" si="270"/>
        <v>9</v>
      </c>
      <c r="C8674" s="3">
        <f t="shared" si="271"/>
        <v>2017</v>
      </c>
      <c r="D8674" t="s">
        <v>2446</v>
      </c>
      <c r="E8674" t="s">
        <v>163</v>
      </c>
      <c r="F8674" t="s">
        <v>10</v>
      </c>
      <c r="G8674" t="s">
        <v>17</v>
      </c>
      <c r="H8674" t="s">
        <v>2218</v>
      </c>
      <c r="I8674">
        <v>31.44</v>
      </c>
      <c r="J8674">
        <v>3</v>
      </c>
      <c r="K8674">
        <v>8.49</v>
      </c>
    </row>
    <row r="8675" spans="1:11" x14ac:dyDescent="0.3">
      <c r="A8675" s="1">
        <v>43001</v>
      </c>
      <c r="B8675" s="3">
        <f t="shared" si="270"/>
        <v>9</v>
      </c>
      <c r="C8675" s="3">
        <f t="shared" si="271"/>
        <v>2017</v>
      </c>
      <c r="D8675" t="s">
        <v>2446</v>
      </c>
      <c r="E8675" t="s">
        <v>163</v>
      </c>
      <c r="F8675" t="s">
        <v>10</v>
      </c>
      <c r="G8675" t="s">
        <v>19</v>
      </c>
      <c r="H8675" t="s">
        <v>2291</v>
      </c>
      <c r="I8675">
        <v>6.88</v>
      </c>
      <c r="J8675">
        <v>1</v>
      </c>
      <c r="K8675">
        <v>2.3199999999999998</v>
      </c>
    </row>
    <row r="8676" spans="1:11" x14ac:dyDescent="0.3">
      <c r="A8676" s="1">
        <v>43001</v>
      </c>
      <c r="B8676" s="3">
        <f t="shared" si="270"/>
        <v>9</v>
      </c>
      <c r="C8676" s="3">
        <f t="shared" si="271"/>
        <v>2017</v>
      </c>
      <c r="D8676" t="s">
        <v>656</v>
      </c>
      <c r="E8676" t="s">
        <v>277</v>
      </c>
      <c r="F8676" t="s">
        <v>33</v>
      </c>
      <c r="G8676" t="s">
        <v>46</v>
      </c>
      <c r="H8676" t="s">
        <v>765</v>
      </c>
      <c r="I8676">
        <v>29.33</v>
      </c>
      <c r="J8676">
        <v>3</v>
      </c>
      <c r="K8676">
        <v>3.67</v>
      </c>
    </row>
    <row r="8677" spans="1:11" x14ac:dyDescent="0.3">
      <c r="A8677" s="1">
        <v>43001</v>
      </c>
      <c r="B8677" s="3">
        <f t="shared" si="270"/>
        <v>9</v>
      </c>
      <c r="C8677" s="3">
        <f t="shared" si="271"/>
        <v>2017</v>
      </c>
      <c r="D8677" t="s">
        <v>2093</v>
      </c>
      <c r="E8677" t="s">
        <v>839</v>
      </c>
      <c r="F8677" t="s">
        <v>38</v>
      </c>
      <c r="G8677" t="s">
        <v>51</v>
      </c>
      <c r="H8677" t="s">
        <v>473</v>
      </c>
      <c r="I8677">
        <v>291.95999999999998</v>
      </c>
      <c r="J8677">
        <v>4</v>
      </c>
      <c r="K8677">
        <v>102.19</v>
      </c>
    </row>
    <row r="8678" spans="1:11" x14ac:dyDescent="0.3">
      <c r="A8678" s="1">
        <v>43001</v>
      </c>
      <c r="B8678" s="3">
        <f t="shared" si="270"/>
        <v>9</v>
      </c>
      <c r="C8678" s="3">
        <f t="shared" si="271"/>
        <v>2017</v>
      </c>
      <c r="D8678" t="s">
        <v>238</v>
      </c>
      <c r="E8678" t="s">
        <v>277</v>
      </c>
      <c r="F8678" t="s">
        <v>10</v>
      </c>
      <c r="G8678" t="s">
        <v>62</v>
      </c>
      <c r="H8678" t="s">
        <v>2073</v>
      </c>
      <c r="I8678">
        <v>14.35</v>
      </c>
      <c r="J8678">
        <v>3</v>
      </c>
      <c r="K8678">
        <v>5.2</v>
      </c>
    </row>
    <row r="8679" spans="1:11" x14ac:dyDescent="0.3">
      <c r="A8679" s="1">
        <v>43001</v>
      </c>
      <c r="B8679" s="3">
        <f t="shared" si="270"/>
        <v>9</v>
      </c>
      <c r="C8679" s="3">
        <f t="shared" si="271"/>
        <v>2017</v>
      </c>
      <c r="D8679" t="s">
        <v>1151</v>
      </c>
      <c r="E8679" t="s">
        <v>277</v>
      </c>
      <c r="F8679" t="s">
        <v>33</v>
      </c>
      <c r="G8679" t="s">
        <v>73</v>
      </c>
      <c r="H8679" t="s">
        <v>1929</v>
      </c>
      <c r="I8679">
        <v>180.59</v>
      </c>
      <c r="J8679">
        <v>2</v>
      </c>
      <c r="K8679">
        <v>-240.78</v>
      </c>
    </row>
    <row r="8680" spans="1:11" x14ac:dyDescent="0.3">
      <c r="A8680" s="1">
        <v>43001</v>
      </c>
      <c r="B8680" s="3">
        <f t="shared" si="270"/>
        <v>9</v>
      </c>
      <c r="C8680" s="3">
        <f t="shared" si="271"/>
        <v>2017</v>
      </c>
      <c r="D8680" t="s">
        <v>1151</v>
      </c>
      <c r="E8680" t="s">
        <v>277</v>
      </c>
      <c r="F8680" t="s">
        <v>38</v>
      </c>
      <c r="G8680" t="s">
        <v>51</v>
      </c>
      <c r="H8680" t="s">
        <v>1555</v>
      </c>
      <c r="I8680">
        <v>47.98</v>
      </c>
      <c r="J8680">
        <v>2</v>
      </c>
      <c r="K8680">
        <v>0.6</v>
      </c>
    </row>
    <row r="8681" spans="1:11" x14ac:dyDescent="0.3">
      <c r="A8681" s="1">
        <v>43001</v>
      </c>
      <c r="B8681" s="3">
        <f t="shared" si="270"/>
        <v>9</v>
      </c>
      <c r="C8681" s="3">
        <f t="shared" si="271"/>
        <v>2017</v>
      </c>
      <c r="D8681" t="s">
        <v>674</v>
      </c>
      <c r="E8681" t="s">
        <v>26</v>
      </c>
      <c r="F8681" t="s">
        <v>10</v>
      </c>
      <c r="G8681" t="s">
        <v>19</v>
      </c>
      <c r="H8681" t="s">
        <v>1256</v>
      </c>
      <c r="I8681">
        <v>25.82</v>
      </c>
      <c r="J8681">
        <v>6</v>
      </c>
      <c r="K8681">
        <v>9.0399999999999991</v>
      </c>
    </row>
    <row r="8682" spans="1:11" x14ac:dyDescent="0.3">
      <c r="A8682" s="1">
        <v>43001</v>
      </c>
      <c r="B8682" s="3">
        <f t="shared" si="270"/>
        <v>9</v>
      </c>
      <c r="C8682" s="3">
        <f t="shared" si="271"/>
        <v>2017</v>
      </c>
      <c r="D8682" t="s">
        <v>674</v>
      </c>
      <c r="E8682" t="s">
        <v>26</v>
      </c>
      <c r="F8682" t="s">
        <v>10</v>
      </c>
      <c r="G8682" t="s">
        <v>91</v>
      </c>
      <c r="H8682" t="s">
        <v>1639</v>
      </c>
      <c r="I8682">
        <v>160.96</v>
      </c>
      <c r="J8682">
        <v>2</v>
      </c>
      <c r="K8682">
        <v>48.29</v>
      </c>
    </row>
    <row r="8683" spans="1:11" x14ac:dyDescent="0.3">
      <c r="A8683" s="1">
        <v>43001</v>
      </c>
      <c r="B8683" s="3">
        <f t="shared" si="270"/>
        <v>9</v>
      </c>
      <c r="C8683" s="3">
        <f t="shared" si="271"/>
        <v>2017</v>
      </c>
      <c r="D8683" t="s">
        <v>2443</v>
      </c>
      <c r="E8683" t="s">
        <v>122</v>
      </c>
      <c r="F8683" t="s">
        <v>10</v>
      </c>
      <c r="G8683" t="s">
        <v>11</v>
      </c>
      <c r="H8683" t="s">
        <v>881</v>
      </c>
      <c r="I8683">
        <v>251.64</v>
      </c>
      <c r="J8683">
        <v>3</v>
      </c>
      <c r="K8683">
        <v>88.07</v>
      </c>
    </row>
    <row r="8684" spans="1:11" x14ac:dyDescent="0.3">
      <c r="A8684" s="1">
        <v>43001</v>
      </c>
      <c r="B8684" s="3">
        <f t="shared" si="270"/>
        <v>9</v>
      </c>
      <c r="C8684" s="3">
        <f t="shared" si="271"/>
        <v>2017</v>
      </c>
      <c r="D8684" t="s">
        <v>2059</v>
      </c>
      <c r="E8684" t="s">
        <v>14</v>
      </c>
      <c r="F8684" t="s">
        <v>10</v>
      </c>
      <c r="G8684" t="s">
        <v>91</v>
      </c>
      <c r="H8684" t="s">
        <v>2518</v>
      </c>
      <c r="I8684">
        <v>73.180000000000007</v>
      </c>
      <c r="J8684">
        <v>6</v>
      </c>
      <c r="K8684">
        <v>-197.58</v>
      </c>
    </row>
    <row r="8685" spans="1:11" x14ac:dyDescent="0.3">
      <c r="A8685" s="1">
        <v>43001</v>
      </c>
      <c r="B8685" s="3">
        <f t="shared" si="270"/>
        <v>9</v>
      </c>
      <c r="C8685" s="3">
        <f t="shared" si="271"/>
        <v>2017</v>
      </c>
      <c r="D8685" t="s">
        <v>2059</v>
      </c>
      <c r="E8685" t="s">
        <v>14</v>
      </c>
      <c r="F8685" t="s">
        <v>10</v>
      </c>
      <c r="G8685" t="s">
        <v>11</v>
      </c>
      <c r="H8685" t="s">
        <v>1364</v>
      </c>
      <c r="I8685">
        <v>20.74</v>
      </c>
      <c r="J8685">
        <v>4</v>
      </c>
      <c r="K8685">
        <v>7.26</v>
      </c>
    </row>
    <row r="8686" spans="1:11" x14ac:dyDescent="0.3">
      <c r="A8686" s="1">
        <v>43001</v>
      </c>
      <c r="B8686" s="3">
        <f t="shared" si="270"/>
        <v>9</v>
      </c>
      <c r="C8686" s="3">
        <f t="shared" si="271"/>
        <v>2017</v>
      </c>
      <c r="D8686" t="s">
        <v>2059</v>
      </c>
      <c r="E8686" t="s">
        <v>14</v>
      </c>
      <c r="F8686" t="s">
        <v>38</v>
      </c>
      <c r="G8686" t="s">
        <v>39</v>
      </c>
      <c r="H8686" t="s">
        <v>1635</v>
      </c>
      <c r="I8686">
        <v>39.979999999999997</v>
      </c>
      <c r="J8686">
        <v>2</v>
      </c>
      <c r="K8686">
        <v>-9</v>
      </c>
    </row>
    <row r="8687" spans="1:11" x14ac:dyDescent="0.3">
      <c r="A8687" s="1">
        <v>43001</v>
      </c>
      <c r="B8687" s="3">
        <f t="shared" si="270"/>
        <v>9</v>
      </c>
      <c r="C8687" s="3">
        <f t="shared" si="271"/>
        <v>2017</v>
      </c>
      <c r="D8687" t="s">
        <v>2322</v>
      </c>
      <c r="E8687" t="s">
        <v>100</v>
      </c>
      <c r="F8687" t="s">
        <v>38</v>
      </c>
      <c r="G8687" t="s">
        <v>51</v>
      </c>
      <c r="H8687" t="s">
        <v>2655</v>
      </c>
      <c r="I8687">
        <v>199.95</v>
      </c>
      <c r="J8687">
        <v>5</v>
      </c>
      <c r="K8687">
        <v>63.98</v>
      </c>
    </row>
    <row r="8688" spans="1:11" x14ac:dyDescent="0.3">
      <c r="A8688" s="1">
        <v>43001</v>
      </c>
      <c r="B8688" s="3">
        <f t="shared" si="270"/>
        <v>9</v>
      </c>
      <c r="C8688" s="3">
        <f t="shared" si="271"/>
        <v>2017</v>
      </c>
      <c r="D8688" t="s">
        <v>2322</v>
      </c>
      <c r="E8688" t="s">
        <v>100</v>
      </c>
      <c r="F8688" t="s">
        <v>10</v>
      </c>
      <c r="G8688" t="s">
        <v>11</v>
      </c>
      <c r="H8688" t="s">
        <v>27</v>
      </c>
      <c r="I8688">
        <v>12.96</v>
      </c>
      <c r="J8688">
        <v>2</v>
      </c>
      <c r="K8688">
        <v>6.22</v>
      </c>
    </row>
    <row r="8689" spans="1:11" x14ac:dyDescent="0.3">
      <c r="A8689" s="1">
        <v>43001</v>
      </c>
      <c r="B8689" s="3">
        <f t="shared" si="270"/>
        <v>9</v>
      </c>
      <c r="C8689" s="3">
        <f t="shared" si="271"/>
        <v>2017</v>
      </c>
      <c r="D8689" t="s">
        <v>823</v>
      </c>
      <c r="E8689" t="s">
        <v>26</v>
      </c>
      <c r="F8689" t="s">
        <v>10</v>
      </c>
      <c r="G8689" t="s">
        <v>11</v>
      </c>
      <c r="H8689" t="s">
        <v>334</v>
      </c>
      <c r="I8689">
        <v>211.04</v>
      </c>
      <c r="J8689">
        <v>8</v>
      </c>
      <c r="K8689">
        <v>97.08</v>
      </c>
    </row>
    <row r="8690" spans="1:11" x14ac:dyDescent="0.3">
      <c r="A8690" s="1">
        <v>43001</v>
      </c>
      <c r="B8690" s="3">
        <f t="shared" si="270"/>
        <v>9</v>
      </c>
      <c r="C8690" s="3">
        <f t="shared" si="271"/>
        <v>2017</v>
      </c>
      <c r="D8690" t="s">
        <v>823</v>
      </c>
      <c r="E8690" t="s">
        <v>26</v>
      </c>
      <c r="F8690" t="s">
        <v>33</v>
      </c>
      <c r="G8690" t="s">
        <v>34</v>
      </c>
      <c r="H8690" t="s">
        <v>571</v>
      </c>
      <c r="I8690">
        <v>594.82000000000005</v>
      </c>
      <c r="J8690">
        <v>2</v>
      </c>
      <c r="K8690">
        <v>59.48</v>
      </c>
    </row>
    <row r="8691" spans="1:11" x14ac:dyDescent="0.3">
      <c r="A8691" s="1">
        <v>43001</v>
      </c>
      <c r="B8691" s="3">
        <f t="shared" si="270"/>
        <v>9</v>
      </c>
      <c r="C8691" s="3">
        <f t="shared" si="271"/>
        <v>2017</v>
      </c>
      <c r="D8691" t="s">
        <v>823</v>
      </c>
      <c r="E8691" t="s">
        <v>26</v>
      </c>
      <c r="F8691" t="s">
        <v>10</v>
      </c>
      <c r="G8691" t="s">
        <v>19</v>
      </c>
      <c r="H8691" t="s">
        <v>700</v>
      </c>
      <c r="I8691">
        <v>72.959999999999994</v>
      </c>
      <c r="J8691">
        <v>3</v>
      </c>
      <c r="K8691">
        <v>23.71</v>
      </c>
    </row>
    <row r="8692" spans="1:11" x14ac:dyDescent="0.3">
      <c r="A8692" s="1">
        <v>43001</v>
      </c>
      <c r="B8692" s="3">
        <f t="shared" si="270"/>
        <v>9</v>
      </c>
      <c r="C8692" s="3">
        <f t="shared" si="271"/>
        <v>2017</v>
      </c>
      <c r="D8692" t="s">
        <v>726</v>
      </c>
      <c r="E8692" t="s">
        <v>9</v>
      </c>
      <c r="F8692" t="s">
        <v>10</v>
      </c>
      <c r="G8692" t="s">
        <v>11</v>
      </c>
      <c r="H8692" t="s">
        <v>1146</v>
      </c>
      <c r="I8692">
        <v>9.25</v>
      </c>
      <c r="J8692">
        <v>2</v>
      </c>
      <c r="K8692">
        <v>3.35</v>
      </c>
    </row>
    <row r="8693" spans="1:11" x14ac:dyDescent="0.3">
      <c r="A8693" s="1">
        <v>43002</v>
      </c>
      <c r="B8693" s="3">
        <f t="shared" si="270"/>
        <v>9</v>
      </c>
      <c r="C8693" s="3">
        <f t="shared" si="271"/>
        <v>2017</v>
      </c>
      <c r="D8693" t="s">
        <v>71</v>
      </c>
      <c r="E8693" t="s">
        <v>122</v>
      </c>
      <c r="F8693" t="s">
        <v>38</v>
      </c>
      <c r="G8693" t="s">
        <v>51</v>
      </c>
      <c r="H8693" t="s">
        <v>945</v>
      </c>
      <c r="I8693">
        <v>17.88</v>
      </c>
      <c r="J8693">
        <v>3</v>
      </c>
      <c r="K8693">
        <v>2.46</v>
      </c>
    </row>
    <row r="8694" spans="1:11" x14ac:dyDescent="0.3">
      <c r="A8694" s="1">
        <v>43002</v>
      </c>
      <c r="B8694" s="3">
        <f t="shared" si="270"/>
        <v>9</v>
      </c>
      <c r="C8694" s="3">
        <f t="shared" si="271"/>
        <v>2017</v>
      </c>
      <c r="D8694" t="s">
        <v>71</v>
      </c>
      <c r="E8694" t="s">
        <v>122</v>
      </c>
      <c r="F8694" t="s">
        <v>10</v>
      </c>
      <c r="G8694" t="s">
        <v>15</v>
      </c>
      <c r="H8694" t="s">
        <v>813</v>
      </c>
      <c r="I8694">
        <v>235.94</v>
      </c>
      <c r="J8694">
        <v>3</v>
      </c>
      <c r="K8694">
        <v>85.53</v>
      </c>
    </row>
    <row r="8695" spans="1:11" x14ac:dyDescent="0.3">
      <c r="A8695" s="1">
        <v>43002</v>
      </c>
      <c r="B8695" s="3">
        <f t="shared" si="270"/>
        <v>9</v>
      </c>
      <c r="C8695" s="3">
        <f t="shared" si="271"/>
        <v>2017</v>
      </c>
      <c r="D8695" t="s">
        <v>2307</v>
      </c>
      <c r="E8695" t="s">
        <v>77</v>
      </c>
      <c r="F8695" t="s">
        <v>33</v>
      </c>
      <c r="G8695" t="s">
        <v>46</v>
      </c>
      <c r="H8695" t="s">
        <v>1544</v>
      </c>
      <c r="I8695">
        <v>103.06</v>
      </c>
      <c r="J8695">
        <v>3</v>
      </c>
      <c r="K8695">
        <v>24.48</v>
      </c>
    </row>
    <row r="8696" spans="1:11" x14ac:dyDescent="0.3">
      <c r="A8696" s="1">
        <v>43002</v>
      </c>
      <c r="B8696" s="3">
        <f t="shared" si="270"/>
        <v>9</v>
      </c>
      <c r="C8696" s="3">
        <f t="shared" si="271"/>
        <v>2017</v>
      </c>
      <c r="D8696" t="s">
        <v>426</v>
      </c>
      <c r="E8696" t="s">
        <v>314</v>
      </c>
      <c r="F8696" t="s">
        <v>38</v>
      </c>
      <c r="G8696" t="s">
        <v>51</v>
      </c>
      <c r="H8696" t="s">
        <v>2228</v>
      </c>
      <c r="I8696">
        <v>72</v>
      </c>
      <c r="J8696">
        <v>4</v>
      </c>
      <c r="K8696">
        <v>12.96</v>
      </c>
    </row>
    <row r="8697" spans="1:11" x14ac:dyDescent="0.3">
      <c r="A8697" s="1">
        <v>43002</v>
      </c>
      <c r="B8697" s="3">
        <f t="shared" si="270"/>
        <v>9</v>
      </c>
      <c r="C8697" s="3">
        <f t="shared" si="271"/>
        <v>2017</v>
      </c>
      <c r="D8697" t="s">
        <v>426</v>
      </c>
      <c r="E8697" t="s">
        <v>314</v>
      </c>
      <c r="F8697" t="s">
        <v>38</v>
      </c>
      <c r="G8697" t="s">
        <v>51</v>
      </c>
      <c r="H8697" t="s">
        <v>2352</v>
      </c>
      <c r="I8697">
        <v>655.9</v>
      </c>
      <c r="J8697">
        <v>5</v>
      </c>
      <c r="K8697">
        <v>275.48</v>
      </c>
    </row>
    <row r="8698" spans="1:11" x14ac:dyDescent="0.3">
      <c r="A8698" s="1">
        <v>43002</v>
      </c>
      <c r="B8698" s="3">
        <f t="shared" si="270"/>
        <v>9</v>
      </c>
      <c r="C8698" s="3">
        <f t="shared" si="271"/>
        <v>2017</v>
      </c>
      <c r="D8698" t="s">
        <v>426</v>
      </c>
      <c r="E8698" t="s">
        <v>314</v>
      </c>
      <c r="F8698" t="s">
        <v>33</v>
      </c>
      <c r="G8698" t="s">
        <v>34</v>
      </c>
      <c r="H8698" t="s">
        <v>1596</v>
      </c>
      <c r="I8698">
        <v>603.91999999999996</v>
      </c>
      <c r="J8698">
        <v>4</v>
      </c>
      <c r="K8698">
        <v>181.18</v>
      </c>
    </row>
    <row r="8699" spans="1:11" x14ac:dyDescent="0.3">
      <c r="A8699" s="1">
        <v>43002</v>
      </c>
      <c r="B8699" s="3">
        <f t="shared" si="270"/>
        <v>9</v>
      </c>
      <c r="C8699" s="3">
        <f t="shared" si="271"/>
        <v>2017</v>
      </c>
      <c r="D8699" t="s">
        <v>2584</v>
      </c>
      <c r="E8699" t="s">
        <v>77</v>
      </c>
      <c r="F8699" t="s">
        <v>38</v>
      </c>
      <c r="G8699" t="s">
        <v>39</v>
      </c>
      <c r="H8699" t="s">
        <v>675</v>
      </c>
      <c r="I8699">
        <v>1169.69</v>
      </c>
      <c r="J8699">
        <v>3</v>
      </c>
      <c r="K8699">
        <v>-253.43</v>
      </c>
    </row>
    <row r="8700" spans="1:11" x14ac:dyDescent="0.3">
      <c r="A8700" s="1">
        <v>43002</v>
      </c>
      <c r="B8700" s="3">
        <f t="shared" si="270"/>
        <v>9</v>
      </c>
      <c r="C8700" s="3">
        <f t="shared" si="271"/>
        <v>2017</v>
      </c>
      <c r="D8700" t="s">
        <v>2064</v>
      </c>
      <c r="E8700" t="s">
        <v>29</v>
      </c>
      <c r="F8700" t="s">
        <v>10</v>
      </c>
      <c r="G8700" t="s">
        <v>17</v>
      </c>
      <c r="H8700" t="s">
        <v>1655</v>
      </c>
      <c r="I8700">
        <v>40.29</v>
      </c>
      <c r="J8700">
        <v>3</v>
      </c>
      <c r="K8700">
        <v>10.07</v>
      </c>
    </row>
    <row r="8701" spans="1:11" x14ac:dyDescent="0.3">
      <c r="A8701" s="1">
        <v>43002</v>
      </c>
      <c r="B8701" s="3">
        <f t="shared" si="270"/>
        <v>9</v>
      </c>
      <c r="C8701" s="3">
        <f t="shared" si="271"/>
        <v>2017</v>
      </c>
      <c r="D8701" t="s">
        <v>2064</v>
      </c>
      <c r="E8701" t="s">
        <v>29</v>
      </c>
      <c r="F8701" t="s">
        <v>10</v>
      </c>
      <c r="G8701" t="s">
        <v>19</v>
      </c>
      <c r="H8701" t="s">
        <v>165</v>
      </c>
      <c r="I8701">
        <v>38.71</v>
      </c>
      <c r="J8701">
        <v>7</v>
      </c>
      <c r="K8701">
        <v>17.809999999999999</v>
      </c>
    </row>
    <row r="8702" spans="1:11" x14ac:dyDescent="0.3">
      <c r="A8702" s="1">
        <v>43002</v>
      </c>
      <c r="B8702" s="3">
        <f t="shared" si="270"/>
        <v>9</v>
      </c>
      <c r="C8702" s="3">
        <f t="shared" si="271"/>
        <v>2017</v>
      </c>
      <c r="D8702" t="s">
        <v>787</v>
      </c>
      <c r="E8702" t="s">
        <v>433</v>
      </c>
      <c r="F8702" t="s">
        <v>38</v>
      </c>
      <c r="G8702" t="s">
        <v>39</v>
      </c>
      <c r="H8702" t="s">
        <v>286</v>
      </c>
      <c r="I8702">
        <v>391.98</v>
      </c>
      <c r="J8702">
        <v>2</v>
      </c>
      <c r="K8702">
        <v>109.75</v>
      </c>
    </row>
    <row r="8703" spans="1:11" x14ac:dyDescent="0.3">
      <c r="A8703" s="1">
        <v>43002</v>
      </c>
      <c r="B8703" s="3">
        <f t="shared" si="270"/>
        <v>9</v>
      </c>
      <c r="C8703" s="3">
        <f t="shared" si="271"/>
        <v>2017</v>
      </c>
      <c r="D8703" t="s">
        <v>787</v>
      </c>
      <c r="E8703" t="s">
        <v>433</v>
      </c>
      <c r="F8703" t="s">
        <v>38</v>
      </c>
      <c r="G8703" t="s">
        <v>39</v>
      </c>
      <c r="H8703" t="s">
        <v>1806</v>
      </c>
      <c r="I8703">
        <v>437.85</v>
      </c>
      <c r="J8703">
        <v>3</v>
      </c>
      <c r="K8703">
        <v>131.36000000000001</v>
      </c>
    </row>
    <row r="8704" spans="1:11" x14ac:dyDescent="0.3">
      <c r="A8704" s="1">
        <v>43002</v>
      </c>
      <c r="B8704" s="3">
        <f t="shared" si="270"/>
        <v>9</v>
      </c>
      <c r="C8704" s="3">
        <f t="shared" si="271"/>
        <v>2017</v>
      </c>
      <c r="D8704" t="s">
        <v>1326</v>
      </c>
      <c r="E8704" t="s">
        <v>26</v>
      </c>
      <c r="F8704" t="s">
        <v>38</v>
      </c>
      <c r="G8704" t="s">
        <v>39</v>
      </c>
      <c r="H8704" t="s">
        <v>647</v>
      </c>
      <c r="I8704">
        <v>859.2</v>
      </c>
      <c r="J8704">
        <v>3</v>
      </c>
      <c r="K8704">
        <v>75.180000000000007</v>
      </c>
    </row>
    <row r="8705" spans="1:11" x14ac:dyDescent="0.3">
      <c r="A8705" s="1">
        <v>43002</v>
      </c>
      <c r="B8705" s="3">
        <f t="shared" si="270"/>
        <v>9</v>
      </c>
      <c r="C8705" s="3">
        <f t="shared" si="271"/>
        <v>2017</v>
      </c>
      <c r="D8705" t="s">
        <v>1326</v>
      </c>
      <c r="E8705" t="s">
        <v>26</v>
      </c>
      <c r="F8705" t="s">
        <v>38</v>
      </c>
      <c r="G8705" t="s">
        <v>301</v>
      </c>
      <c r="H8705" t="s">
        <v>2705</v>
      </c>
      <c r="I8705">
        <v>506.28</v>
      </c>
      <c r="J8705">
        <v>3</v>
      </c>
      <c r="K8705">
        <v>177.2</v>
      </c>
    </row>
    <row r="8706" spans="1:11" x14ac:dyDescent="0.3">
      <c r="A8706" s="1">
        <v>43002</v>
      </c>
      <c r="B8706" s="3">
        <f t="shared" ref="B8706:B8769" si="272">MONTH(A:A)</f>
        <v>9</v>
      </c>
      <c r="C8706" s="3">
        <f t="shared" ref="C8706:C8769" si="273">YEAR(A:A)</f>
        <v>2017</v>
      </c>
      <c r="D8706" t="s">
        <v>1180</v>
      </c>
      <c r="E8706" t="s">
        <v>122</v>
      </c>
      <c r="F8706" t="s">
        <v>38</v>
      </c>
      <c r="G8706" t="s">
        <v>39</v>
      </c>
      <c r="H8706" t="s">
        <v>1305</v>
      </c>
      <c r="I8706">
        <v>383.96</v>
      </c>
      <c r="J8706">
        <v>5</v>
      </c>
      <c r="K8706">
        <v>38.4</v>
      </c>
    </row>
    <row r="8707" spans="1:11" x14ac:dyDescent="0.3">
      <c r="A8707" s="1">
        <v>43002</v>
      </c>
      <c r="B8707" s="3">
        <f t="shared" si="272"/>
        <v>9</v>
      </c>
      <c r="C8707" s="3">
        <f t="shared" si="273"/>
        <v>2017</v>
      </c>
      <c r="D8707" t="s">
        <v>1180</v>
      </c>
      <c r="E8707" t="s">
        <v>122</v>
      </c>
      <c r="F8707" t="s">
        <v>10</v>
      </c>
      <c r="G8707" t="s">
        <v>19</v>
      </c>
      <c r="H8707" t="s">
        <v>2118</v>
      </c>
      <c r="I8707">
        <v>15.57</v>
      </c>
      <c r="J8707">
        <v>3</v>
      </c>
      <c r="K8707">
        <v>-11.42</v>
      </c>
    </row>
    <row r="8708" spans="1:11" x14ac:dyDescent="0.3">
      <c r="A8708" s="1">
        <v>43002</v>
      </c>
      <c r="B8708" s="3">
        <f t="shared" si="272"/>
        <v>9</v>
      </c>
      <c r="C8708" s="3">
        <f t="shared" si="273"/>
        <v>2017</v>
      </c>
      <c r="D8708" t="s">
        <v>952</v>
      </c>
      <c r="E8708" t="s">
        <v>163</v>
      </c>
      <c r="F8708" t="s">
        <v>33</v>
      </c>
      <c r="G8708" t="s">
        <v>46</v>
      </c>
      <c r="H8708" t="s">
        <v>1734</v>
      </c>
      <c r="I8708">
        <v>199.8</v>
      </c>
      <c r="J8708">
        <v>10</v>
      </c>
      <c r="K8708">
        <v>71.930000000000007</v>
      </c>
    </row>
    <row r="8709" spans="1:11" x14ac:dyDescent="0.3">
      <c r="A8709" s="1">
        <v>43002</v>
      </c>
      <c r="B8709" s="3">
        <f t="shared" si="272"/>
        <v>9</v>
      </c>
      <c r="C8709" s="3">
        <f t="shared" si="273"/>
        <v>2017</v>
      </c>
      <c r="D8709" t="s">
        <v>1384</v>
      </c>
      <c r="E8709" t="s">
        <v>29</v>
      </c>
      <c r="F8709" t="s">
        <v>10</v>
      </c>
      <c r="G8709" t="s">
        <v>17</v>
      </c>
      <c r="H8709" t="s">
        <v>2421</v>
      </c>
      <c r="I8709">
        <v>15.51</v>
      </c>
      <c r="J8709">
        <v>1</v>
      </c>
      <c r="K8709">
        <v>3.88</v>
      </c>
    </row>
    <row r="8710" spans="1:11" x14ac:dyDescent="0.3">
      <c r="A8710" s="1">
        <v>43002</v>
      </c>
      <c r="B8710" s="3">
        <f t="shared" si="272"/>
        <v>9</v>
      </c>
      <c r="C8710" s="3">
        <f t="shared" si="273"/>
        <v>2017</v>
      </c>
      <c r="D8710" t="s">
        <v>1384</v>
      </c>
      <c r="E8710" t="s">
        <v>29</v>
      </c>
      <c r="F8710" t="s">
        <v>38</v>
      </c>
      <c r="G8710" t="s">
        <v>39</v>
      </c>
      <c r="H8710" t="s">
        <v>703</v>
      </c>
      <c r="I8710">
        <v>89.9</v>
      </c>
      <c r="J8710">
        <v>2</v>
      </c>
      <c r="K8710">
        <v>25.17</v>
      </c>
    </row>
    <row r="8711" spans="1:11" x14ac:dyDescent="0.3">
      <c r="A8711" s="1">
        <v>43002</v>
      </c>
      <c r="B8711" s="3">
        <f t="shared" si="272"/>
        <v>9</v>
      </c>
      <c r="C8711" s="3">
        <f t="shared" si="273"/>
        <v>2017</v>
      </c>
      <c r="D8711" t="s">
        <v>1384</v>
      </c>
      <c r="E8711" t="s">
        <v>29</v>
      </c>
      <c r="F8711" t="s">
        <v>10</v>
      </c>
      <c r="G8711" t="s">
        <v>23</v>
      </c>
      <c r="H8711" t="s">
        <v>2027</v>
      </c>
      <c r="I8711">
        <v>14.28</v>
      </c>
      <c r="J8711">
        <v>4</v>
      </c>
      <c r="K8711">
        <v>3.71</v>
      </c>
    </row>
    <row r="8712" spans="1:11" x14ac:dyDescent="0.3">
      <c r="A8712" s="1">
        <v>43002</v>
      </c>
      <c r="B8712" s="3">
        <f t="shared" si="272"/>
        <v>9</v>
      </c>
      <c r="C8712" s="3">
        <f t="shared" si="273"/>
        <v>2017</v>
      </c>
      <c r="D8712" t="s">
        <v>1384</v>
      </c>
      <c r="E8712" t="s">
        <v>29</v>
      </c>
      <c r="F8712" t="s">
        <v>10</v>
      </c>
      <c r="G8712" t="s">
        <v>23</v>
      </c>
      <c r="H8712" t="s">
        <v>385</v>
      </c>
      <c r="I8712">
        <v>12.72</v>
      </c>
      <c r="J8712">
        <v>3</v>
      </c>
      <c r="K8712">
        <v>4.96</v>
      </c>
    </row>
    <row r="8713" spans="1:11" x14ac:dyDescent="0.3">
      <c r="A8713" s="1">
        <v>43002</v>
      </c>
      <c r="B8713" s="3">
        <f t="shared" si="272"/>
        <v>9</v>
      </c>
      <c r="C8713" s="3">
        <f t="shared" si="273"/>
        <v>2017</v>
      </c>
      <c r="D8713" t="s">
        <v>1384</v>
      </c>
      <c r="E8713" t="s">
        <v>29</v>
      </c>
      <c r="F8713" t="s">
        <v>10</v>
      </c>
      <c r="G8713" t="s">
        <v>15</v>
      </c>
      <c r="H8713" t="s">
        <v>2076</v>
      </c>
      <c r="I8713">
        <v>15.75</v>
      </c>
      <c r="J8713">
        <v>5</v>
      </c>
      <c r="K8713">
        <v>7.56</v>
      </c>
    </row>
    <row r="8714" spans="1:11" x14ac:dyDescent="0.3">
      <c r="A8714" s="1">
        <v>43002</v>
      </c>
      <c r="B8714" s="3">
        <f t="shared" si="272"/>
        <v>9</v>
      </c>
      <c r="C8714" s="3">
        <f t="shared" si="273"/>
        <v>2017</v>
      </c>
      <c r="D8714" t="s">
        <v>2070</v>
      </c>
      <c r="E8714" t="s">
        <v>14</v>
      </c>
      <c r="F8714" t="s">
        <v>33</v>
      </c>
      <c r="G8714" t="s">
        <v>34</v>
      </c>
      <c r="H8714" t="s">
        <v>571</v>
      </c>
      <c r="I8714">
        <v>520.46</v>
      </c>
      <c r="J8714">
        <v>2</v>
      </c>
      <c r="K8714">
        <v>-14.87</v>
      </c>
    </row>
    <row r="8715" spans="1:11" x14ac:dyDescent="0.3">
      <c r="A8715" s="1">
        <v>43002</v>
      </c>
      <c r="B8715" s="3">
        <f t="shared" si="272"/>
        <v>9</v>
      </c>
      <c r="C8715" s="3">
        <f t="shared" si="273"/>
        <v>2017</v>
      </c>
      <c r="D8715" t="s">
        <v>2070</v>
      </c>
      <c r="E8715" t="s">
        <v>14</v>
      </c>
      <c r="F8715" t="s">
        <v>10</v>
      </c>
      <c r="G8715" t="s">
        <v>11</v>
      </c>
      <c r="H8715" t="s">
        <v>1498</v>
      </c>
      <c r="I8715">
        <v>11.42</v>
      </c>
      <c r="J8715">
        <v>3</v>
      </c>
      <c r="K8715">
        <v>3.71</v>
      </c>
    </row>
    <row r="8716" spans="1:11" x14ac:dyDescent="0.3">
      <c r="A8716" s="1">
        <v>43002</v>
      </c>
      <c r="B8716" s="3">
        <f t="shared" si="272"/>
        <v>9</v>
      </c>
      <c r="C8716" s="3">
        <f t="shared" si="273"/>
        <v>2017</v>
      </c>
      <c r="D8716" t="s">
        <v>2082</v>
      </c>
      <c r="E8716" t="s">
        <v>26</v>
      </c>
      <c r="F8716" t="s">
        <v>10</v>
      </c>
      <c r="G8716" t="s">
        <v>11</v>
      </c>
      <c r="H8716" t="s">
        <v>2581</v>
      </c>
      <c r="I8716">
        <v>31.08</v>
      </c>
      <c r="J8716">
        <v>6</v>
      </c>
      <c r="K8716">
        <v>15.23</v>
      </c>
    </row>
    <row r="8717" spans="1:11" x14ac:dyDescent="0.3">
      <c r="A8717" s="1">
        <v>43002</v>
      </c>
      <c r="B8717" s="3">
        <f t="shared" si="272"/>
        <v>9</v>
      </c>
      <c r="C8717" s="3">
        <f t="shared" si="273"/>
        <v>2017</v>
      </c>
      <c r="D8717" t="s">
        <v>2082</v>
      </c>
      <c r="E8717" t="s">
        <v>26</v>
      </c>
      <c r="F8717" t="s">
        <v>10</v>
      </c>
      <c r="G8717" t="s">
        <v>199</v>
      </c>
      <c r="H8717" t="s">
        <v>1291</v>
      </c>
      <c r="I8717">
        <v>7.3</v>
      </c>
      <c r="J8717">
        <v>2</v>
      </c>
      <c r="K8717">
        <v>2.19</v>
      </c>
    </row>
    <row r="8718" spans="1:11" x14ac:dyDescent="0.3">
      <c r="A8718" s="1">
        <v>43003</v>
      </c>
      <c r="B8718" s="3">
        <f t="shared" si="272"/>
        <v>9</v>
      </c>
      <c r="C8718" s="3">
        <f t="shared" si="273"/>
        <v>2017</v>
      </c>
      <c r="D8718" t="s">
        <v>2211</v>
      </c>
      <c r="E8718" t="s">
        <v>148</v>
      </c>
      <c r="F8718" t="s">
        <v>10</v>
      </c>
      <c r="G8718" t="s">
        <v>15</v>
      </c>
      <c r="H8718" t="s">
        <v>1708</v>
      </c>
      <c r="I8718">
        <v>20.7</v>
      </c>
      <c r="J8718">
        <v>2</v>
      </c>
      <c r="K8718">
        <v>9.94</v>
      </c>
    </row>
    <row r="8719" spans="1:11" x14ac:dyDescent="0.3">
      <c r="A8719" s="1">
        <v>43003</v>
      </c>
      <c r="B8719" s="3">
        <f t="shared" si="272"/>
        <v>9</v>
      </c>
      <c r="C8719" s="3">
        <f t="shared" si="273"/>
        <v>2017</v>
      </c>
      <c r="D8719" t="s">
        <v>2211</v>
      </c>
      <c r="E8719" t="s">
        <v>148</v>
      </c>
      <c r="F8719" t="s">
        <v>33</v>
      </c>
      <c r="G8719" t="s">
        <v>34</v>
      </c>
      <c r="H8719" t="s">
        <v>2181</v>
      </c>
      <c r="I8719">
        <v>488.65</v>
      </c>
      <c r="J8719">
        <v>3</v>
      </c>
      <c r="K8719">
        <v>86.87</v>
      </c>
    </row>
    <row r="8720" spans="1:11" x14ac:dyDescent="0.3">
      <c r="A8720" s="1">
        <v>43003</v>
      </c>
      <c r="B8720" s="3">
        <f t="shared" si="272"/>
        <v>9</v>
      </c>
      <c r="C8720" s="3">
        <f t="shared" si="273"/>
        <v>2017</v>
      </c>
      <c r="D8720" t="s">
        <v>2211</v>
      </c>
      <c r="E8720" t="s">
        <v>148</v>
      </c>
      <c r="F8720" t="s">
        <v>10</v>
      </c>
      <c r="G8720" t="s">
        <v>23</v>
      </c>
      <c r="H8720" t="s">
        <v>325</v>
      </c>
      <c r="I8720">
        <v>5.56</v>
      </c>
      <c r="J8720">
        <v>2</v>
      </c>
      <c r="K8720">
        <v>1.45</v>
      </c>
    </row>
    <row r="8721" spans="1:11" x14ac:dyDescent="0.3">
      <c r="A8721" s="1">
        <v>43003</v>
      </c>
      <c r="B8721" s="3">
        <f t="shared" si="272"/>
        <v>9</v>
      </c>
      <c r="C8721" s="3">
        <f t="shared" si="273"/>
        <v>2017</v>
      </c>
      <c r="D8721" t="s">
        <v>2211</v>
      </c>
      <c r="E8721" t="s">
        <v>148</v>
      </c>
      <c r="F8721" t="s">
        <v>33</v>
      </c>
      <c r="G8721" t="s">
        <v>46</v>
      </c>
      <c r="H8721" t="s">
        <v>280</v>
      </c>
      <c r="I8721">
        <v>47.12</v>
      </c>
      <c r="J8721">
        <v>8</v>
      </c>
      <c r="K8721">
        <v>20.73</v>
      </c>
    </row>
    <row r="8722" spans="1:11" x14ac:dyDescent="0.3">
      <c r="A8722" s="1">
        <v>43003</v>
      </c>
      <c r="B8722" s="3">
        <f t="shared" si="272"/>
        <v>9</v>
      </c>
      <c r="C8722" s="3">
        <f t="shared" si="273"/>
        <v>2017</v>
      </c>
      <c r="D8722" t="s">
        <v>629</v>
      </c>
      <c r="E8722" t="s">
        <v>314</v>
      </c>
      <c r="F8722" t="s">
        <v>10</v>
      </c>
      <c r="G8722" t="s">
        <v>19</v>
      </c>
      <c r="H8722" t="s">
        <v>554</v>
      </c>
      <c r="I8722">
        <v>8.26</v>
      </c>
      <c r="J8722">
        <v>2</v>
      </c>
      <c r="K8722">
        <v>3.88</v>
      </c>
    </row>
    <row r="8723" spans="1:11" x14ac:dyDescent="0.3">
      <c r="A8723" s="1">
        <v>43003</v>
      </c>
      <c r="B8723" s="3">
        <f t="shared" si="272"/>
        <v>9</v>
      </c>
      <c r="C8723" s="3">
        <f t="shared" si="273"/>
        <v>2017</v>
      </c>
      <c r="D8723" t="s">
        <v>629</v>
      </c>
      <c r="E8723" t="s">
        <v>314</v>
      </c>
      <c r="F8723" t="s">
        <v>33</v>
      </c>
      <c r="G8723" t="s">
        <v>34</v>
      </c>
      <c r="H8723" t="s">
        <v>2028</v>
      </c>
      <c r="I8723">
        <v>269.97000000000003</v>
      </c>
      <c r="J8723">
        <v>3</v>
      </c>
      <c r="K8723">
        <v>51.29</v>
      </c>
    </row>
    <row r="8724" spans="1:11" x14ac:dyDescent="0.3">
      <c r="A8724" s="1">
        <v>43003</v>
      </c>
      <c r="B8724" s="3">
        <f t="shared" si="272"/>
        <v>9</v>
      </c>
      <c r="C8724" s="3">
        <f t="shared" si="273"/>
        <v>2017</v>
      </c>
      <c r="D8724" t="s">
        <v>2473</v>
      </c>
      <c r="E8724" t="s">
        <v>77</v>
      </c>
      <c r="F8724" t="s">
        <v>38</v>
      </c>
      <c r="G8724" t="s">
        <v>51</v>
      </c>
      <c r="H8724" t="s">
        <v>83</v>
      </c>
      <c r="I8724">
        <v>119.96</v>
      </c>
      <c r="J8724">
        <v>5</v>
      </c>
      <c r="K8724">
        <v>35.99</v>
      </c>
    </row>
    <row r="8725" spans="1:11" x14ac:dyDescent="0.3">
      <c r="A8725" s="1">
        <v>43003</v>
      </c>
      <c r="B8725" s="3">
        <f t="shared" si="272"/>
        <v>9</v>
      </c>
      <c r="C8725" s="3">
        <f t="shared" si="273"/>
        <v>2017</v>
      </c>
      <c r="D8725" t="s">
        <v>2473</v>
      </c>
      <c r="E8725" t="s">
        <v>77</v>
      </c>
      <c r="F8725" t="s">
        <v>10</v>
      </c>
      <c r="G8725" t="s">
        <v>23</v>
      </c>
      <c r="H8725" t="s">
        <v>2083</v>
      </c>
      <c r="I8725">
        <v>10.61</v>
      </c>
      <c r="J8725">
        <v>6</v>
      </c>
      <c r="K8725">
        <v>0.93</v>
      </c>
    </row>
    <row r="8726" spans="1:11" x14ac:dyDescent="0.3">
      <c r="A8726" s="1">
        <v>43003</v>
      </c>
      <c r="B8726" s="3">
        <f t="shared" si="272"/>
        <v>9</v>
      </c>
      <c r="C8726" s="3">
        <f t="shared" si="273"/>
        <v>2017</v>
      </c>
      <c r="D8726" t="s">
        <v>1482</v>
      </c>
      <c r="E8726" t="s">
        <v>514</v>
      </c>
      <c r="F8726" t="s">
        <v>10</v>
      </c>
      <c r="G8726" t="s">
        <v>17</v>
      </c>
      <c r="H8726" t="s">
        <v>1452</v>
      </c>
      <c r="I8726">
        <v>39.9</v>
      </c>
      <c r="J8726">
        <v>5</v>
      </c>
      <c r="K8726">
        <v>10.37</v>
      </c>
    </row>
    <row r="8727" spans="1:11" x14ac:dyDescent="0.3">
      <c r="A8727" s="1">
        <v>43003</v>
      </c>
      <c r="B8727" s="3">
        <f t="shared" si="272"/>
        <v>9</v>
      </c>
      <c r="C8727" s="3">
        <f t="shared" si="273"/>
        <v>2017</v>
      </c>
      <c r="D8727" t="s">
        <v>1004</v>
      </c>
      <c r="E8727" t="s">
        <v>54</v>
      </c>
      <c r="F8727" t="s">
        <v>10</v>
      </c>
      <c r="G8727" t="s">
        <v>17</v>
      </c>
      <c r="H8727" t="s">
        <v>2004</v>
      </c>
      <c r="I8727">
        <v>177.55</v>
      </c>
      <c r="J8727">
        <v>5</v>
      </c>
      <c r="K8727">
        <v>47.94</v>
      </c>
    </row>
    <row r="8728" spans="1:11" x14ac:dyDescent="0.3">
      <c r="A8728" s="1">
        <v>43003</v>
      </c>
      <c r="B8728" s="3">
        <f t="shared" si="272"/>
        <v>9</v>
      </c>
      <c r="C8728" s="3">
        <f t="shared" si="273"/>
        <v>2017</v>
      </c>
      <c r="D8728" t="s">
        <v>1630</v>
      </c>
      <c r="E8728" t="s">
        <v>22</v>
      </c>
      <c r="F8728" t="s">
        <v>10</v>
      </c>
      <c r="G8728" t="s">
        <v>19</v>
      </c>
      <c r="H8728" t="s">
        <v>79</v>
      </c>
      <c r="I8728">
        <v>8.6</v>
      </c>
      <c r="J8728">
        <v>5</v>
      </c>
      <c r="K8728">
        <v>-6.3</v>
      </c>
    </row>
    <row r="8729" spans="1:11" x14ac:dyDescent="0.3">
      <c r="A8729" s="1">
        <v>43003</v>
      </c>
      <c r="B8729" s="3">
        <f t="shared" si="272"/>
        <v>9</v>
      </c>
      <c r="C8729" s="3">
        <f t="shared" si="273"/>
        <v>2017</v>
      </c>
      <c r="D8729" t="s">
        <v>1630</v>
      </c>
      <c r="E8729" t="s">
        <v>22</v>
      </c>
      <c r="F8729" t="s">
        <v>10</v>
      </c>
      <c r="G8729" t="s">
        <v>199</v>
      </c>
      <c r="H8729" t="s">
        <v>200</v>
      </c>
      <c r="I8729">
        <v>190.9</v>
      </c>
      <c r="J8729">
        <v>2</v>
      </c>
      <c r="K8729">
        <v>-42.95</v>
      </c>
    </row>
    <row r="8730" spans="1:11" x14ac:dyDescent="0.3">
      <c r="A8730" s="1">
        <v>43003</v>
      </c>
      <c r="B8730" s="3">
        <f t="shared" si="272"/>
        <v>9</v>
      </c>
      <c r="C8730" s="3">
        <f t="shared" si="273"/>
        <v>2017</v>
      </c>
      <c r="D8730" t="s">
        <v>138</v>
      </c>
      <c r="E8730" t="s">
        <v>77</v>
      </c>
      <c r="F8730" t="s">
        <v>10</v>
      </c>
      <c r="G8730" t="s">
        <v>62</v>
      </c>
      <c r="H8730" t="s">
        <v>769</v>
      </c>
      <c r="I8730">
        <v>24.45</v>
      </c>
      <c r="J8730">
        <v>4</v>
      </c>
      <c r="K8730">
        <v>8.86</v>
      </c>
    </row>
    <row r="8731" spans="1:11" x14ac:dyDescent="0.3">
      <c r="A8731" s="1">
        <v>43004</v>
      </c>
      <c r="B8731" s="3">
        <f t="shared" si="272"/>
        <v>9</v>
      </c>
      <c r="C8731" s="3">
        <f t="shared" si="273"/>
        <v>2017</v>
      </c>
      <c r="D8731" t="s">
        <v>2258</v>
      </c>
      <c r="E8731" t="s">
        <v>122</v>
      </c>
      <c r="F8731" t="s">
        <v>33</v>
      </c>
      <c r="G8731" t="s">
        <v>34</v>
      </c>
      <c r="H8731" t="s">
        <v>1434</v>
      </c>
      <c r="I8731">
        <v>419.14</v>
      </c>
      <c r="J8731">
        <v>4</v>
      </c>
      <c r="K8731">
        <v>-57.63</v>
      </c>
    </row>
    <row r="8732" spans="1:11" x14ac:dyDescent="0.3">
      <c r="A8732" s="1">
        <v>43004</v>
      </c>
      <c r="B8732" s="3">
        <f t="shared" si="272"/>
        <v>9</v>
      </c>
      <c r="C8732" s="3">
        <f t="shared" si="273"/>
        <v>2017</v>
      </c>
      <c r="D8732" t="s">
        <v>497</v>
      </c>
      <c r="E8732" t="s">
        <v>26</v>
      </c>
      <c r="F8732" t="s">
        <v>10</v>
      </c>
      <c r="G8732" t="s">
        <v>62</v>
      </c>
      <c r="H8732" t="s">
        <v>63</v>
      </c>
      <c r="I8732">
        <v>71.88</v>
      </c>
      <c r="J8732">
        <v>6</v>
      </c>
      <c r="K8732">
        <v>33.06</v>
      </c>
    </row>
    <row r="8733" spans="1:11" x14ac:dyDescent="0.3">
      <c r="A8733" s="1">
        <v>43004</v>
      </c>
      <c r="B8733" s="3">
        <f t="shared" si="272"/>
        <v>9</v>
      </c>
      <c r="C8733" s="3">
        <f t="shared" si="273"/>
        <v>2017</v>
      </c>
      <c r="D8733" t="s">
        <v>497</v>
      </c>
      <c r="E8733" t="s">
        <v>26</v>
      </c>
      <c r="F8733" t="s">
        <v>33</v>
      </c>
      <c r="G8733" t="s">
        <v>46</v>
      </c>
      <c r="H8733" t="s">
        <v>1789</v>
      </c>
      <c r="I8733">
        <v>9.24</v>
      </c>
      <c r="J8733">
        <v>3</v>
      </c>
      <c r="K8733">
        <v>2.96</v>
      </c>
    </row>
    <row r="8734" spans="1:11" x14ac:dyDescent="0.3">
      <c r="A8734" s="1">
        <v>43004</v>
      </c>
      <c r="B8734" s="3">
        <f t="shared" si="272"/>
        <v>9</v>
      </c>
      <c r="C8734" s="3">
        <f t="shared" si="273"/>
        <v>2017</v>
      </c>
      <c r="D8734" t="s">
        <v>497</v>
      </c>
      <c r="E8734" t="s">
        <v>26</v>
      </c>
      <c r="F8734" t="s">
        <v>10</v>
      </c>
      <c r="G8734" t="s">
        <v>11</v>
      </c>
      <c r="H8734" t="s">
        <v>923</v>
      </c>
      <c r="I8734">
        <v>35.880000000000003</v>
      </c>
      <c r="J8734">
        <v>6</v>
      </c>
      <c r="K8734">
        <v>16.149999999999999</v>
      </c>
    </row>
    <row r="8735" spans="1:11" x14ac:dyDescent="0.3">
      <c r="A8735" s="1">
        <v>43004</v>
      </c>
      <c r="B8735" s="3">
        <f t="shared" si="272"/>
        <v>9</v>
      </c>
      <c r="C8735" s="3">
        <f t="shared" si="273"/>
        <v>2017</v>
      </c>
      <c r="D8735" t="s">
        <v>497</v>
      </c>
      <c r="E8735" t="s">
        <v>26</v>
      </c>
      <c r="F8735" t="s">
        <v>10</v>
      </c>
      <c r="G8735" t="s">
        <v>19</v>
      </c>
      <c r="H8735" t="s">
        <v>1184</v>
      </c>
      <c r="I8735">
        <v>17.04</v>
      </c>
      <c r="J8735">
        <v>3</v>
      </c>
      <c r="K8735">
        <v>5.54</v>
      </c>
    </row>
    <row r="8736" spans="1:11" x14ac:dyDescent="0.3">
      <c r="A8736" s="1">
        <v>43004</v>
      </c>
      <c r="B8736" s="3">
        <f t="shared" si="272"/>
        <v>9</v>
      </c>
      <c r="C8736" s="3">
        <f t="shared" si="273"/>
        <v>2017</v>
      </c>
      <c r="D8736" t="s">
        <v>497</v>
      </c>
      <c r="E8736" t="s">
        <v>26</v>
      </c>
      <c r="F8736" t="s">
        <v>10</v>
      </c>
      <c r="G8736" t="s">
        <v>19</v>
      </c>
      <c r="H8736" t="s">
        <v>692</v>
      </c>
      <c r="I8736">
        <v>931.18</v>
      </c>
      <c r="J8736">
        <v>3</v>
      </c>
      <c r="K8736">
        <v>314.27</v>
      </c>
    </row>
    <row r="8737" spans="1:11" x14ac:dyDescent="0.3">
      <c r="A8737" s="1">
        <v>43004</v>
      </c>
      <c r="B8737" s="3">
        <f t="shared" si="272"/>
        <v>9</v>
      </c>
      <c r="C8737" s="3">
        <f t="shared" si="273"/>
        <v>2017</v>
      </c>
      <c r="D8737" t="s">
        <v>1356</v>
      </c>
      <c r="E8737" t="s">
        <v>90</v>
      </c>
      <c r="F8737" t="s">
        <v>10</v>
      </c>
      <c r="G8737" t="s">
        <v>23</v>
      </c>
      <c r="H8737" t="s">
        <v>868</v>
      </c>
      <c r="I8737">
        <v>2.2200000000000002</v>
      </c>
      <c r="J8737">
        <v>1</v>
      </c>
      <c r="K8737">
        <v>0.56000000000000005</v>
      </c>
    </row>
    <row r="8738" spans="1:11" x14ac:dyDescent="0.3">
      <c r="A8738" s="1">
        <v>43006</v>
      </c>
      <c r="B8738" s="3">
        <f t="shared" si="272"/>
        <v>9</v>
      </c>
      <c r="C8738" s="3">
        <f t="shared" si="273"/>
        <v>2017</v>
      </c>
      <c r="D8738" t="s">
        <v>2613</v>
      </c>
      <c r="E8738" t="s">
        <v>9</v>
      </c>
      <c r="F8738" t="s">
        <v>10</v>
      </c>
      <c r="G8738" t="s">
        <v>199</v>
      </c>
      <c r="H8738" t="s">
        <v>806</v>
      </c>
      <c r="I8738">
        <v>1.74</v>
      </c>
      <c r="J8738">
        <v>1</v>
      </c>
      <c r="K8738">
        <v>-0.35</v>
      </c>
    </row>
    <row r="8739" spans="1:11" x14ac:dyDescent="0.3">
      <c r="A8739" s="1">
        <v>43006</v>
      </c>
      <c r="B8739" s="3">
        <f t="shared" si="272"/>
        <v>9</v>
      </c>
      <c r="C8739" s="3">
        <f t="shared" si="273"/>
        <v>2017</v>
      </c>
      <c r="D8739" t="s">
        <v>927</v>
      </c>
      <c r="E8739" t="s">
        <v>277</v>
      </c>
      <c r="F8739" t="s">
        <v>33</v>
      </c>
      <c r="G8739" t="s">
        <v>46</v>
      </c>
      <c r="H8739" t="s">
        <v>1082</v>
      </c>
      <c r="I8739">
        <v>32.78</v>
      </c>
      <c r="J8739">
        <v>1</v>
      </c>
      <c r="K8739">
        <v>3.28</v>
      </c>
    </row>
    <row r="8740" spans="1:11" x14ac:dyDescent="0.3">
      <c r="A8740" s="1">
        <v>43006</v>
      </c>
      <c r="B8740" s="3">
        <f t="shared" si="272"/>
        <v>9</v>
      </c>
      <c r="C8740" s="3">
        <f t="shared" si="273"/>
        <v>2017</v>
      </c>
      <c r="D8740" t="s">
        <v>927</v>
      </c>
      <c r="E8740" t="s">
        <v>277</v>
      </c>
      <c r="F8740" t="s">
        <v>10</v>
      </c>
      <c r="G8740" t="s">
        <v>17</v>
      </c>
      <c r="H8740" t="s">
        <v>907</v>
      </c>
      <c r="I8740">
        <v>147.18</v>
      </c>
      <c r="J8740">
        <v>2</v>
      </c>
      <c r="K8740">
        <v>-29.44</v>
      </c>
    </row>
    <row r="8741" spans="1:11" x14ac:dyDescent="0.3">
      <c r="A8741" s="1">
        <v>43006</v>
      </c>
      <c r="B8741" s="3">
        <f t="shared" si="272"/>
        <v>9</v>
      </c>
      <c r="C8741" s="3">
        <f t="shared" si="273"/>
        <v>2017</v>
      </c>
      <c r="D8741" t="s">
        <v>927</v>
      </c>
      <c r="E8741" t="s">
        <v>277</v>
      </c>
      <c r="F8741" t="s">
        <v>38</v>
      </c>
      <c r="G8741" t="s">
        <v>51</v>
      </c>
      <c r="H8741" t="s">
        <v>2112</v>
      </c>
      <c r="I8741">
        <v>54.38</v>
      </c>
      <c r="J8741">
        <v>2</v>
      </c>
      <c r="K8741">
        <v>1.36</v>
      </c>
    </row>
    <row r="8742" spans="1:11" x14ac:dyDescent="0.3">
      <c r="A8742" s="1">
        <v>43006</v>
      </c>
      <c r="B8742" s="3">
        <f t="shared" si="272"/>
        <v>9</v>
      </c>
      <c r="C8742" s="3">
        <f t="shared" si="273"/>
        <v>2017</v>
      </c>
      <c r="D8742" t="s">
        <v>927</v>
      </c>
      <c r="E8742" t="s">
        <v>277</v>
      </c>
      <c r="F8742" t="s">
        <v>10</v>
      </c>
      <c r="G8742" t="s">
        <v>19</v>
      </c>
      <c r="H8742" t="s">
        <v>1135</v>
      </c>
      <c r="I8742">
        <v>76.78</v>
      </c>
      <c r="J8742">
        <v>4</v>
      </c>
      <c r="K8742">
        <v>-58.86</v>
      </c>
    </row>
    <row r="8743" spans="1:11" x14ac:dyDescent="0.3">
      <c r="A8743" s="1">
        <v>43006</v>
      </c>
      <c r="B8743" s="3">
        <f t="shared" si="272"/>
        <v>9</v>
      </c>
      <c r="C8743" s="3">
        <f t="shared" si="273"/>
        <v>2017</v>
      </c>
      <c r="D8743" t="s">
        <v>927</v>
      </c>
      <c r="E8743" t="s">
        <v>277</v>
      </c>
      <c r="F8743" t="s">
        <v>10</v>
      </c>
      <c r="G8743" t="s">
        <v>11</v>
      </c>
      <c r="H8743" t="s">
        <v>697</v>
      </c>
      <c r="I8743">
        <v>14.35</v>
      </c>
      <c r="J8743">
        <v>3</v>
      </c>
      <c r="K8743">
        <v>5.2</v>
      </c>
    </row>
    <row r="8744" spans="1:11" x14ac:dyDescent="0.3">
      <c r="A8744" s="1">
        <v>43006</v>
      </c>
      <c r="B8744" s="3">
        <f t="shared" si="272"/>
        <v>9</v>
      </c>
      <c r="C8744" s="3">
        <f t="shared" si="273"/>
        <v>2017</v>
      </c>
      <c r="D8744" t="s">
        <v>927</v>
      </c>
      <c r="E8744" t="s">
        <v>277</v>
      </c>
      <c r="F8744" t="s">
        <v>10</v>
      </c>
      <c r="G8744" t="s">
        <v>91</v>
      </c>
      <c r="H8744" t="s">
        <v>1295</v>
      </c>
      <c r="I8744">
        <v>209.79</v>
      </c>
      <c r="J8744">
        <v>2</v>
      </c>
      <c r="K8744">
        <v>26.22</v>
      </c>
    </row>
    <row r="8745" spans="1:11" x14ac:dyDescent="0.3">
      <c r="A8745" s="1">
        <v>43006</v>
      </c>
      <c r="B8745" s="3">
        <f t="shared" si="272"/>
        <v>9</v>
      </c>
      <c r="C8745" s="3">
        <f t="shared" si="273"/>
        <v>2017</v>
      </c>
      <c r="D8745" t="s">
        <v>2137</v>
      </c>
      <c r="E8745" t="s">
        <v>26</v>
      </c>
      <c r="F8745" t="s">
        <v>33</v>
      </c>
      <c r="G8745" t="s">
        <v>46</v>
      </c>
      <c r="H8745" t="s">
        <v>1403</v>
      </c>
      <c r="I8745">
        <v>9.24</v>
      </c>
      <c r="J8745">
        <v>3</v>
      </c>
      <c r="K8745">
        <v>4.4400000000000004</v>
      </c>
    </row>
    <row r="8746" spans="1:11" x14ac:dyDescent="0.3">
      <c r="A8746" s="1">
        <v>43006</v>
      </c>
      <c r="B8746" s="3">
        <f t="shared" si="272"/>
        <v>9</v>
      </c>
      <c r="C8746" s="3">
        <f t="shared" si="273"/>
        <v>2017</v>
      </c>
      <c r="D8746" t="s">
        <v>1790</v>
      </c>
      <c r="E8746" t="s">
        <v>122</v>
      </c>
      <c r="F8746" t="s">
        <v>10</v>
      </c>
      <c r="G8746" t="s">
        <v>11</v>
      </c>
      <c r="H8746" t="s">
        <v>218</v>
      </c>
      <c r="I8746">
        <v>10.37</v>
      </c>
      <c r="J8746">
        <v>2</v>
      </c>
      <c r="K8746">
        <v>3.63</v>
      </c>
    </row>
    <row r="8747" spans="1:11" x14ac:dyDescent="0.3">
      <c r="A8747" s="1">
        <v>43006</v>
      </c>
      <c r="B8747" s="3">
        <f t="shared" si="272"/>
        <v>9</v>
      </c>
      <c r="C8747" s="3">
        <f t="shared" si="273"/>
        <v>2017</v>
      </c>
      <c r="D8747" t="s">
        <v>1501</v>
      </c>
      <c r="E8747" t="s">
        <v>22</v>
      </c>
      <c r="F8747" t="s">
        <v>10</v>
      </c>
      <c r="G8747" t="s">
        <v>19</v>
      </c>
      <c r="H8747" t="s">
        <v>20</v>
      </c>
      <c r="I8747">
        <v>2.66</v>
      </c>
      <c r="J8747">
        <v>1</v>
      </c>
      <c r="K8747">
        <v>-1.86</v>
      </c>
    </row>
    <row r="8748" spans="1:11" x14ac:dyDescent="0.3">
      <c r="A8748" s="1">
        <v>43007</v>
      </c>
      <c r="B8748" s="3">
        <f t="shared" si="272"/>
        <v>9</v>
      </c>
      <c r="C8748" s="3">
        <f t="shared" si="273"/>
        <v>2017</v>
      </c>
      <c r="D8748" t="s">
        <v>1043</v>
      </c>
      <c r="E8748" t="s">
        <v>9</v>
      </c>
      <c r="F8748" t="s">
        <v>10</v>
      </c>
      <c r="G8748" t="s">
        <v>15</v>
      </c>
      <c r="H8748" t="s">
        <v>1335</v>
      </c>
      <c r="I8748">
        <v>7.97</v>
      </c>
      <c r="J8748">
        <v>2</v>
      </c>
      <c r="K8748">
        <v>2.59</v>
      </c>
    </row>
    <row r="8749" spans="1:11" x14ac:dyDescent="0.3">
      <c r="A8749" s="1">
        <v>43007</v>
      </c>
      <c r="B8749" s="3">
        <f t="shared" si="272"/>
        <v>9</v>
      </c>
      <c r="C8749" s="3">
        <f t="shared" si="273"/>
        <v>2017</v>
      </c>
      <c r="D8749" t="s">
        <v>1043</v>
      </c>
      <c r="E8749" t="s">
        <v>9</v>
      </c>
      <c r="F8749" t="s">
        <v>10</v>
      </c>
      <c r="G8749" t="s">
        <v>62</v>
      </c>
      <c r="H8749" t="s">
        <v>784</v>
      </c>
      <c r="I8749">
        <v>27.97</v>
      </c>
      <c r="J8749">
        <v>4</v>
      </c>
      <c r="K8749">
        <v>9.44</v>
      </c>
    </row>
    <row r="8750" spans="1:11" x14ac:dyDescent="0.3">
      <c r="A8750" s="1">
        <v>43007</v>
      </c>
      <c r="B8750" s="3">
        <f t="shared" si="272"/>
        <v>9</v>
      </c>
      <c r="C8750" s="3">
        <f t="shared" si="273"/>
        <v>2017</v>
      </c>
      <c r="D8750" t="s">
        <v>1043</v>
      </c>
      <c r="E8750" t="s">
        <v>9</v>
      </c>
      <c r="F8750" t="s">
        <v>38</v>
      </c>
      <c r="G8750" t="s">
        <v>301</v>
      </c>
      <c r="H8750" t="s">
        <v>2706</v>
      </c>
      <c r="I8750">
        <v>336.51</v>
      </c>
      <c r="J8750">
        <v>3</v>
      </c>
      <c r="K8750">
        <v>44.87</v>
      </c>
    </row>
    <row r="8751" spans="1:11" x14ac:dyDescent="0.3">
      <c r="A8751" s="1">
        <v>43007</v>
      </c>
      <c r="B8751" s="3">
        <f t="shared" si="272"/>
        <v>9</v>
      </c>
      <c r="C8751" s="3">
        <f t="shared" si="273"/>
        <v>2017</v>
      </c>
      <c r="D8751" t="s">
        <v>1504</v>
      </c>
      <c r="E8751" t="s">
        <v>77</v>
      </c>
      <c r="F8751" t="s">
        <v>33</v>
      </c>
      <c r="G8751" t="s">
        <v>34</v>
      </c>
      <c r="H8751" t="s">
        <v>1479</v>
      </c>
      <c r="I8751">
        <v>63.69</v>
      </c>
      <c r="J8751">
        <v>1</v>
      </c>
      <c r="K8751">
        <v>-15.47</v>
      </c>
    </row>
    <row r="8752" spans="1:11" x14ac:dyDescent="0.3">
      <c r="A8752" s="1">
        <v>43007</v>
      </c>
      <c r="B8752" s="3">
        <f t="shared" si="272"/>
        <v>9</v>
      </c>
      <c r="C8752" s="3">
        <f t="shared" si="273"/>
        <v>2017</v>
      </c>
      <c r="D8752" t="s">
        <v>1504</v>
      </c>
      <c r="E8752" t="s">
        <v>77</v>
      </c>
      <c r="F8752" t="s">
        <v>38</v>
      </c>
      <c r="G8752" t="s">
        <v>51</v>
      </c>
      <c r="H8752" t="s">
        <v>1077</v>
      </c>
      <c r="I8752">
        <v>239.98</v>
      </c>
      <c r="J8752">
        <v>3</v>
      </c>
      <c r="K8752">
        <v>65.989999999999995</v>
      </c>
    </row>
    <row r="8753" spans="1:11" x14ac:dyDescent="0.3">
      <c r="A8753" s="1">
        <v>43007</v>
      </c>
      <c r="B8753" s="3">
        <f t="shared" si="272"/>
        <v>9</v>
      </c>
      <c r="C8753" s="3">
        <f t="shared" si="273"/>
        <v>2017</v>
      </c>
      <c r="D8753" t="s">
        <v>1504</v>
      </c>
      <c r="E8753" t="s">
        <v>77</v>
      </c>
      <c r="F8753" t="s">
        <v>33</v>
      </c>
      <c r="G8753" t="s">
        <v>144</v>
      </c>
      <c r="H8753" t="s">
        <v>503</v>
      </c>
      <c r="I8753">
        <v>344.22</v>
      </c>
      <c r="J8753">
        <v>2</v>
      </c>
      <c r="K8753">
        <v>-189.32</v>
      </c>
    </row>
    <row r="8754" spans="1:11" x14ac:dyDescent="0.3">
      <c r="A8754" s="1">
        <v>43007</v>
      </c>
      <c r="B8754" s="3">
        <f t="shared" si="272"/>
        <v>9</v>
      </c>
      <c r="C8754" s="3">
        <f t="shared" si="273"/>
        <v>2017</v>
      </c>
      <c r="D8754" t="s">
        <v>1504</v>
      </c>
      <c r="E8754" t="s">
        <v>77</v>
      </c>
      <c r="F8754" t="s">
        <v>10</v>
      </c>
      <c r="G8754" t="s">
        <v>11</v>
      </c>
      <c r="H8754" t="s">
        <v>2194</v>
      </c>
      <c r="I8754">
        <v>15.55</v>
      </c>
      <c r="J8754">
        <v>3</v>
      </c>
      <c r="K8754">
        <v>5.44</v>
      </c>
    </row>
    <row r="8755" spans="1:11" x14ac:dyDescent="0.3">
      <c r="A8755" s="1">
        <v>43007</v>
      </c>
      <c r="B8755" s="3">
        <f t="shared" si="272"/>
        <v>9</v>
      </c>
      <c r="C8755" s="3">
        <f t="shared" si="273"/>
        <v>2017</v>
      </c>
      <c r="D8755" t="s">
        <v>1504</v>
      </c>
      <c r="E8755" t="s">
        <v>77</v>
      </c>
      <c r="F8755" t="s">
        <v>33</v>
      </c>
      <c r="G8755" t="s">
        <v>46</v>
      </c>
      <c r="H8755" t="s">
        <v>1161</v>
      </c>
      <c r="I8755">
        <v>21.25</v>
      </c>
      <c r="J8755">
        <v>4</v>
      </c>
      <c r="K8755">
        <v>7.44</v>
      </c>
    </row>
    <row r="8756" spans="1:11" x14ac:dyDescent="0.3">
      <c r="A8756" s="1">
        <v>43007</v>
      </c>
      <c r="B8756" s="3">
        <f t="shared" si="272"/>
        <v>9</v>
      </c>
      <c r="C8756" s="3">
        <f t="shared" si="273"/>
        <v>2017</v>
      </c>
      <c r="D8756" t="s">
        <v>1504</v>
      </c>
      <c r="E8756" t="s">
        <v>77</v>
      </c>
      <c r="F8756" t="s">
        <v>10</v>
      </c>
      <c r="G8756" t="s">
        <v>11</v>
      </c>
      <c r="H8756" t="s">
        <v>2097</v>
      </c>
      <c r="I8756">
        <v>8.4499999999999993</v>
      </c>
      <c r="J8756">
        <v>2</v>
      </c>
      <c r="K8756">
        <v>2.64</v>
      </c>
    </row>
    <row r="8757" spans="1:11" x14ac:dyDescent="0.3">
      <c r="A8757" s="1">
        <v>43007</v>
      </c>
      <c r="B8757" s="3">
        <f t="shared" si="272"/>
        <v>9</v>
      </c>
      <c r="C8757" s="3">
        <f t="shared" si="273"/>
        <v>2017</v>
      </c>
      <c r="D8757" t="s">
        <v>421</v>
      </c>
      <c r="E8757" t="s">
        <v>119</v>
      </c>
      <c r="F8757" t="s">
        <v>10</v>
      </c>
      <c r="G8757" t="s">
        <v>17</v>
      </c>
      <c r="H8757" t="s">
        <v>2343</v>
      </c>
      <c r="I8757">
        <v>243.92</v>
      </c>
      <c r="J8757">
        <v>5</v>
      </c>
      <c r="K8757">
        <v>-54.88</v>
      </c>
    </row>
    <row r="8758" spans="1:11" x14ac:dyDescent="0.3">
      <c r="A8758" s="1">
        <v>43007</v>
      </c>
      <c r="B8758" s="3">
        <f t="shared" si="272"/>
        <v>9</v>
      </c>
      <c r="C8758" s="3">
        <f t="shared" si="273"/>
        <v>2017</v>
      </c>
      <c r="D8758" t="s">
        <v>1319</v>
      </c>
      <c r="E8758" t="s">
        <v>148</v>
      </c>
      <c r="F8758" t="s">
        <v>10</v>
      </c>
      <c r="G8758" t="s">
        <v>62</v>
      </c>
      <c r="H8758" t="s">
        <v>63</v>
      </c>
      <c r="I8758">
        <v>23.34</v>
      </c>
      <c r="J8758">
        <v>3</v>
      </c>
      <c r="K8758">
        <v>10.97</v>
      </c>
    </row>
    <row r="8759" spans="1:11" x14ac:dyDescent="0.3">
      <c r="A8759" s="1">
        <v>43007</v>
      </c>
      <c r="B8759" s="3">
        <f t="shared" si="272"/>
        <v>9</v>
      </c>
      <c r="C8759" s="3">
        <f t="shared" si="273"/>
        <v>2017</v>
      </c>
      <c r="D8759" t="s">
        <v>1319</v>
      </c>
      <c r="E8759" t="s">
        <v>148</v>
      </c>
      <c r="F8759" t="s">
        <v>10</v>
      </c>
      <c r="G8759" t="s">
        <v>11</v>
      </c>
      <c r="H8759" t="s">
        <v>1889</v>
      </c>
      <c r="I8759">
        <v>51.55</v>
      </c>
      <c r="J8759">
        <v>5</v>
      </c>
      <c r="K8759">
        <v>24.23</v>
      </c>
    </row>
    <row r="8760" spans="1:11" x14ac:dyDescent="0.3">
      <c r="A8760" s="1">
        <v>43007</v>
      </c>
      <c r="B8760" s="3">
        <f t="shared" si="272"/>
        <v>9</v>
      </c>
      <c r="C8760" s="3">
        <f t="shared" si="273"/>
        <v>2017</v>
      </c>
      <c r="D8760" t="s">
        <v>634</v>
      </c>
      <c r="E8760" t="s">
        <v>26</v>
      </c>
      <c r="F8760" t="s">
        <v>10</v>
      </c>
      <c r="G8760" t="s">
        <v>42</v>
      </c>
      <c r="H8760" t="s">
        <v>1246</v>
      </c>
      <c r="I8760">
        <v>35</v>
      </c>
      <c r="J8760">
        <v>7</v>
      </c>
      <c r="K8760">
        <v>16.8</v>
      </c>
    </row>
    <row r="8761" spans="1:11" x14ac:dyDescent="0.3">
      <c r="A8761" s="1">
        <v>43007</v>
      </c>
      <c r="B8761" s="3">
        <f t="shared" si="272"/>
        <v>9</v>
      </c>
      <c r="C8761" s="3">
        <f t="shared" si="273"/>
        <v>2017</v>
      </c>
      <c r="D8761" t="s">
        <v>634</v>
      </c>
      <c r="E8761" t="s">
        <v>26</v>
      </c>
      <c r="F8761" t="s">
        <v>33</v>
      </c>
      <c r="G8761" t="s">
        <v>34</v>
      </c>
      <c r="H8761" t="s">
        <v>1378</v>
      </c>
      <c r="I8761">
        <v>72.78</v>
      </c>
      <c r="J8761">
        <v>1</v>
      </c>
      <c r="K8761">
        <v>0</v>
      </c>
    </row>
    <row r="8762" spans="1:11" x14ac:dyDescent="0.3">
      <c r="A8762" s="1">
        <v>43007</v>
      </c>
      <c r="B8762" s="3">
        <f t="shared" si="272"/>
        <v>9</v>
      </c>
      <c r="C8762" s="3">
        <f t="shared" si="273"/>
        <v>2017</v>
      </c>
      <c r="D8762" t="s">
        <v>634</v>
      </c>
      <c r="E8762" t="s">
        <v>26</v>
      </c>
      <c r="F8762" t="s">
        <v>10</v>
      </c>
      <c r="G8762" t="s">
        <v>91</v>
      </c>
      <c r="H8762" t="s">
        <v>285</v>
      </c>
      <c r="I8762">
        <v>97.84</v>
      </c>
      <c r="J8762">
        <v>2</v>
      </c>
      <c r="K8762">
        <v>25.44</v>
      </c>
    </row>
    <row r="8763" spans="1:11" x14ac:dyDescent="0.3">
      <c r="A8763" s="1">
        <v>43007</v>
      </c>
      <c r="B8763" s="3">
        <f t="shared" si="272"/>
        <v>9</v>
      </c>
      <c r="C8763" s="3">
        <f t="shared" si="273"/>
        <v>2017</v>
      </c>
      <c r="D8763" t="s">
        <v>634</v>
      </c>
      <c r="E8763" t="s">
        <v>26</v>
      </c>
      <c r="F8763" t="s">
        <v>33</v>
      </c>
      <c r="G8763" t="s">
        <v>46</v>
      </c>
      <c r="H8763" t="s">
        <v>2152</v>
      </c>
      <c r="I8763">
        <v>51.75</v>
      </c>
      <c r="J8763">
        <v>1</v>
      </c>
      <c r="K8763">
        <v>15.53</v>
      </c>
    </row>
    <row r="8764" spans="1:11" x14ac:dyDescent="0.3">
      <c r="A8764" s="1">
        <v>43007</v>
      </c>
      <c r="B8764" s="3">
        <f t="shared" si="272"/>
        <v>9</v>
      </c>
      <c r="C8764" s="3">
        <f t="shared" si="273"/>
        <v>2017</v>
      </c>
      <c r="D8764" t="s">
        <v>634</v>
      </c>
      <c r="E8764" t="s">
        <v>26</v>
      </c>
      <c r="F8764" t="s">
        <v>10</v>
      </c>
      <c r="G8764" t="s">
        <v>19</v>
      </c>
      <c r="H8764" t="s">
        <v>1895</v>
      </c>
      <c r="I8764">
        <v>46.67</v>
      </c>
      <c r="J8764">
        <v>2</v>
      </c>
      <c r="K8764">
        <v>16.34</v>
      </c>
    </row>
    <row r="8765" spans="1:11" x14ac:dyDescent="0.3">
      <c r="A8765" s="1">
        <v>43007</v>
      </c>
      <c r="B8765" s="3">
        <f t="shared" si="272"/>
        <v>9</v>
      </c>
      <c r="C8765" s="3">
        <f t="shared" si="273"/>
        <v>2017</v>
      </c>
      <c r="D8765" t="s">
        <v>988</v>
      </c>
      <c r="E8765" t="s">
        <v>77</v>
      </c>
      <c r="F8765" t="s">
        <v>10</v>
      </c>
      <c r="G8765" t="s">
        <v>17</v>
      </c>
      <c r="H8765" t="s">
        <v>908</v>
      </c>
      <c r="I8765">
        <v>51.17</v>
      </c>
      <c r="J8765">
        <v>2</v>
      </c>
      <c r="K8765">
        <v>-6.4</v>
      </c>
    </row>
    <row r="8766" spans="1:11" x14ac:dyDescent="0.3">
      <c r="A8766" s="1">
        <v>43007</v>
      </c>
      <c r="B8766" s="3">
        <f t="shared" si="272"/>
        <v>9</v>
      </c>
      <c r="C8766" s="3">
        <f t="shared" si="273"/>
        <v>2017</v>
      </c>
      <c r="D8766" t="s">
        <v>821</v>
      </c>
      <c r="E8766" t="s">
        <v>26</v>
      </c>
      <c r="F8766" t="s">
        <v>10</v>
      </c>
      <c r="G8766" t="s">
        <v>23</v>
      </c>
      <c r="H8766" t="s">
        <v>989</v>
      </c>
      <c r="I8766">
        <v>99.2</v>
      </c>
      <c r="J8766">
        <v>5</v>
      </c>
      <c r="K8766">
        <v>25.79</v>
      </c>
    </row>
    <row r="8767" spans="1:11" x14ac:dyDescent="0.3">
      <c r="A8767" s="1">
        <v>43007</v>
      </c>
      <c r="B8767" s="3">
        <f t="shared" si="272"/>
        <v>9</v>
      </c>
      <c r="C8767" s="3">
        <f t="shared" si="273"/>
        <v>2017</v>
      </c>
      <c r="D8767" t="s">
        <v>1494</v>
      </c>
      <c r="E8767" t="s">
        <v>148</v>
      </c>
      <c r="F8767" t="s">
        <v>10</v>
      </c>
      <c r="G8767" t="s">
        <v>62</v>
      </c>
      <c r="H8767" t="s">
        <v>1419</v>
      </c>
      <c r="I8767">
        <v>7.98</v>
      </c>
      <c r="J8767">
        <v>3</v>
      </c>
      <c r="K8767">
        <v>3.91</v>
      </c>
    </row>
    <row r="8768" spans="1:11" x14ac:dyDescent="0.3">
      <c r="A8768" s="1">
        <v>43007</v>
      </c>
      <c r="B8768" s="3">
        <f t="shared" si="272"/>
        <v>9</v>
      </c>
      <c r="C8768" s="3">
        <f t="shared" si="273"/>
        <v>2017</v>
      </c>
      <c r="D8768" t="s">
        <v>1651</v>
      </c>
      <c r="E8768" t="s">
        <v>26</v>
      </c>
      <c r="F8768" t="s">
        <v>10</v>
      </c>
      <c r="G8768" t="s">
        <v>199</v>
      </c>
      <c r="H8768" t="s">
        <v>1457</v>
      </c>
      <c r="I8768">
        <v>97.3</v>
      </c>
      <c r="J8768">
        <v>7</v>
      </c>
      <c r="K8768">
        <v>28.22</v>
      </c>
    </row>
    <row r="8769" spans="1:11" x14ac:dyDescent="0.3">
      <c r="A8769" s="1">
        <v>43008</v>
      </c>
      <c r="B8769" s="3">
        <f t="shared" si="272"/>
        <v>9</v>
      </c>
      <c r="C8769" s="3">
        <f t="shared" si="273"/>
        <v>2017</v>
      </c>
      <c r="D8769" t="s">
        <v>1787</v>
      </c>
      <c r="E8769" t="s">
        <v>163</v>
      </c>
      <c r="F8769" t="s">
        <v>10</v>
      </c>
      <c r="G8769" t="s">
        <v>11</v>
      </c>
      <c r="H8769" t="s">
        <v>1417</v>
      </c>
      <c r="I8769">
        <v>11.76</v>
      </c>
      <c r="J8769">
        <v>2</v>
      </c>
      <c r="K8769">
        <v>5.76</v>
      </c>
    </row>
    <row r="8770" spans="1:11" x14ac:dyDescent="0.3">
      <c r="A8770" s="1">
        <v>43008</v>
      </c>
      <c r="B8770" s="3">
        <f t="shared" ref="B8770:B8833" si="274">MONTH(A:A)</f>
        <v>9</v>
      </c>
      <c r="C8770" s="3">
        <f t="shared" ref="C8770:C8833" si="275">YEAR(A:A)</f>
        <v>2017</v>
      </c>
      <c r="D8770" t="s">
        <v>1787</v>
      </c>
      <c r="E8770" t="s">
        <v>163</v>
      </c>
      <c r="F8770" t="s">
        <v>10</v>
      </c>
      <c r="G8770" t="s">
        <v>11</v>
      </c>
      <c r="H8770" t="s">
        <v>1608</v>
      </c>
      <c r="I8770">
        <v>167.94</v>
      </c>
      <c r="J8770">
        <v>3</v>
      </c>
      <c r="K8770">
        <v>82.29</v>
      </c>
    </row>
    <row r="8771" spans="1:11" x14ac:dyDescent="0.3">
      <c r="A8771" s="1">
        <v>43008</v>
      </c>
      <c r="B8771" s="3">
        <f t="shared" si="274"/>
        <v>9</v>
      </c>
      <c r="C8771" s="3">
        <f t="shared" si="275"/>
        <v>2017</v>
      </c>
      <c r="D8771" t="s">
        <v>1787</v>
      </c>
      <c r="E8771" t="s">
        <v>163</v>
      </c>
      <c r="F8771" t="s">
        <v>10</v>
      </c>
      <c r="G8771" t="s">
        <v>91</v>
      </c>
      <c r="H8771" t="s">
        <v>775</v>
      </c>
      <c r="I8771">
        <v>3.89</v>
      </c>
      <c r="J8771">
        <v>1</v>
      </c>
      <c r="K8771">
        <v>1.01</v>
      </c>
    </row>
    <row r="8772" spans="1:11" x14ac:dyDescent="0.3">
      <c r="A8772" s="1">
        <v>43008</v>
      </c>
      <c r="B8772" s="3">
        <f t="shared" si="274"/>
        <v>9</v>
      </c>
      <c r="C8772" s="3">
        <f t="shared" si="275"/>
        <v>2017</v>
      </c>
      <c r="D8772" t="s">
        <v>671</v>
      </c>
      <c r="E8772" t="s">
        <v>530</v>
      </c>
      <c r="F8772" t="s">
        <v>10</v>
      </c>
      <c r="G8772" t="s">
        <v>11</v>
      </c>
      <c r="H8772" t="s">
        <v>1758</v>
      </c>
      <c r="I8772">
        <v>164.88</v>
      </c>
      <c r="J8772">
        <v>3</v>
      </c>
      <c r="K8772">
        <v>80.790000000000006</v>
      </c>
    </row>
    <row r="8773" spans="1:11" x14ac:dyDescent="0.3">
      <c r="A8773" s="1">
        <v>43008</v>
      </c>
      <c r="B8773" s="3">
        <f t="shared" si="274"/>
        <v>9</v>
      </c>
      <c r="C8773" s="3">
        <f t="shared" si="275"/>
        <v>2017</v>
      </c>
      <c r="D8773" t="s">
        <v>694</v>
      </c>
      <c r="E8773" t="s">
        <v>26</v>
      </c>
      <c r="F8773" t="s">
        <v>38</v>
      </c>
      <c r="G8773" t="s">
        <v>51</v>
      </c>
      <c r="H8773" t="s">
        <v>2001</v>
      </c>
      <c r="I8773">
        <v>159.97999999999999</v>
      </c>
      <c r="J8773">
        <v>2</v>
      </c>
      <c r="K8773">
        <v>47.99</v>
      </c>
    </row>
    <row r="8774" spans="1:11" x14ac:dyDescent="0.3">
      <c r="A8774" s="1">
        <v>43008</v>
      </c>
      <c r="B8774" s="3">
        <f t="shared" si="274"/>
        <v>9</v>
      </c>
      <c r="C8774" s="3">
        <f t="shared" si="275"/>
        <v>2017</v>
      </c>
      <c r="D8774" t="s">
        <v>958</v>
      </c>
      <c r="E8774" t="s">
        <v>22</v>
      </c>
      <c r="F8774" t="s">
        <v>10</v>
      </c>
      <c r="G8774" t="s">
        <v>15</v>
      </c>
      <c r="H8774" t="s">
        <v>2122</v>
      </c>
      <c r="I8774">
        <v>20.66</v>
      </c>
      <c r="J8774">
        <v>7</v>
      </c>
      <c r="K8774">
        <v>6.97</v>
      </c>
    </row>
    <row r="8775" spans="1:11" x14ac:dyDescent="0.3">
      <c r="A8775" s="1">
        <v>43008</v>
      </c>
      <c r="B8775" s="3">
        <f t="shared" si="274"/>
        <v>9</v>
      </c>
      <c r="C8775" s="3">
        <f t="shared" si="275"/>
        <v>2017</v>
      </c>
      <c r="D8775" t="s">
        <v>342</v>
      </c>
      <c r="E8775" t="s">
        <v>9</v>
      </c>
      <c r="F8775" t="s">
        <v>10</v>
      </c>
      <c r="G8775" t="s">
        <v>19</v>
      </c>
      <c r="H8775" t="s">
        <v>1366</v>
      </c>
      <c r="I8775">
        <v>11.65</v>
      </c>
      <c r="J8775">
        <v>9</v>
      </c>
      <c r="K8775">
        <v>-17.47</v>
      </c>
    </row>
    <row r="8776" spans="1:11" x14ac:dyDescent="0.3">
      <c r="A8776" s="1">
        <v>43009</v>
      </c>
      <c r="B8776" s="3">
        <f t="shared" si="274"/>
        <v>10</v>
      </c>
      <c r="C8776" s="3">
        <f t="shared" si="275"/>
        <v>2017</v>
      </c>
      <c r="D8776" t="s">
        <v>1537</v>
      </c>
      <c r="E8776" t="s">
        <v>9</v>
      </c>
      <c r="F8776" t="s">
        <v>10</v>
      </c>
      <c r="G8776" t="s">
        <v>23</v>
      </c>
      <c r="H8776" t="s">
        <v>2304</v>
      </c>
      <c r="I8776">
        <v>6.67</v>
      </c>
      <c r="J8776">
        <v>6</v>
      </c>
      <c r="K8776">
        <v>0.5</v>
      </c>
    </row>
    <row r="8777" spans="1:11" x14ac:dyDescent="0.3">
      <c r="A8777" s="1">
        <v>43009</v>
      </c>
      <c r="B8777" s="3">
        <f t="shared" si="274"/>
        <v>10</v>
      </c>
      <c r="C8777" s="3">
        <f t="shared" si="275"/>
        <v>2017</v>
      </c>
      <c r="D8777" t="s">
        <v>737</v>
      </c>
      <c r="E8777" t="s">
        <v>163</v>
      </c>
      <c r="F8777" t="s">
        <v>10</v>
      </c>
      <c r="G8777" t="s">
        <v>11</v>
      </c>
      <c r="H8777" t="s">
        <v>1149</v>
      </c>
      <c r="I8777">
        <v>91.84</v>
      </c>
      <c r="J8777">
        <v>8</v>
      </c>
      <c r="K8777">
        <v>45</v>
      </c>
    </row>
    <row r="8778" spans="1:11" x14ac:dyDescent="0.3">
      <c r="A8778" s="1">
        <v>43009</v>
      </c>
      <c r="B8778" s="3">
        <f t="shared" si="274"/>
        <v>10</v>
      </c>
      <c r="C8778" s="3">
        <f t="shared" si="275"/>
        <v>2017</v>
      </c>
      <c r="D8778" t="s">
        <v>737</v>
      </c>
      <c r="E8778" t="s">
        <v>163</v>
      </c>
      <c r="F8778" t="s">
        <v>10</v>
      </c>
      <c r="G8778" t="s">
        <v>19</v>
      </c>
      <c r="H8778" t="s">
        <v>1648</v>
      </c>
      <c r="I8778">
        <v>81.09</v>
      </c>
      <c r="J8778">
        <v>7</v>
      </c>
      <c r="K8778">
        <v>27.37</v>
      </c>
    </row>
    <row r="8779" spans="1:11" x14ac:dyDescent="0.3">
      <c r="A8779" s="1">
        <v>43009</v>
      </c>
      <c r="B8779" s="3">
        <f t="shared" si="274"/>
        <v>10</v>
      </c>
      <c r="C8779" s="3">
        <f t="shared" si="275"/>
        <v>2017</v>
      </c>
      <c r="D8779" t="s">
        <v>737</v>
      </c>
      <c r="E8779" t="s">
        <v>163</v>
      </c>
      <c r="F8779" t="s">
        <v>10</v>
      </c>
      <c r="G8779" t="s">
        <v>11</v>
      </c>
      <c r="H8779" t="s">
        <v>2107</v>
      </c>
      <c r="I8779">
        <v>19.440000000000001</v>
      </c>
      <c r="J8779">
        <v>3</v>
      </c>
      <c r="K8779">
        <v>9.33</v>
      </c>
    </row>
    <row r="8780" spans="1:11" x14ac:dyDescent="0.3">
      <c r="A8780" s="1">
        <v>43009</v>
      </c>
      <c r="B8780" s="3">
        <f t="shared" si="274"/>
        <v>10</v>
      </c>
      <c r="C8780" s="3">
        <f t="shared" si="275"/>
        <v>2017</v>
      </c>
      <c r="D8780" t="s">
        <v>737</v>
      </c>
      <c r="E8780" t="s">
        <v>163</v>
      </c>
      <c r="F8780" t="s">
        <v>33</v>
      </c>
      <c r="G8780" t="s">
        <v>34</v>
      </c>
      <c r="H8780" t="s">
        <v>993</v>
      </c>
      <c r="I8780">
        <v>451.15</v>
      </c>
      <c r="J8780">
        <v>3</v>
      </c>
      <c r="K8780">
        <v>0</v>
      </c>
    </row>
    <row r="8781" spans="1:11" x14ac:dyDescent="0.3">
      <c r="A8781" s="1">
        <v>43009</v>
      </c>
      <c r="B8781" s="3">
        <f t="shared" si="274"/>
        <v>10</v>
      </c>
      <c r="C8781" s="3">
        <f t="shared" si="275"/>
        <v>2017</v>
      </c>
      <c r="D8781" t="s">
        <v>2630</v>
      </c>
      <c r="E8781" t="s">
        <v>26</v>
      </c>
      <c r="F8781" t="s">
        <v>10</v>
      </c>
      <c r="G8781" t="s">
        <v>19</v>
      </c>
      <c r="H8781" t="s">
        <v>204</v>
      </c>
      <c r="I8781">
        <v>1.44</v>
      </c>
      <c r="J8781">
        <v>1</v>
      </c>
      <c r="K8781">
        <v>0.5</v>
      </c>
    </row>
    <row r="8782" spans="1:11" x14ac:dyDescent="0.3">
      <c r="A8782" s="1">
        <v>43009</v>
      </c>
      <c r="B8782" s="3">
        <f t="shared" si="274"/>
        <v>10</v>
      </c>
      <c r="C8782" s="3">
        <f t="shared" si="275"/>
        <v>2017</v>
      </c>
      <c r="D8782" t="s">
        <v>2630</v>
      </c>
      <c r="E8782" t="s">
        <v>26</v>
      </c>
      <c r="F8782" t="s">
        <v>10</v>
      </c>
      <c r="G8782" t="s">
        <v>19</v>
      </c>
      <c r="H8782" t="s">
        <v>117</v>
      </c>
      <c r="I8782">
        <v>61.78</v>
      </c>
      <c r="J8782">
        <v>13</v>
      </c>
      <c r="K8782">
        <v>20.85</v>
      </c>
    </row>
    <row r="8783" spans="1:11" x14ac:dyDescent="0.3">
      <c r="A8783" s="1">
        <v>43009</v>
      </c>
      <c r="B8783" s="3">
        <f t="shared" si="274"/>
        <v>10</v>
      </c>
      <c r="C8783" s="3">
        <f t="shared" si="275"/>
        <v>2017</v>
      </c>
      <c r="D8783" t="s">
        <v>2630</v>
      </c>
      <c r="E8783" t="s">
        <v>26</v>
      </c>
      <c r="F8783" t="s">
        <v>10</v>
      </c>
      <c r="G8783" t="s">
        <v>91</v>
      </c>
      <c r="H8783" t="s">
        <v>2315</v>
      </c>
      <c r="I8783">
        <v>241.96</v>
      </c>
      <c r="J8783">
        <v>2</v>
      </c>
      <c r="K8783">
        <v>60.49</v>
      </c>
    </row>
    <row r="8784" spans="1:11" x14ac:dyDescent="0.3">
      <c r="A8784" s="1">
        <v>43009</v>
      </c>
      <c r="B8784" s="3">
        <f t="shared" si="274"/>
        <v>10</v>
      </c>
      <c r="C8784" s="3">
        <f t="shared" si="275"/>
        <v>2017</v>
      </c>
      <c r="D8784" t="s">
        <v>2630</v>
      </c>
      <c r="E8784" t="s">
        <v>26</v>
      </c>
      <c r="F8784" t="s">
        <v>33</v>
      </c>
      <c r="G8784" t="s">
        <v>34</v>
      </c>
      <c r="H8784" t="s">
        <v>1023</v>
      </c>
      <c r="I8784">
        <v>108.61</v>
      </c>
      <c r="J8784">
        <v>4</v>
      </c>
      <c r="K8784">
        <v>9.5</v>
      </c>
    </row>
    <row r="8785" spans="1:11" x14ac:dyDescent="0.3">
      <c r="A8785" s="1">
        <v>43009</v>
      </c>
      <c r="B8785" s="3">
        <f t="shared" si="274"/>
        <v>10</v>
      </c>
      <c r="C8785" s="3">
        <f t="shared" si="275"/>
        <v>2017</v>
      </c>
      <c r="D8785" t="s">
        <v>1961</v>
      </c>
      <c r="E8785" t="s">
        <v>148</v>
      </c>
      <c r="F8785" t="s">
        <v>38</v>
      </c>
      <c r="G8785" t="s">
        <v>301</v>
      </c>
      <c r="H8785" t="s">
        <v>2149</v>
      </c>
      <c r="I8785">
        <v>1704.89</v>
      </c>
      <c r="J8785">
        <v>11</v>
      </c>
      <c r="K8785">
        <v>767.2</v>
      </c>
    </row>
    <row r="8786" spans="1:11" x14ac:dyDescent="0.3">
      <c r="A8786" s="1">
        <v>43009</v>
      </c>
      <c r="B8786" s="3">
        <f t="shared" si="274"/>
        <v>10</v>
      </c>
      <c r="C8786" s="3">
        <f t="shared" si="275"/>
        <v>2017</v>
      </c>
      <c r="D8786" t="s">
        <v>1932</v>
      </c>
      <c r="E8786" t="s">
        <v>995</v>
      </c>
      <c r="F8786" t="s">
        <v>10</v>
      </c>
      <c r="G8786" t="s">
        <v>11</v>
      </c>
      <c r="H8786" t="s">
        <v>2242</v>
      </c>
      <c r="I8786">
        <v>104.85</v>
      </c>
      <c r="J8786">
        <v>1</v>
      </c>
      <c r="K8786">
        <v>50.33</v>
      </c>
    </row>
    <row r="8787" spans="1:11" x14ac:dyDescent="0.3">
      <c r="A8787" s="1">
        <v>43009</v>
      </c>
      <c r="B8787" s="3">
        <f t="shared" si="274"/>
        <v>10</v>
      </c>
      <c r="C8787" s="3">
        <f t="shared" si="275"/>
        <v>2017</v>
      </c>
      <c r="D8787" t="s">
        <v>1442</v>
      </c>
      <c r="E8787" t="s">
        <v>26</v>
      </c>
      <c r="F8787" t="s">
        <v>38</v>
      </c>
      <c r="G8787" t="s">
        <v>51</v>
      </c>
      <c r="H8787" t="s">
        <v>1835</v>
      </c>
      <c r="I8787">
        <v>104.75</v>
      </c>
      <c r="J8787">
        <v>5</v>
      </c>
      <c r="K8787">
        <v>22</v>
      </c>
    </row>
    <row r="8788" spans="1:11" x14ac:dyDescent="0.3">
      <c r="A8788" s="1">
        <v>43010</v>
      </c>
      <c r="B8788" s="3">
        <f t="shared" si="274"/>
        <v>10</v>
      </c>
      <c r="C8788" s="3">
        <f t="shared" si="275"/>
        <v>2017</v>
      </c>
      <c r="D8788" t="s">
        <v>1075</v>
      </c>
      <c r="E8788" t="s">
        <v>109</v>
      </c>
      <c r="F8788" t="s">
        <v>10</v>
      </c>
      <c r="G8788" t="s">
        <v>19</v>
      </c>
      <c r="H8788" t="s">
        <v>547</v>
      </c>
      <c r="I8788">
        <v>58.05</v>
      </c>
      <c r="J8788">
        <v>3</v>
      </c>
      <c r="K8788">
        <v>26.7</v>
      </c>
    </row>
    <row r="8789" spans="1:11" x14ac:dyDescent="0.3">
      <c r="A8789" s="1">
        <v>43010</v>
      </c>
      <c r="B8789" s="3">
        <f t="shared" si="274"/>
        <v>10</v>
      </c>
      <c r="C8789" s="3">
        <f t="shared" si="275"/>
        <v>2017</v>
      </c>
      <c r="D8789" t="s">
        <v>1075</v>
      </c>
      <c r="E8789" t="s">
        <v>109</v>
      </c>
      <c r="F8789" t="s">
        <v>33</v>
      </c>
      <c r="G8789" t="s">
        <v>46</v>
      </c>
      <c r="H8789" t="s">
        <v>981</v>
      </c>
      <c r="I8789">
        <v>157.74</v>
      </c>
      <c r="J8789">
        <v>11</v>
      </c>
      <c r="K8789">
        <v>56.79</v>
      </c>
    </row>
    <row r="8790" spans="1:11" x14ac:dyDescent="0.3">
      <c r="A8790" s="1">
        <v>43010</v>
      </c>
      <c r="B8790" s="3">
        <f t="shared" si="274"/>
        <v>10</v>
      </c>
      <c r="C8790" s="3">
        <f t="shared" si="275"/>
        <v>2017</v>
      </c>
      <c r="D8790" t="s">
        <v>1075</v>
      </c>
      <c r="E8790" t="s">
        <v>109</v>
      </c>
      <c r="F8790" t="s">
        <v>10</v>
      </c>
      <c r="G8790" t="s">
        <v>23</v>
      </c>
      <c r="H8790" t="s">
        <v>24</v>
      </c>
      <c r="I8790">
        <v>56.98</v>
      </c>
      <c r="J8790">
        <v>7</v>
      </c>
      <c r="K8790">
        <v>22.79</v>
      </c>
    </row>
    <row r="8791" spans="1:11" x14ac:dyDescent="0.3">
      <c r="A8791" s="1">
        <v>43010</v>
      </c>
      <c r="B8791" s="3">
        <f t="shared" si="274"/>
        <v>10</v>
      </c>
      <c r="C8791" s="3">
        <f t="shared" si="275"/>
        <v>2017</v>
      </c>
      <c r="D8791" t="s">
        <v>1075</v>
      </c>
      <c r="E8791" t="s">
        <v>109</v>
      </c>
      <c r="F8791" t="s">
        <v>10</v>
      </c>
      <c r="G8791" t="s">
        <v>19</v>
      </c>
      <c r="H8791" t="s">
        <v>898</v>
      </c>
      <c r="I8791">
        <v>2.88</v>
      </c>
      <c r="J8791">
        <v>1</v>
      </c>
      <c r="K8791">
        <v>1.41</v>
      </c>
    </row>
    <row r="8792" spans="1:11" x14ac:dyDescent="0.3">
      <c r="A8792" s="1">
        <v>43010</v>
      </c>
      <c r="B8792" s="3">
        <f t="shared" si="274"/>
        <v>10</v>
      </c>
      <c r="C8792" s="3">
        <f t="shared" si="275"/>
        <v>2017</v>
      </c>
      <c r="D8792" t="s">
        <v>2100</v>
      </c>
      <c r="E8792" t="s">
        <v>148</v>
      </c>
      <c r="F8792" t="s">
        <v>10</v>
      </c>
      <c r="G8792" t="s">
        <v>11</v>
      </c>
      <c r="H8792" t="s">
        <v>2644</v>
      </c>
      <c r="I8792">
        <v>49.12</v>
      </c>
      <c r="J8792">
        <v>4</v>
      </c>
      <c r="K8792">
        <v>23.09</v>
      </c>
    </row>
    <row r="8793" spans="1:11" x14ac:dyDescent="0.3">
      <c r="A8793" s="1">
        <v>43010</v>
      </c>
      <c r="B8793" s="3">
        <f t="shared" si="274"/>
        <v>10</v>
      </c>
      <c r="C8793" s="3">
        <f t="shared" si="275"/>
        <v>2017</v>
      </c>
      <c r="D8793" t="s">
        <v>882</v>
      </c>
      <c r="E8793" t="s">
        <v>148</v>
      </c>
      <c r="F8793" t="s">
        <v>38</v>
      </c>
      <c r="G8793" t="s">
        <v>39</v>
      </c>
      <c r="H8793" t="s">
        <v>875</v>
      </c>
      <c r="I8793">
        <v>65.989999999999995</v>
      </c>
      <c r="J8793">
        <v>1</v>
      </c>
      <c r="K8793">
        <v>17.16</v>
      </c>
    </row>
    <row r="8794" spans="1:11" x14ac:dyDescent="0.3">
      <c r="A8794" s="1">
        <v>43010</v>
      </c>
      <c r="B8794" s="3">
        <f t="shared" si="274"/>
        <v>10</v>
      </c>
      <c r="C8794" s="3">
        <f t="shared" si="275"/>
        <v>2017</v>
      </c>
      <c r="D8794" t="s">
        <v>695</v>
      </c>
      <c r="E8794" t="s">
        <v>163</v>
      </c>
      <c r="F8794" t="s">
        <v>10</v>
      </c>
      <c r="G8794" t="s">
        <v>42</v>
      </c>
      <c r="H8794" t="s">
        <v>159</v>
      </c>
      <c r="I8794">
        <v>8.94</v>
      </c>
      <c r="J8794">
        <v>3</v>
      </c>
      <c r="K8794">
        <v>4.1100000000000003</v>
      </c>
    </row>
    <row r="8795" spans="1:11" x14ac:dyDescent="0.3">
      <c r="A8795" s="1">
        <v>43010</v>
      </c>
      <c r="B8795" s="3">
        <f t="shared" si="274"/>
        <v>10</v>
      </c>
      <c r="C8795" s="3">
        <f t="shared" si="275"/>
        <v>2017</v>
      </c>
      <c r="D8795" t="s">
        <v>695</v>
      </c>
      <c r="E8795" t="s">
        <v>163</v>
      </c>
      <c r="F8795" t="s">
        <v>38</v>
      </c>
      <c r="G8795" t="s">
        <v>39</v>
      </c>
      <c r="H8795" t="s">
        <v>1924</v>
      </c>
      <c r="I8795">
        <v>84.78</v>
      </c>
      <c r="J8795">
        <v>2</v>
      </c>
      <c r="K8795">
        <v>-20.14</v>
      </c>
    </row>
    <row r="8796" spans="1:11" x14ac:dyDescent="0.3">
      <c r="A8796" s="1">
        <v>43010</v>
      </c>
      <c r="B8796" s="3">
        <f t="shared" si="274"/>
        <v>10</v>
      </c>
      <c r="C8796" s="3">
        <f t="shared" si="275"/>
        <v>2017</v>
      </c>
      <c r="D8796" t="s">
        <v>946</v>
      </c>
      <c r="E8796" t="s">
        <v>26</v>
      </c>
      <c r="F8796" t="s">
        <v>10</v>
      </c>
      <c r="G8796" t="s">
        <v>19</v>
      </c>
      <c r="H8796" t="s">
        <v>1111</v>
      </c>
      <c r="I8796">
        <v>112.12</v>
      </c>
      <c r="J8796">
        <v>5</v>
      </c>
      <c r="K8796">
        <v>42.05</v>
      </c>
    </row>
    <row r="8797" spans="1:11" x14ac:dyDescent="0.3">
      <c r="A8797" s="1">
        <v>43010</v>
      </c>
      <c r="B8797" s="3">
        <f t="shared" si="274"/>
        <v>10</v>
      </c>
      <c r="C8797" s="3">
        <f t="shared" si="275"/>
        <v>2017</v>
      </c>
      <c r="D8797" t="s">
        <v>946</v>
      </c>
      <c r="E8797" t="s">
        <v>26</v>
      </c>
      <c r="F8797" t="s">
        <v>10</v>
      </c>
      <c r="G8797" t="s">
        <v>17</v>
      </c>
      <c r="H8797" t="s">
        <v>1571</v>
      </c>
      <c r="I8797">
        <v>1575.14</v>
      </c>
      <c r="J8797">
        <v>7</v>
      </c>
      <c r="K8797">
        <v>204.77</v>
      </c>
    </row>
    <row r="8798" spans="1:11" x14ac:dyDescent="0.3">
      <c r="A8798" s="1">
        <v>43010</v>
      </c>
      <c r="B8798" s="3">
        <f t="shared" si="274"/>
        <v>10</v>
      </c>
      <c r="C8798" s="3">
        <f t="shared" si="275"/>
        <v>2017</v>
      </c>
      <c r="D8798" t="s">
        <v>723</v>
      </c>
      <c r="E8798" t="s">
        <v>119</v>
      </c>
      <c r="F8798" t="s">
        <v>33</v>
      </c>
      <c r="G8798" t="s">
        <v>46</v>
      </c>
      <c r="H8798" t="s">
        <v>1531</v>
      </c>
      <c r="I8798">
        <v>11.81</v>
      </c>
      <c r="J8798">
        <v>2</v>
      </c>
      <c r="K8798">
        <v>1.33</v>
      </c>
    </row>
    <row r="8799" spans="1:11" x14ac:dyDescent="0.3">
      <c r="A8799" s="1">
        <v>43010</v>
      </c>
      <c r="B8799" s="3">
        <f t="shared" si="274"/>
        <v>10</v>
      </c>
      <c r="C8799" s="3">
        <f t="shared" si="275"/>
        <v>2017</v>
      </c>
      <c r="D8799" t="s">
        <v>723</v>
      </c>
      <c r="E8799" t="s">
        <v>119</v>
      </c>
      <c r="F8799" t="s">
        <v>33</v>
      </c>
      <c r="G8799" t="s">
        <v>46</v>
      </c>
      <c r="H8799" t="s">
        <v>2575</v>
      </c>
      <c r="I8799">
        <v>9.66</v>
      </c>
      <c r="J8799">
        <v>1</v>
      </c>
      <c r="K8799">
        <v>1.57</v>
      </c>
    </row>
    <row r="8800" spans="1:11" x14ac:dyDescent="0.3">
      <c r="A8800" s="1">
        <v>43010</v>
      </c>
      <c r="B8800" s="3">
        <f t="shared" si="274"/>
        <v>10</v>
      </c>
      <c r="C8800" s="3">
        <f t="shared" si="275"/>
        <v>2017</v>
      </c>
      <c r="D8800" t="s">
        <v>723</v>
      </c>
      <c r="E8800" t="s">
        <v>119</v>
      </c>
      <c r="F8800" t="s">
        <v>10</v>
      </c>
      <c r="G8800" t="s">
        <v>11</v>
      </c>
      <c r="H8800" t="s">
        <v>2271</v>
      </c>
      <c r="I8800">
        <v>20.74</v>
      </c>
      <c r="J8800">
        <v>4</v>
      </c>
      <c r="K8800">
        <v>7.26</v>
      </c>
    </row>
    <row r="8801" spans="1:11" x14ac:dyDescent="0.3">
      <c r="A8801" s="1">
        <v>43010</v>
      </c>
      <c r="B8801" s="3">
        <f t="shared" si="274"/>
        <v>10</v>
      </c>
      <c r="C8801" s="3">
        <f t="shared" si="275"/>
        <v>2017</v>
      </c>
      <c r="D8801" t="s">
        <v>723</v>
      </c>
      <c r="E8801" t="s">
        <v>119</v>
      </c>
      <c r="F8801" t="s">
        <v>10</v>
      </c>
      <c r="G8801" t="s">
        <v>19</v>
      </c>
      <c r="H8801" t="s">
        <v>700</v>
      </c>
      <c r="I8801">
        <v>27.36</v>
      </c>
      <c r="J8801">
        <v>3</v>
      </c>
      <c r="K8801">
        <v>-21.89</v>
      </c>
    </row>
    <row r="8802" spans="1:11" x14ac:dyDescent="0.3">
      <c r="A8802" s="1">
        <v>43010</v>
      </c>
      <c r="B8802" s="3">
        <f t="shared" si="274"/>
        <v>10</v>
      </c>
      <c r="C8802" s="3">
        <f t="shared" si="275"/>
        <v>2017</v>
      </c>
      <c r="D8802" t="s">
        <v>723</v>
      </c>
      <c r="E8802" t="s">
        <v>119</v>
      </c>
      <c r="F8802" t="s">
        <v>33</v>
      </c>
      <c r="G8802" t="s">
        <v>144</v>
      </c>
      <c r="H8802" t="s">
        <v>401</v>
      </c>
      <c r="I8802">
        <v>2314.12</v>
      </c>
      <c r="J8802">
        <v>7</v>
      </c>
      <c r="K8802">
        <v>-1002.78</v>
      </c>
    </row>
    <row r="8803" spans="1:11" x14ac:dyDescent="0.3">
      <c r="A8803" s="1">
        <v>43010</v>
      </c>
      <c r="B8803" s="3">
        <f t="shared" si="274"/>
        <v>10</v>
      </c>
      <c r="C8803" s="3">
        <f t="shared" si="275"/>
        <v>2017</v>
      </c>
      <c r="D8803" t="s">
        <v>723</v>
      </c>
      <c r="E8803" t="s">
        <v>119</v>
      </c>
      <c r="F8803" t="s">
        <v>10</v>
      </c>
      <c r="G8803" t="s">
        <v>19</v>
      </c>
      <c r="H8803" t="s">
        <v>1826</v>
      </c>
      <c r="I8803">
        <v>34.24</v>
      </c>
      <c r="J8803">
        <v>4</v>
      </c>
      <c r="K8803">
        <v>-26.25</v>
      </c>
    </row>
    <row r="8804" spans="1:11" x14ac:dyDescent="0.3">
      <c r="A8804" s="1">
        <v>43010</v>
      </c>
      <c r="B8804" s="3">
        <f t="shared" si="274"/>
        <v>10</v>
      </c>
      <c r="C8804" s="3">
        <f t="shared" si="275"/>
        <v>2017</v>
      </c>
      <c r="D8804" t="s">
        <v>723</v>
      </c>
      <c r="E8804" t="s">
        <v>119</v>
      </c>
      <c r="F8804" t="s">
        <v>33</v>
      </c>
      <c r="G8804" t="s">
        <v>46</v>
      </c>
      <c r="H8804" t="s">
        <v>1106</v>
      </c>
      <c r="I8804">
        <v>19.760000000000002</v>
      </c>
      <c r="J8804">
        <v>2</v>
      </c>
      <c r="K8804">
        <v>5.93</v>
      </c>
    </row>
    <row r="8805" spans="1:11" x14ac:dyDescent="0.3">
      <c r="A8805" s="1">
        <v>43010</v>
      </c>
      <c r="B8805" s="3">
        <f t="shared" si="274"/>
        <v>10</v>
      </c>
      <c r="C8805" s="3">
        <f t="shared" si="275"/>
        <v>2017</v>
      </c>
      <c r="D8805" t="s">
        <v>2047</v>
      </c>
      <c r="E8805" t="s">
        <v>487</v>
      </c>
      <c r="F8805" t="s">
        <v>33</v>
      </c>
      <c r="G8805" t="s">
        <v>46</v>
      </c>
      <c r="H8805" t="s">
        <v>2396</v>
      </c>
      <c r="I8805">
        <v>10.16</v>
      </c>
      <c r="J8805">
        <v>2</v>
      </c>
      <c r="K8805">
        <v>3.45</v>
      </c>
    </row>
    <row r="8806" spans="1:11" x14ac:dyDescent="0.3">
      <c r="A8806" s="1">
        <v>43010</v>
      </c>
      <c r="B8806" s="3">
        <f t="shared" si="274"/>
        <v>10</v>
      </c>
      <c r="C8806" s="3">
        <f t="shared" si="275"/>
        <v>2017</v>
      </c>
      <c r="D8806" t="s">
        <v>2038</v>
      </c>
      <c r="E8806" t="s">
        <v>90</v>
      </c>
      <c r="F8806" t="s">
        <v>33</v>
      </c>
      <c r="G8806" t="s">
        <v>73</v>
      </c>
      <c r="H8806" t="s">
        <v>98</v>
      </c>
      <c r="I8806">
        <v>217.76</v>
      </c>
      <c r="J8806">
        <v>6</v>
      </c>
      <c r="K8806">
        <v>-384.72</v>
      </c>
    </row>
    <row r="8807" spans="1:11" x14ac:dyDescent="0.3">
      <c r="A8807" s="1">
        <v>43010</v>
      </c>
      <c r="B8807" s="3">
        <f t="shared" si="274"/>
        <v>10</v>
      </c>
      <c r="C8807" s="3">
        <f t="shared" si="275"/>
        <v>2017</v>
      </c>
      <c r="D8807" t="s">
        <v>2038</v>
      </c>
      <c r="E8807" t="s">
        <v>90</v>
      </c>
      <c r="F8807" t="s">
        <v>10</v>
      </c>
      <c r="G8807" t="s">
        <v>199</v>
      </c>
      <c r="H8807" t="s">
        <v>1009</v>
      </c>
      <c r="I8807">
        <v>39.07</v>
      </c>
      <c r="J8807">
        <v>6</v>
      </c>
      <c r="K8807">
        <v>4.4000000000000004</v>
      </c>
    </row>
    <row r="8808" spans="1:11" x14ac:dyDescent="0.3">
      <c r="A8808" s="1">
        <v>43010</v>
      </c>
      <c r="B8808" s="3">
        <f t="shared" si="274"/>
        <v>10</v>
      </c>
      <c r="C8808" s="3">
        <f t="shared" si="275"/>
        <v>2017</v>
      </c>
      <c r="D8808" t="s">
        <v>2038</v>
      </c>
      <c r="E8808" t="s">
        <v>90</v>
      </c>
      <c r="F8808" t="s">
        <v>10</v>
      </c>
      <c r="G8808" t="s">
        <v>19</v>
      </c>
      <c r="H8808" t="s">
        <v>95</v>
      </c>
      <c r="I8808">
        <v>22.64</v>
      </c>
      <c r="J8808">
        <v>7</v>
      </c>
      <c r="K8808">
        <v>-16.600000000000001</v>
      </c>
    </row>
    <row r="8809" spans="1:11" x14ac:dyDescent="0.3">
      <c r="A8809" s="1">
        <v>43010</v>
      </c>
      <c r="B8809" s="3">
        <f t="shared" si="274"/>
        <v>10</v>
      </c>
      <c r="C8809" s="3">
        <f t="shared" si="275"/>
        <v>2017</v>
      </c>
      <c r="D8809" t="s">
        <v>2038</v>
      </c>
      <c r="E8809" t="s">
        <v>90</v>
      </c>
      <c r="F8809" t="s">
        <v>10</v>
      </c>
      <c r="G8809" t="s">
        <v>23</v>
      </c>
      <c r="H8809" t="s">
        <v>2452</v>
      </c>
      <c r="I8809">
        <v>95.14</v>
      </c>
      <c r="J8809">
        <v>7</v>
      </c>
      <c r="K8809">
        <v>10.7</v>
      </c>
    </row>
    <row r="8810" spans="1:11" x14ac:dyDescent="0.3">
      <c r="A8810" s="1">
        <v>43010</v>
      </c>
      <c r="B8810" s="3">
        <f t="shared" si="274"/>
        <v>10</v>
      </c>
      <c r="C8810" s="3">
        <f t="shared" si="275"/>
        <v>2017</v>
      </c>
      <c r="D8810" t="s">
        <v>1985</v>
      </c>
      <c r="E8810" t="s">
        <v>26</v>
      </c>
      <c r="F8810" t="s">
        <v>33</v>
      </c>
      <c r="G8810" t="s">
        <v>46</v>
      </c>
      <c r="H8810" t="s">
        <v>590</v>
      </c>
      <c r="I8810">
        <v>17.46</v>
      </c>
      <c r="J8810">
        <v>2</v>
      </c>
      <c r="K8810">
        <v>5.94</v>
      </c>
    </row>
    <row r="8811" spans="1:11" x14ac:dyDescent="0.3">
      <c r="A8811" s="1">
        <v>43010</v>
      </c>
      <c r="B8811" s="3">
        <f t="shared" si="274"/>
        <v>10</v>
      </c>
      <c r="C8811" s="3">
        <f t="shared" si="275"/>
        <v>2017</v>
      </c>
      <c r="D8811" t="s">
        <v>1985</v>
      </c>
      <c r="E8811" t="s">
        <v>26</v>
      </c>
      <c r="F8811" t="s">
        <v>38</v>
      </c>
      <c r="G8811" t="s">
        <v>301</v>
      </c>
      <c r="H8811" t="s">
        <v>2351</v>
      </c>
      <c r="I8811">
        <v>369.16</v>
      </c>
      <c r="J8811">
        <v>11</v>
      </c>
      <c r="K8811">
        <v>32.299999999999997</v>
      </c>
    </row>
    <row r="8812" spans="1:11" x14ac:dyDescent="0.3">
      <c r="A8812" s="1">
        <v>43010</v>
      </c>
      <c r="B8812" s="3">
        <f t="shared" si="274"/>
        <v>10</v>
      </c>
      <c r="C8812" s="3">
        <f t="shared" si="275"/>
        <v>2017</v>
      </c>
      <c r="D8812" t="s">
        <v>1796</v>
      </c>
      <c r="E8812" t="s">
        <v>9</v>
      </c>
      <c r="F8812" t="s">
        <v>10</v>
      </c>
      <c r="G8812" t="s">
        <v>91</v>
      </c>
      <c r="H8812" t="s">
        <v>1079</v>
      </c>
      <c r="I8812">
        <v>15.22</v>
      </c>
      <c r="J8812">
        <v>2</v>
      </c>
      <c r="K8812">
        <v>-38.82</v>
      </c>
    </row>
    <row r="8813" spans="1:11" x14ac:dyDescent="0.3">
      <c r="A8813" s="1">
        <v>43010</v>
      </c>
      <c r="B8813" s="3">
        <f t="shared" si="274"/>
        <v>10</v>
      </c>
      <c r="C8813" s="3">
        <f t="shared" si="275"/>
        <v>2017</v>
      </c>
      <c r="D8813" t="s">
        <v>1796</v>
      </c>
      <c r="E8813" t="s">
        <v>9</v>
      </c>
      <c r="F8813" t="s">
        <v>10</v>
      </c>
      <c r="G8813" t="s">
        <v>91</v>
      </c>
      <c r="H8813" t="s">
        <v>1982</v>
      </c>
      <c r="I8813">
        <v>21.98</v>
      </c>
      <c r="J8813">
        <v>6</v>
      </c>
      <c r="K8813">
        <v>-56.06</v>
      </c>
    </row>
    <row r="8814" spans="1:11" x14ac:dyDescent="0.3">
      <c r="A8814" s="1">
        <v>43011</v>
      </c>
      <c r="B8814" s="3">
        <f t="shared" si="274"/>
        <v>10</v>
      </c>
      <c r="C8814" s="3">
        <f t="shared" si="275"/>
        <v>2017</v>
      </c>
      <c r="D8814" t="s">
        <v>1533</v>
      </c>
      <c r="E8814" t="s">
        <v>314</v>
      </c>
      <c r="F8814" t="s">
        <v>10</v>
      </c>
      <c r="G8814" t="s">
        <v>19</v>
      </c>
      <c r="H8814" t="s">
        <v>1141</v>
      </c>
      <c r="I8814">
        <v>1793.98</v>
      </c>
      <c r="J8814">
        <v>2</v>
      </c>
      <c r="K8814">
        <v>843.17</v>
      </c>
    </row>
    <row r="8815" spans="1:11" x14ac:dyDescent="0.3">
      <c r="A8815" s="1">
        <v>43011</v>
      </c>
      <c r="B8815" s="3">
        <f t="shared" si="274"/>
        <v>10</v>
      </c>
      <c r="C8815" s="3">
        <f t="shared" si="275"/>
        <v>2017</v>
      </c>
      <c r="D8815" t="s">
        <v>99</v>
      </c>
      <c r="E8815" t="s">
        <v>148</v>
      </c>
      <c r="F8815" t="s">
        <v>10</v>
      </c>
      <c r="G8815" t="s">
        <v>17</v>
      </c>
      <c r="H8815" t="s">
        <v>584</v>
      </c>
      <c r="I8815">
        <v>22.58</v>
      </c>
      <c r="J8815">
        <v>2</v>
      </c>
      <c r="K8815">
        <v>5.87</v>
      </c>
    </row>
    <row r="8816" spans="1:11" x14ac:dyDescent="0.3">
      <c r="A8816" s="1">
        <v>43011</v>
      </c>
      <c r="B8816" s="3">
        <f t="shared" si="274"/>
        <v>10</v>
      </c>
      <c r="C8816" s="3">
        <f t="shared" si="275"/>
        <v>2017</v>
      </c>
      <c r="D8816" t="s">
        <v>1032</v>
      </c>
      <c r="E8816" t="s">
        <v>26</v>
      </c>
      <c r="F8816" t="s">
        <v>33</v>
      </c>
      <c r="G8816" t="s">
        <v>144</v>
      </c>
      <c r="H8816" t="s">
        <v>817</v>
      </c>
      <c r="I8816">
        <v>171.29</v>
      </c>
      <c r="J8816">
        <v>3</v>
      </c>
      <c r="K8816">
        <v>-6.42</v>
      </c>
    </row>
    <row r="8817" spans="1:11" x14ac:dyDescent="0.3">
      <c r="A8817" s="1">
        <v>43011</v>
      </c>
      <c r="B8817" s="3">
        <f t="shared" si="274"/>
        <v>10</v>
      </c>
      <c r="C8817" s="3">
        <f t="shared" si="275"/>
        <v>2017</v>
      </c>
      <c r="D8817" t="s">
        <v>1545</v>
      </c>
      <c r="E8817" t="s">
        <v>122</v>
      </c>
      <c r="F8817" t="s">
        <v>10</v>
      </c>
      <c r="G8817" t="s">
        <v>11</v>
      </c>
      <c r="H8817" t="s">
        <v>2237</v>
      </c>
      <c r="I8817">
        <v>15.55</v>
      </c>
      <c r="J8817">
        <v>3</v>
      </c>
      <c r="K8817">
        <v>5.44</v>
      </c>
    </row>
    <row r="8818" spans="1:11" x14ac:dyDescent="0.3">
      <c r="A8818" s="1">
        <v>43011</v>
      </c>
      <c r="B8818" s="3">
        <f t="shared" si="274"/>
        <v>10</v>
      </c>
      <c r="C8818" s="3">
        <f t="shared" si="275"/>
        <v>2017</v>
      </c>
      <c r="D8818" t="s">
        <v>1545</v>
      </c>
      <c r="E8818" t="s">
        <v>122</v>
      </c>
      <c r="F8818" t="s">
        <v>10</v>
      </c>
      <c r="G8818" t="s">
        <v>91</v>
      </c>
      <c r="H8818" t="s">
        <v>1922</v>
      </c>
      <c r="I8818">
        <v>17.920000000000002</v>
      </c>
      <c r="J8818">
        <v>5</v>
      </c>
      <c r="K8818">
        <v>1.1200000000000001</v>
      </c>
    </row>
    <row r="8819" spans="1:11" x14ac:dyDescent="0.3">
      <c r="A8819" s="1">
        <v>43011</v>
      </c>
      <c r="B8819" s="3">
        <f t="shared" si="274"/>
        <v>10</v>
      </c>
      <c r="C8819" s="3">
        <f t="shared" si="275"/>
        <v>2017</v>
      </c>
      <c r="D8819" t="s">
        <v>2224</v>
      </c>
      <c r="E8819" t="s">
        <v>148</v>
      </c>
      <c r="F8819" t="s">
        <v>33</v>
      </c>
      <c r="G8819" t="s">
        <v>46</v>
      </c>
      <c r="H8819" t="s">
        <v>2622</v>
      </c>
      <c r="I8819">
        <v>83.92</v>
      </c>
      <c r="J8819">
        <v>4</v>
      </c>
      <c r="K8819">
        <v>21.82</v>
      </c>
    </row>
    <row r="8820" spans="1:11" x14ac:dyDescent="0.3">
      <c r="A8820" s="1">
        <v>43011</v>
      </c>
      <c r="B8820" s="3">
        <f t="shared" si="274"/>
        <v>10</v>
      </c>
      <c r="C8820" s="3">
        <f t="shared" si="275"/>
        <v>2017</v>
      </c>
      <c r="D8820" t="s">
        <v>2224</v>
      </c>
      <c r="E8820" t="s">
        <v>148</v>
      </c>
      <c r="F8820" t="s">
        <v>10</v>
      </c>
      <c r="G8820" t="s">
        <v>23</v>
      </c>
      <c r="H8820" t="s">
        <v>2690</v>
      </c>
      <c r="I8820">
        <v>6.63</v>
      </c>
      <c r="J8820">
        <v>3</v>
      </c>
      <c r="K8820">
        <v>3.12</v>
      </c>
    </row>
    <row r="8821" spans="1:11" x14ac:dyDescent="0.3">
      <c r="A8821" s="1">
        <v>43011</v>
      </c>
      <c r="B8821" s="3">
        <f t="shared" si="274"/>
        <v>10</v>
      </c>
      <c r="C8821" s="3">
        <f t="shared" si="275"/>
        <v>2017</v>
      </c>
      <c r="D8821" t="s">
        <v>2224</v>
      </c>
      <c r="E8821" t="s">
        <v>148</v>
      </c>
      <c r="F8821" t="s">
        <v>38</v>
      </c>
      <c r="G8821" t="s">
        <v>51</v>
      </c>
      <c r="H8821" t="s">
        <v>2220</v>
      </c>
      <c r="I8821">
        <v>371.97</v>
      </c>
      <c r="J8821">
        <v>3</v>
      </c>
      <c r="K8821">
        <v>66.95</v>
      </c>
    </row>
    <row r="8822" spans="1:11" x14ac:dyDescent="0.3">
      <c r="A8822" s="1">
        <v>43011</v>
      </c>
      <c r="B8822" s="3">
        <f t="shared" si="274"/>
        <v>10</v>
      </c>
      <c r="C8822" s="3">
        <f t="shared" si="275"/>
        <v>2017</v>
      </c>
      <c r="D8822" t="s">
        <v>742</v>
      </c>
      <c r="E8822" t="s">
        <v>9</v>
      </c>
      <c r="F8822" t="s">
        <v>10</v>
      </c>
      <c r="G8822" t="s">
        <v>23</v>
      </c>
      <c r="H8822" t="s">
        <v>2143</v>
      </c>
      <c r="I8822">
        <v>20.64</v>
      </c>
      <c r="J8822">
        <v>5</v>
      </c>
      <c r="K8822">
        <v>2.3199999999999998</v>
      </c>
    </row>
    <row r="8823" spans="1:11" x14ac:dyDescent="0.3">
      <c r="A8823" s="1">
        <v>43012</v>
      </c>
      <c r="B8823" s="3">
        <f t="shared" si="274"/>
        <v>10</v>
      </c>
      <c r="C8823" s="3">
        <f t="shared" si="275"/>
        <v>2017</v>
      </c>
      <c r="D8823" t="s">
        <v>532</v>
      </c>
      <c r="E8823" t="s">
        <v>530</v>
      </c>
      <c r="F8823" t="s">
        <v>33</v>
      </c>
      <c r="G8823" t="s">
        <v>46</v>
      </c>
      <c r="H8823" t="s">
        <v>687</v>
      </c>
      <c r="I8823">
        <v>19.98</v>
      </c>
      <c r="J8823">
        <v>1</v>
      </c>
      <c r="K8823">
        <v>8.59</v>
      </c>
    </row>
    <row r="8824" spans="1:11" x14ac:dyDescent="0.3">
      <c r="A8824" s="1">
        <v>43013</v>
      </c>
      <c r="B8824" s="3">
        <f t="shared" si="274"/>
        <v>10</v>
      </c>
      <c r="C8824" s="3">
        <f t="shared" si="275"/>
        <v>2017</v>
      </c>
      <c r="D8824" t="s">
        <v>13</v>
      </c>
      <c r="E8824" t="s">
        <v>148</v>
      </c>
      <c r="F8824" t="s">
        <v>38</v>
      </c>
      <c r="G8824" t="s">
        <v>39</v>
      </c>
      <c r="H8824" t="s">
        <v>2274</v>
      </c>
      <c r="I8824">
        <v>160.93</v>
      </c>
      <c r="J8824">
        <v>7</v>
      </c>
      <c r="K8824">
        <v>3.22</v>
      </c>
    </row>
    <row r="8825" spans="1:11" x14ac:dyDescent="0.3">
      <c r="A8825" s="1">
        <v>43013</v>
      </c>
      <c r="B8825" s="3">
        <f t="shared" si="274"/>
        <v>10</v>
      </c>
      <c r="C8825" s="3">
        <f t="shared" si="275"/>
        <v>2017</v>
      </c>
      <c r="D8825" t="s">
        <v>13</v>
      </c>
      <c r="E8825" t="s">
        <v>148</v>
      </c>
      <c r="F8825" t="s">
        <v>10</v>
      </c>
      <c r="G8825" t="s">
        <v>19</v>
      </c>
      <c r="H8825" t="s">
        <v>2154</v>
      </c>
      <c r="I8825">
        <v>75.790000000000006</v>
      </c>
      <c r="J8825">
        <v>3</v>
      </c>
      <c r="K8825">
        <v>25.58</v>
      </c>
    </row>
    <row r="8826" spans="1:11" x14ac:dyDescent="0.3">
      <c r="A8826" s="1">
        <v>43013</v>
      </c>
      <c r="B8826" s="3">
        <f t="shared" si="274"/>
        <v>10</v>
      </c>
      <c r="C8826" s="3">
        <f t="shared" si="275"/>
        <v>2017</v>
      </c>
      <c r="D8826" t="s">
        <v>400</v>
      </c>
      <c r="E8826" t="s">
        <v>26</v>
      </c>
      <c r="F8826" t="s">
        <v>10</v>
      </c>
      <c r="G8826" t="s">
        <v>19</v>
      </c>
      <c r="H8826" t="s">
        <v>1522</v>
      </c>
      <c r="I8826">
        <v>39.92</v>
      </c>
      <c r="J8826">
        <v>5</v>
      </c>
      <c r="K8826">
        <v>13.47</v>
      </c>
    </row>
    <row r="8827" spans="1:11" x14ac:dyDescent="0.3">
      <c r="A8827" s="1">
        <v>43013</v>
      </c>
      <c r="B8827" s="3">
        <f t="shared" si="274"/>
        <v>10</v>
      </c>
      <c r="C8827" s="3">
        <f t="shared" si="275"/>
        <v>2017</v>
      </c>
      <c r="D8827" t="s">
        <v>400</v>
      </c>
      <c r="E8827" t="s">
        <v>26</v>
      </c>
      <c r="F8827" t="s">
        <v>10</v>
      </c>
      <c r="G8827" t="s">
        <v>11</v>
      </c>
      <c r="H8827" t="s">
        <v>369</v>
      </c>
      <c r="I8827">
        <v>61.96</v>
      </c>
      <c r="J8827">
        <v>2</v>
      </c>
      <c r="K8827">
        <v>27.88</v>
      </c>
    </row>
    <row r="8828" spans="1:11" x14ac:dyDescent="0.3">
      <c r="A8828" s="1">
        <v>43013</v>
      </c>
      <c r="B8828" s="3">
        <f t="shared" si="274"/>
        <v>10</v>
      </c>
      <c r="C8828" s="3">
        <f t="shared" si="275"/>
        <v>2017</v>
      </c>
      <c r="D8828" t="s">
        <v>400</v>
      </c>
      <c r="E8828" t="s">
        <v>26</v>
      </c>
      <c r="F8828" t="s">
        <v>10</v>
      </c>
      <c r="G8828" t="s">
        <v>19</v>
      </c>
      <c r="H8828" t="s">
        <v>427</v>
      </c>
      <c r="I8828">
        <v>19.940000000000001</v>
      </c>
      <c r="J8828">
        <v>4</v>
      </c>
      <c r="K8828">
        <v>7.23</v>
      </c>
    </row>
    <row r="8829" spans="1:11" x14ac:dyDescent="0.3">
      <c r="A8829" s="1">
        <v>43013</v>
      </c>
      <c r="B8829" s="3">
        <f t="shared" si="274"/>
        <v>10</v>
      </c>
      <c r="C8829" s="3">
        <f t="shared" si="275"/>
        <v>2017</v>
      </c>
      <c r="D8829" t="s">
        <v>1513</v>
      </c>
      <c r="E8829" t="s">
        <v>148</v>
      </c>
      <c r="F8829" t="s">
        <v>38</v>
      </c>
      <c r="G8829" t="s">
        <v>39</v>
      </c>
      <c r="H8829" t="s">
        <v>1763</v>
      </c>
      <c r="I8829">
        <v>87.8</v>
      </c>
      <c r="J8829">
        <v>4</v>
      </c>
      <c r="K8829">
        <v>43.9</v>
      </c>
    </row>
    <row r="8830" spans="1:11" x14ac:dyDescent="0.3">
      <c r="A8830" s="1">
        <v>43013</v>
      </c>
      <c r="B8830" s="3">
        <f t="shared" si="274"/>
        <v>10</v>
      </c>
      <c r="C8830" s="3">
        <f t="shared" si="275"/>
        <v>2017</v>
      </c>
      <c r="D8830" t="s">
        <v>1513</v>
      </c>
      <c r="E8830" t="s">
        <v>148</v>
      </c>
      <c r="F8830" t="s">
        <v>33</v>
      </c>
      <c r="G8830" t="s">
        <v>34</v>
      </c>
      <c r="H8830" t="s">
        <v>918</v>
      </c>
      <c r="I8830">
        <v>221.38</v>
      </c>
      <c r="J8830">
        <v>2</v>
      </c>
      <c r="K8830">
        <v>2.46</v>
      </c>
    </row>
    <row r="8831" spans="1:11" x14ac:dyDescent="0.3">
      <c r="A8831" s="1">
        <v>43013</v>
      </c>
      <c r="B8831" s="3">
        <f t="shared" si="274"/>
        <v>10</v>
      </c>
      <c r="C8831" s="3">
        <f t="shared" si="275"/>
        <v>2017</v>
      </c>
      <c r="D8831" t="s">
        <v>1513</v>
      </c>
      <c r="E8831" t="s">
        <v>148</v>
      </c>
      <c r="F8831" t="s">
        <v>38</v>
      </c>
      <c r="G8831" t="s">
        <v>301</v>
      </c>
      <c r="H8831" t="s">
        <v>2490</v>
      </c>
      <c r="I8831">
        <v>5199.96</v>
      </c>
      <c r="J8831">
        <v>4</v>
      </c>
      <c r="K8831">
        <v>1351.99</v>
      </c>
    </row>
    <row r="8832" spans="1:11" x14ac:dyDescent="0.3">
      <c r="A8832" s="1">
        <v>43013</v>
      </c>
      <c r="B8832" s="3">
        <f t="shared" si="274"/>
        <v>10</v>
      </c>
      <c r="C8832" s="3">
        <f t="shared" si="275"/>
        <v>2017</v>
      </c>
      <c r="D8832" t="s">
        <v>768</v>
      </c>
      <c r="E8832" t="s">
        <v>277</v>
      </c>
      <c r="F8832" t="s">
        <v>38</v>
      </c>
      <c r="G8832" t="s">
        <v>51</v>
      </c>
      <c r="H8832" t="s">
        <v>2424</v>
      </c>
      <c r="I8832">
        <v>63.82</v>
      </c>
      <c r="J8832">
        <v>2</v>
      </c>
      <c r="K8832">
        <v>13.56</v>
      </c>
    </row>
    <row r="8833" spans="1:11" x14ac:dyDescent="0.3">
      <c r="A8833" s="1">
        <v>43013</v>
      </c>
      <c r="B8833" s="3">
        <f t="shared" si="274"/>
        <v>10</v>
      </c>
      <c r="C8833" s="3">
        <f t="shared" si="275"/>
        <v>2017</v>
      </c>
      <c r="D8833" t="s">
        <v>1520</v>
      </c>
      <c r="E8833" t="s">
        <v>26</v>
      </c>
      <c r="F8833" t="s">
        <v>33</v>
      </c>
      <c r="G8833" t="s">
        <v>34</v>
      </c>
      <c r="H8833" t="s">
        <v>2437</v>
      </c>
      <c r="I8833">
        <v>435.17</v>
      </c>
      <c r="J8833">
        <v>4</v>
      </c>
      <c r="K8833">
        <v>-59.84</v>
      </c>
    </row>
    <row r="8834" spans="1:11" x14ac:dyDescent="0.3">
      <c r="A8834" s="1">
        <v>43013</v>
      </c>
      <c r="B8834" s="3">
        <f t="shared" ref="B8834:B8897" si="276">MONTH(A:A)</f>
        <v>10</v>
      </c>
      <c r="C8834" s="3">
        <f t="shared" ref="C8834:C8897" si="277">YEAR(A:A)</f>
        <v>2017</v>
      </c>
      <c r="D8834" t="s">
        <v>1520</v>
      </c>
      <c r="E8834" t="s">
        <v>26</v>
      </c>
      <c r="F8834" t="s">
        <v>10</v>
      </c>
      <c r="G8834" t="s">
        <v>42</v>
      </c>
      <c r="H8834" t="s">
        <v>159</v>
      </c>
      <c r="I8834">
        <v>14.9</v>
      </c>
      <c r="J8834">
        <v>5</v>
      </c>
      <c r="K8834">
        <v>6.85</v>
      </c>
    </row>
    <row r="8835" spans="1:11" x14ac:dyDescent="0.3">
      <c r="A8835" s="1">
        <v>43013</v>
      </c>
      <c r="B8835" s="3">
        <f t="shared" si="276"/>
        <v>10</v>
      </c>
      <c r="C8835" s="3">
        <f t="shared" si="277"/>
        <v>2017</v>
      </c>
      <c r="D8835" t="s">
        <v>1520</v>
      </c>
      <c r="E8835" t="s">
        <v>26</v>
      </c>
      <c r="F8835" t="s">
        <v>10</v>
      </c>
      <c r="G8835" t="s">
        <v>91</v>
      </c>
      <c r="H8835" t="s">
        <v>1467</v>
      </c>
      <c r="I8835">
        <v>15.8</v>
      </c>
      <c r="J8835">
        <v>4</v>
      </c>
      <c r="K8835">
        <v>4.1100000000000003</v>
      </c>
    </row>
    <row r="8836" spans="1:11" x14ac:dyDescent="0.3">
      <c r="A8836" s="1">
        <v>43013</v>
      </c>
      <c r="B8836" s="3">
        <f t="shared" si="276"/>
        <v>10</v>
      </c>
      <c r="C8836" s="3">
        <f t="shared" si="277"/>
        <v>2017</v>
      </c>
      <c r="D8836" t="s">
        <v>1520</v>
      </c>
      <c r="E8836" t="s">
        <v>26</v>
      </c>
      <c r="F8836" t="s">
        <v>33</v>
      </c>
      <c r="G8836" t="s">
        <v>46</v>
      </c>
      <c r="H8836" t="s">
        <v>1027</v>
      </c>
      <c r="I8836">
        <v>72.900000000000006</v>
      </c>
      <c r="J8836">
        <v>5</v>
      </c>
      <c r="K8836">
        <v>26.97</v>
      </c>
    </row>
    <row r="8837" spans="1:11" x14ac:dyDescent="0.3">
      <c r="A8837" s="1">
        <v>43013</v>
      </c>
      <c r="B8837" s="3">
        <f t="shared" si="276"/>
        <v>10</v>
      </c>
      <c r="C8837" s="3">
        <f t="shared" si="277"/>
        <v>2017</v>
      </c>
      <c r="D8837" t="s">
        <v>1520</v>
      </c>
      <c r="E8837" t="s">
        <v>26</v>
      </c>
      <c r="F8837" t="s">
        <v>33</v>
      </c>
      <c r="G8837" t="s">
        <v>144</v>
      </c>
      <c r="H8837" t="s">
        <v>472</v>
      </c>
      <c r="I8837">
        <v>206.35</v>
      </c>
      <c r="J8837">
        <v>3</v>
      </c>
      <c r="K8837">
        <v>5.16</v>
      </c>
    </row>
    <row r="8838" spans="1:11" x14ac:dyDescent="0.3">
      <c r="A8838" s="1">
        <v>43013</v>
      </c>
      <c r="B8838" s="3">
        <f t="shared" si="276"/>
        <v>10</v>
      </c>
      <c r="C8838" s="3">
        <f t="shared" si="277"/>
        <v>2017</v>
      </c>
      <c r="D8838" t="s">
        <v>1520</v>
      </c>
      <c r="E8838" t="s">
        <v>26</v>
      </c>
      <c r="F8838" t="s">
        <v>38</v>
      </c>
      <c r="G8838" t="s">
        <v>39</v>
      </c>
      <c r="H8838" t="s">
        <v>528</v>
      </c>
      <c r="I8838">
        <v>7.99</v>
      </c>
      <c r="J8838">
        <v>1</v>
      </c>
      <c r="K8838">
        <v>2.7</v>
      </c>
    </row>
    <row r="8839" spans="1:11" x14ac:dyDescent="0.3">
      <c r="A8839" s="1">
        <v>43014</v>
      </c>
      <c r="B8839" s="3">
        <f t="shared" si="276"/>
        <v>10</v>
      </c>
      <c r="C8839" s="3">
        <f t="shared" si="277"/>
        <v>2017</v>
      </c>
      <c r="D8839" t="s">
        <v>1045</v>
      </c>
      <c r="E8839" t="s">
        <v>509</v>
      </c>
      <c r="F8839" t="s">
        <v>33</v>
      </c>
      <c r="G8839" t="s">
        <v>46</v>
      </c>
      <c r="H8839" t="s">
        <v>1935</v>
      </c>
      <c r="I8839">
        <v>41.96</v>
      </c>
      <c r="J8839">
        <v>2</v>
      </c>
      <c r="K8839">
        <v>2.94</v>
      </c>
    </row>
    <row r="8840" spans="1:11" x14ac:dyDescent="0.3">
      <c r="A8840" s="1">
        <v>43014</v>
      </c>
      <c r="B8840" s="3">
        <f t="shared" si="276"/>
        <v>10</v>
      </c>
      <c r="C8840" s="3">
        <f t="shared" si="277"/>
        <v>2017</v>
      </c>
      <c r="D8840" t="s">
        <v>1045</v>
      </c>
      <c r="E8840" t="s">
        <v>509</v>
      </c>
      <c r="F8840" t="s">
        <v>10</v>
      </c>
      <c r="G8840" t="s">
        <v>91</v>
      </c>
      <c r="H8840" t="s">
        <v>1680</v>
      </c>
      <c r="I8840">
        <v>227.84</v>
      </c>
      <c r="J8840">
        <v>4</v>
      </c>
      <c r="K8840">
        <v>66.069999999999993</v>
      </c>
    </row>
    <row r="8841" spans="1:11" x14ac:dyDescent="0.3">
      <c r="A8841" s="1">
        <v>43014</v>
      </c>
      <c r="B8841" s="3">
        <f t="shared" si="276"/>
        <v>10</v>
      </c>
      <c r="C8841" s="3">
        <f t="shared" si="277"/>
        <v>2017</v>
      </c>
      <c r="D8841" t="s">
        <v>1045</v>
      </c>
      <c r="E8841" t="s">
        <v>509</v>
      </c>
      <c r="F8841" t="s">
        <v>10</v>
      </c>
      <c r="G8841" t="s">
        <v>11</v>
      </c>
      <c r="H8841" t="s">
        <v>1831</v>
      </c>
      <c r="I8841">
        <v>37.94</v>
      </c>
      <c r="J8841">
        <v>2</v>
      </c>
      <c r="K8841">
        <v>18.21</v>
      </c>
    </row>
    <row r="8842" spans="1:11" x14ac:dyDescent="0.3">
      <c r="A8842" s="1">
        <v>43014</v>
      </c>
      <c r="B8842" s="3">
        <f t="shared" si="276"/>
        <v>10</v>
      </c>
      <c r="C8842" s="3">
        <f t="shared" si="277"/>
        <v>2017</v>
      </c>
      <c r="D8842" t="s">
        <v>1899</v>
      </c>
      <c r="E8842" t="s">
        <v>148</v>
      </c>
      <c r="F8842" t="s">
        <v>38</v>
      </c>
      <c r="G8842" t="s">
        <v>51</v>
      </c>
      <c r="H8842" t="s">
        <v>1815</v>
      </c>
      <c r="I8842">
        <v>319.95999999999998</v>
      </c>
      <c r="J8842">
        <v>4</v>
      </c>
      <c r="K8842">
        <v>115.19</v>
      </c>
    </row>
    <row r="8843" spans="1:11" x14ac:dyDescent="0.3">
      <c r="A8843" s="1">
        <v>43014</v>
      </c>
      <c r="B8843" s="3">
        <f t="shared" si="276"/>
        <v>10</v>
      </c>
      <c r="C8843" s="3">
        <f t="shared" si="277"/>
        <v>2017</v>
      </c>
      <c r="D8843" t="s">
        <v>1899</v>
      </c>
      <c r="E8843" t="s">
        <v>148</v>
      </c>
      <c r="F8843" t="s">
        <v>10</v>
      </c>
      <c r="G8843" t="s">
        <v>11</v>
      </c>
      <c r="H8843" t="s">
        <v>1923</v>
      </c>
      <c r="I8843">
        <v>17.04</v>
      </c>
      <c r="J8843">
        <v>3</v>
      </c>
      <c r="K8843">
        <v>7.67</v>
      </c>
    </row>
    <row r="8844" spans="1:11" x14ac:dyDescent="0.3">
      <c r="A8844" s="1">
        <v>43014</v>
      </c>
      <c r="B8844" s="3">
        <f t="shared" si="276"/>
        <v>10</v>
      </c>
      <c r="C8844" s="3">
        <f t="shared" si="277"/>
        <v>2017</v>
      </c>
      <c r="D8844" t="s">
        <v>1899</v>
      </c>
      <c r="E8844" t="s">
        <v>148</v>
      </c>
      <c r="F8844" t="s">
        <v>10</v>
      </c>
      <c r="G8844" t="s">
        <v>17</v>
      </c>
      <c r="H8844" t="s">
        <v>152</v>
      </c>
      <c r="I8844">
        <v>344.91</v>
      </c>
      <c r="J8844">
        <v>3</v>
      </c>
      <c r="K8844">
        <v>10.35</v>
      </c>
    </row>
    <row r="8845" spans="1:11" x14ac:dyDescent="0.3">
      <c r="A8845" s="1">
        <v>43014</v>
      </c>
      <c r="B8845" s="3">
        <f t="shared" si="276"/>
        <v>10</v>
      </c>
      <c r="C8845" s="3">
        <f t="shared" si="277"/>
        <v>2017</v>
      </c>
      <c r="D8845" t="s">
        <v>118</v>
      </c>
      <c r="E8845" t="s">
        <v>148</v>
      </c>
      <c r="F8845" t="s">
        <v>10</v>
      </c>
      <c r="G8845" t="s">
        <v>11</v>
      </c>
      <c r="H8845" t="s">
        <v>1600</v>
      </c>
      <c r="I8845">
        <v>40.99</v>
      </c>
      <c r="J8845">
        <v>1</v>
      </c>
      <c r="K8845">
        <v>20.09</v>
      </c>
    </row>
    <row r="8846" spans="1:11" x14ac:dyDescent="0.3">
      <c r="A8846" s="1">
        <v>43014</v>
      </c>
      <c r="B8846" s="3">
        <f t="shared" si="276"/>
        <v>10</v>
      </c>
      <c r="C8846" s="3">
        <f t="shared" si="277"/>
        <v>2017</v>
      </c>
      <c r="D8846" t="s">
        <v>108</v>
      </c>
      <c r="E8846" t="s">
        <v>176</v>
      </c>
      <c r="F8846" t="s">
        <v>10</v>
      </c>
      <c r="G8846" t="s">
        <v>11</v>
      </c>
      <c r="H8846" t="s">
        <v>2185</v>
      </c>
      <c r="I8846">
        <v>143.69999999999999</v>
      </c>
      <c r="J8846">
        <v>3</v>
      </c>
      <c r="K8846">
        <v>68.98</v>
      </c>
    </row>
    <row r="8847" spans="1:11" x14ac:dyDescent="0.3">
      <c r="A8847" s="1">
        <v>43014</v>
      </c>
      <c r="B8847" s="3">
        <f t="shared" si="276"/>
        <v>10</v>
      </c>
      <c r="C8847" s="3">
        <f t="shared" si="277"/>
        <v>2017</v>
      </c>
      <c r="D8847" t="s">
        <v>108</v>
      </c>
      <c r="E8847" t="s">
        <v>176</v>
      </c>
      <c r="F8847" t="s">
        <v>10</v>
      </c>
      <c r="G8847" t="s">
        <v>11</v>
      </c>
      <c r="H8847" t="s">
        <v>1364</v>
      </c>
      <c r="I8847">
        <v>6.48</v>
      </c>
      <c r="J8847">
        <v>1</v>
      </c>
      <c r="K8847">
        <v>3.11</v>
      </c>
    </row>
    <row r="8848" spans="1:11" x14ac:dyDescent="0.3">
      <c r="A8848" s="1">
        <v>43014</v>
      </c>
      <c r="B8848" s="3">
        <f t="shared" si="276"/>
        <v>10</v>
      </c>
      <c r="C8848" s="3">
        <f t="shared" si="277"/>
        <v>2017</v>
      </c>
      <c r="D8848" t="s">
        <v>934</v>
      </c>
      <c r="E8848" t="s">
        <v>14</v>
      </c>
      <c r="F8848" t="s">
        <v>10</v>
      </c>
      <c r="G8848" t="s">
        <v>17</v>
      </c>
      <c r="H8848" t="s">
        <v>1548</v>
      </c>
      <c r="I8848">
        <v>290.33999999999997</v>
      </c>
      <c r="J8848">
        <v>2</v>
      </c>
      <c r="K8848">
        <v>32.659999999999997</v>
      </c>
    </row>
    <row r="8849" spans="1:11" x14ac:dyDescent="0.3">
      <c r="A8849" s="1">
        <v>43014</v>
      </c>
      <c r="B8849" s="3">
        <f t="shared" si="276"/>
        <v>10</v>
      </c>
      <c r="C8849" s="3">
        <f t="shared" si="277"/>
        <v>2017</v>
      </c>
      <c r="D8849" t="s">
        <v>934</v>
      </c>
      <c r="E8849" t="s">
        <v>14</v>
      </c>
      <c r="F8849" t="s">
        <v>10</v>
      </c>
      <c r="G8849" t="s">
        <v>23</v>
      </c>
      <c r="H8849" t="s">
        <v>206</v>
      </c>
      <c r="I8849">
        <v>19.149999999999999</v>
      </c>
      <c r="J8849">
        <v>2</v>
      </c>
      <c r="K8849">
        <v>1.2</v>
      </c>
    </row>
    <row r="8850" spans="1:11" x14ac:dyDescent="0.3">
      <c r="A8850" s="1">
        <v>43014</v>
      </c>
      <c r="B8850" s="3">
        <f t="shared" si="276"/>
        <v>10</v>
      </c>
      <c r="C8850" s="3">
        <f t="shared" si="277"/>
        <v>2017</v>
      </c>
      <c r="D8850" t="s">
        <v>243</v>
      </c>
      <c r="E8850" t="s">
        <v>94</v>
      </c>
      <c r="F8850" t="s">
        <v>10</v>
      </c>
      <c r="G8850" t="s">
        <v>23</v>
      </c>
      <c r="H8850" t="s">
        <v>1953</v>
      </c>
      <c r="I8850">
        <v>9.34</v>
      </c>
      <c r="J8850">
        <v>2</v>
      </c>
      <c r="K8850">
        <v>1.87</v>
      </c>
    </row>
    <row r="8851" spans="1:11" x14ac:dyDescent="0.3">
      <c r="A8851" s="1">
        <v>43015</v>
      </c>
      <c r="B8851" s="3">
        <f t="shared" si="276"/>
        <v>10</v>
      </c>
      <c r="C8851" s="3">
        <f t="shared" si="277"/>
        <v>2017</v>
      </c>
      <c r="D8851" t="s">
        <v>1855</v>
      </c>
      <c r="E8851" t="s">
        <v>26</v>
      </c>
      <c r="F8851" t="s">
        <v>33</v>
      </c>
      <c r="G8851" t="s">
        <v>73</v>
      </c>
      <c r="H8851" t="s">
        <v>2174</v>
      </c>
      <c r="I8851">
        <v>307.67</v>
      </c>
      <c r="J8851">
        <v>2</v>
      </c>
      <c r="K8851">
        <v>-14.48</v>
      </c>
    </row>
    <row r="8852" spans="1:11" x14ac:dyDescent="0.3">
      <c r="A8852" s="1">
        <v>43015</v>
      </c>
      <c r="B8852" s="3">
        <f t="shared" si="276"/>
        <v>10</v>
      </c>
      <c r="C8852" s="3">
        <f t="shared" si="277"/>
        <v>2017</v>
      </c>
      <c r="D8852" t="s">
        <v>402</v>
      </c>
      <c r="E8852" t="s">
        <v>26</v>
      </c>
      <c r="F8852" t="s">
        <v>38</v>
      </c>
      <c r="G8852" t="s">
        <v>51</v>
      </c>
      <c r="H8852" t="s">
        <v>2220</v>
      </c>
      <c r="I8852">
        <v>1115.9100000000001</v>
      </c>
      <c r="J8852">
        <v>9</v>
      </c>
      <c r="K8852">
        <v>200.86</v>
      </c>
    </row>
    <row r="8853" spans="1:11" x14ac:dyDescent="0.3">
      <c r="A8853" s="1">
        <v>43015</v>
      </c>
      <c r="B8853" s="3">
        <f t="shared" si="276"/>
        <v>10</v>
      </c>
      <c r="C8853" s="3">
        <f t="shared" si="277"/>
        <v>2017</v>
      </c>
      <c r="D8853" t="s">
        <v>402</v>
      </c>
      <c r="E8853" t="s">
        <v>26</v>
      </c>
      <c r="F8853" t="s">
        <v>38</v>
      </c>
      <c r="G8853" t="s">
        <v>39</v>
      </c>
      <c r="H8853" t="s">
        <v>2274</v>
      </c>
      <c r="I8853">
        <v>128.74</v>
      </c>
      <c r="J8853">
        <v>7</v>
      </c>
      <c r="K8853">
        <v>-28.97</v>
      </c>
    </row>
    <row r="8854" spans="1:11" x14ac:dyDescent="0.3">
      <c r="A8854" s="1">
        <v>43015</v>
      </c>
      <c r="B8854" s="3">
        <f t="shared" si="276"/>
        <v>10</v>
      </c>
      <c r="C8854" s="3">
        <f t="shared" si="277"/>
        <v>2017</v>
      </c>
      <c r="D8854" t="s">
        <v>402</v>
      </c>
      <c r="E8854" t="s">
        <v>26</v>
      </c>
      <c r="F8854" t="s">
        <v>38</v>
      </c>
      <c r="G8854" t="s">
        <v>39</v>
      </c>
      <c r="H8854" t="s">
        <v>528</v>
      </c>
      <c r="I8854">
        <v>79.92</v>
      </c>
      <c r="J8854">
        <v>10</v>
      </c>
      <c r="K8854">
        <v>26.97</v>
      </c>
    </row>
    <row r="8855" spans="1:11" x14ac:dyDescent="0.3">
      <c r="A8855" s="1">
        <v>43015</v>
      </c>
      <c r="B8855" s="3">
        <f t="shared" si="276"/>
        <v>10</v>
      </c>
      <c r="C8855" s="3">
        <f t="shared" si="277"/>
        <v>2017</v>
      </c>
      <c r="D8855" t="s">
        <v>723</v>
      </c>
      <c r="E8855" t="s">
        <v>244</v>
      </c>
      <c r="F8855" t="s">
        <v>10</v>
      </c>
      <c r="G8855" t="s">
        <v>17</v>
      </c>
      <c r="H8855" t="s">
        <v>1548</v>
      </c>
      <c r="I8855">
        <v>580.66999999999996</v>
      </c>
      <c r="J8855">
        <v>4</v>
      </c>
      <c r="K8855">
        <v>65.33</v>
      </c>
    </row>
    <row r="8856" spans="1:11" x14ac:dyDescent="0.3">
      <c r="A8856" s="1">
        <v>43015</v>
      </c>
      <c r="B8856" s="3">
        <f t="shared" si="276"/>
        <v>10</v>
      </c>
      <c r="C8856" s="3">
        <f t="shared" si="277"/>
        <v>2017</v>
      </c>
      <c r="D8856" t="s">
        <v>723</v>
      </c>
      <c r="E8856" t="s">
        <v>244</v>
      </c>
      <c r="F8856" t="s">
        <v>10</v>
      </c>
      <c r="G8856" t="s">
        <v>42</v>
      </c>
      <c r="H8856" t="s">
        <v>159</v>
      </c>
      <c r="I8856">
        <v>18.940000000000001</v>
      </c>
      <c r="J8856">
        <v>3</v>
      </c>
      <c r="K8856">
        <v>5.92</v>
      </c>
    </row>
    <row r="8857" spans="1:11" x14ac:dyDescent="0.3">
      <c r="A8857" s="1">
        <v>43015</v>
      </c>
      <c r="B8857" s="3">
        <f t="shared" si="276"/>
        <v>10</v>
      </c>
      <c r="C8857" s="3">
        <f t="shared" si="277"/>
        <v>2017</v>
      </c>
      <c r="D8857" t="s">
        <v>723</v>
      </c>
      <c r="E8857" t="s">
        <v>244</v>
      </c>
      <c r="F8857" t="s">
        <v>38</v>
      </c>
      <c r="G8857" t="s">
        <v>39</v>
      </c>
      <c r="H8857" t="s">
        <v>1579</v>
      </c>
      <c r="I8857">
        <v>222.38</v>
      </c>
      <c r="J8857">
        <v>2</v>
      </c>
      <c r="K8857">
        <v>16.68</v>
      </c>
    </row>
    <row r="8858" spans="1:11" x14ac:dyDescent="0.3">
      <c r="A8858" s="1">
        <v>43015</v>
      </c>
      <c r="B8858" s="3">
        <f t="shared" si="276"/>
        <v>10</v>
      </c>
      <c r="C8858" s="3">
        <f t="shared" si="277"/>
        <v>2017</v>
      </c>
      <c r="D8858" t="s">
        <v>723</v>
      </c>
      <c r="E8858" t="s">
        <v>244</v>
      </c>
      <c r="F8858" t="s">
        <v>10</v>
      </c>
      <c r="G8858" t="s">
        <v>19</v>
      </c>
      <c r="H8858" t="s">
        <v>1111</v>
      </c>
      <c r="I8858">
        <v>50.45</v>
      </c>
      <c r="J8858">
        <v>6</v>
      </c>
      <c r="K8858">
        <v>-33.64</v>
      </c>
    </row>
    <row r="8859" spans="1:11" x14ac:dyDescent="0.3">
      <c r="A8859" s="1">
        <v>43015</v>
      </c>
      <c r="B8859" s="3">
        <f t="shared" si="276"/>
        <v>10</v>
      </c>
      <c r="C8859" s="3">
        <f t="shared" si="277"/>
        <v>2017</v>
      </c>
      <c r="D8859" t="s">
        <v>723</v>
      </c>
      <c r="E8859" t="s">
        <v>244</v>
      </c>
      <c r="F8859" t="s">
        <v>33</v>
      </c>
      <c r="G8859" t="s">
        <v>144</v>
      </c>
      <c r="H8859" t="s">
        <v>472</v>
      </c>
      <c r="I8859">
        <v>154.76</v>
      </c>
      <c r="J8859">
        <v>3</v>
      </c>
      <c r="K8859">
        <v>-36.11</v>
      </c>
    </row>
    <row r="8860" spans="1:11" x14ac:dyDescent="0.3">
      <c r="A8860" s="1">
        <v>43015</v>
      </c>
      <c r="B8860" s="3">
        <f t="shared" si="276"/>
        <v>10</v>
      </c>
      <c r="C8860" s="3">
        <f t="shared" si="277"/>
        <v>2017</v>
      </c>
      <c r="D8860" t="s">
        <v>1651</v>
      </c>
      <c r="E8860" t="s">
        <v>9</v>
      </c>
      <c r="F8860" t="s">
        <v>10</v>
      </c>
      <c r="G8860" t="s">
        <v>19</v>
      </c>
      <c r="H8860" t="s">
        <v>833</v>
      </c>
      <c r="I8860">
        <v>4.24</v>
      </c>
      <c r="J8860">
        <v>5</v>
      </c>
      <c r="K8860">
        <v>-6.36</v>
      </c>
    </row>
    <row r="8861" spans="1:11" x14ac:dyDescent="0.3">
      <c r="A8861" s="1">
        <v>43015</v>
      </c>
      <c r="B8861" s="3">
        <f t="shared" si="276"/>
        <v>10</v>
      </c>
      <c r="C8861" s="3">
        <f t="shared" si="277"/>
        <v>2017</v>
      </c>
      <c r="D8861" t="s">
        <v>1967</v>
      </c>
      <c r="E8861" t="s">
        <v>109</v>
      </c>
      <c r="F8861" t="s">
        <v>10</v>
      </c>
      <c r="G8861" t="s">
        <v>17</v>
      </c>
      <c r="H8861" t="s">
        <v>724</v>
      </c>
      <c r="I8861">
        <v>85.52</v>
      </c>
      <c r="J8861">
        <v>2</v>
      </c>
      <c r="K8861">
        <v>22.24</v>
      </c>
    </row>
    <row r="8862" spans="1:11" x14ac:dyDescent="0.3">
      <c r="A8862" s="1">
        <v>43016</v>
      </c>
      <c r="B8862" s="3">
        <f t="shared" si="276"/>
        <v>10</v>
      </c>
      <c r="C8862" s="3">
        <f t="shared" si="277"/>
        <v>2017</v>
      </c>
      <c r="D8862" t="s">
        <v>60</v>
      </c>
      <c r="E8862" t="s">
        <v>26</v>
      </c>
      <c r="F8862" t="s">
        <v>38</v>
      </c>
      <c r="G8862" t="s">
        <v>39</v>
      </c>
      <c r="H8862" t="s">
        <v>1517</v>
      </c>
      <c r="I8862">
        <v>103.19</v>
      </c>
      <c r="J8862">
        <v>1</v>
      </c>
      <c r="K8862">
        <v>11.61</v>
      </c>
    </row>
    <row r="8863" spans="1:11" x14ac:dyDescent="0.3">
      <c r="A8863" s="1">
        <v>43016</v>
      </c>
      <c r="B8863" s="3">
        <f t="shared" si="276"/>
        <v>10</v>
      </c>
      <c r="C8863" s="3">
        <f t="shared" si="277"/>
        <v>2017</v>
      </c>
      <c r="D8863" t="s">
        <v>60</v>
      </c>
      <c r="E8863" t="s">
        <v>26</v>
      </c>
      <c r="F8863" t="s">
        <v>38</v>
      </c>
      <c r="G8863" t="s">
        <v>51</v>
      </c>
      <c r="H8863" t="s">
        <v>2228</v>
      </c>
      <c r="I8863">
        <v>36</v>
      </c>
      <c r="J8863">
        <v>2</v>
      </c>
      <c r="K8863">
        <v>6.48</v>
      </c>
    </row>
    <row r="8864" spans="1:11" x14ac:dyDescent="0.3">
      <c r="A8864" s="1">
        <v>43016</v>
      </c>
      <c r="B8864" s="3">
        <f t="shared" si="276"/>
        <v>10</v>
      </c>
      <c r="C8864" s="3">
        <f t="shared" si="277"/>
        <v>2017</v>
      </c>
      <c r="D8864" t="s">
        <v>60</v>
      </c>
      <c r="E8864" t="s">
        <v>26</v>
      </c>
      <c r="F8864" t="s">
        <v>38</v>
      </c>
      <c r="G8864" t="s">
        <v>51</v>
      </c>
      <c r="H8864" t="s">
        <v>1475</v>
      </c>
      <c r="I8864">
        <v>239.96</v>
      </c>
      <c r="J8864">
        <v>4</v>
      </c>
      <c r="K8864">
        <v>115.18</v>
      </c>
    </row>
    <row r="8865" spans="1:11" x14ac:dyDescent="0.3">
      <c r="A8865" s="1">
        <v>43016</v>
      </c>
      <c r="B8865" s="3">
        <f t="shared" si="276"/>
        <v>10</v>
      </c>
      <c r="C8865" s="3">
        <f t="shared" si="277"/>
        <v>2017</v>
      </c>
      <c r="D8865" t="s">
        <v>60</v>
      </c>
      <c r="E8865" t="s">
        <v>26</v>
      </c>
      <c r="F8865" t="s">
        <v>10</v>
      </c>
      <c r="G8865" t="s">
        <v>17</v>
      </c>
      <c r="H8865" t="s">
        <v>355</v>
      </c>
      <c r="I8865">
        <v>40.68</v>
      </c>
      <c r="J8865">
        <v>2</v>
      </c>
      <c r="K8865">
        <v>0.41</v>
      </c>
    </row>
    <row r="8866" spans="1:11" x14ac:dyDescent="0.3">
      <c r="A8866" s="1">
        <v>43016</v>
      </c>
      <c r="B8866" s="3">
        <f t="shared" si="276"/>
        <v>10</v>
      </c>
      <c r="C8866" s="3">
        <f t="shared" si="277"/>
        <v>2017</v>
      </c>
      <c r="D8866" t="s">
        <v>1456</v>
      </c>
      <c r="E8866" t="s">
        <v>1528</v>
      </c>
      <c r="F8866" t="s">
        <v>10</v>
      </c>
      <c r="G8866" t="s">
        <v>17</v>
      </c>
      <c r="H8866" t="s">
        <v>724</v>
      </c>
      <c r="I8866">
        <v>42.76</v>
      </c>
      <c r="J8866">
        <v>1</v>
      </c>
      <c r="K8866">
        <v>11.12</v>
      </c>
    </row>
    <row r="8867" spans="1:11" x14ac:dyDescent="0.3">
      <c r="A8867" s="1">
        <v>43016</v>
      </c>
      <c r="B8867" s="3">
        <f t="shared" si="276"/>
        <v>10</v>
      </c>
      <c r="C8867" s="3">
        <f t="shared" si="277"/>
        <v>2017</v>
      </c>
      <c r="D8867" t="s">
        <v>362</v>
      </c>
      <c r="E8867" t="s">
        <v>148</v>
      </c>
      <c r="F8867" t="s">
        <v>33</v>
      </c>
      <c r="G8867" t="s">
        <v>34</v>
      </c>
      <c r="H8867" t="s">
        <v>963</v>
      </c>
      <c r="I8867">
        <v>145.76</v>
      </c>
      <c r="J8867">
        <v>2</v>
      </c>
      <c r="K8867">
        <v>3.24</v>
      </c>
    </row>
    <row r="8868" spans="1:11" x14ac:dyDescent="0.3">
      <c r="A8868" s="1">
        <v>43017</v>
      </c>
      <c r="B8868" s="3">
        <f t="shared" si="276"/>
        <v>10</v>
      </c>
      <c r="C8868" s="3">
        <f t="shared" si="277"/>
        <v>2017</v>
      </c>
      <c r="D8868" t="s">
        <v>1407</v>
      </c>
      <c r="E8868" t="s">
        <v>244</v>
      </c>
      <c r="F8868" t="s">
        <v>10</v>
      </c>
      <c r="G8868" t="s">
        <v>11</v>
      </c>
      <c r="H8868" t="s">
        <v>1179</v>
      </c>
      <c r="I8868">
        <v>10.82</v>
      </c>
      <c r="J8868">
        <v>4</v>
      </c>
      <c r="K8868">
        <v>3.52</v>
      </c>
    </row>
    <row r="8869" spans="1:11" x14ac:dyDescent="0.3">
      <c r="A8869" s="1">
        <v>43017</v>
      </c>
      <c r="B8869" s="3">
        <f t="shared" si="276"/>
        <v>10</v>
      </c>
      <c r="C8869" s="3">
        <f t="shared" si="277"/>
        <v>2017</v>
      </c>
      <c r="D8869" t="s">
        <v>175</v>
      </c>
      <c r="E8869" t="s">
        <v>14</v>
      </c>
      <c r="F8869" t="s">
        <v>33</v>
      </c>
      <c r="G8869" t="s">
        <v>144</v>
      </c>
      <c r="H8869" t="s">
        <v>254</v>
      </c>
      <c r="I8869">
        <v>652.45000000000005</v>
      </c>
      <c r="J8869">
        <v>5</v>
      </c>
      <c r="K8869">
        <v>-430.62</v>
      </c>
    </row>
    <row r="8870" spans="1:11" x14ac:dyDescent="0.3">
      <c r="A8870" s="1">
        <v>43017</v>
      </c>
      <c r="B8870" s="3">
        <f t="shared" si="276"/>
        <v>10</v>
      </c>
      <c r="C8870" s="3">
        <f t="shared" si="277"/>
        <v>2017</v>
      </c>
      <c r="D8870" t="s">
        <v>175</v>
      </c>
      <c r="E8870" t="s">
        <v>14</v>
      </c>
      <c r="F8870" t="s">
        <v>33</v>
      </c>
      <c r="G8870" t="s">
        <v>144</v>
      </c>
      <c r="H8870" t="s">
        <v>1829</v>
      </c>
      <c r="I8870">
        <v>66.650000000000006</v>
      </c>
      <c r="J8870">
        <v>3</v>
      </c>
      <c r="K8870">
        <v>-42.65</v>
      </c>
    </row>
    <row r="8871" spans="1:11" x14ac:dyDescent="0.3">
      <c r="A8871" s="1">
        <v>43017</v>
      </c>
      <c r="B8871" s="3">
        <f t="shared" si="276"/>
        <v>10</v>
      </c>
      <c r="C8871" s="3">
        <f t="shared" si="277"/>
        <v>2017</v>
      </c>
      <c r="D8871" t="s">
        <v>1743</v>
      </c>
      <c r="E8871" t="s">
        <v>77</v>
      </c>
      <c r="F8871" t="s">
        <v>33</v>
      </c>
      <c r="G8871" t="s">
        <v>46</v>
      </c>
      <c r="H8871" t="s">
        <v>981</v>
      </c>
      <c r="I8871">
        <v>45.89</v>
      </c>
      <c r="J8871">
        <v>4</v>
      </c>
      <c r="K8871">
        <v>9.18</v>
      </c>
    </row>
    <row r="8872" spans="1:11" x14ac:dyDescent="0.3">
      <c r="A8872" s="1">
        <v>43017</v>
      </c>
      <c r="B8872" s="3">
        <f t="shared" si="276"/>
        <v>10</v>
      </c>
      <c r="C8872" s="3">
        <f t="shared" si="277"/>
        <v>2017</v>
      </c>
      <c r="D8872" t="s">
        <v>591</v>
      </c>
      <c r="E8872" t="s">
        <v>148</v>
      </c>
      <c r="F8872" t="s">
        <v>10</v>
      </c>
      <c r="G8872" t="s">
        <v>19</v>
      </c>
      <c r="H8872" t="s">
        <v>202</v>
      </c>
      <c r="I8872">
        <v>12.82</v>
      </c>
      <c r="J8872">
        <v>3</v>
      </c>
      <c r="K8872">
        <v>4.33</v>
      </c>
    </row>
    <row r="8873" spans="1:11" x14ac:dyDescent="0.3">
      <c r="A8873" s="1">
        <v>43017</v>
      </c>
      <c r="B8873" s="3">
        <f t="shared" si="276"/>
        <v>10</v>
      </c>
      <c r="C8873" s="3">
        <f t="shared" si="277"/>
        <v>2017</v>
      </c>
      <c r="D8873" t="s">
        <v>591</v>
      </c>
      <c r="E8873" t="s">
        <v>148</v>
      </c>
      <c r="F8873" t="s">
        <v>33</v>
      </c>
      <c r="G8873" t="s">
        <v>73</v>
      </c>
      <c r="H8873" t="s">
        <v>74</v>
      </c>
      <c r="I8873">
        <v>314.35000000000002</v>
      </c>
      <c r="J8873">
        <v>3</v>
      </c>
      <c r="K8873">
        <v>-15.72</v>
      </c>
    </row>
    <row r="8874" spans="1:11" x14ac:dyDescent="0.3">
      <c r="A8874" s="1">
        <v>43017</v>
      </c>
      <c r="B8874" s="3">
        <f t="shared" si="276"/>
        <v>10</v>
      </c>
      <c r="C8874" s="3">
        <f t="shared" si="277"/>
        <v>2017</v>
      </c>
      <c r="D8874" t="s">
        <v>591</v>
      </c>
      <c r="E8874" t="s">
        <v>148</v>
      </c>
      <c r="F8874" t="s">
        <v>10</v>
      </c>
      <c r="G8874" t="s">
        <v>11</v>
      </c>
      <c r="H8874" t="s">
        <v>223</v>
      </c>
      <c r="I8874">
        <v>18.98</v>
      </c>
      <c r="J8874">
        <v>2</v>
      </c>
      <c r="K8874">
        <v>8.92</v>
      </c>
    </row>
    <row r="8875" spans="1:11" x14ac:dyDescent="0.3">
      <c r="A8875" s="1">
        <v>43017</v>
      </c>
      <c r="B8875" s="3">
        <f t="shared" si="276"/>
        <v>10</v>
      </c>
      <c r="C8875" s="3">
        <f t="shared" si="277"/>
        <v>2017</v>
      </c>
      <c r="D8875" t="s">
        <v>591</v>
      </c>
      <c r="E8875" t="s">
        <v>148</v>
      </c>
      <c r="F8875" t="s">
        <v>10</v>
      </c>
      <c r="G8875" t="s">
        <v>19</v>
      </c>
      <c r="H8875" t="s">
        <v>2145</v>
      </c>
      <c r="I8875">
        <v>18.239999999999998</v>
      </c>
      <c r="J8875">
        <v>6</v>
      </c>
      <c r="K8875">
        <v>6.16</v>
      </c>
    </row>
    <row r="8876" spans="1:11" x14ac:dyDescent="0.3">
      <c r="A8876" s="1">
        <v>43017</v>
      </c>
      <c r="B8876" s="3">
        <f t="shared" si="276"/>
        <v>10</v>
      </c>
      <c r="C8876" s="3">
        <f t="shared" si="277"/>
        <v>2017</v>
      </c>
      <c r="D8876" t="s">
        <v>1083</v>
      </c>
      <c r="E8876" t="s">
        <v>9</v>
      </c>
      <c r="F8876" t="s">
        <v>10</v>
      </c>
      <c r="G8876" t="s">
        <v>23</v>
      </c>
      <c r="H8876" t="s">
        <v>1116</v>
      </c>
      <c r="I8876">
        <v>67.14</v>
      </c>
      <c r="J8876">
        <v>7</v>
      </c>
      <c r="K8876">
        <v>5.88</v>
      </c>
    </row>
    <row r="8877" spans="1:11" x14ac:dyDescent="0.3">
      <c r="A8877" s="1">
        <v>43017</v>
      </c>
      <c r="B8877" s="3">
        <f t="shared" si="276"/>
        <v>10</v>
      </c>
      <c r="C8877" s="3">
        <f t="shared" si="277"/>
        <v>2017</v>
      </c>
      <c r="D8877" t="s">
        <v>1083</v>
      </c>
      <c r="E8877" t="s">
        <v>9</v>
      </c>
      <c r="F8877" t="s">
        <v>33</v>
      </c>
      <c r="G8877" t="s">
        <v>34</v>
      </c>
      <c r="H8877" t="s">
        <v>2445</v>
      </c>
      <c r="I8877">
        <v>254.06</v>
      </c>
      <c r="J8877">
        <v>3</v>
      </c>
      <c r="K8877">
        <v>-32.659999999999997</v>
      </c>
    </row>
    <row r="8878" spans="1:11" x14ac:dyDescent="0.3">
      <c r="A8878" s="1">
        <v>43017</v>
      </c>
      <c r="B8878" s="3">
        <f t="shared" si="276"/>
        <v>10</v>
      </c>
      <c r="C8878" s="3">
        <f t="shared" si="277"/>
        <v>2017</v>
      </c>
      <c r="D8878" t="s">
        <v>108</v>
      </c>
      <c r="E8878" t="s">
        <v>26</v>
      </c>
      <c r="F8878" t="s">
        <v>10</v>
      </c>
      <c r="G8878" t="s">
        <v>11</v>
      </c>
      <c r="H8878" t="s">
        <v>2550</v>
      </c>
      <c r="I8878">
        <v>35.200000000000003</v>
      </c>
      <c r="J8878">
        <v>5</v>
      </c>
      <c r="K8878">
        <v>16.54</v>
      </c>
    </row>
    <row r="8879" spans="1:11" x14ac:dyDescent="0.3">
      <c r="A8879" s="1">
        <v>43018</v>
      </c>
      <c r="B8879" s="3">
        <f t="shared" si="276"/>
        <v>10</v>
      </c>
      <c r="C8879" s="3">
        <f t="shared" si="277"/>
        <v>2017</v>
      </c>
      <c r="D8879" t="s">
        <v>976</v>
      </c>
      <c r="E8879" t="s">
        <v>14</v>
      </c>
      <c r="F8879" t="s">
        <v>33</v>
      </c>
      <c r="G8879" t="s">
        <v>34</v>
      </c>
      <c r="H8879" t="s">
        <v>2265</v>
      </c>
      <c r="I8879">
        <v>239.36</v>
      </c>
      <c r="J8879">
        <v>3</v>
      </c>
      <c r="K8879">
        <v>-47.87</v>
      </c>
    </row>
    <row r="8880" spans="1:11" x14ac:dyDescent="0.3">
      <c r="A8880" s="1">
        <v>43020</v>
      </c>
      <c r="B8880" s="3">
        <f t="shared" si="276"/>
        <v>10</v>
      </c>
      <c r="C8880" s="3">
        <f t="shared" si="277"/>
        <v>2017</v>
      </c>
      <c r="D8880" t="s">
        <v>627</v>
      </c>
      <c r="E8880" t="s">
        <v>14</v>
      </c>
      <c r="F8880" t="s">
        <v>33</v>
      </c>
      <c r="G8880" t="s">
        <v>34</v>
      </c>
      <c r="H8880" t="s">
        <v>415</v>
      </c>
      <c r="I8880">
        <v>254.6</v>
      </c>
      <c r="J8880">
        <v>14</v>
      </c>
      <c r="K8880">
        <v>-18.190000000000001</v>
      </c>
    </row>
    <row r="8881" spans="1:11" x14ac:dyDescent="0.3">
      <c r="A8881" s="1">
        <v>43020</v>
      </c>
      <c r="B8881" s="3">
        <f t="shared" si="276"/>
        <v>10</v>
      </c>
      <c r="C8881" s="3">
        <f t="shared" si="277"/>
        <v>2017</v>
      </c>
      <c r="D8881" t="s">
        <v>335</v>
      </c>
      <c r="E8881" t="s">
        <v>244</v>
      </c>
      <c r="F8881" t="s">
        <v>10</v>
      </c>
      <c r="G8881" t="s">
        <v>11</v>
      </c>
      <c r="H8881" t="s">
        <v>2707</v>
      </c>
      <c r="I8881">
        <v>7.97</v>
      </c>
      <c r="J8881">
        <v>2</v>
      </c>
      <c r="K8881">
        <v>2.69</v>
      </c>
    </row>
    <row r="8882" spans="1:11" x14ac:dyDescent="0.3">
      <c r="A8882" s="1">
        <v>43020</v>
      </c>
      <c r="B8882" s="3">
        <f t="shared" si="276"/>
        <v>10</v>
      </c>
      <c r="C8882" s="3">
        <f t="shared" si="277"/>
        <v>2017</v>
      </c>
      <c r="D8882" t="s">
        <v>2660</v>
      </c>
      <c r="E8882" t="s">
        <v>398</v>
      </c>
      <c r="F8882" t="s">
        <v>38</v>
      </c>
      <c r="G8882" t="s">
        <v>51</v>
      </c>
      <c r="H8882" t="s">
        <v>1031</v>
      </c>
      <c r="I8882">
        <v>595</v>
      </c>
      <c r="J8882">
        <v>5</v>
      </c>
      <c r="K8882">
        <v>95.2</v>
      </c>
    </row>
    <row r="8883" spans="1:11" x14ac:dyDescent="0.3">
      <c r="A8883" s="1">
        <v>43020</v>
      </c>
      <c r="B8883" s="3">
        <f t="shared" si="276"/>
        <v>10</v>
      </c>
      <c r="C8883" s="3">
        <f t="shared" si="277"/>
        <v>2017</v>
      </c>
      <c r="D8883" t="s">
        <v>2660</v>
      </c>
      <c r="E8883" t="s">
        <v>398</v>
      </c>
      <c r="F8883" t="s">
        <v>10</v>
      </c>
      <c r="G8883" t="s">
        <v>19</v>
      </c>
      <c r="H8883" t="s">
        <v>2074</v>
      </c>
      <c r="I8883">
        <v>79.87</v>
      </c>
      <c r="J8883">
        <v>3</v>
      </c>
      <c r="K8883">
        <v>29.95</v>
      </c>
    </row>
    <row r="8884" spans="1:11" x14ac:dyDescent="0.3">
      <c r="A8884" s="1">
        <v>43020</v>
      </c>
      <c r="B8884" s="3">
        <f t="shared" si="276"/>
        <v>10</v>
      </c>
      <c r="C8884" s="3">
        <f t="shared" si="277"/>
        <v>2017</v>
      </c>
      <c r="D8884" t="s">
        <v>2082</v>
      </c>
      <c r="E8884" t="s">
        <v>26</v>
      </c>
      <c r="F8884" t="s">
        <v>38</v>
      </c>
      <c r="G8884" t="s">
        <v>51</v>
      </c>
      <c r="H8884" t="s">
        <v>960</v>
      </c>
      <c r="I8884">
        <v>0.99</v>
      </c>
      <c r="J8884">
        <v>1</v>
      </c>
      <c r="K8884">
        <v>0.44</v>
      </c>
    </row>
    <row r="8885" spans="1:11" x14ac:dyDescent="0.3">
      <c r="A8885" s="1">
        <v>43020</v>
      </c>
      <c r="B8885" s="3">
        <f t="shared" si="276"/>
        <v>10</v>
      </c>
      <c r="C8885" s="3">
        <f t="shared" si="277"/>
        <v>2017</v>
      </c>
      <c r="D8885" t="s">
        <v>2082</v>
      </c>
      <c r="E8885" t="s">
        <v>26</v>
      </c>
      <c r="F8885" t="s">
        <v>10</v>
      </c>
      <c r="G8885" t="s">
        <v>19</v>
      </c>
      <c r="H8885" t="s">
        <v>1803</v>
      </c>
      <c r="I8885">
        <v>101.84</v>
      </c>
      <c r="J8885">
        <v>5</v>
      </c>
      <c r="K8885">
        <v>36.92</v>
      </c>
    </row>
    <row r="8886" spans="1:11" x14ac:dyDescent="0.3">
      <c r="A8886" s="1">
        <v>43020</v>
      </c>
      <c r="B8886" s="3">
        <f t="shared" si="276"/>
        <v>10</v>
      </c>
      <c r="C8886" s="3">
        <f t="shared" si="277"/>
        <v>2017</v>
      </c>
      <c r="D8886" t="s">
        <v>2533</v>
      </c>
      <c r="E8886" t="s">
        <v>26</v>
      </c>
      <c r="F8886" t="s">
        <v>38</v>
      </c>
      <c r="G8886" t="s">
        <v>51</v>
      </c>
      <c r="H8886" t="s">
        <v>651</v>
      </c>
      <c r="I8886">
        <v>435.84</v>
      </c>
      <c r="J8886">
        <v>12</v>
      </c>
      <c r="K8886">
        <v>130.75</v>
      </c>
    </row>
    <row r="8887" spans="1:11" x14ac:dyDescent="0.3">
      <c r="A8887" s="1">
        <v>43020</v>
      </c>
      <c r="B8887" s="3">
        <f t="shared" si="276"/>
        <v>10</v>
      </c>
      <c r="C8887" s="3">
        <f t="shared" si="277"/>
        <v>2017</v>
      </c>
      <c r="D8887" t="s">
        <v>2533</v>
      </c>
      <c r="E8887" t="s">
        <v>26</v>
      </c>
      <c r="F8887" t="s">
        <v>10</v>
      </c>
      <c r="G8887" t="s">
        <v>23</v>
      </c>
      <c r="H8887" t="s">
        <v>1568</v>
      </c>
      <c r="I8887">
        <v>5.88</v>
      </c>
      <c r="J8887">
        <v>2</v>
      </c>
      <c r="K8887">
        <v>1.59</v>
      </c>
    </row>
    <row r="8888" spans="1:11" x14ac:dyDescent="0.3">
      <c r="A8888" s="1">
        <v>43020</v>
      </c>
      <c r="B8888" s="3">
        <f t="shared" si="276"/>
        <v>10</v>
      </c>
      <c r="C8888" s="3">
        <f t="shared" si="277"/>
        <v>2017</v>
      </c>
      <c r="D8888" t="s">
        <v>1790</v>
      </c>
      <c r="E8888" t="s">
        <v>9</v>
      </c>
      <c r="F8888" t="s">
        <v>38</v>
      </c>
      <c r="G8888" t="s">
        <v>51</v>
      </c>
      <c r="H8888" t="s">
        <v>1239</v>
      </c>
      <c r="I8888">
        <v>39.979999999999997</v>
      </c>
      <c r="J8888">
        <v>2</v>
      </c>
      <c r="K8888">
        <v>-1.5</v>
      </c>
    </row>
    <row r="8889" spans="1:11" x14ac:dyDescent="0.3">
      <c r="A8889" s="1">
        <v>43020</v>
      </c>
      <c r="B8889" s="3">
        <f t="shared" si="276"/>
        <v>10</v>
      </c>
      <c r="C8889" s="3">
        <f t="shared" si="277"/>
        <v>2017</v>
      </c>
      <c r="D8889" t="s">
        <v>1925</v>
      </c>
      <c r="E8889" t="s">
        <v>176</v>
      </c>
      <c r="F8889" t="s">
        <v>38</v>
      </c>
      <c r="G8889" t="s">
        <v>51</v>
      </c>
      <c r="H8889" t="s">
        <v>1010</v>
      </c>
      <c r="I8889">
        <v>45</v>
      </c>
      <c r="J8889">
        <v>3</v>
      </c>
      <c r="K8889">
        <v>4.95</v>
      </c>
    </row>
    <row r="8890" spans="1:11" x14ac:dyDescent="0.3">
      <c r="A8890" s="1">
        <v>43020</v>
      </c>
      <c r="B8890" s="3">
        <f t="shared" si="276"/>
        <v>10</v>
      </c>
      <c r="C8890" s="3">
        <f t="shared" si="277"/>
        <v>2017</v>
      </c>
      <c r="D8890" t="s">
        <v>1925</v>
      </c>
      <c r="E8890" t="s">
        <v>176</v>
      </c>
      <c r="F8890" t="s">
        <v>10</v>
      </c>
      <c r="G8890" t="s">
        <v>42</v>
      </c>
      <c r="H8890" t="s">
        <v>1035</v>
      </c>
      <c r="I8890">
        <v>17.899999999999999</v>
      </c>
      <c r="J8890">
        <v>5</v>
      </c>
      <c r="K8890">
        <v>8.77</v>
      </c>
    </row>
    <row r="8891" spans="1:11" x14ac:dyDescent="0.3">
      <c r="A8891" s="1">
        <v>43020</v>
      </c>
      <c r="B8891" s="3">
        <f t="shared" si="276"/>
        <v>10</v>
      </c>
      <c r="C8891" s="3">
        <f t="shared" si="277"/>
        <v>2017</v>
      </c>
      <c r="D8891" t="s">
        <v>1925</v>
      </c>
      <c r="E8891" t="s">
        <v>176</v>
      </c>
      <c r="F8891" t="s">
        <v>33</v>
      </c>
      <c r="G8891" t="s">
        <v>46</v>
      </c>
      <c r="H8891" t="s">
        <v>2447</v>
      </c>
      <c r="I8891">
        <v>40.479999999999997</v>
      </c>
      <c r="J8891">
        <v>2</v>
      </c>
      <c r="K8891">
        <v>17.41</v>
      </c>
    </row>
    <row r="8892" spans="1:11" x14ac:dyDescent="0.3">
      <c r="A8892" s="1">
        <v>43020</v>
      </c>
      <c r="B8892" s="3">
        <f t="shared" si="276"/>
        <v>10</v>
      </c>
      <c r="C8892" s="3">
        <f t="shared" si="277"/>
        <v>2017</v>
      </c>
      <c r="D8892" t="s">
        <v>1925</v>
      </c>
      <c r="E8892" t="s">
        <v>176</v>
      </c>
      <c r="F8892" t="s">
        <v>33</v>
      </c>
      <c r="G8892" t="s">
        <v>73</v>
      </c>
      <c r="H8892" t="s">
        <v>2701</v>
      </c>
      <c r="I8892">
        <v>2154.9</v>
      </c>
      <c r="J8892">
        <v>5</v>
      </c>
      <c r="K8892">
        <v>129.29</v>
      </c>
    </row>
    <row r="8893" spans="1:11" x14ac:dyDescent="0.3">
      <c r="A8893" s="1">
        <v>43020</v>
      </c>
      <c r="B8893" s="3">
        <f t="shared" si="276"/>
        <v>10</v>
      </c>
      <c r="C8893" s="3">
        <f t="shared" si="277"/>
        <v>2017</v>
      </c>
      <c r="D8893" t="s">
        <v>1098</v>
      </c>
      <c r="E8893" t="s">
        <v>9</v>
      </c>
      <c r="F8893" t="s">
        <v>38</v>
      </c>
      <c r="G8893" t="s">
        <v>39</v>
      </c>
      <c r="H8893" t="s">
        <v>1807</v>
      </c>
      <c r="I8893">
        <v>369.54</v>
      </c>
      <c r="J8893">
        <v>7</v>
      </c>
      <c r="K8893">
        <v>27.72</v>
      </c>
    </row>
    <row r="8894" spans="1:11" x14ac:dyDescent="0.3">
      <c r="A8894" s="1">
        <v>43020</v>
      </c>
      <c r="B8894" s="3">
        <f t="shared" si="276"/>
        <v>10</v>
      </c>
      <c r="C8894" s="3">
        <f t="shared" si="277"/>
        <v>2017</v>
      </c>
      <c r="D8894" t="s">
        <v>1098</v>
      </c>
      <c r="E8894" t="s">
        <v>9</v>
      </c>
      <c r="F8894" t="s">
        <v>10</v>
      </c>
      <c r="G8894" t="s">
        <v>11</v>
      </c>
      <c r="H8894" t="s">
        <v>1158</v>
      </c>
      <c r="I8894">
        <v>10.37</v>
      </c>
      <c r="J8894">
        <v>2</v>
      </c>
      <c r="K8894">
        <v>3.76</v>
      </c>
    </row>
    <row r="8895" spans="1:11" x14ac:dyDescent="0.3">
      <c r="A8895" s="1">
        <v>43020</v>
      </c>
      <c r="B8895" s="3">
        <f t="shared" si="276"/>
        <v>10</v>
      </c>
      <c r="C8895" s="3">
        <f t="shared" si="277"/>
        <v>2017</v>
      </c>
      <c r="D8895" t="s">
        <v>1098</v>
      </c>
      <c r="E8895" t="s">
        <v>9</v>
      </c>
      <c r="F8895" t="s">
        <v>38</v>
      </c>
      <c r="G8895" t="s">
        <v>51</v>
      </c>
      <c r="H8895" t="s">
        <v>1786</v>
      </c>
      <c r="I8895">
        <v>791.88</v>
      </c>
      <c r="J8895">
        <v>3</v>
      </c>
      <c r="K8895">
        <v>128.68</v>
      </c>
    </row>
    <row r="8896" spans="1:11" x14ac:dyDescent="0.3">
      <c r="A8896" s="1">
        <v>43020</v>
      </c>
      <c r="B8896" s="3">
        <f t="shared" si="276"/>
        <v>10</v>
      </c>
      <c r="C8896" s="3">
        <f t="shared" si="277"/>
        <v>2017</v>
      </c>
      <c r="D8896" t="s">
        <v>181</v>
      </c>
      <c r="E8896" t="s">
        <v>2686</v>
      </c>
      <c r="F8896" t="s">
        <v>33</v>
      </c>
      <c r="G8896" t="s">
        <v>144</v>
      </c>
      <c r="H8896" t="s">
        <v>1811</v>
      </c>
      <c r="I8896">
        <v>673.34</v>
      </c>
      <c r="J8896">
        <v>3</v>
      </c>
      <c r="K8896">
        <v>-76.95</v>
      </c>
    </row>
    <row r="8897" spans="1:11" x14ac:dyDescent="0.3">
      <c r="A8897" s="1">
        <v>43020</v>
      </c>
      <c r="B8897" s="3">
        <f t="shared" si="276"/>
        <v>10</v>
      </c>
      <c r="C8897" s="3">
        <f t="shared" si="277"/>
        <v>2017</v>
      </c>
      <c r="D8897" t="s">
        <v>382</v>
      </c>
      <c r="E8897" t="s">
        <v>148</v>
      </c>
      <c r="F8897" t="s">
        <v>10</v>
      </c>
      <c r="G8897" t="s">
        <v>11</v>
      </c>
      <c r="H8897" t="s">
        <v>1523</v>
      </c>
      <c r="I8897">
        <v>9.9600000000000009</v>
      </c>
      <c r="J8897">
        <v>2</v>
      </c>
      <c r="K8897">
        <v>4.68</v>
      </c>
    </row>
    <row r="8898" spans="1:11" x14ac:dyDescent="0.3">
      <c r="A8898" s="1">
        <v>43021</v>
      </c>
      <c r="B8898" s="3">
        <f t="shared" ref="B8898:B8961" si="278">MONTH(A:A)</f>
        <v>10</v>
      </c>
      <c r="C8898" s="3">
        <f t="shared" ref="C8898:C8961" si="279">YEAR(A:A)</f>
        <v>2017</v>
      </c>
      <c r="D8898" t="s">
        <v>1885</v>
      </c>
      <c r="E8898" t="s">
        <v>22</v>
      </c>
      <c r="F8898" t="s">
        <v>10</v>
      </c>
      <c r="G8898" t="s">
        <v>11</v>
      </c>
      <c r="H8898" t="s">
        <v>2703</v>
      </c>
      <c r="I8898">
        <v>11.65</v>
      </c>
      <c r="J8898">
        <v>2</v>
      </c>
      <c r="K8898">
        <v>4.08</v>
      </c>
    </row>
    <row r="8899" spans="1:11" x14ac:dyDescent="0.3">
      <c r="A8899" s="1">
        <v>43021</v>
      </c>
      <c r="B8899" s="3">
        <f t="shared" si="278"/>
        <v>10</v>
      </c>
      <c r="C8899" s="3">
        <f t="shared" si="279"/>
        <v>2017</v>
      </c>
      <c r="D8899" t="s">
        <v>1885</v>
      </c>
      <c r="E8899" t="s">
        <v>22</v>
      </c>
      <c r="F8899" t="s">
        <v>10</v>
      </c>
      <c r="G8899" t="s">
        <v>11</v>
      </c>
      <c r="H8899" t="s">
        <v>1620</v>
      </c>
      <c r="I8899">
        <v>18.18</v>
      </c>
      <c r="J8899">
        <v>4</v>
      </c>
      <c r="K8899">
        <v>5.91</v>
      </c>
    </row>
    <row r="8900" spans="1:11" x14ac:dyDescent="0.3">
      <c r="A8900" s="1">
        <v>43021</v>
      </c>
      <c r="B8900" s="3">
        <f t="shared" si="278"/>
        <v>10</v>
      </c>
      <c r="C8900" s="3">
        <f t="shared" si="279"/>
        <v>2017</v>
      </c>
      <c r="D8900" t="s">
        <v>1885</v>
      </c>
      <c r="E8900" t="s">
        <v>22</v>
      </c>
      <c r="F8900" t="s">
        <v>10</v>
      </c>
      <c r="G8900" t="s">
        <v>17</v>
      </c>
      <c r="H8900" t="s">
        <v>515</v>
      </c>
      <c r="I8900">
        <v>59.71</v>
      </c>
      <c r="J8900">
        <v>6</v>
      </c>
      <c r="K8900">
        <v>5.97</v>
      </c>
    </row>
    <row r="8901" spans="1:11" x14ac:dyDescent="0.3">
      <c r="A8901" s="1">
        <v>43021</v>
      </c>
      <c r="B8901" s="3">
        <f t="shared" si="278"/>
        <v>10</v>
      </c>
      <c r="C8901" s="3">
        <f t="shared" si="279"/>
        <v>2017</v>
      </c>
      <c r="D8901" t="s">
        <v>1885</v>
      </c>
      <c r="E8901" t="s">
        <v>22</v>
      </c>
      <c r="F8901" t="s">
        <v>10</v>
      </c>
      <c r="G8901" t="s">
        <v>15</v>
      </c>
      <c r="H8901" t="s">
        <v>1715</v>
      </c>
      <c r="I8901">
        <v>24.84</v>
      </c>
      <c r="J8901">
        <v>3</v>
      </c>
      <c r="K8901">
        <v>8.69</v>
      </c>
    </row>
    <row r="8902" spans="1:11" x14ac:dyDescent="0.3">
      <c r="A8902" s="1">
        <v>43021</v>
      </c>
      <c r="B8902" s="3">
        <f t="shared" si="278"/>
        <v>10</v>
      </c>
      <c r="C8902" s="3">
        <f t="shared" si="279"/>
        <v>2017</v>
      </c>
      <c r="D8902" t="s">
        <v>1139</v>
      </c>
      <c r="E8902" t="s">
        <v>148</v>
      </c>
      <c r="F8902" t="s">
        <v>10</v>
      </c>
      <c r="G8902" t="s">
        <v>91</v>
      </c>
      <c r="H8902" t="s">
        <v>1834</v>
      </c>
      <c r="I8902">
        <v>904.9</v>
      </c>
      <c r="J8902">
        <v>5</v>
      </c>
      <c r="K8902">
        <v>253.37</v>
      </c>
    </row>
    <row r="8903" spans="1:11" x14ac:dyDescent="0.3">
      <c r="A8903" s="1">
        <v>43021</v>
      </c>
      <c r="B8903" s="3">
        <f t="shared" si="278"/>
        <v>10</v>
      </c>
      <c r="C8903" s="3">
        <f t="shared" si="279"/>
        <v>2017</v>
      </c>
      <c r="D8903" t="s">
        <v>1128</v>
      </c>
      <c r="E8903" t="s">
        <v>14</v>
      </c>
      <c r="F8903" t="s">
        <v>10</v>
      </c>
      <c r="G8903" t="s">
        <v>11</v>
      </c>
      <c r="H8903" t="s">
        <v>624</v>
      </c>
      <c r="I8903">
        <v>63.31</v>
      </c>
      <c r="J8903">
        <v>3</v>
      </c>
      <c r="K8903">
        <v>20.58</v>
      </c>
    </row>
    <row r="8904" spans="1:11" x14ac:dyDescent="0.3">
      <c r="A8904" s="1">
        <v>43021</v>
      </c>
      <c r="B8904" s="3">
        <f t="shared" si="278"/>
        <v>10</v>
      </c>
      <c r="C8904" s="3">
        <f t="shared" si="279"/>
        <v>2017</v>
      </c>
      <c r="D8904" t="s">
        <v>1128</v>
      </c>
      <c r="E8904" t="s">
        <v>14</v>
      </c>
      <c r="F8904" t="s">
        <v>10</v>
      </c>
      <c r="G8904" t="s">
        <v>19</v>
      </c>
      <c r="H8904" t="s">
        <v>2268</v>
      </c>
      <c r="I8904">
        <v>96.78</v>
      </c>
      <c r="J8904">
        <v>4</v>
      </c>
      <c r="K8904">
        <v>-145.18</v>
      </c>
    </row>
    <row r="8905" spans="1:11" x14ac:dyDescent="0.3">
      <c r="A8905" s="1">
        <v>43021</v>
      </c>
      <c r="B8905" s="3">
        <f t="shared" si="278"/>
        <v>10</v>
      </c>
      <c r="C8905" s="3">
        <f t="shared" si="279"/>
        <v>2017</v>
      </c>
      <c r="D8905" t="s">
        <v>1128</v>
      </c>
      <c r="E8905" t="s">
        <v>14</v>
      </c>
      <c r="F8905" t="s">
        <v>33</v>
      </c>
      <c r="G8905" t="s">
        <v>46</v>
      </c>
      <c r="H8905" t="s">
        <v>590</v>
      </c>
      <c r="I8905">
        <v>10.48</v>
      </c>
      <c r="J8905">
        <v>3</v>
      </c>
      <c r="K8905">
        <v>-6.81</v>
      </c>
    </row>
    <row r="8906" spans="1:11" x14ac:dyDescent="0.3">
      <c r="A8906" s="1">
        <v>43021</v>
      </c>
      <c r="B8906" s="3">
        <f t="shared" si="278"/>
        <v>10</v>
      </c>
      <c r="C8906" s="3">
        <f t="shared" si="279"/>
        <v>2017</v>
      </c>
      <c r="D8906" t="s">
        <v>2047</v>
      </c>
      <c r="E8906" t="s">
        <v>26</v>
      </c>
      <c r="F8906" t="s">
        <v>38</v>
      </c>
      <c r="G8906" t="s">
        <v>51</v>
      </c>
      <c r="H8906" t="s">
        <v>2360</v>
      </c>
      <c r="I8906">
        <v>209.94</v>
      </c>
      <c r="J8906">
        <v>6</v>
      </c>
      <c r="K8906">
        <v>39.89</v>
      </c>
    </row>
    <row r="8907" spans="1:11" x14ac:dyDescent="0.3">
      <c r="A8907" s="1">
        <v>43021</v>
      </c>
      <c r="B8907" s="3">
        <f t="shared" si="278"/>
        <v>10</v>
      </c>
      <c r="C8907" s="3">
        <f t="shared" si="279"/>
        <v>2017</v>
      </c>
      <c r="D8907" t="s">
        <v>2047</v>
      </c>
      <c r="E8907" t="s">
        <v>26</v>
      </c>
      <c r="F8907" t="s">
        <v>38</v>
      </c>
      <c r="G8907" t="s">
        <v>39</v>
      </c>
      <c r="H8907" t="s">
        <v>2244</v>
      </c>
      <c r="I8907">
        <v>31.98</v>
      </c>
      <c r="J8907">
        <v>2</v>
      </c>
      <c r="K8907">
        <v>-8</v>
      </c>
    </row>
    <row r="8908" spans="1:11" x14ac:dyDescent="0.3">
      <c r="A8908" s="1">
        <v>43021</v>
      </c>
      <c r="B8908" s="3">
        <f t="shared" si="278"/>
        <v>10</v>
      </c>
      <c r="C8908" s="3">
        <f t="shared" si="279"/>
        <v>2017</v>
      </c>
      <c r="D8908" t="s">
        <v>2047</v>
      </c>
      <c r="E8908" t="s">
        <v>26</v>
      </c>
      <c r="F8908" t="s">
        <v>10</v>
      </c>
      <c r="G8908" t="s">
        <v>19</v>
      </c>
      <c r="H8908" t="s">
        <v>1605</v>
      </c>
      <c r="I8908">
        <v>5083.96</v>
      </c>
      <c r="J8908">
        <v>5</v>
      </c>
      <c r="K8908">
        <v>1906.49</v>
      </c>
    </row>
    <row r="8909" spans="1:11" x14ac:dyDescent="0.3">
      <c r="A8909" s="1">
        <v>43021</v>
      </c>
      <c r="B8909" s="3">
        <f t="shared" si="278"/>
        <v>10</v>
      </c>
      <c r="C8909" s="3">
        <f t="shared" si="279"/>
        <v>2017</v>
      </c>
      <c r="D8909" t="s">
        <v>1722</v>
      </c>
      <c r="E8909" t="s">
        <v>32</v>
      </c>
      <c r="F8909" t="s">
        <v>10</v>
      </c>
      <c r="G8909" t="s">
        <v>17</v>
      </c>
      <c r="H8909" t="s">
        <v>1559</v>
      </c>
      <c r="I8909">
        <v>348.56</v>
      </c>
      <c r="J8909">
        <v>8</v>
      </c>
      <c r="K8909">
        <v>104.57</v>
      </c>
    </row>
    <row r="8910" spans="1:11" x14ac:dyDescent="0.3">
      <c r="A8910" s="1">
        <v>43021</v>
      </c>
      <c r="B8910" s="3">
        <f t="shared" si="278"/>
        <v>10</v>
      </c>
      <c r="C8910" s="3">
        <f t="shared" si="279"/>
        <v>2017</v>
      </c>
      <c r="D8910" t="s">
        <v>920</v>
      </c>
      <c r="E8910" t="s">
        <v>61</v>
      </c>
      <c r="F8910" t="s">
        <v>10</v>
      </c>
      <c r="G8910" t="s">
        <v>15</v>
      </c>
      <c r="H8910" t="s">
        <v>1703</v>
      </c>
      <c r="I8910">
        <v>11.07</v>
      </c>
      <c r="J8910">
        <v>3</v>
      </c>
      <c r="K8910">
        <v>5.2</v>
      </c>
    </row>
    <row r="8911" spans="1:11" x14ac:dyDescent="0.3">
      <c r="A8911" s="1">
        <v>43021</v>
      </c>
      <c r="B8911" s="3">
        <f t="shared" si="278"/>
        <v>10</v>
      </c>
      <c r="C8911" s="3">
        <f t="shared" si="279"/>
        <v>2017</v>
      </c>
      <c r="D8911" t="s">
        <v>920</v>
      </c>
      <c r="E8911" t="s">
        <v>61</v>
      </c>
      <c r="F8911" t="s">
        <v>33</v>
      </c>
      <c r="G8911" t="s">
        <v>144</v>
      </c>
      <c r="H8911" t="s">
        <v>319</v>
      </c>
      <c r="I8911">
        <v>1504.52</v>
      </c>
      <c r="J8911">
        <v>4</v>
      </c>
      <c r="K8911">
        <v>346.04</v>
      </c>
    </row>
    <row r="8912" spans="1:11" x14ac:dyDescent="0.3">
      <c r="A8912" s="1">
        <v>43021</v>
      </c>
      <c r="B8912" s="3">
        <f t="shared" si="278"/>
        <v>10</v>
      </c>
      <c r="C8912" s="3">
        <f t="shared" si="279"/>
        <v>2017</v>
      </c>
      <c r="D8912" t="s">
        <v>920</v>
      </c>
      <c r="E8912" t="s">
        <v>61</v>
      </c>
      <c r="F8912" t="s">
        <v>10</v>
      </c>
      <c r="G8912" t="s">
        <v>11</v>
      </c>
      <c r="H8912" t="s">
        <v>2121</v>
      </c>
      <c r="I8912">
        <v>25.92</v>
      </c>
      <c r="J8912">
        <v>4</v>
      </c>
      <c r="K8912">
        <v>12.44</v>
      </c>
    </row>
    <row r="8913" spans="1:11" x14ac:dyDescent="0.3">
      <c r="A8913" s="1">
        <v>43022</v>
      </c>
      <c r="B8913" s="3">
        <f t="shared" si="278"/>
        <v>10</v>
      </c>
      <c r="C8913" s="3">
        <f t="shared" si="279"/>
        <v>2017</v>
      </c>
      <c r="D8913" t="s">
        <v>2497</v>
      </c>
      <c r="E8913" t="s">
        <v>530</v>
      </c>
      <c r="F8913" t="s">
        <v>10</v>
      </c>
      <c r="G8913" t="s">
        <v>19</v>
      </c>
      <c r="H8913" t="s">
        <v>630</v>
      </c>
      <c r="I8913">
        <v>37.659999999999997</v>
      </c>
      <c r="J8913">
        <v>7</v>
      </c>
      <c r="K8913">
        <v>18.45</v>
      </c>
    </row>
    <row r="8914" spans="1:11" x14ac:dyDescent="0.3">
      <c r="A8914" s="1">
        <v>43022</v>
      </c>
      <c r="B8914" s="3">
        <f t="shared" si="278"/>
        <v>10</v>
      </c>
      <c r="C8914" s="3">
        <f t="shared" si="279"/>
        <v>2017</v>
      </c>
      <c r="D8914" t="s">
        <v>2196</v>
      </c>
      <c r="E8914" t="s">
        <v>26</v>
      </c>
      <c r="F8914" t="s">
        <v>33</v>
      </c>
      <c r="G8914" t="s">
        <v>46</v>
      </c>
      <c r="H8914" t="s">
        <v>479</v>
      </c>
      <c r="I8914">
        <v>9.4600000000000009</v>
      </c>
      <c r="J8914">
        <v>2</v>
      </c>
      <c r="K8914">
        <v>3.69</v>
      </c>
    </row>
    <row r="8915" spans="1:11" x14ac:dyDescent="0.3">
      <c r="A8915" s="1">
        <v>43022</v>
      </c>
      <c r="B8915" s="3">
        <f t="shared" si="278"/>
        <v>10</v>
      </c>
      <c r="C8915" s="3">
        <f t="shared" si="279"/>
        <v>2017</v>
      </c>
      <c r="D8915" t="s">
        <v>1311</v>
      </c>
      <c r="E8915" t="s">
        <v>14</v>
      </c>
      <c r="F8915" t="s">
        <v>10</v>
      </c>
      <c r="G8915" t="s">
        <v>19</v>
      </c>
      <c r="H8915" t="s">
        <v>329</v>
      </c>
      <c r="I8915">
        <v>27.4</v>
      </c>
      <c r="J8915">
        <v>9</v>
      </c>
      <c r="K8915">
        <v>-42.46</v>
      </c>
    </row>
    <row r="8916" spans="1:11" x14ac:dyDescent="0.3">
      <c r="A8916" s="1">
        <v>43022</v>
      </c>
      <c r="B8916" s="3">
        <f t="shared" si="278"/>
        <v>10</v>
      </c>
      <c r="C8916" s="3">
        <f t="shared" si="279"/>
        <v>2017</v>
      </c>
      <c r="D8916" t="s">
        <v>1311</v>
      </c>
      <c r="E8916" t="s">
        <v>14</v>
      </c>
      <c r="F8916" t="s">
        <v>10</v>
      </c>
      <c r="G8916" t="s">
        <v>19</v>
      </c>
      <c r="H8916" t="s">
        <v>268</v>
      </c>
      <c r="I8916">
        <v>13.46</v>
      </c>
      <c r="J8916">
        <v>1</v>
      </c>
      <c r="K8916">
        <v>-23.55</v>
      </c>
    </row>
    <row r="8917" spans="1:11" x14ac:dyDescent="0.3">
      <c r="A8917" s="1">
        <v>43022</v>
      </c>
      <c r="B8917" s="3">
        <f t="shared" si="278"/>
        <v>10</v>
      </c>
      <c r="C8917" s="3">
        <f t="shared" si="279"/>
        <v>2017</v>
      </c>
      <c r="D8917" t="s">
        <v>1050</v>
      </c>
      <c r="E8917" t="s">
        <v>26</v>
      </c>
      <c r="F8917" t="s">
        <v>38</v>
      </c>
      <c r="G8917" t="s">
        <v>51</v>
      </c>
      <c r="H8917" t="s">
        <v>1878</v>
      </c>
      <c r="I8917">
        <v>46.36</v>
      </c>
      <c r="J8917">
        <v>4</v>
      </c>
      <c r="K8917">
        <v>15.3</v>
      </c>
    </row>
    <row r="8918" spans="1:11" x14ac:dyDescent="0.3">
      <c r="A8918" s="1">
        <v>43023</v>
      </c>
      <c r="B8918" s="3">
        <f t="shared" si="278"/>
        <v>10</v>
      </c>
      <c r="C8918" s="3">
        <f t="shared" si="279"/>
        <v>2017</v>
      </c>
      <c r="D8918" t="s">
        <v>695</v>
      </c>
      <c r="E8918" t="s">
        <v>26</v>
      </c>
      <c r="F8918" t="s">
        <v>10</v>
      </c>
      <c r="G8918" t="s">
        <v>23</v>
      </c>
      <c r="H8918" t="s">
        <v>2708</v>
      </c>
      <c r="I8918">
        <v>87.92</v>
      </c>
      <c r="J8918">
        <v>4</v>
      </c>
      <c r="K8918">
        <v>26.38</v>
      </c>
    </row>
    <row r="8919" spans="1:11" x14ac:dyDescent="0.3">
      <c r="A8919" s="1">
        <v>43023</v>
      </c>
      <c r="B8919" s="3">
        <f t="shared" si="278"/>
        <v>10</v>
      </c>
      <c r="C8919" s="3">
        <f t="shared" si="279"/>
        <v>2017</v>
      </c>
      <c r="D8919" t="s">
        <v>489</v>
      </c>
      <c r="E8919" t="s">
        <v>26</v>
      </c>
      <c r="F8919" t="s">
        <v>33</v>
      </c>
      <c r="G8919" t="s">
        <v>144</v>
      </c>
      <c r="H8919" t="s">
        <v>549</v>
      </c>
      <c r="I8919">
        <v>510.24</v>
      </c>
      <c r="J8919">
        <v>3</v>
      </c>
      <c r="K8919">
        <v>6.38</v>
      </c>
    </row>
    <row r="8920" spans="1:11" x14ac:dyDescent="0.3">
      <c r="A8920" s="1">
        <v>43023</v>
      </c>
      <c r="B8920" s="3">
        <f t="shared" si="278"/>
        <v>10</v>
      </c>
      <c r="C8920" s="3">
        <f t="shared" si="279"/>
        <v>2017</v>
      </c>
      <c r="D8920" t="s">
        <v>489</v>
      </c>
      <c r="E8920" t="s">
        <v>26</v>
      </c>
      <c r="F8920" t="s">
        <v>10</v>
      </c>
      <c r="G8920" t="s">
        <v>11</v>
      </c>
      <c r="H8920" t="s">
        <v>359</v>
      </c>
      <c r="I8920">
        <v>204.95</v>
      </c>
      <c r="J8920">
        <v>5</v>
      </c>
      <c r="K8920">
        <v>100.43</v>
      </c>
    </row>
    <row r="8921" spans="1:11" x14ac:dyDescent="0.3">
      <c r="A8921" s="1">
        <v>43023</v>
      </c>
      <c r="B8921" s="3">
        <f t="shared" si="278"/>
        <v>10</v>
      </c>
      <c r="C8921" s="3">
        <f t="shared" si="279"/>
        <v>2017</v>
      </c>
      <c r="D8921" t="s">
        <v>1069</v>
      </c>
      <c r="E8921" t="s">
        <v>612</v>
      </c>
      <c r="F8921" t="s">
        <v>10</v>
      </c>
      <c r="G8921" t="s">
        <v>15</v>
      </c>
      <c r="H8921" t="s">
        <v>1631</v>
      </c>
      <c r="I8921">
        <v>13.05</v>
      </c>
      <c r="J8921">
        <v>5</v>
      </c>
      <c r="K8921">
        <v>6</v>
      </c>
    </row>
    <row r="8922" spans="1:11" x14ac:dyDescent="0.3">
      <c r="A8922" s="1">
        <v>43023</v>
      </c>
      <c r="B8922" s="3">
        <f t="shared" si="278"/>
        <v>10</v>
      </c>
      <c r="C8922" s="3">
        <f t="shared" si="279"/>
        <v>2017</v>
      </c>
      <c r="D8922" t="s">
        <v>2411</v>
      </c>
      <c r="E8922" t="s">
        <v>26</v>
      </c>
      <c r="F8922" t="s">
        <v>10</v>
      </c>
      <c r="G8922" t="s">
        <v>15</v>
      </c>
      <c r="H8922" t="s">
        <v>1499</v>
      </c>
      <c r="I8922">
        <v>152.65</v>
      </c>
      <c r="J8922">
        <v>5</v>
      </c>
      <c r="K8922">
        <v>70.22</v>
      </c>
    </row>
    <row r="8923" spans="1:11" x14ac:dyDescent="0.3">
      <c r="A8923" s="1">
        <v>43023</v>
      </c>
      <c r="B8923" s="3">
        <f t="shared" si="278"/>
        <v>10</v>
      </c>
      <c r="C8923" s="3">
        <f t="shared" si="279"/>
        <v>2017</v>
      </c>
      <c r="D8923" t="s">
        <v>2411</v>
      </c>
      <c r="E8923" t="s">
        <v>26</v>
      </c>
      <c r="F8923" t="s">
        <v>33</v>
      </c>
      <c r="G8923" t="s">
        <v>46</v>
      </c>
      <c r="H8923" t="s">
        <v>2008</v>
      </c>
      <c r="I8923">
        <v>22.72</v>
      </c>
      <c r="J8923">
        <v>1</v>
      </c>
      <c r="K8923">
        <v>9.32</v>
      </c>
    </row>
    <row r="8924" spans="1:11" x14ac:dyDescent="0.3">
      <c r="A8924" s="1">
        <v>43023</v>
      </c>
      <c r="B8924" s="3">
        <f t="shared" si="278"/>
        <v>10</v>
      </c>
      <c r="C8924" s="3">
        <f t="shared" si="279"/>
        <v>2017</v>
      </c>
      <c r="D8924" t="s">
        <v>1250</v>
      </c>
      <c r="E8924" t="s">
        <v>26</v>
      </c>
      <c r="F8924" t="s">
        <v>10</v>
      </c>
      <c r="G8924" t="s">
        <v>15</v>
      </c>
      <c r="H8924" t="s">
        <v>2580</v>
      </c>
      <c r="I8924">
        <v>14.73</v>
      </c>
      <c r="J8924">
        <v>3</v>
      </c>
      <c r="K8924">
        <v>7.22</v>
      </c>
    </row>
    <row r="8925" spans="1:11" x14ac:dyDescent="0.3">
      <c r="A8925" s="1">
        <v>43023</v>
      </c>
      <c r="B8925" s="3">
        <f t="shared" si="278"/>
        <v>10</v>
      </c>
      <c r="C8925" s="3">
        <f t="shared" si="279"/>
        <v>2017</v>
      </c>
      <c r="D8925" t="s">
        <v>2063</v>
      </c>
      <c r="E8925" t="s">
        <v>295</v>
      </c>
      <c r="F8925" t="s">
        <v>10</v>
      </c>
      <c r="G8925" t="s">
        <v>23</v>
      </c>
      <c r="H8925" t="s">
        <v>1953</v>
      </c>
      <c r="I8925">
        <v>11.68</v>
      </c>
      <c r="J8925">
        <v>2</v>
      </c>
      <c r="K8925">
        <v>4.2</v>
      </c>
    </row>
    <row r="8926" spans="1:11" x14ac:dyDescent="0.3">
      <c r="A8926" s="1">
        <v>43024</v>
      </c>
      <c r="B8926" s="3">
        <f t="shared" si="278"/>
        <v>10</v>
      </c>
      <c r="C8926" s="3">
        <f t="shared" si="279"/>
        <v>2017</v>
      </c>
      <c r="D8926" t="s">
        <v>2231</v>
      </c>
      <c r="E8926" t="s">
        <v>32</v>
      </c>
      <c r="F8926" t="s">
        <v>10</v>
      </c>
      <c r="G8926" t="s">
        <v>19</v>
      </c>
      <c r="H8926" t="s">
        <v>470</v>
      </c>
      <c r="I8926">
        <v>124.75</v>
      </c>
      <c r="J8926">
        <v>5</v>
      </c>
      <c r="K8926">
        <v>57.39</v>
      </c>
    </row>
    <row r="8927" spans="1:11" x14ac:dyDescent="0.3">
      <c r="A8927" s="1">
        <v>43024</v>
      </c>
      <c r="B8927" s="3">
        <f t="shared" si="278"/>
        <v>10</v>
      </c>
      <c r="C8927" s="3">
        <f t="shared" si="279"/>
        <v>2017</v>
      </c>
      <c r="D8927" t="s">
        <v>2297</v>
      </c>
      <c r="E8927" t="s">
        <v>148</v>
      </c>
      <c r="F8927" t="s">
        <v>33</v>
      </c>
      <c r="G8927" t="s">
        <v>46</v>
      </c>
      <c r="H8927" t="s">
        <v>2007</v>
      </c>
      <c r="I8927">
        <v>547.29999999999995</v>
      </c>
      <c r="J8927">
        <v>13</v>
      </c>
      <c r="K8927">
        <v>175.14</v>
      </c>
    </row>
    <row r="8928" spans="1:11" x14ac:dyDescent="0.3">
      <c r="A8928" s="1">
        <v>43024</v>
      </c>
      <c r="B8928" s="3">
        <f t="shared" si="278"/>
        <v>10</v>
      </c>
      <c r="C8928" s="3">
        <f t="shared" si="279"/>
        <v>2017</v>
      </c>
      <c r="D8928" t="s">
        <v>53</v>
      </c>
      <c r="E8928" t="s">
        <v>94</v>
      </c>
      <c r="F8928" t="s">
        <v>10</v>
      </c>
      <c r="G8928" t="s">
        <v>11</v>
      </c>
      <c r="H8928" t="s">
        <v>1758</v>
      </c>
      <c r="I8928">
        <v>307.77999999999997</v>
      </c>
      <c r="J8928">
        <v>7</v>
      </c>
      <c r="K8928">
        <v>111.57</v>
      </c>
    </row>
    <row r="8929" spans="1:11" x14ac:dyDescent="0.3">
      <c r="A8929" s="1">
        <v>43024</v>
      </c>
      <c r="B8929" s="3">
        <f t="shared" si="278"/>
        <v>10</v>
      </c>
      <c r="C8929" s="3">
        <f t="shared" si="279"/>
        <v>2017</v>
      </c>
      <c r="D8929" t="s">
        <v>924</v>
      </c>
      <c r="E8929" t="s">
        <v>94</v>
      </c>
      <c r="F8929" t="s">
        <v>38</v>
      </c>
      <c r="G8929" t="s">
        <v>301</v>
      </c>
      <c r="H8929" t="s">
        <v>344</v>
      </c>
      <c r="I8929">
        <v>599.99</v>
      </c>
      <c r="J8929">
        <v>5</v>
      </c>
      <c r="K8929">
        <v>-479.99</v>
      </c>
    </row>
    <row r="8930" spans="1:11" x14ac:dyDescent="0.3">
      <c r="A8930" s="1">
        <v>43024</v>
      </c>
      <c r="B8930" s="3">
        <f t="shared" si="278"/>
        <v>10</v>
      </c>
      <c r="C8930" s="3">
        <f t="shared" si="279"/>
        <v>2017</v>
      </c>
      <c r="D8930" t="s">
        <v>1213</v>
      </c>
      <c r="E8930" t="s">
        <v>119</v>
      </c>
      <c r="F8930" t="s">
        <v>38</v>
      </c>
      <c r="G8930" t="s">
        <v>51</v>
      </c>
      <c r="H8930" t="s">
        <v>1910</v>
      </c>
      <c r="I8930">
        <v>18.53</v>
      </c>
      <c r="J8930">
        <v>2</v>
      </c>
      <c r="K8930">
        <v>4.4000000000000004</v>
      </c>
    </row>
    <row r="8931" spans="1:11" x14ac:dyDescent="0.3">
      <c r="A8931" s="1">
        <v>43024</v>
      </c>
      <c r="B8931" s="3">
        <f t="shared" si="278"/>
        <v>10</v>
      </c>
      <c r="C8931" s="3">
        <f t="shared" si="279"/>
        <v>2017</v>
      </c>
      <c r="D8931" t="s">
        <v>1213</v>
      </c>
      <c r="E8931" t="s">
        <v>119</v>
      </c>
      <c r="F8931" t="s">
        <v>33</v>
      </c>
      <c r="G8931" t="s">
        <v>144</v>
      </c>
      <c r="H8931" t="s">
        <v>320</v>
      </c>
      <c r="I8931">
        <v>1875.26</v>
      </c>
      <c r="J8931">
        <v>7</v>
      </c>
      <c r="K8931">
        <v>-968.88</v>
      </c>
    </row>
    <row r="8932" spans="1:11" x14ac:dyDescent="0.3">
      <c r="A8932" s="1">
        <v>43025</v>
      </c>
      <c r="B8932" s="3">
        <f t="shared" si="278"/>
        <v>10</v>
      </c>
      <c r="C8932" s="3">
        <f t="shared" si="279"/>
        <v>2017</v>
      </c>
      <c r="D8932" t="s">
        <v>1679</v>
      </c>
      <c r="E8932" t="s">
        <v>1528</v>
      </c>
      <c r="F8932" t="s">
        <v>10</v>
      </c>
      <c r="G8932" t="s">
        <v>17</v>
      </c>
      <c r="H8932" t="s">
        <v>594</v>
      </c>
      <c r="I8932">
        <v>49.96</v>
      </c>
      <c r="J8932">
        <v>2</v>
      </c>
      <c r="K8932">
        <v>9.49</v>
      </c>
    </row>
    <row r="8933" spans="1:11" x14ac:dyDescent="0.3">
      <c r="A8933" s="1">
        <v>43025</v>
      </c>
      <c r="B8933" s="3">
        <f t="shared" si="278"/>
        <v>10</v>
      </c>
      <c r="C8933" s="3">
        <f t="shared" si="279"/>
        <v>2017</v>
      </c>
      <c r="D8933" t="s">
        <v>1679</v>
      </c>
      <c r="E8933" t="s">
        <v>1528</v>
      </c>
      <c r="F8933" t="s">
        <v>10</v>
      </c>
      <c r="G8933" t="s">
        <v>11</v>
      </c>
      <c r="H8933" t="s">
        <v>2645</v>
      </c>
      <c r="I8933">
        <v>12.96</v>
      </c>
      <c r="J8933">
        <v>2</v>
      </c>
      <c r="K8933">
        <v>6.22</v>
      </c>
    </row>
    <row r="8934" spans="1:11" x14ac:dyDescent="0.3">
      <c r="A8934" s="1">
        <v>43025</v>
      </c>
      <c r="B8934" s="3">
        <f t="shared" si="278"/>
        <v>10</v>
      </c>
      <c r="C8934" s="3">
        <f t="shared" si="279"/>
        <v>2017</v>
      </c>
      <c r="D8934" t="s">
        <v>1297</v>
      </c>
      <c r="E8934" t="s">
        <v>26</v>
      </c>
      <c r="F8934" t="s">
        <v>10</v>
      </c>
      <c r="G8934" t="s">
        <v>23</v>
      </c>
      <c r="H8934" t="s">
        <v>289</v>
      </c>
      <c r="I8934">
        <v>10.64</v>
      </c>
      <c r="J8934">
        <v>4</v>
      </c>
      <c r="K8934">
        <v>2.77</v>
      </c>
    </row>
    <row r="8935" spans="1:11" x14ac:dyDescent="0.3">
      <c r="A8935" s="1">
        <v>43025</v>
      </c>
      <c r="B8935" s="3">
        <f t="shared" si="278"/>
        <v>10</v>
      </c>
      <c r="C8935" s="3">
        <f t="shared" si="279"/>
        <v>2017</v>
      </c>
      <c r="D8935" t="s">
        <v>201</v>
      </c>
      <c r="E8935" t="s">
        <v>26</v>
      </c>
      <c r="F8935" t="s">
        <v>38</v>
      </c>
      <c r="G8935" t="s">
        <v>39</v>
      </c>
      <c r="H8935" t="s">
        <v>2299</v>
      </c>
      <c r="I8935">
        <v>52.79</v>
      </c>
      <c r="J8935">
        <v>1</v>
      </c>
      <c r="K8935">
        <v>4.62</v>
      </c>
    </row>
    <row r="8936" spans="1:11" x14ac:dyDescent="0.3">
      <c r="A8936" s="1">
        <v>43027</v>
      </c>
      <c r="B8936" s="3">
        <f t="shared" si="278"/>
        <v>10</v>
      </c>
      <c r="C8936" s="3">
        <f t="shared" si="279"/>
        <v>2017</v>
      </c>
      <c r="D8936" t="s">
        <v>1087</v>
      </c>
      <c r="E8936" t="s">
        <v>9</v>
      </c>
      <c r="F8936" t="s">
        <v>10</v>
      </c>
      <c r="G8936" t="s">
        <v>11</v>
      </c>
      <c r="H8936" t="s">
        <v>624</v>
      </c>
      <c r="I8936">
        <v>29.47</v>
      </c>
      <c r="J8936">
        <v>3</v>
      </c>
      <c r="K8936">
        <v>9.9499999999999993</v>
      </c>
    </row>
    <row r="8937" spans="1:11" x14ac:dyDescent="0.3">
      <c r="A8937" s="1">
        <v>43027</v>
      </c>
      <c r="B8937" s="3">
        <f t="shared" si="278"/>
        <v>10</v>
      </c>
      <c r="C8937" s="3">
        <f t="shared" si="279"/>
        <v>2017</v>
      </c>
      <c r="D8937" t="s">
        <v>2032</v>
      </c>
      <c r="E8937" t="s">
        <v>433</v>
      </c>
      <c r="F8937" t="s">
        <v>33</v>
      </c>
      <c r="G8937" t="s">
        <v>46</v>
      </c>
      <c r="H8937" t="s">
        <v>2459</v>
      </c>
      <c r="I8937">
        <v>56.56</v>
      </c>
      <c r="J8937">
        <v>4</v>
      </c>
      <c r="K8937">
        <v>14.71</v>
      </c>
    </row>
    <row r="8938" spans="1:11" x14ac:dyDescent="0.3">
      <c r="A8938" s="1">
        <v>43027</v>
      </c>
      <c r="B8938" s="3">
        <f t="shared" si="278"/>
        <v>10</v>
      </c>
      <c r="C8938" s="3">
        <f t="shared" si="279"/>
        <v>2017</v>
      </c>
      <c r="D8938" t="s">
        <v>2032</v>
      </c>
      <c r="E8938" t="s">
        <v>433</v>
      </c>
      <c r="F8938" t="s">
        <v>10</v>
      </c>
      <c r="G8938" t="s">
        <v>17</v>
      </c>
      <c r="H8938" t="s">
        <v>348</v>
      </c>
      <c r="I8938">
        <v>32.700000000000003</v>
      </c>
      <c r="J8938">
        <v>3</v>
      </c>
      <c r="K8938">
        <v>8.5</v>
      </c>
    </row>
    <row r="8939" spans="1:11" x14ac:dyDescent="0.3">
      <c r="A8939" s="1">
        <v>43027</v>
      </c>
      <c r="B8939" s="3">
        <f t="shared" si="278"/>
        <v>10</v>
      </c>
      <c r="C8939" s="3">
        <f t="shared" si="279"/>
        <v>2017</v>
      </c>
      <c r="D8939" t="s">
        <v>991</v>
      </c>
      <c r="E8939" t="s">
        <v>22</v>
      </c>
      <c r="F8939" t="s">
        <v>10</v>
      </c>
      <c r="G8939" t="s">
        <v>23</v>
      </c>
      <c r="H8939" t="s">
        <v>1357</v>
      </c>
      <c r="I8939">
        <v>123.26</v>
      </c>
      <c r="J8939">
        <v>7</v>
      </c>
      <c r="K8939">
        <v>9.24</v>
      </c>
    </row>
    <row r="8940" spans="1:11" x14ac:dyDescent="0.3">
      <c r="A8940" s="1">
        <v>43027</v>
      </c>
      <c r="B8940" s="3">
        <f t="shared" si="278"/>
        <v>10</v>
      </c>
      <c r="C8940" s="3">
        <f t="shared" si="279"/>
        <v>2017</v>
      </c>
      <c r="D8940" t="s">
        <v>991</v>
      </c>
      <c r="E8940" t="s">
        <v>22</v>
      </c>
      <c r="F8940" t="s">
        <v>10</v>
      </c>
      <c r="G8940" t="s">
        <v>11</v>
      </c>
      <c r="H8940" t="s">
        <v>1886</v>
      </c>
      <c r="I8940">
        <v>23.68</v>
      </c>
      <c r="J8940">
        <v>4</v>
      </c>
      <c r="K8940">
        <v>7.4</v>
      </c>
    </row>
    <row r="8941" spans="1:11" x14ac:dyDescent="0.3">
      <c r="A8941" s="1">
        <v>43027</v>
      </c>
      <c r="B8941" s="3">
        <f t="shared" si="278"/>
        <v>10</v>
      </c>
      <c r="C8941" s="3">
        <f t="shared" si="279"/>
        <v>2017</v>
      </c>
      <c r="D8941" t="s">
        <v>991</v>
      </c>
      <c r="E8941" t="s">
        <v>22</v>
      </c>
      <c r="F8941" t="s">
        <v>38</v>
      </c>
      <c r="G8941" t="s">
        <v>39</v>
      </c>
      <c r="H8941" t="s">
        <v>1517</v>
      </c>
      <c r="I8941">
        <v>309.58</v>
      </c>
      <c r="J8941">
        <v>4</v>
      </c>
      <c r="K8941">
        <v>-56.76</v>
      </c>
    </row>
    <row r="8942" spans="1:11" x14ac:dyDescent="0.3">
      <c r="A8942" s="1">
        <v>43027</v>
      </c>
      <c r="B8942" s="3">
        <f t="shared" si="278"/>
        <v>10</v>
      </c>
      <c r="C8942" s="3">
        <f t="shared" si="279"/>
        <v>2017</v>
      </c>
      <c r="D8942" t="s">
        <v>793</v>
      </c>
      <c r="E8942" t="s">
        <v>9</v>
      </c>
      <c r="F8942" t="s">
        <v>38</v>
      </c>
      <c r="G8942" t="s">
        <v>39</v>
      </c>
      <c r="H8942" t="s">
        <v>1341</v>
      </c>
      <c r="I8942">
        <v>16.68</v>
      </c>
      <c r="J8942">
        <v>3</v>
      </c>
      <c r="K8942">
        <v>5.21</v>
      </c>
    </row>
    <row r="8943" spans="1:11" x14ac:dyDescent="0.3">
      <c r="A8943" s="1">
        <v>43027</v>
      </c>
      <c r="B8943" s="3">
        <f t="shared" si="278"/>
        <v>10</v>
      </c>
      <c r="C8943" s="3">
        <f t="shared" si="279"/>
        <v>2017</v>
      </c>
      <c r="D8943" t="s">
        <v>455</v>
      </c>
      <c r="E8943" t="s">
        <v>244</v>
      </c>
      <c r="F8943" t="s">
        <v>10</v>
      </c>
      <c r="G8943" t="s">
        <v>19</v>
      </c>
      <c r="H8943" t="s">
        <v>827</v>
      </c>
      <c r="I8943">
        <v>1633.19</v>
      </c>
      <c r="J8943">
        <v>4</v>
      </c>
      <c r="K8943">
        <v>-1306.55</v>
      </c>
    </row>
    <row r="8944" spans="1:11" x14ac:dyDescent="0.3">
      <c r="A8944" s="1">
        <v>43027</v>
      </c>
      <c r="B8944" s="3">
        <f t="shared" si="278"/>
        <v>10</v>
      </c>
      <c r="C8944" s="3">
        <f t="shared" si="279"/>
        <v>2017</v>
      </c>
      <c r="D8944" t="s">
        <v>1189</v>
      </c>
      <c r="E8944" t="s">
        <v>26</v>
      </c>
      <c r="F8944" t="s">
        <v>10</v>
      </c>
      <c r="G8944" t="s">
        <v>62</v>
      </c>
      <c r="H8944" t="s">
        <v>2480</v>
      </c>
      <c r="I8944">
        <v>8.9600000000000009</v>
      </c>
      <c r="J8944">
        <v>2</v>
      </c>
      <c r="K8944">
        <v>4.3</v>
      </c>
    </row>
    <row r="8945" spans="1:11" x14ac:dyDescent="0.3">
      <c r="A8945" s="1">
        <v>43027</v>
      </c>
      <c r="B8945" s="3">
        <f t="shared" si="278"/>
        <v>10</v>
      </c>
      <c r="C8945" s="3">
        <f t="shared" si="279"/>
        <v>2017</v>
      </c>
      <c r="D8945" t="s">
        <v>1189</v>
      </c>
      <c r="E8945" t="s">
        <v>26</v>
      </c>
      <c r="F8945" t="s">
        <v>10</v>
      </c>
      <c r="G8945" t="s">
        <v>15</v>
      </c>
      <c r="H8945" t="s">
        <v>446</v>
      </c>
      <c r="I8945">
        <v>31.5</v>
      </c>
      <c r="J8945">
        <v>10</v>
      </c>
      <c r="K8945">
        <v>15.12</v>
      </c>
    </row>
    <row r="8946" spans="1:11" x14ac:dyDescent="0.3">
      <c r="A8946" s="1">
        <v>43027</v>
      </c>
      <c r="B8946" s="3">
        <f t="shared" si="278"/>
        <v>10</v>
      </c>
      <c r="C8946" s="3">
        <f t="shared" si="279"/>
        <v>2017</v>
      </c>
      <c r="D8946" t="s">
        <v>1189</v>
      </c>
      <c r="E8946" t="s">
        <v>26</v>
      </c>
      <c r="F8946" t="s">
        <v>33</v>
      </c>
      <c r="G8946" t="s">
        <v>46</v>
      </c>
      <c r="H8946" t="s">
        <v>1731</v>
      </c>
      <c r="I8946">
        <v>30.56</v>
      </c>
      <c r="J8946">
        <v>2</v>
      </c>
      <c r="K8946">
        <v>10.39</v>
      </c>
    </row>
    <row r="8947" spans="1:11" x14ac:dyDescent="0.3">
      <c r="A8947" s="1">
        <v>43027</v>
      </c>
      <c r="B8947" s="3">
        <f t="shared" si="278"/>
        <v>10</v>
      </c>
      <c r="C8947" s="3">
        <f t="shared" si="279"/>
        <v>2017</v>
      </c>
      <c r="D8947" t="s">
        <v>1189</v>
      </c>
      <c r="E8947" t="s">
        <v>26</v>
      </c>
      <c r="F8947" t="s">
        <v>33</v>
      </c>
      <c r="G8947" t="s">
        <v>144</v>
      </c>
      <c r="H8947" t="s">
        <v>2226</v>
      </c>
      <c r="I8947">
        <v>24.37</v>
      </c>
      <c r="J8947">
        <v>2</v>
      </c>
      <c r="K8947">
        <v>-3.35</v>
      </c>
    </row>
    <row r="8948" spans="1:11" x14ac:dyDescent="0.3">
      <c r="A8948" s="1">
        <v>43027</v>
      </c>
      <c r="B8948" s="3">
        <f t="shared" si="278"/>
        <v>10</v>
      </c>
      <c r="C8948" s="3">
        <f t="shared" si="279"/>
        <v>2017</v>
      </c>
      <c r="D8948" t="s">
        <v>1713</v>
      </c>
      <c r="E8948" t="s">
        <v>14</v>
      </c>
      <c r="F8948" t="s">
        <v>33</v>
      </c>
      <c r="G8948" t="s">
        <v>144</v>
      </c>
      <c r="H8948" t="s">
        <v>1495</v>
      </c>
      <c r="I8948">
        <v>91.28</v>
      </c>
      <c r="J8948">
        <v>1</v>
      </c>
      <c r="K8948">
        <v>-67.540000000000006</v>
      </c>
    </row>
    <row r="8949" spans="1:11" x14ac:dyDescent="0.3">
      <c r="A8949" s="1">
        <v>43027</v>
      </c>
      <c r="B8949" s="3">
        <f t="shared" si="278"/>
        <v>10</v>
      </c>
      <c r="C8949" s="3">
        <f t="shared" si="279"/>
        <v>2017</v>
      </c>
      <c r="D8949" t="s">
        <v>382</v>
      </c>
      <c r="E8949" t="s">
        <v>9</v>
      </c>
      <c r="F8949" t="s">
        <v>10</v>
      </c>
      <c r="G8949" t="s">
        <v>19</v>
      </c>
      <c r="H8949" t="s">
        <v>1159</v>
      </c>
      <c r="I8949">
        <v>2.0699999999999998</v>
      </c>
      <c r="J8949">
        <v>2</v>
      </c>
      <c r="K8949">
        <v>-3.52</v>
      </c>
    </row>
    <row r="8950" spans="1:11" x14ac:dyDescent="0.3">
      <c r="A8950" s="1">
        <v>43027</v>
      </c>
      <c r="B8950" s="3">
        <f t="shared" si="278"/>
        <v>10</v>
      </c>
      <c r="C8950" s="3">
        <f t="shared" si="279"/>
        <v>2017</v>
      </c>
      <c r="D8950" t="s">
        <v>382</v>
      </c>
      <c r="E8950" t="s">
        <v>9</v>
      </c>
      <c r="F8950" t="s">
        <v>33</v>
      </c>
      <c r="G8950" t="s">
        <v>73</v>
      </c>
      <c r="H8950" t="s">
        <v>2412</v>
      </c>
      <c r="I8950">
        <v>328.4</v>
      </c>
      <c r="J8950">
        <v>3</v>
      </c>
      <c r="K8950">
        <v>-91.76</v>
      </c>
    </row>
    <row r="8951" spans="1:11" x14ac:dyDescent="0.3">
      <c r="A8951" s="1">
        <v>43027</v>
      </c>
      <c r="B8951" s="3">
        <f t="shared" si="278"/>
        <v>10</v>
      </c>
      <c r="C8951" s="3">
        <f t="shared" si="279"/>
        <v>2017</v>
      </c>
      <c r="D8951" t="s">
        <v>224</v>
      </c>
      <c r="E8951" t="s">
        <v>26</v>
      </c>
      <c r="F8951" t="s">
        <v>10</v>
      </c>
      <c r="G8951" t="s">
        <v>19</v>
      </c>
      <c r="H8951" t="s">
        <v>2119</v>
      </c>
      <c r="I8951">
        <v>39.619999999999997</v>
      </c>
      <c r="J8951">
        <v>3</v>
      </c>
      <c r="K8951">
        <v>13.87</v>
      </c>
    </row>
    <row r="8952" spans="1:11" x14ac:dyDescent="0.3">
      <c r="A8952" s="1">
        <v>43028</v>
      </c>
      <c r="B8952" s="3">
        <f t="shared" si="278"/>
        <v>10</v>
      </c>
      <c r="C8952" s="3">
        <f t="shared" si="279"/>
        <v>2017</v>
      </c>
      <c r="D8952" t="s">
        <v>921</v>
      </c>
      <c r="E8952" t="s">
        <v>77</v>
      </c>
      <c r="F8952" t="s">
        <v>33</v>
      </c>
      <c r="G8952" t="s">
        <v>144</v>
      </c>
      <c r="H8952" t="s">
        <v>740</v>
      </c>
      <c r="I8952">
        <v>284.36</v>
      </c>
      <c r="J8952">
        <v>2</v>
      </c>
      <c r="K8952">
        <v>-75.83</v>
      </c>
    </row>
    <row r="8953" spans="1:11" x14ac:dyDescent="0.3">
      <c r="A8953" s="1">
        <v>43028</v>
      </c>
      <c r="B8953" s="3">
        <f t="shared" si="278"/>
        <v>10</v>
      </c>
      <c r="C8953" s="3">
        <f t="shared" si="279"/>
        <v>2017</v>
      </c>
      <c r="D8953" t="s">
        <v>921</v>
      </c>
      <c r="E8953" t="s">
        <v>77</v>
      </c>
      <c r="F8953" t="s">
        <v>10</v>
      </c>
      <c r="G8953" t="s">
        <v>17</v>
      </c>
      <c r="H8953" t="s">
        <v>1957</v>
      </c>
      <c r="I8953">
        <v>665.41</v>
      </c>
      <c r="J8953">
        <v>2</v>
      </c>
      <c r="K8953">
        <v>66.540000000000006</v>
      </c>
    </row>
    <row r="8954" spans="1:11" x14ac:dyDescent="0.3">
      <c r="A8954" s="1">
        <v>43028</v>
      </c>
      <c r="B8954" s="3">
        <f t="shared" si="278"/>
        <v>10</v>
      </c>
      <c r="C8954" s="3">
        <f t="shared" si="279"/>
        <v>2017</v>
      </c>
      <c r="D8954" t="s">
        <v>1484</v>
      </c>
      <c r="E8954" t="s">
        <v>100</v>
      </c>
      <c r="F8954" t="s">
        <v>10</v>
      </c>
      <c r="G8954" t="s">
        <v>23</v>
      </c>
      <c r="H8954" t="s">
        <v>1843</v>
      </c>
      <c r="I8954">
        <v>13.36</v>
      </c>
      <c r="J8954">
        <v>4</v>
      </c>
      <c r="K8954">
        <v>4.1399999999999997</v>
      </c>
    </row>
    <row r="8955" spans="1:11" x14ac:dyDescent="0.3">
      <c r="A8955" s="1">
        <v>43028</v>
      </c>
      <c r="B8955" s="3">
        <f t="shared" si="278"/>
        <v>10</v>
      </c>
      <c r="C8955" s="3">
        <f t="shared" si="279"/>
        <v>2017</v>
      </c>
      <c r="D8955" t="s">
        <v>1484</v>
      </c>
      <c r="E8955" t="s">
        <v>100</v>
      </c>
      <c r="F8955" t="s">
        <v>10</v>
      </c>
      <c r="G8955" t="s">
        <v>11</v>
      </c>
      <c r="H8955" t="s">
        <v>1051</v>
      </c>
      <c r="I8955">
        <v>39.96</v>
      </c>
      <c r="J8955">
        <v>2</v>
      </c>
      <c r="K8955">
        <v>18.78</v>
      </c>
    </row>
    <row r="8956" spans="1:11" x14ac:dyDescent="0.3">
      <c r="A8956" s="1">
        <v>43028</v>
      </c>
      <c r="B8956" s="3">
        <f t="shared" si="278"/>
        <v>10</v>
      </c>
      <c r="C8956" s="3">
        <f t="shared" si="279"/>
        <v>2017</v>
      </c>
      <c r="D8956" t="s">
        <v>1484</v>
      </c>
      <c r="E8956" t="s">
        <v>100</v>
      </c>
      <c r="F8956" t="s">
        <v>10</v>
      </c>
      <c r="G8956" t="s">
        <v>19</v>
      </c>
      <c r="H8956" t="s">
        <v>1895</v>
      </c>
      <c r="I8956">
        <v>145.85</v>
      </c>
      <c r="J8956">
        <v>5</v>
      </c>
      <c r="K8956">
        <v>70.010000000000005</v>
      </c>
    </row>
    <row r="8957" spans="1:11" x14ac:dyDescent="0.3">
      <c r="A8957" s="1">
        <v>43028</v>
      </c>
      <c r="B8957" s="3">
        <f t="shared" si="278"/>
        <v>10</v>
      </c>
      <c r="C8957" s="3">
        <f t="shared" si="279"/>
        <v>2017</v>
      </c>
      <c r="D8957" t="s">
        <v>2640</v>
      </c>
      <c r="E8957" t="s">
        <v>26</v>
      </c>
      <c r="F8957" t="s">
        <v>10</v>
      </c>
      <c r="G8957" t="s">
        <v>15</v>
      </c>
      <c r="H8957" t="s">
        <v>2259</v>
      </c>
      <c r="I8957">
        <v>3.75</v>
      </c>
      <c r="J8957">
        <v>1</v>
      </c>
      <c r="K8957">
        <v>1.8</v>
      </c>
    </row>
    <row r="8958" spans="1:11" x14ac:dyDescent="0.3">
      <c r="A8958" s="1">
        <v>43028</v>
      </c>
      <c r="B8958" s="3">
        <f t="shared" si="278"/>
        <v>10</v>
      </c>
      <c r="C8958" s="3">
        <f t="shared" si="279"/>
        <v>2017</v>
      </c>
      <c r="D8958" t="s">
        <v>2640</v>
      </c>
      <c r="E8958" t="s">
        <v>26</v>
      </c>
      <c r="F8958" t="s">
        <v>10</v>
      </c>
      <c r="G8958" t="s">
        <v>19</v>
      </c>
      <c r="H8958" t="s">
        <v>913</v>
      </c>
      <c r="I8958">
        <v>20.93</v>
      </c>
      <c r="J8958">
        <v>4</v>
      </c>
      <c r="K8958">
        <v>7.59</v>
      </c>
    </row>
    <row r="8959" spans="1:11" x14ac:dyDescent="0.3">
      <c r="A8959" s="1">
        <v>43028</v>
      </c>
      <c r="B8959" s="3">
        <f t="shared" si="278"/>
        <v>10</v>
      </c>
      <c r="C8959" s="3">
        <f t="shared" si="279"/>
        <v>2017</v>
      </c>
      <c r="D8959" t="s">
        <v>1087</v>
      </c>
      <c r="E8959" t="s">
        <v>22</v>
      </c>
      <c r="F8959" t="s">
        <v>10</v>
      </c>
      <c r="G8959" t="s">
        <v>11</v>
      </c>
      <c r="H8959" t="s">
        <v>305</v>
      </c>
      <c r="I8959">
        <v>45.53</v>
      </c>
      <c r="J8959">
        <v>3</v>
      </c>
      <c r="K8959">
        <v>15.93</v>
      </c>
    </row>
    <row r="8960" spans="1:11" x14ac:dyDescent="0.3">
      <c r="A8960" s="1">
        <v>43028</v>
      </c>
      <c r="B8960" s="3">
        <f t="shared" si="278"/>
        <v>10</v>
      </c>
      <c r="C8960" s="3">
        <f t="shared" si="279"/>
        <v>2017</v>
      </c>
      <c r="D8960" t="s">
        <v>300</v>
      </c>
      <c r="E8960" t="s">
        <v>148</v>
      </c>
      <c r="F8960" t="s">
        <v>10</v>
      </c>
      <c r="G8960" t="s">
        <v>15</v>
      </c>
      <c r="H8960" t="s">
        <v>2580</v>
      </c>
      <c r="I8960">
        <v>24.55</v>
      </c>
      <c r="J8960">
        <v>5</v>
      </c>
      <c r="K8960">
        <v>12.03</v>
      </c>
    </row>
    <row r="8961" spans="1:11" x14ac:dyDescent="0.3">
      <c r="A8961" s="1">
        <v>43028</v>
      </c>
      <c r="B8961" s="3">
        <f t="shared" si="278"/>
        <v>10</v>
      </c>
      <c r="C8961" s="3">
        <f t="shared" si="279"/>
        <v>2017</v>
      </c>
      <c r="D8961" t="s">
        <v>1278</v>
      </c>
      <c r="E8961" t="s">
        <v>122</v>
      </c>
      <c r="F8961" t="s">
        <v>10</v>
      </c>
      <c r="G8961" t="s">
        <v>17</v>
      </c>
      <c r="H8961" t="s">
        <v>1779</v>
      </c>
      <c r="I8961">
        <v>4.7699999999999996</v>
      </c>
      <c r="J8961">
        <v>2</v>
      </c>
      <c r="K8961">
        <v>-0.77</v>
      </c>
    </row>
    <row r="8962" spans="1:11" x14ac:dyDescent="0.3">
      <c r="A8962" s="1">
        <v>43028</v>
      </c>
      <c r="B8962" s="3">
        <f t="shared" ref="B8962:B9025" si="280">MONTH(A:A)</f>
        <v>10</v>
      </c>
      <c r="C8962" s="3">
        <f t="shared" ref="C8962:C9025" si="281">YEAR(A:A)</f>
        <v>2017</v>
      </c>
      <c r="D8962" t="s">
        <v>1278</v>
      </c>
      <c r="E8962" t="s">
        <v>122</v>
      </c>
      <c r="F8962" t="s">
        <v>10</v>
      </c>
      <c r="G8962" t="s">
        <v>11</v>
      </c>
      <c r="H8962" t="s">
        <v>134</v>
      </c>
      <c r="I8962">
        <v>6.67</v>
      </c>
      <c r="J8962">
        <v>1</v>
      </c>
      <c r="K8962">
        <v>2.5</v>
      </c>
    </row>
    <row r="8963" spans="1:11" x14ac:dyDescent="0.3">
      <c r="A8963" s="1">
        <v>43028</v>
      </c>
      <c r="B8963" s="3">
        <f t="shared" si="280"/>
        <v>10</v>
      </c>
      <c r="C8963" s="3">
        <f t="shared" si="281"/>
        <v>2017</v>
      </c>
      <c r="D8963" t="s">
        <v>1278</v>
      </c>
      <c r="E8963" t="s">
        <v>122</v>
      </c>
      <c r="F8963" t="s">
        <v>10</v>
      </c>
      <c r="G8963" t="s">
        <v>23</v>
      </c>
      <c r="H8963" t="s">
        <v>868</v>
      </c>
      <c r="I8963">
        <v>4.45</v>
      </c>
      <c r="J8963">
        <v>2</v>
      </c>
      <c r="K8963">
        <v>1.1100000000000001</v>
      </c>
    </row>
    <row r="8964" spans="1:11" x14ac:dyDescent="0.3">
      <c r="A8964" s="1">
        <v>43028</v>
      </c>
      <c r="B8964" s="3">
        <f t="shared" si="280"/>
        <v>10</v>
      </c>
      <c r="C8964" s="3">
        <f t="shared" si="281"/>
        <v>2017</v>
      </c>
      <c r="D8964" t="s">
        <v>1278</v>
      </c>
      <c r="E8964" t="s">
        <v>122</v>
      </c>
      <c r="F8964" t="s">
        <v>33</v>
      </c>
      <c r="G8964" t="s">
        <v>46</v>
      </c>
      <c r="H8964" t="s">
        <v>1606</v>
      </c>
      <c r="I8964">
        <v>43.94</v>
      </c>
      <c r="J8964">
        <v>4</v>
      </c>
      <c r="K8964">
        <v>6.04</v>
      </c>
    </row>
    <row r="8965" spans="1:11" x14ac:dyDescent="0.3">
      <c r="A8965" s="1">
        <v>43028</v>
      </c>
      <c r="B8965" s="3">
        <f t="shared" si="280"/>
        <v>10</v>
      </c>
      <c r="C8965" s="3">
        <f t="shared" si="281"/>
        <v>2017</v>
      </c>
      <c r="D8965" t="s">
        <v>577</v>
      </c>
      <c r="E8965" t="s">
        <v>244</v>
      </c>
      <c r="F8965" t="s">
        <v>38</v>
      </c>
      <c r="G8965" t="s">
        <v>39</v>
      </c>
      <c r="H8965" t="s">
        <v>2602</v>
      </c>
      <c r="I8965">
        <v>15.98</v>
      </c>
      <c r="J8965">
        <v>2</v>
      </c>
      <c r="K8965">
        <v>1.4</v>
      </c>
    </row>
    <row r="8966" spans="1:11" x14ac:dyDescent="0.3">
      <c r="A8966" s="1">
        <v>43028</v>
      </c>
      <c r="B8966" s="3">
        <f t="shared" si="280"/>
        <v>10</v>
      </c>
      <c r="C8966" s="3">
        <f t="shared" si="281"/>
        <v>2017</v>
      </c>
      <c r="D8966" t="s">
        <v>577</v>
      </c>
      <c r="E8966" t="s">
        <v>244</v>
      </c>
      <c r="F8966" t="s">
        <v>10</v>
      </c>
      <c r="G8966" t="s">
        <v>11</v>
      </c>
      <c r="H8966" t="s">
        <v>1104</v>
      </c>
      <c r="I8966">
        <v>14.35</v>
      </c>
      <c r="J8966">
        <v>3</v>
      </c>
      <c r="K8966">
        <v>4.49</v>
      </c>
    </row>
    <row r="8967" spans="1:11" x14ac:dyDescent="0.3">
      <c r="A8967" s="1">
        <v>43029</v>
      </c>
      <c r="B8967" s="3">
        <f t="shared" si="280"/>
        <v>10</v>
      </c>
      <c r="C8967" s="3">
        <f t="shared" si="281"/>
        <v>2017</v>
      </c>
      <c r="D8967" t="s">
        <v>2709</v>
      </c>
      <c r="E8967" t="s">
        <v>122</v>
      </c>
      <c r="F8967" t="s">
        <v>33</v>
      </c>
      <c r="G8967" t="s">
        <v>34</v>
      </c>
      <c r="H8967" t="s">
        <v>293</v>
      </c>
      <c r="I8967">
        <v>683.95</v>
      </c>
      <c r="J8967">
        <v>3</v>
      </c>
      <c r="K8967">
        <v>42.75</v>
      </c>
    </row>
    <row r="8968" spans="1:11" x14ac:dyDescent="0.3">
      <c r="A8968" s="1">
        <v>43029</v>
      </c>
      <c r="B8968" s="3">
        <f t="shared" si="280"/>
        <v>10</v>
      </c>
      <c r="C8968" s="3">
        <f t="shared" si="281"/>
        <v>2017</v>
      </c>
      <c r="D8968" t="s">
        <v>2709</v>
      </c>
      <c r="E8968" t="s">
        <v>122</v>
      </c>
      <c r="F8968" t="s">
        <v>33</v>
      </c>
      <c r="G8968" t="s">
        <v>46</v>
      </c>
      <c r="H8968" t="s">
        <v>308</v>
      </c>
      <c r="I8968">
        <v>45.7</v>
      </c>
      <c r="J8968">
        <v>3</v>
      </c>
      <c r="K8968">
        <v>5.14</v>
      </c>
    </row>
    <row r="8969" spans="1:11" x14ac:dyDescent="0.3">
      <c r="A8969" s="1">
        <v>43029</v>
      </c>
      <c r="B8969" s="3">
        <f t="shared" si="280"/>
        <v>10</v>
      </c>
      <c r="C8969" s="3">
        <f t="shared" si="281"/>
        <v>2017</v>
      </c>
      <c r="D8969" t="s">
        <v>1356</v>
      </c>
      <c r="E8969" t="s">
        <v>839</v>
      </c>
      <c r="F8969" t="s">
        <v>38</v>
      </c>
      <c r="G8969" t="s">
        <v>39</v>
      </c>
      <c r="H8969" t="s">
        <v>932</v>
      </c>
      <c r="I8969">
        <v>1439.92</v>
      </c>
      <c r="J8969">
        <v>8</v>
      </c>
      <c r="K8969">
        <v>374.38</v>
      </c>
    </row>
    <row r="8970" spans="1:11" x14ac:dyDescent="0.3">
      <c r="A8970" s="1">
        <v>43029</v>
      </c>
      <c r="B8970" s="3">
        <f t="shared" si="280"/>
        <v>10</v>
      </c>
      <c r="C8970" s="3">
        <f t="shared" si="281"/>
        <v>2017</v>
      </c>
      <c r="D8970" t="s">
        <v>1356</v>
      </c>
      <c r="E8970" t="s">
        <v>839</v>
      </c>
      <c r="F8970" t="s">
        <v>33</v>
      </c>
      <c r="G8970" t="s">
        <v>144</v>
      </c>
      <c r="H8970" t="s">
        <v>1612</v>
      </c>
      <c r="I8970">
        <v>262.11</v>
      </c>
      <c r="J8970">
        <v>1</v>
      </c>
      <c r="K8970">
        <v>62.91</v>
      </c>
    </row>
    <row r="8971" spans="1:11" x14ac:dyDescent="0.3">
      <c r="A8971" s="1">
        <v>43029</v>
      </c>
      <c r="B8971" s="3">
        <f t="shared" si="280"/>
        <v>10</v>
      </c>
      <c r="C8971" s="3">
        <f t="shared" si="281"/>
        <v>2017</v>
      </c>
      <c r="D8971" t="s">
        <v>388</v>
      </c>
      <c r="E8971" t="s">
        <v>90</v>
      </c>
      <c r="F8971" t="s">
        <v>10</v>
      </c>
      <c r="G8971" t="s">
        <v>11</v>
      </c>
      <c r="H8971" t="s">
        <v>2383</v>
      </c>
      <c r="I8971">
        <v>5.18</v>
      </c>
      <c r="J8971">
        <v>1</v>
      </c>
      <c r="K8971">
        <v>1.81</v>
      </c>
    </row>
    <row r="8972" spans="1:11" x14ac:dyDescent="0.3">
      <c r="A8972" s="1">
        <v>43029</v>
      </c>
      <c r="B8972" s="3">
        <f t="shared" si="280"/>
        <v>10</v>
      </c>
      <c r="C8972" s="3">
        <f t="shared" si="281"/>
        <v>2017</v>
      </c>
      <c r="D8972" t="s">
        <v>388</v>
      </c>
      <c r="E8972" t="s">
        <v>90</v>
      </c>
      <c r="F8972" t="s">
        <v>33</v>
      </c>
      <c r="G8972" t="s">
        <v>34</v>
      </c>
      <c r="H8972" t="s">
        <v>917</v>
      </c>
      <c r="I8972">
        <v>478.48</v>
      </c>
      <c r="J8972">
        <v>2</v>
      </c>
      <c r="K8972">
        <v>47.85</v>
      </c>
    </row>
    <row r="8973" spans="1:11" x14ac:dyDescent="0.3">
      <c r="A8973" s="1">
        <v>43029</v>
      </c>
      <c r="B8973" s="3">
        <f t="shared" si="280"/>
        <v>10</v>
      </c>
      <c r="C8973" s="3">
        <f t="shared" si="281"/>
        <v>2017</v>
      </c>
      <c r="D8973" t="s">
        <v>388</v>
      </c>
      <c r="E8973" t="s">
        <v>90</v>
      </c>
      <c r="F8973" t="s">
        <v>38</v>
      </c>
      <c r="G8973" t="s">
        <v>51</v>
      </c>
      <c r="H8973" t="s">
        <v>1984</v>
      </c>
      <c r="I8973">
        <v>28.4</v>
      </c>
      <c r="J8973">
        <v>2</v>
      </c>
      <c r="K8973">
        <v>6.75</v>
      </c>
    </row>
    <row r="8974" spans="1:11" x14ac:dyDescent="0.3">
      <c r="A8974" s="1">
        <v>43029</v>
      </c>
      <c r="B8974" s="3">
        <f t="shared" si="280"/>
        <v>10</v>
      </c>
      <c r="C8974" s="3">
        <f t="shared" si="281"/>
        <v>2017</v>
      </c>
      <c r="D8974" t="s">
        <v>1733</v>
      </c>
      <c r="E8974" t="s">
        <v>128</v>
      </c>
      <c r="F8974" t="s">
        <v>10</v>
      </c>
      <c r="G8974" t="s">
        <v>17</v>
      </c>
      <c r="H8974" t="s">
        <v>18</v>
      </c>
      <c r="I8974">
        <v>909.12</v>
      </c>
      <c r="J8974">
        <v>8</v>
      </c>
      <c r="K8974">
        <v>9.09</v>
      </c>
    </row>
    <row r="8975" spans="1:11" x14ac:dyDescent="0.3">
      <c r="A8975" s="1">
        <v>43029</v>
      </c>
      <c r="B8975" s="3">
        <f t="shared" si="280"/>
        <v>10</v>
      </c>
      <c r="C8975" s="3">
        <f t="shared" si="281"/>
        <v>2017</v>
      </c>
      <c r="D8975" t="s">
        <v>2082</v>
      </c>
      <c r="E8975" t="s">
        <v>122</v>
      </c>
      <c r="F8975" t="s">
        <v>10</v>
      </c>
      <c r="G8975" t="s">
        <v>23</v>
      </c>
      <c r="H8975" t="s">
        <v>2468</v>
      </c>
      <c r="I8975">
        <v>17.86</v>
      </c>
      <c r="J8975">
        <v>4</v>
      </c>
      <c r="K8975">
        <v>2.0099999999999998</v>
      </c>
    </row>
    <row r="8976" spans="1:11" x14ac:dyDescent="0.3">
      <c r="A8976" s="1">
        <v>43029</v>
      </c>
      <c r="B8976" s="3">
        <f t="shared" si="280"/>
        <v>10</v>
      </c>
      <c r="C8976" s="3">
        <f t="shared" si="281"/>
        <v>2017</v>
      </c>
      <c r="D8976" t="s">
        <v>1676</v>
      </c>
      <c r="E8976" t="s">
        <v>14</v>
      </c>
      <c r="F8976" t="s">
        <v>10</v>
      </c>
      <c r="G8976" t="s">
        <v>91</v>
      </c>
      <c r="H8976" t="s">
        <v>1381</v>
      </c>
      <c r="I8976">
        <v>23.99</v>
      </c>
      <c r="J8976">
        <v>2</v>
      </c>
      <c r="K8976">
        <v>-62.38</v>
      </c>
    </row>
    <row r="8977" spans="1:11" x14ac:dyDescent="0.3">
      <c r="A8977" s="1">
        <v>43029</v>
      </c>
      <c r="B8977" s="3">
        <f t="shared" si="280"/>
        <v>10</v>
      </c>
      <c r="C8977" s="3">
        <f t="shared" si="281"/>
        <v>2017</v>
      </c>
      <c r="D8977" t="s">
        <v>68</v>
      </c>
      <c r="E8977" t="s">
        <v>94</v>
      </c>
      <c r="F8977" t="s">
        <v>10</v>
      </c>
      <c r="G8977" t="s">
        <v>19</v>
      </c>
      <c r="H8977" t="s">
        <v>1826</v>
      </c>
      <c r="I8977">
        <v>8.56</v>
      </c>
      <c r="J8977">
        <v>1</v>
      </c>
      <c r="K8977">
        <v>-6.56</v>
      </c>
    </row>
    <row r="8978" spans="1:11" x14ac:dyDescent="0.3">
      <c r="A8978" s="1">
        <v>43029</v>
      </c>
      <c r="B8978" s="3">
        <f t="shared" si="280"/>
        <v>10</v>
      </c>
      <c r="C8978" s="3">
        <f t="shared" si="281"/>
        <v>2017</v>
      </c>
      <c r="D8978" t="s">
        <v>2114</v>
      </c>
      <c r="E8978" t="s">
        <v>77</v>
      </c>
      <c r="F8978" t="s">
        <v>10</v>
      </c>
      <c r="G8978" t="s">
        <v>91</v>
      </c>
      <c r="H8978" t="s">
        <v>2559</v>
      </c>
      <c r="I8978">
        <v>161.57</v>
      </c>
      <c r="J8978">
        <v>2</v>
      </c>
      <c r="K8978">
        <v>16.16</v>
      </c>
    </row>
    <row r="8979" spans="1:11" x14ac:dyDescent="0.3">
      <c r="A8979" s="1">
        <v>43029</v>
      </c>
      <c r="B8979" s="3">
        <f t="shared" si="280"/>
        <v>10</v>
      </c>
      <c r="C8979" s="3">
        <f t="shared" si="281"/>
        <v>2017</v>
      </c>
      <c r="D8979" t="s">
        <v>2114</v>
      </c>
      <c r="E8979" t="s">
        <v>77</v>
      </c>
      <c r="F8979" t="s">
        <v>10</v>
      </c>
      <c r="G8979" t="s">
        <v>11</v>
      </c>
      <c r="H8979" t="s">
        <v>1530</v>
      </c>
      <c r="I8979">
        <v>4.0599999999999996</v>
      </c>
      <c r="J8979">
        <v>1</v>
      </c>
      <c r="K8979">
        <v>1.37</v>
      </c>
    </row>
    <row r="8980" spans="1:11" x14ac:dyDescent="0.3">
      <c r="A8980" s="1">
        <v>43029</v>
      </c>
      <c r="B8980" s="3">
        <f t="shared" si="280"/>
        <v>10</v>
      </c>
      <c r="C8980" s="3">
        <f t="shared" si="281"/>
        <v>2017</v>
      </c>
      <c r="D8980" t="s">
        <v>2114</v>
      </c>
      <c r="E8980" t="s">
        <v>77</v>
      </c>
      <c r="F8980" t="s">
        <v>10</v>
      </c>
      <c r="G8980" t="s">
        <v>19</v>
      </c>
      <c r="H8980" t="s">
        <v>1159</v>
      </c>
      <c r="I8980">
        <v>6.22</v>
      </c>
      <c r="J8980">
        <v>4</v>
      </c>
      <c r="K8980">
        <v>-4.97</v>
      </c>
    </row>
    <row r="8981" spans="1:11" x14ac:dyDescent="0.3">
      <c r="A8981" s="1">
        <v>43029</v>
      </c>
      <c r="B8981" s="3">
        <f t="shared" si="280"/>
        <v>10</v>
      </c>
      <c r="C8981" s="3">
        <f t="shared" si="281"/>
        <v>2017</v>
      </c>
      <c r="D8981" t="s">
        <v>2613</v>
      </c>
      <c r="E8981" t="s">
        <v>22</v>
      </c>
      <c r="F8981" t="s">
        <v>38</v>
      </c>
      <c r="G8981" t="s">
        <v>39</v>
      </c>
      <c r="H8981" t="s">
        <v>2142</v>
      </c>
      <c r="I8981">
        <v>329.99</v>
      </c>
      <c r="J8981">
        <v>2</v>
      </c>
      <c r="K8981">
        <v>-77</v>
      </c>
    </row>
    <row r="8982" spans="1:11" x14ac:dyDescent="0.3">
      <c r="A8982" s="1">
        <v>43029</v>
      </c>
      <c r="B8982" s="3">
        <f t="shared" si="280"/>
        <v>10</v>
      </c>
      <c r="C8982" s="3">
        <f t="shared" si="281"/>
        <v>2017</v>
      </c>
      <c r="D8982" t="s">
        <v>2613</v>
      </c>
      <c r="E8982" t="s">
        <v>22</v>
      </c>
      <c r="F8982" t="s">
        <v>10</v>
      </c>
      <c r="G8982" t="s">
        <v>17</v>
      </c>
      <c r="H8982" t="s">
        <v>2597</v>
      </c>
      <c r="I8982">
        <v>71.38</v>
      </c>
      <c r="J8982">
        <v>3</v>
      </c>
      <c r="K8982">
        <v>-4.46</v>
      </c>
    </row>
    <row r="8983" spans="1:11" x14ac:dyDescent="0.3">
      <c r="A8983" s="1">
        <v>43029</v>
      </c>
      <c r="B8983" s="3">
        <f t="shared" si="280"/>
        <v>10</v>
      </c>
      <c r="C8983" s="3">
        <f t="shared" si="281"/>
        <v>2017</v>
      </c>
      <c r="D8983" t="s">
        <v>1294</v>
      </c>
      <c r="E8983" t="s">
        <v>156</v>
      </c>
      <c r="F8983" t="s">
        <v>10</v>
      </c>
      <c r="G8983" t="s">
        <v>19</v>
      </c>
      <c r="H8983" t="s">
        <v>1366</v>
      </c>
      <c r="I8983">
        <v>38.82</v>
      </c>
      <c r="J8983">
        <v>6</v>
      </c>
      <c r="K8983">
        <v>19.41</v>
      </c>
    </row>
    <row r="8984" spans="1:11" x14ac:dyDescent="0.3">
      <c r="A8984" s="1">
        <v>43029</v>
      </c>
      <c r="B8984" s="3">
        <f t="shared" si="280"/>
        <v>10</v>
      </c>
      <c r="C8984" s="3">
        <f t="shared" si="281"/>
        <v>2017</v>
      </c>
      <c r="D8984" t="s">
        <v>1294</v>
      </c>
      <c r="E8984" t="s">
        <v>156</v>
      </c>
      <c r="F8984" t="s">
        <v>10</v>
      </c>
      <c r="G8984" t="s">
        <v>19</v>
      </c>
      <c r="H8984" t="s">
        <v>1379</v>
      </c>
      <c r="I8984">
        <v>21.9</v>
      </c>
      <c r="J8984">
        <v>5</v>
      </c>
      <c r="K8984">
        <v>10.51</v>
      </c>
    </row>
    <row r="8985" spans="1:11" x14ac:dyDescent="0.3">
      <c r="A8985" s="1">
        <v>43030</v>
      </c>
      <c r="B8985" s="3">
        <f t="shared" si="280"/>
        <v>10</v>
      </c>
      <c r="C8985" s="3">
        <f t="shared" si="281"/>
        <v>2017</v>
      </c>
      <c r="D8985" t="s">
        <v>1281</v>
      </c>
      <c r="E8985" t="s">
        <v>148</v>
      </c>
      <c r="F8985" t="s">
        <v>38</v>
      </c>
      <c r="G8985" t="s">
        <v>602</v>
      </c>
      <c r="H8985" t="s">
        <v>2528</v>
      </c>
      <c r="I8985">
        <v>11199.97</v>
      </c>
      <c r="J8985">
        <v>4</v>
      </c>
      <c r="K8985">
        <v>3919.99</v>
      </c>
    </row>
    <row r="8986" spans="1:11" x14ac:dyDescent="0.3">
      <c r="A8986" s="1">
        <v>43030</v>
      </c>
      <c r="B8986" s="3">
        <f t="shared" si="280"/>
        <v>10</v>
      </c>
      <c r="C8986" s="3">
        <f t="shared" si="281"/>
        <v>2017</v>
      </c>
      <c r="D8986" t="s">
        <v>1281</v>
      </c>
      <c r="E8986" t="s">
        <v>148</v>
      </c>
      <c r="F8986" t="s">
        <v>38</v>
      </c>
      <c r="G8986" t="s">
        <v>39</v>
      </c>
      <c r="H8986" t="s">
        <v>2018</v>
      </c>
      <c r="I8986">
        <v>2399.6</v>
      </c>
      <c r="J8986">
        <v>8</v>
      </c>
      <c r="K8986">
        <v>647.89</v>
      </c>
    </row>
    <row r="8987" spans="1:11" x14ac:dyDescent="0.3">
      <c r="A8987" s="1">
        <v>43030</v>
      </c>
      <c r="B8987" s="3">
        <f t="shared" si="280"/>
        <v>10</v>
      </c>
      <c r="C8987" s="3">
        <f t="shared" si="281"/>
        <v>2017</v>
      </c>
      <c r="D8987" t="s">
        <v>1281</v>
      </c>
      <c r="E8987" t="s">
        <v>148</v>
      </c>
      <c r="F8987" t="s">
        <v>10</v>
      </c>
      <c r="G8987" t="s">
        <v>62</v>
      </c>
      <c r="H8987" t="s">
        <v>1090</v>
      </c>
      <c r="I8987">
        <v>63.9</v>
      </c>
      <c r="J8987">
        <v>5</v>
      </c>
      <c r="K8987">
        <v>28.76</v>
      </c>
    </row>
    <row r="8988" spans="1:11" x14ac:dyDescent="0.3">
      <c r="A8988" s="1">
        <v>43030</v>
      </c>
      <c r="B8988" s="3">
        <f t="shared" si="280"/>
        <v>10</v>
      </c>
      <c r="C8988" s="3">
        <f t="shared" si="281"/>
        <v>2017</v>
      </c>
      <c r="D8988" t="s">
        <v>1281</v>
      </c>
      <c r="E8988" t="s">
        <v>148</v>
      </c>
      <c r="F8988" t="s">
        <v>38</v>
      </c>
      <c r="G8988" t="s">
        <v>39</v>
      </c>
      <c r="H8988" t="s">
        <v>1924</v>
      </c>
      <c r="I8988">
        <v>52.99</v>
      </c>
      <c r="J8988">
        <v>1</v>
      </c>
      <c r="K8988">
        <v>0.53</v>
      </c>
    </row>
    <row r="8989" spans="1:11" x14ac:dyDescent="0.3">
      <c r="A8989" s="1">
        <v>43030</v>
      </c>
      <c r="B8989" s="3">
        <f t="shared" si="280"/>
        <v>10</v>
      </c>
      <c r="C8989" s="3">
        <f t="shared" si="281"/>
        <v>2017</v>
      </c>
      <c r="D8989" t="s">
        <v>89</v>
      </c>
      <c r="E8989" t="s">
        <v>90</v>
      </c>
      <c r="F8989" t="s">
        <v>33</v>
      </c>
      <c r="G8989" t="s">
        <v>144</v>
      </c>
      <c r="H8989" t="s">
        <v>727</v>
      </c>
      <c r="I8989">
        <v>177.23</v>
      </c>
      <c r="J8989">
        <v>5</v>
      </c>
      <c r="K8989">
        <v>-120.51</v>
      </c>
    </row>
    <row r="8990" spans="1:11" x14ac:dyDescent="0.3">
      <c r="A8990" s="1">
        <v>43030</v>
      </c>
      <c r="B8990" s="3">
        <f t="shared" si="280"/>
        <v>10</v>
      </c>
      <c r="C8990" s="3">
        <f t="shared" si="281"/>
        <v>2017</v>
      </c>
      <c r="D8990" t="s">
        <v>894</v>
      </c>
      <c r="E8990" t="s">
        <v>839</v>
      </c>
      <c r="F8990" t="s">
        <v>10</v>
      </c>
      <c r="G8990" t="s">
        <v>17</v>
      </c>
      <c r="H8990" t="s">
        <v>2323</v>
      </c>
      <c r="I8990">
        <v>333.09</v>
      </c>
      <c r="J8990">
        <v>3</v>
      </c>
      <c r="K8990">
        <v>23.32</v>
      </c>
    </row>
    <row r="8991" spans="1:11" x14ac:dyDescent="0.3">
      <c r="A8991" s="1">
        <v>43030</v>
      </c>
      <c r="B8991" s="3">
        <f t="shared" si="280"/>
        <v>10</v>
      </c>
      <c r="C8991" s="3">
        <f t="shared" si="281"/>
        <v>2017</v>
      </c>
      <c r="D8991" t="s">
        <v>894</v>
      </c>
      <c r="E8991" t="s">
        <v>839</v>
      </c>
      <c r="F8991" t="s">
        <v>33</v>
      </c>
      <c r="G8991" t="s">
        <v>144</v>
      </c>
      <c r="H8991" t="s">
        <v>500</v>
      </c>
      <c r="I8991">
        <v>248.98</v>
      </c>
      <c r="J8991">
        <v>2</v>
      </c>
      <c r="K8991">
        <v>54.78</v>
      </c>
    </row>
    <row r="8992" spans="1:11" x14ac:dyDescent="0.3">
      <c r="A8992" s="1">
        <v>43030</v>
      </c>
      <c r="B8992" s="3">
        <f t="shared" si="280"/>
        <v>10</v>
      </c>
      <c r="C8992" s="3">
        <f t="shared" si="281"/>
        <v>2017</v>
      </c>
      <c r="D8992" t="s">
        <v>532</v>
      </c>
      <c r="E8992" t="s">
        <v>839</v>
      </c>
      <c r="F8992" t="s">
        <v>10</v>
      </c>
      <c r="G8992" t="s">
        <v>23</v>
      </c>
      <c r="H8992" t="s">
        <v>146</v>
      </c>
      <c r="I8992">
        <v>36.44</v>
      </c>
      <c r="J8992">
        <v>4</v>
      </c>
      <c r="K8992">
        <v>12.03</v>
      </c>
    </row>
    <row r="8993" spans="1:11" x14ac:dyDescent="0.3">
      <c r="A8993" s="1">
        <v>43030</v>
      </c>
      <c r="B8993" s="3">
        <f t="shared" si="280"/>
        <v>10</v>
      </c>
      <c r="C8993" s="3">
        <f t="shared" si="281"/>
        <v>2017</v>
      </c>
      <c r="D8993" t="s">
        <v>886</v>
      </c>
      <c r="E8993" t="s">
        <v>277</v>
      </c>
      <c r="F8993" t="s">
        <v>10</v>
      </c>
      <c r="G8993" t="s">
        <v>19</v>
      </c>
      <c r="H8993" t="s">
        <v>2482</v>
      </c>
      <c r="I8993">
        <v>3.17</v>
      </c>
      <c r="J8993">
        <v>4</v>
      </c>
      <c r="K8993">
        <v>-2.5299999999999998</v>
      </c>
    </row>
    <row r="8994" spans="1:11" x14ac:dyDescent="0.3">
      <c r="A8994" s="1">
        <v>43030</v>
      </c>
      <c r="B8994" s="3">
        <f t="shared" si="280"/>
        <v>10</v>
      </c>
      <c r="C8994" s="3">
        <f t="shared" si="281"/>
        <v>2017</v>
      </c>
      <c r="D8994" t="s">
        <v>886</v>
      </c>
      <c r="E8994" t="s">
        <v>277</v>
      </c>
      <c r="F8994" t="s">
        <v>33</v>
      </c>
      <c r="G8994" t="s">
        <v>34</v>
      </c>
      <c r="H8994" t="s">
        <v>1472</v>
      </c>
      <c r="I8994">
        <v>579.14</v>
      </c>
      <c r="J8994">
        <v>4</v>
      </c>
      <c r="K8994">
        <v>-28.96</v>
      </c>
    </row>
    <row r="8995" spans="1:11" x14ac:dyDescent="0.3">
      <c r="A8995" s="1">
        <v>43030</v>
      </c>
      <c r="B8995" s="3">
        <f t="shared" si="280"/>
        <v>10</v>
      </c>
      <c r="C8995" s="3">
        <f t="shared" si="281"/>
        <v>2017</v>
      </c>
      <c r="D8995" t="s">
        <v>196</v>
      </c>
      <c r="E8995" t="s">
        <v>22</v>
      </c>
      <c r="F8995" t="s">
        <v>38</v>
      </c>
      <c r="G8995" t="s">
        <v>39</v>
      </c>
      <c r="H8995" t="s">
        <v>641</v>
      </c>
      <c r="I8995">
        <v>32.700000000000003</v>
      </c>
      <c r="J8995">
        <v>5</v>
      </c>
      <c r="K8995">
        <v>-6.54</v>
      </c>
    </row>
    <row r="8996" spans="1:11" x14ac:dyDescent="0.3">
      <c r="A8996" s="1">
        <v>43030</v>
      </c>
      <c r="B8996" s="3">
        <f t="shared" si="280"/>
        <v>10</v>
      </c>
      <c r="C8996" s="3">
        <f t="shared" si="281"/>
        <v>2017</v>
      </c>
      <c r="D8996" t="s">
        <v>196</v>
      </c>
      <c r="E8996" t="s">
        <v>22</v>
      </c>
      <c r="F8996" t="s">
        <v>10</v>
      </c>
      <c r="G8996" t="s">
        <v>62</v>
      </c>
      <c r="H8996" t="s">
        <v>2262</v>
      </c>
      <c r="I8996">
        <v>31.68</v>
      </c>
      <c r="J8996">
        <v>4</v>
      </c>
      <c r="K8996">
        <v>11.09</v>
      </c>
    </row>
    <row r="8997" spans="1:11" x14ac:dyDescent="0.3">
      <c r="A8997" s="1">
        <v>43031</v>
      </c>
      <c r="B8997" s="3">
        <f t="shared" si="280"/>
        <v>10</v>
      </c>
      <c r="C8997" s="3">
        <f t="shared" si="281"/>
        <v>2017</v>
      </c>
      <c r="D8997" t="s">
        <v>2710</v>
      </c>
      <c r="E8997" t="s">
        <v>122</v>
      </c>
      <c r="F8997" t="s">
        <v>38</v>
      </c>
      <c r="G8997" t="s">
        <v>39</v>
      </c>
      <c r="H8997" t="s">
        <v>897</v>
      </c>
      <c r="I8997">
        <v>863.88</v>
      </c>
      <c r="J8997">
        <v>3</v>
      </c>
      <c r="K8997">
        <v>107.99</v>
      </c>
    </row>
    <row r="8998" spans="1:11" x14ac:dyDescent="0.3">
      <c r="A8998" s="1">
        <v>43031</v>
      </c>
      <c r="B8998" s="3">
        <f t="shared" si="280"/>
        <v>10</v>
      </c>
      <c r="C8998" s="3">
        <f t="shared" si="281"/>
        <v>2017</v>
      </c>
      <c r="D8998" t="s">
        <v>1654</v>
      </c>
      <c r="E8998" t="s">
        <v>148</v>
      </c>
      <c r="F8998" t="s">
        <v>10</v>
      </c>
      <c r="G8998" t="s">
        <v>11</v>
      </c>
      <c r="H8998" t="s">
        <v>2711</v>
      </c>
      <c r="I8998">
        <v>11.56</v>
      </c>
      <c r="J8998">
        <v>2</v>
      </c>
      <c r="K8998">
        <v>5.66</v>
      </c>
    </row>
    <row r="8999" spans="1:11" x14ac:dyDescent="0.3">
      <c r="A8999" s="1">
        <v>43031</v>
      </c>
      <c r="B8999" s="3">
        <f t="shared" si="280"/>
        <v>10</v>
      </c>
      <c r="C8999" s="3">
        <f t="shared" si="281"/>
        <v>2017</v>
      </c>
      <c r="D8999" t="s">
        <v>1654</v>
      </c>
      <c r="E8999" t="s">
        <v>148</v>
      </c>
      <c r="F8999" t="s">
        <v>10</v>
      </c>
      <c r="G8999" t="s">
        <v>11</v>
      </c>
      <c r="H8999" t="s">
        <v>1590</v>
      </c>
      <c r="I8999">
        <v>26.4</v>
      </c>
      <c r="J8999">
        <v>5</v>
      </c>
      <c r="K8999">
        <v>11.88</v>
      </c>
    </row>
    <row r="9000" spans="1:11" x14ac:dyDescent="0.3">
      <c r="A9000" s="1">
        <v>43031</v>
      </c>
      <c r="B9000" s="3">
        <f t="shared" si="280"/>
        <v>10</v>
      </c>
      <c r="C9000" s="3">
        <f t="shared" si="281"/>
        <v>2017</v>
      </c>
      <c r="D9000" t="s">
        <v>1654</v>
      </c>
      <c r="E9000" t="s">
        <v>148</v>
      </c>
      <c r="F9000" t="s">
        <v>33</v>
      </c>
      <c r="G9000" t="s">
        <v>46</v>
      </c>
      <c r="H9000" t="s">
        <v>1167</v>
      </c>
      <c r="I9000">
        <v>69.08</v>
      </c>
      <c r="J9000">
        <v>11</v>
      </c>
      <c r="K9000">
        <v>29.01</v>
      </c>
    </row>
    <row r="9001" spans="1:11" x14ac:dyDescent="0.3">
      <c r="A9001" s="1">
        <v>43031</v>
      </c>
      <c r="B9001" s="3">
        <f t="shared" si="280"/>
        <v>10</v>
      </c>
      <c r="C9001" s="3">
        <f t="shared" si="281"/>
        <v>2017</v>
      </c>
      <c r="D9001" t="s">
        <v>1654</v>
      </c>
      <c r="E9001" t="s">
        <v>148</v>
      </c>
      <c r="F9001" t="s">
        <v>38</v>
      </c>
      <c r="G9001" t="s">
        <v>39</v>
      </c>
      <c r="H9001" t="s">
        <v>734</v>
      </c>
      <c r="I9001">
        <v>35.880000000000003</v>
      </c>
      <c r="J9001">
        <v>3</v>
      </c>
      <c r="K9001">
        <v>10.050000000000001</v>
      </c>
    </row>
    <row r="9002" spans="1:11" x14ac:dyDescent="0.3">
      <c r="A9002" s="1">
        <v>43031</v>
      </c>
      <c r="B9002" s="3">
        <f t="shared" si="280"/>
        <v>10</v>
      </c>
      <c r="C9002" s="3">
        <f t="shared" si="281"/>
        <v>2017</v>
      </c>
      <c r="D9002" t="s">
        <v>1302</v>
      </c>
      <c r="E9002" t="s">
        <v>9</v>
      </c>
      <c r="F9002" t="s">
        <v>10</v>
      </c>
      <c r="G9002" t="s">
        <v>19</v>
      </c>
      <c r="H9002" t="s">
        <v>117</v>
      </c>
      <c r="I9002">
        <v>3.56</v>
      </c>
      <c r="J9002">
        <v>3</v>
      </c>
      <c r="K9002">
        <v>-6.24</v>
      </c>
    </row>
    <row r="9003" spans="1:11" x14ac:dyDescent="0.3">
      <c r="A9003" s="1">
        <v>43031</v>
      </c>
      <c r="B9003" s="3">
        <f t="shared" si="280"/>
        <v>10</v>
      </c>
      <c r="C9003" s="3">
        <f t="shared" si="281"/>
        <v>2017</v>
      </c>
      <c r="D9003" t="s">
        <v>1302</v>
      </c>
      <c r="E9003" t="s">
        <v>9</v>
      </c>
      <c r="F9003" t="s">
        <v>38</v>
      </c>
      <c r="G9003" t="s">
        <v>39</v>
      </c>
      <c r="H9003" t="s">
        <v>2560</v>
      </c>
      <c r="I9003">
        <v>823.96</v>
      </c>
      <c r="J9003">
        <v>5</v>
      </c>
      <c r="K9003">
        <v>51.5</v>
      </c>
    </row>
    <row r="9004" spans="1:11" x14ac:dyDescent="0.3">
      <c r="A9004" s="1">
        <v>43031</v>
      </c>
      <c r="B9004" s="3">
        <f t="shared" si="280"/>
        <v>10</v>
      </c>
      <c r="C9004" s="3">
        <f t="shared" si="281"/>
        <v>2017</v>
      </c>
      <c r="D9004" t="s">
        <v>1302</v>
      </c>
      <c r="E9004" t="s">
        <v>9</v>
      </c>
      <c r="F9004" t="s">
        <v>10</v>
      </c>
      <c r="G9004" t="s">
        <v>23</v>
      </c>
      <c r="H9004" t="s">
        <v>1269</v>
      </c>
      <c r="I9004">
        <v>10.27</v>
      </c>
      <c r="J9004">
        <v>3</v>
      </c>
      <c r="K9004">
        <v>0.9</v>
      </c>
    </row>
    <row r="9005" spans="1:11" x14ac:dyDescent="0.3">
      <c r="A9005" s="1">
        <v>43031</v>
      </c>
      <c r="B9005" s="3">
        <f t="shared" si="280"/>
        <v>10</v>
      </c>
      <c r="C9005" s="3">
        <f t="shared" si="281"/>
        <v>2017</v>
      </c>
      <c r="D9005" t="s">
        <v>1640</v>
      </c>
      <c r="E9005" t="s">
        <v>9</v>
      </c>
      <c r="F9005" t="s">
        <v>10</v>
      </c>
      <c r="G9005" t="s">
        <v>19</v>
      </c>
      <c r="H9005" t="s">
        <v>1566</v>
      </c>
      <c r="I9005">
        <v>9.76</v>
      </c>
      <c r="J9005">
        <v>3</v>
      </c>
      <c r="K9005">
        <v>-15.13</v>
      </c>
    </row>
    <row r="9006" spans="1:11" x14ac:dyDescent="0.3">
      <c r="A9006" s="1">
        <v>43031</v>
      </c>
      <c r="B9006" s="3">
        <f t="shared" si="280"/>
        <v>10</v>
      </c>
      <c r="C9006" s="3">
        <f t="shared" si="281"/>
        <v>2017</v>
      </c>
      <c r="D9006" t="s">
        <v>1640</v>
      </c>
      <c r="E9006" t="s">
        <v>9</v>
      </c>
      <c r="F9006" t="s">
        <v>10</v>
      </c>
      <c r="G9006" t="s">
        <v>17</v>
      </c>
      <c r="H9006" t="s">
        <v>1846</v>
      </c>
      <c r="I9006">
        <v>13.72</v>
      </c>
      <c r="J9006">
        <v>1</v>
      </c>
      <c r="K9006">
        <v>1.2</v>
      </c>
    </row>
    <row r="9007" spans="1:11" x14ac:dyDescent="0.3">
      <c r="A9007" s="1">
        <v>43031</v>
      </c>
      <c r="B9007" s="3">
        <f t="shared" si="280"/>
        <v>10</v>
      </c>
      <c r="C9007" s="3">
        <f t="shared" si="281"/>
        <v>2017</v>
      </c>
      <c r="D9007" t="s">
        <v>1640</v>
      </c>
      <c r="E9007" t="s">
        <v>9</v>
      </c>
      <c r="F9007" t="s">
        <v>38</v>
      </c>
      <c r="G9007" t="s">
        <v>51</v>
      </c>
      <c r="H9007" t="s">
        <v>1450</v>
      </c>
      <c r="I9007">
        <v>55.2</v>
      </c>
      <c r="J9007">
        <v>1</v>
      </c>
      <c r="K9007">
        <v>-2.0699999999999998</v>
      </c>
    </row>
    <row r="9008" spans="1:11" x14ac:dyDescent="0.3">
      <c r="A9008" s="1">
        <v>43031</v>
      </c>
      <c r="B9008" s="3">
        <f t="shared" si="280"/>
        <v>10</v>
      </c>
      <c r="C9008" s="3">
        <f t="shared" si="281"/>
        <v>2017</v>
      </c>
      <c r="D9008" t="s">
        <v>1640</v>
      </c>
      <c r="E9008" t="s">
        <v>9</v>
      </c>
      <c r="F9008" t="s">
        <v>10</v>
      </c>
      <c r="G9008" t="s">
        <v>17</v>
      </c>
      <c r="H9008" t="s">
        <v>266</v>
      </c>
      <c r="I9008">
        <v>259.14</v>
      </c>
      <c r="J9008">
        <v>4</v>
      </c>
      <c r="K9008">
        <v>-58.31</v>
      </c>
    </row>
    <row r="9009" spans="1:11" x14ac:dyDescent="0.3">
      <c r="A9009" s="1">
        <v>43031</v>
      </c>
      <c r="B9009" s="3">
        <f t="shared" si="280"/>
        <v>10</v>
      </c>
      <c r="C9009" s="3">
        <f t="shared" si="281"/>
        <v>2017</v>
      </c>
      <c r="D9009" t="s">
        <v>1630</v>
      </c>
      <c r="E9009" t="s">
        <v>1528</v>
      </c>
      <c r="F9009" t="s">
        <v>33</v>
      </c>
      <c r="G9009" t="s">
        <v>144</v>
      </c>
      <c r="H9009" t="s">
        <v>472</v>
      </c>
      <c r="I9009">
        <v>240.74</v>
      </c>
      <c r="J9009">
        <v>4</v>
      </c>
      <c r="K9009">
        <v>-13.76</v>
      </c>
    </row>
    <row r="9010" spans="1:11" x14ac:dyDescent="0.3">
      <c r="A9010" s="1">
        <v>43031</v>
      </c>
      <c r="B9010" s="3">
        <f t="shared" si="280"/>
        <v>10</v>
      </c>
      <c r="C9010" s="3">
        <f t="shared" si="281"/>
        <v>2017</v>
      </c>
      <c r="D9010" t="s">
        <v>1630</v>
      </c>
      <c r="E9010" t="s">
        <v>1528</v>
      </c>
      <c r="F9010" t="s">
        <v>33</v>
      </c>
      <c r="G9010" t="s">
        <v>46</v>
      </c>
      <c r="H9010" t="s">
        <v>2603</v>
      </c>
      <c r="I9010">
        <v>35</v>
      </c>
      <c r="J9010">
        <v>4</v>
      </c>
      <c r="K9010">
        <v>14.7</v>
      </c>
    </row>
    <row r="9011" spans="1:11" x14ac:dyDescent="0.3">
      <c r="A9011" s="1">
        <v>43031</v>
      </c>
      <c r="B9011" s="3">
        <f t="shared" si="280"/>
        <v>10</v>
      </c>
      <c r="C9011" s="3">
        <f t="shared" si="281"/>
        <v>2017</v>
      </c>
      <c r="D9011" t="s">
        <v>1630</v>
      </c>
      <c r="E9011" t="s">
        <v>1528</v>
      </c>
      <c r="F9011" t="s">
        <v>33</v>
      </c>
      <c r="G9011" t="s">
        <v>46</v>
      </c>
      <c r="H9011" t="s">
        <v>1395</v>
      </c>
      <c r="I9011">
        <v>210.68</v>
      </c>
      <c r="J9011">
        <v>2</v>
      </c>
      <c r="K9011">
        <v>50.56</v>
      </c>
    </row>
    <row r="9012" spans="1:11" x14ac:dyDescent="0.3">
      <c r="A9012" s="1">
        <v>43031</v>
      </c>
      <c r="B9012" s="3">
        <f t="shared" si="280"/>
        <v>10</v>
      </c>
      <c r="C9012" s="3">
        <f t="shared" si="281"/>
        <v>2017</v>
      </c>
      <c r="D9012" t="s">
        <v>1630</v>
      </c>
      <c r="E9012" t="s">
        <v>1528</v>
      </c>
      <c r="F9012" t="s">
        <v>33</v>
      </c>
      <c r="G9012" t="s">
        <v>144</v>
      </c>
      <c r="H9012" t="s">
        <v>2451</v>
      </c>
      <c r="I9012">
        <v>637.9</v>
      </c>
      <c r="J9012">
        <v>3</v>
      </c>
      <c r="K9012">
        <v>-127.58</v>
      </c>
    </row>
    <row r="9013" spans="1:11" x14ac:dyDescent="0.3">
      <c r="A9013" s="1">
        <v>43031</v>
      </c>
      <c r="B9013" s="3">
        <f t="shared" si="280"/>
        <v>10</v>
      </c>
      <c r="C9013" s="3">
        <f t="shared" si="281"/>
        <v>2017</v>
      </c>
      <c r="D9013" t="s">
        <v>1630</v>
      </c>
      <c r="E9013" t="s">
        <v>1528</v>
      </c>
      <c r="F9013" t="s">
        <v>10</v>
      </c>
      <c r="G9013" t="s">
        <v>11</v>
      </c>
      <c r="H9013" t="s">
        <v>1336</v>
      </c>
      <c r="I9013">
        <v>43.44</v>
      </c>
      <c r="J9013">
        <v>8</v>
      </c>
      <c r="K9013">
        <v>21.29</v>
      </c>
    </row>
    <row r="9014" spans="1:11" x14ac:dyDescent="0.3">
      <c r="A9014" s="1">
        <v>43031</v>
      </c>
      <c r="B9014" s="3">
        <f t="shared" si="280"/>
        <v>10</v>
      </c>
      <c r="C9014" s="3">
        <f t="shared" si="281"/>
        <v>2017</v>
      </c>
      <c r="D9014" t="s">
        <v>1630</v>
      </c>
      <c r="E9014" t="s">
        <v>1528</v>
      </c>
      <c r="F9014" t="s">
        <v>10</v>
      </c>
      <c r="G9014" t="s">
        <v>91</v>
      </c>
      <c r="H9014" t="s">
        <v>1927</v>
      </c>
      <c r="I9014">
        <v>2.2200000000000002</v>
      </c>
      <c r="J9014">
        <v>1</v>
      </c>
      <c r="K9014">
        <v>0.67</v>
      </c>
    </row>
    <row r="9015" spans="1:11" x14ac:dyDescent="0.3">
      <c r="A9015" s="1">
        <v>43032</v>
      </c>
      <c r="B9015" s="3">
        <f t="shared" si="280"/>
        <v>10</v>
      </c>
      <c r="C9015" s="3">
        <f t="shared" si="281"/>
        <v>2017</v>
      </c>
      <c r="D9015" t="s">
        <v>1545</v>
      </c>
      <c r="E9015" t="s">
        <v>9</v>
      </c>
      <c r="F9015" t="s">
        <v>33</v>
      </c>
      <c r="G9015" t="s">
        <v>144</v>
      </c>
      <c r="H9015" t="s">
        <v>1332</v>
      </c>
      <c r="I9015">
        <v>517.41</v>
      </c>
      <c r="J9015">
        <v>5</v>
      </c>
      <c r="K9015">
        <v>-81.31</v>
      </c>
    </row>
    <row r="9016" spans="1:11" x14ac:dyDescent="0.3">
      <c r="A9016" s="1">
        <v>43032</v>
      </c>
      <c r="B9016" s="3">
        <f t="shared" si="280"/>
        <v>10</v>
      </c>
      <c r="C9016" s="3">
        <f t="shared" si="281"/>
        <v>2017</v>
      </c>
      <c r="D9016" t="s">
        <v>790</v>
      </c>
      <c r="E9016" t="s">
        <v>328</v>
      </c>
      <c r="F9016" t="s">
        <v>10</v>
      </c>
      <c r="G9016" t="s">
        <v>42</v>
      </c>
      <c r="H9016" t="s">
        <v>159</v>
      </c>
      <c r="I9016">
        <v>11.68</v>
      </c>
      <c r="J9016">
        <v>4</v>
      </c>
      <c r="K9016">
        <v>5.26</v>
      </c>
    </row>
    <row r="9017" spans="1:11" x14ac:dyDescent="0.3">
      <c r="A9017" s="1">
        <v>43034</v>
      </c>
      <c r="B9017" s="3">
        <f t="shared" si="280"/>
        <v>10</v>
      </c>
      <c r="C9017" s="3">
        <f t="shared" si="281"/>
        <v>2017</v>
      </c>
      <c r="D9017" t="s">
        <v>650</v>
      </c>
      <c r="E9017" t="s">
        <v>314</v>
      </c>
      <c r="F9017" t="s">
        <v>38</v>
      </c>
      <c r="G9017" t="s">
        <v>51</v>
      </c>
      <c r="H9017" t="s">
        <v>2234</v>
      </c>
      <c r="I9017">
        <v>19.989999999999998</v>
      </c>
      <c r="J9017">
        <v>1</v>
      </c>
      <c r="K9017">
        <v>6.8</v>
      </c>
    </row>
    <row r="9018" spans="1:11" x14ac:dyDescent="0.3">
      <c r="A9018" s="1">
        <v>43034</v>
      </c>
      <c r="B9018" s="3">
        <f t="shared" si="280"/>
        <v>10</v>
      </c>
      <c r="C9018" s="3">
        <f t="shared" si="281"/>
        <v>2017</v>
      </c>
      <c r="D9018" t="s">
        <v>650</v>
      </c>
      <c r="E9018" t="s">
        <v>314</v>
      </c>
      <c r="F9018" t="s">
        <v>10</v>
      </c>
      <c r="G9018" t="s">
        <v>15</v>
      </c>
      <c r="H9018" t="s">
        <v>2215</v>
      </c>
      <c r="I9018">
        <v>6.16</v>
      </c>
      <c r="J9018">
        <v>2</v>
      </c>
      <c r="K9018">
        <v>2.96</v>
      </c>
    </row>
    <row r="9019" spans="1:11" x14ac:dyDescent="0.3">
      <c r="A9019" s="1">
        <v>43034</v>
      </c>
      <c r="B9019" s="3">
        <f t="shared" si="280"/>
        <v>10</v>
      </c>
      <c r="C9019" s="3">
        <f t="shared" si="281"/>
        <v>2017</v>
      </c>
      <c r="D9019" t="s">
        <v>2036</v>
      </c>
      <c r="E9019" t="s">
        <v>54</v>
      </c>
      <c r="F9019" t="s">
        <v>33</v>
      </c>
      <c r="G9019" t="s">
        <v>144</v>
      </c>
      <c r="H9019" t="s">
        <v>817</v>
      </c>
      <c r="I9019">
        <v>356.85</v>
      </c>
      <c r="J9019">
        <v>5</v>
      </c>
      <c r="K9019">
        <v>60.66</v>
      </c>
    </row>
    <row r="9020" spans="1:11" x14ac:dyDescent="0.3">
      <c r="A9020" s="1">
        <v>43034</v>
      </c>
      <c r="B9020" s="3">
        <f t="shared" si="280"/>
        <v>10</v>
      </c>
      <c r="C9020" s="3">
        <f t="shared" si="281"/>
        <v>2017</v>
      </c>
      <c r="D9020" t="s">
        <v>2036</v>
      </c>
      <c r="E9020" t="s">
        <v>54</v>
      </c>
      <c r="F9020" t="s">
        <v>10</v>
      </c>
      <c r="G9020" t="s">
        <v>62</v>
      </c>
      <c r="H9020" t="s">
        <v>2369</v>
      </c>
      <c r="I9020">
        <v>251.58</v>
      </c>
      <c r="J9020">
        <v>7</v>
      </c>
      <c r="K9020">
        <v>113.21</v>
      </c>
    </row>
    <row r="9021" spans="1:11" x14ac:dyDescent="0.3">
      <c r="A9021" s="1">
        <v>43034</v>
      </c>
      <c r="B9021" s="3">
        <f t="shared" si="280"/>
        <v>10</v>
      </c>
      <c r="C9021" s="3">
        <f t="shared" si="281"/>
        <v>2017</v>
      </c>
      <c r="D9021" t="s">
        <v>2198</v>
      </c>
      <c r="E9021" t="s">
        <v>22</v>
      </c>
      <c r="F9021" t="s">
        <v>38</v>
      </c>
      <c r="G9021" t="s">
        <v>39</v>
      </c>
      <c r="H9021" t="s">
        <v>2402</v>
      </c>
      <c r="I9021">
        <v>61.54</v>
      </c>
      <c r="J9021">
        <v>1</v>
      </c>
      <c r="K9021">
        <v>-13.33</v>
      </c>
    </row>
    <row r="9022" spans="1:11" x14ac:dyDescent="0.3">
      <c r="A9022" s="1">
        <v>43034</v>
      </c>
      <c r="B9022" s="3">
        <f t="shared" si="280"/>
        <v>10</v>
      </c>
      <c r="C9022" s="3">
        <f t="shared" si="281"/>
        <v>2017</v>
      </c>
      <c r="D9022" t="s">
        <v>2198</v>
      </c>
      <c r="E9022" t="s">
        <v>22</v>
      </c>
      <c r="F9022" t="s">
        <v>10</v>
      </c>
      <c r="G9022" t="s">
        <v>19</v>
      </c>
      <c r="H9022" t="s">
        <v>299</v>
      </c>
      <c r="I9022">
        <v>81.44</v>
      </c>
      <c r="J9022">
        <v>7</v>
      </c>
      <c r="K9022">
        <v>-65.150000000000006</v>
      </c>
    </row>
    <row r="9023" spans="1:11" x14ac:dyDescent="0.3">
      <c r="A9023" s="1">
        <v>43034</v>
      </c>
      <c r="B9023" s="3">
        <f t="shared" si="280"/>
        <v>10</v>
      </c>
      <c r="C9023" s="3">
        <f t="shared" si="281"/>
        <v>2017</v>
      </c>
      <c r="D9023" t="s">
        <v>1622</v>
      </c>
      <c r="E9023" t="s">
        <v>22</v>
      </c>
      <c r="F9023" t="s">
        <v>10</v>
      </c>
      <c r="G9023" t="s">
        <v>19</v>
      </c>
      <c r="H9023" t="s">
        <v>2021</v>
      </c>
      <c r="I9023">
        <v>33.28</v>
      </c>
      <c r="J9023">
        <v>3</v>
      </c>
      <c r="K9023">
        <v>-27.74</v>
      </c>
    </row>
    <row r="9024" spans="1:11" x14ac:dyDescent="0.3">
      <c r="A9024" s="1">
        <v>43034</v>
      </c>
      <c r="B9024" s="3">
        <f t="shared" si="280"/>
        <v>10</v>
      </c>
      <c r="C9024" s="3">
        <f t="shared" si="281"/>
        <v>2017</v>
      </c>
      <c r="D9024" t="s">
        <v>1622</v>
      </c>
      <c r="E9024" t="s">
        <v>22</v>
      </c>
      <c r="F9024" t="s">
        <v>38</v>
      </c>
      <c r="G9024" t="s">
        <v>39</v>
      </c>
      <c r="H9024" t="s">
        <v>2368</v>
      </c>
      <c r="I9024">
        <v>118.65</v>
      </c>
      <c r="J9024">
        <v>5</v>
      </c>
      <c r="K9024">
        <v>19.78</v>
      </c>
    </row>
    <row r="9025" spans="1:11" x14ac:dyDescent="0.3">
      <c r="A9025" s="1">
        <v>43034</v>
      </c>
      <c r="B9025" s="3">
        <f t="shared" si="280"/>
        <v>10</v>
      </c>
      <c r="C9025" s="3">
        <f t="shared" si="281"/>
        <v>2017</v>
      </c>
      <c r="D9025" t="s">
        <v>1622</v>
      </c>
      <c r="E9025" t="s">
        <v>22</v>
      </c>
      <c r="F9025" t="s">
        <v>10</v>
      </c>
      <c r="G9025" t="s">
        <v>15</v>
      </c>
      <c r="H9025" t="s">
        <v>2642</v>
      </c>
      <c r="I9025">
        <v>14.76</v>
      </c>
      <c r="J9025">
        <v>5</v>
      </c>
      <c r="K9025">
        <v>4.9800000000000004</v>
      </c>
    </row>
    <row r="9026" spans="1:11" x14ac:dyDescent="0.3">
      <c r="A9026" s="1">
        <v>43034</v>
      </c>
      <c r="B9026" s="3">
        <f t="shared" ref="B9026:B9089" si="282">MONTH(A:A)</f>
        <v>10</v>
      </c>
      <c r="C9026" s="3">
        <f t="shared" ref="C9026:C9089" si="283">YEAR(A:A)</f>
        <v>2017</v>
      </c>
      <c r="D9026" t="s">
        <v>1583</v>
      </c>
      <c r="E9026" t="s">
        <v>9</v>
      </c>
      <c r="F9026" t="s">
        <v>10</v>
      </c>
      <c r="G9026" t="s">
        <v>17</v>
      </c>
      <c r="H9026" t="s">
        <v>1539</v>
      </c>
      <c r="I9026">
        <v>55.62</v>
      </c>
      <c r="J9026">
        <v>2</v>
      </c>
      <c r="K9026">
        <v>5.56</v>
      </c>
    </row>
    <row r="9027" spans="1:11" x14ac:dyDescent="0.3">
      <c r="A9027" s="1">
        <v>43035</v>
      </c>
      <c r="B9027" s="3">
        <f t="shared" si="282"/>
        <v>10</v>
      </c>
      <c r="C9027" s="3">
        <f t="shared" si="283"/>
        <v>2017</v>
      </c>
      <c r="D9027" t="s">
        <v>1087</v>
      </c>
      <c r="E9027" t="s">
        <v>14</v>
      </c>
      <c r="F9027" t="s">
        <v>10</v>
      </c>
      <c r="G9027" t="s">
        <v>23</v>
      </c>
      <c r="H9027" t="s">
        <v>1251</v>
      </c>
      <c r="I9027">
        <v>7.06</v>
      </c>
      <c r="J9027">
        <v>3</v>
      </c>
      <c r="K9027">
        <v>2.21</v>
      </c>
    </row>
    <row r="9028" spans="1:11" x14ac:dyDescent="0.3">
      <c r="A9028" s="1">
        <v>43035</v>
      </c>
      <c r="B9028" s="3">
        <f t="shared" si="282"/>
        <v>10</v>
      </c>
      <c r="C9028" s="3">
        <f t="shared" si="283"/>
        <v>2017</v>
      </c>
      <c r="D9028" t="s">
        <v>1087</v>
      </c>
      <c r="E9028" t="s">
        <v>14</v>
      </c>
      <c r="F9028" t="s">
        <v>38</v>
      </c>
      <c r="G9028" t="s">
        <v>39</v>
      </c>
      <c r="H9028" t="s">
        <v>1304</v>
      </c>
      <c r="I9028">
        <v>27.18</v>
      </c>
      <c r="J9028">
        <v>2</v>
      </c>
      <c r="K9028">
        <v>2.04</v>
      </c>
    </row>
    <row r="9029" spans="1:11" x14ac:dyDescent="0.3">
      <c r="A9029" s="1">
        <v>43035</v>
      </c>
      <c r="B9029" s="3">
        <f t="shared" si="282"/>
        <v>10</v>
      </c>
      <c r="C9029" s="3">
        <f t="shared" si="283"/>
        <v>2017</v>
      </c>
      <c r="D9029" t="s">
        <v>28</v>
      </c>
      <c r="E9029" t="s">
        <v>26</v>
      </c>
      <c r="F9029" t="s">
        <v>33</v>
      </c>
      <c r="G9029" t="s">
        <v>73</v>
      </c>
      <c r="H9029" t="s">
        <v>74</v>
      </c>
      <c r="I9029">
        <v>556.66999999999996</v>
      </c>
      <c r="J9029">
        <v>5</v>
      </c>
      <c r="K9029">
        <v>6.55</v>
      </c>
    </row>
    <row r="9030" spans="1:11" x14ac:dyDescent="0.3">
      <c r="A9030" s="1">
        <v>43035</v>
      </c>
      <c r="B9030" s="3">
        <f t="shared" si="282"/>
        <v>10</v>
      </c>
      <c r="C9030" s="3">
        <f t="shared" si="283"/>
        <v>2017</v>
      </c>
      <c r="D9030" t="s">
        <v>28</v>
      </c>
      <c r="E9030" t="s">
        <v>26</v>
      </c>
      <c r="F9030" t="s">
        <v>38</v>
      </c>
      <c r="G9030" t="s">
        <v>39</v>
      </c>
      <c r="H9030" t="s">
        <v>1931</v>
      </c>
      <c r="I9030">
        <v>95.84</v>
      </c>
      <c r="J9030">
        <v>4</v>
      </c>
      <c r="K9030">
        <v>34.74</v>
      </c>
    </row>
    <row r="9031" spans="1:11" x14ac:dyDescent="0.3">
      <c r="A9031" s="1">
        <v>43035</v>
      </c>
      <c r="B9031" s="3">
        <f t="shared" si="282"/>
        <v>10</v>
      </c>
      <c r="C9031" s="3">
        <f t="shared" si="283"/>
        <v>2017</v>
      </c>
      <c r="D9031" t="s">
        <v>1770</v>
      </c>
      <c r="E9031" t="s">
        <v>9</v>
      </c>
      <c r="F9031" t="s">
        <v>10</v>
      </c>
      <c r="G9031" t="s">
        <v>62</v>
      </c>
      <c r="H9031" t="s">
        <v>2262</v>
      </c>
      <c r="I9031">
        <v>15.84</v>
      </c>
      <c r="J9031">
        <v>2</v>
      </c>
      <c r="K9031">
        <v>5.54</v>
      </c>
    </row>
    <row r="9032" spans="1:11" x14ac:dyDescent="0.3">
      <c r="A9032" s="1">
        <v>43035</v>
      </c>
      <c r="B9032" s="3">
        <f t="shared" si="282"/>
        <v>10</v>
      </c>
      <c r="C9032" s="3">
        <f t="shared" si="283"/>
        <v>2017</v>
      </c>
      <c r="D9032" t="s">
        <v>1770</v>
      </c>
      <c r="E9032" t="s">
        <v>9</v>
      </c>
      <c r="F9032" t="s">
        <v>10</v>
      </c>
      <c r="G9032" t="s">
        <v>11</v>
      </c>
      <c r="H9032" t="s">
        <v>151</v>
      </c>
      <c r="I9032">
        <v>8.4499999999999993</v>
      </c>
      <c r="J9032">
        <v>2</v>
      </c>
      <c r="K9032">
        <v>2.64</v>
      </c>
    </row>
    <row r="9033" spans="1:11" x14ac:dyDescent="0.3">
      <c r="A9033" s="1">
        <v>43035</v>
      </c>
      <c r="B9033" s="3">
        <f t="shared" si="282"/>
        <v>10</v>
      </c>
      <c r="C9033" s="3">
        <f t="shared" si="283"/>
        <v>2017</v>
      </c>
      <c r="D9033" t="s">
        <v>494</v>
      </c>
      <c r="E9033" t="s">
        <v>26</v>
      </c>
      <c r="F9033" t="s">
        <v>33</v>
      </c>
      <c r="G9033" t="s">
        <v>144</v>
      </c>
      <c r="H9033" t="s">
        <v>740</v>
      </c>
      <c r="I9033">
        <v>189.58</v>
      </c>
      <c r="J9033">
        <v>1</v>
      </c>
      <c r="K9033">
        <v>9.48</v>
      </c>
    </row>
    <row r="9034" spans="1:11" x14ac:dyDescent="0.3">
      <c r="A9034" s="1">
        <v>43035</v>
      </c>
      <c r="B9034" s="3">
        <f t="shared" si="282"/>
        <v>10</v>
      </c>
      <c r="C9034" s="3">
        <f t="shared" si="283"/>
        <v>2017</v>
      </c>
      <c r="D9034" t="s">
        <v>494</v>
      </c>
      <c r="E9034" t="s">
        <v>26</v>
      </c>
      <c r="F9034" t="s">
        <v>38</v>
      </c>
      <c r="G9034" t="s">
        <v>39</v>
      </c>
      <c r="H9034" t="s">
        <v>390</v>
      </c>
      <c r="I9034">
        <v>71.959999999999994</v>
      </c>
      <c r="J9034">
        <v>5</v>
      </c>
      <c r="K9034">
        <v>7.2</v>
      </c>
    </row>
    <row r="9035" spans="1:11" x14ac:dyDescent="0.3">
      <c r="A9035" s="1">
        <v>43035</v>
      </c>
      <c r="B9035" s="3">
        <f t="shared" si="282"/>
        <v>10</v>
      </c>
      <c r="C9035" s="3">
        <f t="shared" si="283"/>
        <v>2017</v>
      </c>
      <c r="D9035" t="s">
        <v>1825</v>
      </c>
      <c r="E9035" t="s">
        <v>94</v>
      </c>
      <c r="F9035" t="s">
        <v>10</v>
      </c>
      <c r="G9035" t="s">
        <v>11</v>
      </c>
      <c r="H9035" t="s">
        <v>1608</v>
      </c>
      <c r="I9035">
        <v>44.78</v>
      </c>
      <c r="J9035">
        <v>1</v>
      </c>
      <c r="K9035">
        <v>16.23</v>
      </c>
    </row>
    <row r="9036" spans="1:11" x14ac:dyDescent="0.3">
      <c r="A9036" s="1">
        <v>43035</v>
      </c>
      <c r="B9036" s="3">
        <f t="shared" si="282"/>
        <v>10</v>
      </c>
      <c r="C9036" s="3">
        <f t="shared" si="283"/>
        <v>2017</v>
      </c>
      <c r="D9036" t="s">
        <v>1747</v>
      </c>
      <c r="E9036" t="s">
        <v>122</v>
      </c>
      <c r="F9036" t="s">
        <v>10</v>
      </c>
      <c r="G9036" t="s">
        <v>11</v>
      </c>
      <c r="H9036" t="s">
        <v>624</v>
      </c>
      <c r="I9036">
        <v>56.78</v>
      </c>
      <c r="J9036">
        <v>7</v>
      </c>
      <c r="K9036">
        <v>20.58</v>
      </c>
    </row>
    <row r="9037" spans="1:11" x14ac:dyDescent="0.3">
      <c r="A9037" s="1">
        <v>43035</v>
      </c>
      <c r="B9037" s="3">
        <f t="shared" si="282"/>
        <v>10</v>
      </c>
      <c r="C9037" s="3">
        <f t="shared" si="283"/>
        <v>2017</v>
      </c>
      <c r="D9037" t="s">
        <v>1747</v>
      </c>
      <c r="E9037" t="s">
        <v>122</v>
      </c>
      <c r="F9037" t="s">
        <v>10</v>
      </c>
      <c r="G9037" t="s">
        <v>19</v>
      </c>
      <c r="H9037" t="s">
        <v>427</v>
      </c>
      <c r="I9037">
        <v>5.61</v>
      </c>
      <c r="J9037">
        <v>3</v>
      </c>
      <c r="K9037">
        <v>-3.92</v>
      </c>
    </row>
    <row r="9038" spans="1:11" x14ac:dyDescent="0.3">
      <c r="A9038" s="1">
        <v>43035</v>
      </c>
      <c r="B9038" s="3">
        <f t="shared" si="282"/>
        <v>10</v>
      </c>
      <c r="C9038" s="3">
        <f t="shared" si="283"/>
        <v>2017</v>
      </c>
      <c r="D9038" t="s">
        <v>1747</v>
      </c>
      <c r="E9038" t="s">
        <v>122</v>
      </c>
      <c r="F9038" t="s">
        <v>10</v>
      </c>
      <c r="G9038" t="s">
        <v>23</v>
      </c>
      <c r="H9038" t="s">
        <v>37</v>
      </c>
      <c r="I9038">
        <v>6.58</v>
      </c>
      <c r="J9038">
        <v>3</v>
      </c>
      <c r="K9038">
        <v>0.57999999999999996</v>
      </c>
    </row>
    <row r="9039" spans="1:11" x14ac:dyDescent="0.3">
      <c r="A9039" s="1">
        <v>43036</v>
      </c>
      <c r="B9039" s="3">
        <f t="shared" si="282"/>
        <v>10</v>
      </c>
      <c r="C9039" s="3">
        <f t="shared" si="283"/>
        <v>2017</v>
      </c>
      <c r="D9039" t="s">
        <v>1911</v>
      </c>
      <c r="E9039" t="s">
        <v>148</v>
      </c>
      <c r="F9039" t="s">
        <v>10</v>
      </c>
      <c r="G9039" t="s">
        <v>62</v>
      </c>
      <c r="H9039" t="s">
        <v>1963</v>
      </c>
      <c r="I9039">
        <v>47.98</v>
      </c>
      <c r="J9039">
        <v>2</v>
      </c>
      <c r="K9039">
        <v>23.99</v>
      </c>
    </row>
    <row r="9040" spans="1:11" x14ac:dyDescent="0.3">
      <c r="A9040" s="1">
        <v>43036</v>
      </c>
      <c r="B9040" s="3">
        <f t="shared" si="282"/>
        <v>10</v>
      </c>
      <c r="C9040" s="3">
        <f t="shared" si="283"/>
        <v>2017</v>
      </c>
      <c r="D9040" t="s">
        <v>1120</v>
      </c>
      <c r="E9040" t="s">
        <v>9</v>
      </c>
      <c r="F9040" t="s">
        <v>38</v>
      </c>
      <c r="G9040" t="s">
        <v>51</v>
      </c>
      <c r="H9040" t="s">
        <v>1010</v>
      </c>
      <c r="I9040">
        <v>24</v>
      </c>
      <c r="J9040">
        <v>2</v>
      </c>
      <c r="K9040">
        <v>-2.7</v>
      </c>
    </row>
    <row r="9041" spans="1:11" x14ac:dyDescent="0.3">
      <c r="A9041" s="1">
        <v>43036</v>
      </c>
      <c r="B9041" s="3">
        <f t="shared" si="282"/>
        <v>10</v>
      </c>
      <c r="C9041" s="3">
        <f t="shared" si="283"/>
        <v>2017</v>
      </c>
      <c r="D9041" t="s">
        <v>1120</v>
      </c>
      <c r="E9041" t="s">
        <v>9</v>
      </c>
      <c r="F9041" t="s">
        <v>10</v>
      </c>
      <c r="G9041" t="s">
        <v>11</v>
      </c>
      <c r="H9041" t="s">
        <v>1095</v>
      </c>
      <c r="I9041">
        <v>15.55</v>
      </c>
      <c r="J9041">
        <v>3</v>
      </c>
      <c r="K9041">
        <v>5.44</v>
      </c>
    </row>
    <row r="9042" spans="1:11" x14ac:dyDescent="0.3">
      <c r="A9042" s="1">
        <v>43036</v>
      </c>
      <c r="B9042" s="3">
        <f t="shared" si="282"/>
        <v>10</v>
      </c>
      <c r="C9042" s="3">
        <f t="shared" si="283"/>
        <v>2017</v>
      </c>
      <c r="D9042" t="s">
        <v>1120</v>
      </c>
      <c r="E9042" t="s">
        <v>9</v>
      </c>
      <c r="F9042" t="s">
        <v>38</v>
      </c>
      <c r="G9042" t="s">
        <v>51</v>
      </c>
      <c r="H9042" t="s">
        <v>1067</v>
      </c>
      <c r="I9042">
        <v>26.18</v>
      </c>
      <c r="J9042">
        <v>2</v>
      </c>
      <c r="K9042">
        <v>-3.27</v>
      </c>
    </row>
    <row r="9043" spans="1:11" x14ac:dyDescent="0.3">
      <c r="A9043" s="1">
        <v>43036</v>
      </c>
      <c r="B9043" s="3">
        <f t="shared" si="282"/>
        <v>10</v>
      </c>
      <c r="C9043" s="3">
        <f t="shared" si="283"/>
        <v>2017</v>
      </c>
      <c r="D9043" t="s">
        <v>2471</v>
      </c>
      <c r="E9043" t="s">
        <v>244</v>
      </c>
      <c r="F9043" t="s">
        <v>33</v>
      </c>
      <c r="G9043" t="s">
        <v>46</v>
      </c>
      <c r="H9043" t="s">
        <v>1361</v>
      </c>
      <c r="I9043">
        <v>77.95</v>
      </c>
      <c r="J9043">
        <v>3</v>
      </c>
      <c r="K9043">
        <v>15.59</v>
      </c>
    </row>
    <row r="9044" spans="1:11" x14ac:dyDescent="0.3">
      <c r="A9044" s="1">
        <v>43036</v>
      </c>
      <c r="B9044" s="3">
        <f t="shared" si="282"/>
        <v>10</v>
      </c>
      <c r="C9044" s="3">
        <f t="shared" si="283"/>
        <v>2017</v>
      </c>
      <c r="D9044" t="s">
        <v>2471</v>
      </c>
      <c r="E9044" t="s">
        <v>244</v>
      </c>
      <c r="F9044" t="s">
        <v>10</v>
      </c>
      <c r="G9044" t="s">
        <v>17</v>
      </c>
      <c r="H9044" t="s">
        <v>907</v>
      </c>
      <c r="I9044">
        <v>147.18</v>
      </c>
      <c r="J9044">
        <v>2</v>
      </c>
      <c r="K9044">
        <v>-29.44</v>
      </c>
    </row>
    <row r="9045" spans="1:11" x14ac:dyDescent="0.3">
      <c r="A9045" s="1">
        <v>43036</v>
      </c>
      <c r="B9045" s="3">
        <f t="shared" si="282"/>
        <v>10</v>
      </c>
      <c r="C9045" s="3">
        <f t="shared" si="283"/>
        <v>2017</v>
      </c>
      <c r="D9045" t="s">
        <v>2471</v>
      </c>
      <c r="E9045" t="s">
        <v>244</v>
      </c>
      <c r="F9045" t="s">
        <v>10</v>
      </c>
      <c r="G9045" t="s">
        <v>11</v>
      </c>
      <c r="H9045" t="s">
        <v>2355</v>
      </c>
      <c r="I9045">
        <v>47.95</v>
      </c>
      <c r="J9045">
        <v>3</v>
      </c>
      <c r="K9045">
        <v>16.18</v>
      </c>
    </row>
    <row r="9046" spans="1:11" x14ac:dyDescent="0.3">
      <c r="A9046" s="1">
        <v>43036</v>
      </c>
      <c r="B9046" s="3">
        <f t="shared" si="282"/>
        <v>10</v>
      </c>
      <c r="C9046" s="3">
        <f t="shared" si="283"/>
        <v>2017</v>
      </c>
      <c r="D9046" t="s">
        <v>217</v>
      </c>
      <c r="E9046" t="s">
        <v>433</v>
      </c>
      <c r="F9046" t="s">
        <v>10</v>
      </c>
      <c r="G9046" t="s">
        <v>15</v>
      </c>
      <c r="H9046" t="s">
        <v>1433</v>
      </c>
      <c r="I9046">
        <v>21.93</v>
      </c>
      <c r="J9046">
        <v>3</v>
      </c>
      <c r="K9046">
        <v>10.31</v>
      </c>
    </row>
    <row r="9047" spans="1:11" x14ac:dyDescent="0.3">
      <c r="A9047" s="1">
        <v>43037</v>
      </c>
      <c r="B9047" s="3">
        <f t="shared" si="282"/>
        <v>10</v>
      </c>
      <c r="C9047" s="3">
        <f t="shared" si="283"/>
        <v>2017</v>
      </c>
      <c r="D9047" t="s">
        <v>582</v>
      </c>
      <c r="E9047" t="s">
        <v>148</v>
      </c>
      <c r="F9047" t="s">
        <v>10</v>
      </c>
      <c r="G9047" t="s">
        <v>11</v>
      </c>
      <c r="H9047" t="s">
        <v>2075</v>
      </c>
      <c r="I9047">
        <v>46.96</v>
      </c>
      <c r="J9047">
        <v>8</v>
      </c>
      <c r="K9047">
        <v>22.54</v>
      </c>
    </row>
    <row r="9048" spans="1:11" x14ac:dyDescent="0.3">
      <c r="A9048" s="1">
        <v>43038</v>
      </c>
      <c r="B9048" s="3">
        <f t="shared" si="282"/>
        <v>10</v>
      </c>
      <c r="C9048" s="3">
        <f t="shared" si="283"/>
        <v>2017</v>
      </c>
      <c r="D9048" t="s">
        <v>2047</v>
      </c>
      <c r="E9048" t="s">
        <v>163</v>
      </c>
      <c r="F9048" t="s">
        <v>33</v>
      </c>
      <c r="G9048" t="s">
        <v>46</v>
      </c>
      <c r="H9048" t="s">
        <v>2301</v>
      </c>
      <c r="I9048">
        <v>9.64</v>
      </c>
      <c r="J9048">
        <v>2</v>
      </c>
      <c r="K9048">
        <v>3.66</v>
      </c>
    </row>
    <row r="9049" spans="1:11" x14ac:dyDescent="0.3">
      <c r="A9049" s="1">
        <v>43038</v>
      </c>
      <c r="B9049" s="3">
        <f t="shared" si="282"/>
        <v>10</v>
      </c>
      <c r="C9049" s="3">
        <f t="shared" si="283"/>
        <v>2017</v>
      </c>
      <c r="D9049" t="s">
        <v>513</v>
      </c>
      <c r="E9049" t="s">
        <v>163</v>
      </c>
      <c r="F9049" t="s">
        <v>10</v>
      </c>
      <c r="G9049" t="s">
        <v>19</v>
      </c>
      <c r="H9049" t="s">
        <v>2021</v>
      </c>
      <c r="I9049">
        <v>88.75</v>
      </c>
      <c r="J9049">
        <v>3</v>
      </c>
      <c r="K9049">
        <v>27.74</v>
      </c>
    </row>
    <row r="9050" spans="1:11" x14ac:dyDescent="0.3">
      <c r="A9050" s="1">
        <v>43038</v>
      </c>
      <c r="B9050" s="3">
        <f t="shared" si="282"/>
        <v>10</v>
      </c>
      <c r="C9050" s="3">
        <f t="shared" si="283"/>
        <v>2017</v>
      </c>
      <c r="D9050" t="s">
        <v>513</v>
      </c>
      <c r="E9050" t="s">
        <v>163</v>
      </c>
      <c r="F9050" t="s">
        <v>10</v>
      </c>
      <c r="G9050" t="s">
        <v>19</v>
      </c>
      <c r="H9050" t="s">
        <v>1997</v>
      </c>
      <c r="I9050">
        <v>13.9</v>
      </c>
      <c r="J9050">
        <v>2</v>
      </c>
      <c r="K9050">
        <v>5.21</v>
      </c>
    </row>
    <row r="9051" spans="1:11" x14ac:dyDescent="0.3">
      <c r="A9051" s="1">
        <v>43038</v>
      </c>
      <c r="B9051" s="3">
        <f t="shared" si="282"/>
        <v>10</v>
      </c>
      <c r="C9051" s="3">
        <f t="shared" si="283"/>
        <v>2017</v>
      </c>
      <c r="D9051" t="s">
        <v>937</v>
      </c>
      <c r="E9051" t="s">
        <v>26</v>
      </c>
      <c r="F9051" t="s">
        <v>10</v>
      </c>
      <c r="G9051" t="s">
        <v>15</v>
      </c>
      <c r="H9051" t="s">
        <v>1898</v>
      </c>
      <c r="I9051">
        <v>43.86</v>
      </c>
      <c r="J9051">
        <v>6</v>
      </c>
      <c r="K9051">
        <v>20.61</v>
      </c>
    </row>
    <row r="9052" spans="1:11" x14ac:dyDescent="0.3">
      <c r="A9052" s="1">
        <v>43038</v>
      </c>
      <c r="B9052" s="3">
        <f t="shared" si="282"/>
        <v>10</v>
      </c>
      <c r="C9052" s="3">
        <f t="shared" si="283"/>
        <v>2017</v>
      </c>
      <c r="D9052" t="s">
        <v>937</v>
      </c>
      <c r="E9052" t="s">
        <v>26</v>
      </c>
      <c r="F9052" t="s">
        <v>38</v>
      </c>
      <c r="G9052" t="s">
        <v>39</v>
      </c>
      <c r="H9052" t="s">
        <v>744</v>
      </c>
      <c r="I9052">
        <v>148.47999999999999</v>
      </c>
      <c r="J9052">
        <v>2</v>
      </c>
      <c r="K9052">
        <v>16.7</v>
      </c>
    </row>
    <row r="9053" spans="1:11" x14ac:dyDescent="0.3">
      <c r="A9053" s="1">
        <v>43038</v>
      </c>
      <c r="B9053" s="3">
        <f t="shared" si="282"/>
        <v>10</v>
      </c>
      <c r="C9053" s="3">
        <f t="shared" si="283"/>
        <v>2017</v>
      </c>
      <c r="D9053" t="s">
        <v>937</v>
      </c>
      <c r="E9053" t="s">
        <v>26</v>
      </c>
      <c r="F9053" t="s">
        <v>10</v>
      </c>
      <c r="G9053" t="s">
        <v>11</v>
      </c>
      <c r="H9053" t="s">
        <v>2696</v>
      </c>
      <c r="I9053">
        <v>7.42</v>
      </c>
      <c r="J9053">
        <v>2</v>
      </c>
      <c r="K9053">
        <v>3.71</v>
      </c>
    </row>
    <row r="9054" spans="1:11" x14ac:dyDescent="0.3">
      <c r="A9054" s="1">
        <v>43038</v>
      </c>
      <c r="B9054" s="3">
        <f t="shared" si="282"/>
        <v>10</v>
      </c>
      <c r="C9054" s="3">
        <f t="shared" si="283"/>
        <v>2017</v>
      </c>
      <c r="D9054" t="s">
        <v>937</v>
      </c>
      <c r="E9054" t="s">
        <v>26</v>
      </c>
      <c r="F9054" t="s">
        <v>33</v>
      </c>
      <c r="G9054" t="s">
        <v>34</v>
      </c>
      <c r="H9054" t="s">
        <v>2028</v>
      </c>
      <c r="I9054">
        <v>71.989999999999995</v>
      </c>
      <c r="J9054">
        <v>1</v>
      </c>
      <c r="K9054">
        <v>-0.9</v>
      </c>
    </row>
    <row r="9055" spans="1:11" x14ac:dyDescent="0.3">
      <c r="A9055" s="1">
        <v>43038</v>
      </c>
      <c r="B9055" s="3">
        <f t="shared" si="282"/>
        <v>10</v>
      </c>
      <c r="C9055" s="3">
        <f t="shared" si="283"/>
        <v>2017</v>
      </c>
      <c r="D9055" t="s">
        <v>937</v>
      </c>
      <c r="E9055" t="s">
        <v>26</v>
      </c>
      <c r="F9055" t="s">
        <v>10</v>
      </c>
      <c r="G9055" t="s">
        <v>23</v>
      </c>
      <c r="H9055" t="s">
        <v>75</v>
      </c>
      <c r="I9055">
        <v>19.899999999999999</v>
      </c>
      <c r="J9055">
        <v>5</v>
      </c>
      <c r="K9055">
        <v>6.57</v>
      </c>
    </row>
    <row r="9056" spans="1:11" x14ac:dyDescent="0.3">
      <c r="A9056" s="1">
        <v>43038</v>
      </c>
      <c r="B9056" s="3">
        <f t="shared" si="282"/>
        <v>10</v>
      </c>
      <c r="C9056" s="3">
        <f t="shared" si="283"/>
        <v>2017</v>
      </c>
      <c r="D9056" t="s">
        <v>937</v>
      </c>
      <c r="E9056" t="s">
        <v>26</v>
      </c>
      <c r="F9056" t="s">
        <v>10</v>
      </c>
      <c r="G9056" t="s">
        <v>91</v>
      </c>
      <c r="H9056" t="s">
        <v>2151</v>
      </c>
      <c r="I9056">
        <v>1702.12</v>
      </c>
      <c r="J9056">
        <v>14</v>
      </c>
      <c r="K9056">
        <v>510.64</v>
      </c>
    </row>
    <row r="9057" spans="1:11" x14ac:dyDescent="0.3">
      <c r="A9057" s="1">
        <v>43038</v>
      </c>
      <c r="B9057" s="3">
        <f t="shared" si="282"/>
        <v>10</v>
      </c>
      <c r="C9057" s="3">
        <f t="shared" si="283"/>
        <v>2017</v>
      </c>
      <c r="D9057" t="s">
        <v>830</v>
      </c>
      <c r="E9057" t="s">
        <v>22</v>
      </c>
      <c r="F9057" t="s">
        <v>10</v>
      </c>
      <c r="G9057" t="s">
        <v>11</v>
      </c>
      <c r="H9057" t="s">
        <v>2121</v>
      </c>
      <c r="I9057">
        <v>20.74</v>
      </c>
      <c r="J9057">
        <v>4</v>
      </c>
      <c r="K9057">
        <v>7.26</v>
      </c>
    </row>
    <row r="9058" spans="1:11" x14ac:dyDescent="0.3">
      <c r="A9058" s="1">
        <v>43038</v>
      </c>
      <c r="B9058" s="3">
        <f t="shared" si="282"/>
        <v>10</v>
      </c>
      <c r="C9058" s="3">
        <f t="shared" si="283"/>
        <v>2017</v>
      </c>
      <c r="D9058" t="s">
        <v>830</v>
      </c>
      <c r="E9058" t="s">
        <v>22</v>
      </c>
      <c r="F9058" t="s">
        <v>33</v>
      </c>
      <c r="G9058" t="s">
        <v>46</v>
      </c>
      <c r="H9058" t="s">
        <v>488</v>
      </c>
      <c r="I9058">
        <v>7.17</v>
      </c>
      <c r="J9058">
        <v>2</v>
      </c>
      <c r="K9058">
        <v>0.99</v>
      </c>
    </row>
    <row r="9059" spans="1:11" x14ac:dyDescent="0.3">
      <c r="A9059" s="1">
        <v>43038</v>
      </c>
      <c r="B9059" s="3">
        <f t="shared" si="282"/>
        <v>10</v>
      </c>
      <c r="C9059" s="3">
        <f t="shared" si="283"/>
        <v>2017</v>
      </c>
      <c r="D9059" t="s">
        <v>830</v>
      </c>
      <c r="E9059" t="s">
        <v>22</v>
      </c>
      <c r="F9059" t="s">
        <v>10</v>
      </c>
      <c r="G9059" t="s">
        <v>17</v>
      </c>
      <c r="H9059" t="s">
        <v>250</v>
      </c>
      <c r="I9059">
        <v>11.17</v>
      </c>
      <c r="J9059">
        <v>2</v>
      </c>
      <c r="K9059">
        <v>-2.5099999999999998</v>
      </c>
    </row>
    <row r="9060" spans="1:11" x14ac:dyDescent="0.3">
      <c r="A9060" s="1">
        <v>43038</v>
      </c>
      <c r="B9060" s="3">
        <f t="shared" si="282"/>
        <v>10</v>
      </c>
      <c r="C9060" s="3">
        <f t="shared" si="283"/>
        <v>2017</v>
      </c>
      <c r="D9060" t="s">
        <v>830</v>
      </c>
      <c r="E9060" t="s">
        <v>22</v>
      </c>
      <c r="F9060" t="s">
        <v>38</v>
      </c>
      <c r="G9060" t="s">
        <v>51</v>
      </c>
      <c r="H9060" t="s">
        <v>1794</v>
      </c>
      <c r="I9060">
        <v>442.4</v>
      </c>
      <c r="J9060">
        <v>7</v>
      </c>
      <c r="K9060">
        <v>-55.3</v>
      </c>
    </row>
    <row r="9061" spans="1:11" x14ac:dyDescent="0.3">
      <c r="A9061" s="1">
        <v>43038</v>
      </c>
      <c r="B9061" s="3">
        <f t="shared" si="282"/>
        <v>10</v>
      </c>
      <c r="C9061" s="3">
        <f t="shared" si="283"/>
        <v>2017</v>
      </c>
      <c r="D9061" t="s">
        <v>748</v>
      </c>
      <c r="E9061" t="s">
        <v>163</v>
      </c>
      <c r="F9061" t="s">
        <v>33</v>
      </c>
      <c r="G9061" t="s">
        <v>34</v>
      </c>
      <c r="H9061" t="s">
        <v>1127</v>
      </c>
      <c r="I9061">
        <v>97.57</v>
      </c>
      <c r="J9061">
        <v>2</v>
      </c>
      <c r="K9061">
        <v>-6.1</v>
      </c>
    </row>
    <row r="9062" spans="1:11" x14ac:dyDescent="0.3">
      <c r="A9062" s="1">
        <v>43038</v>
      </c>
      <c r="B9062" s="3">
        <f t="shared" si="282"/>
        <v>10</v>
      </c>
      <c r="C9062" s="3">
        <f t="shared" si="283"/>
        <v>2017</v>
      </c>
      <c r="D9062" t="s">
        <v>748</v>
      </c>
      <c r="E9062" t="s">
        <v>163</v>
      </c>
      <c r="F9062" t="s">
        <v>33</v>
      </c>
      <c r="G9062" t="s">
        <v>34</v>
      </c>
      <c r="H9062" t="s">
        <v>1255</v>
      </c>
      <c r="I9062">
        <v>614.27</v>
      </c>
      <c r="J9062">
        <v>8</v>
      </c>
      <c r="K9062">
        <v>-23.04</v>
      </c>
    </row>
    <row r="9063" spans="1:11" x14ac:dyDescent="0.3">
      <c r="A9063" s="1">
        <v>43038</v>
      </c>
      <c r="B9063" s="3">
        <f t="shared" si="282"/>
        <v>10</v>
      </c>
      <c r="C9063" s="3">
        <f t="shared" si="283"/>
        <v>2017</v>
      </c>
      <c r="D9063" t="s">
        <v>748</v>
      </c>
      <c r="E9063" t="s">
        <v>163</v>
      </c>
      <c r="F9063" t="s">
        <v>33</v>
      </c>
      <c r="G9063" t="s">
        <v>73</v>
      </c>
      <c r="H9063" t="s">
        <v>643</v>
      </c>
      <c r="I9063">
        <v>199.98</v>
      </c>
      <c r="J9063">
        <v>2</v>
      </c>
      <c r="K9063">
        <v>38</v>
      </c>
    </row>
    <row r="9064" spans="1:11" x14ac:dyDescent="0.3">
      <c r="A9064" s="1">
        <v>43038</v>
      </c>
      <c r="B9064" s="3">
        <f t="shared" si="282"/>
        <v>10</v>
      </c>
      <c r="C9064" s="3">
        <f t="shared" si="283"/>
        <v>2017</v>
      </c>
      <c r="D9064" t="s">
        <v>1192</v>
      </c>
      <c r="E9064" t="s">
        <v>9</v>
      </c>
      <c r="F9064" t="s">
        <v>33</v>
      </c>
      <c r="G9064" t="s">
        <v>46</v>
      </c>
      <c r="H9064" t="s">
        <v>1738</v>
      </c>
      <c r="I9064">
        <v>16.190000000000001</v>
      </c>
      <c r="J9064">
        <v>2</v>
      </c>
      <c r="K9064">
        <v>-8.5</v>
      </c>
    </row>
    <row r="9065" spans="1:11" x14ac:dyDescent="0.3">
      <c r="A9065" s="1">
        <v>43038</v>
      </c>
      <c r="B9065" s="3">
        <f t="shared" si="282"/>
        <v>10</v>
      </c>
      <c r="C9065" s="3">
        <f t="shared" si="283"/>
        <v>2017</v>
      </c>
      <c r="D9065" t="s">
        <v>1192</v>
      </c>
      <c r="E9065" t="s">
        <v>9</v>
      </c>
      <c r="F9065" t="s">
        <v>33</v>
      </c>
      <c r="G9065" t="s">
        <v>144</v>
      </c>
      <c r="H9065" t="s">
        <v>789</v>
      </c>
      <c r="I9065">
        <v>251.01</v>
      </c>
      <c r="J9065">
        <v>2</v>
      </c>
      <c r="K9065">
        <v>-68.13</v>
      </c>
    </row>
    <row r="9066" spans="1:11" x14ac:dyDescent="0.3">
      <c r="A9066" s="1">
        <v>43038</v>
      </c>
      <c r="B9066" s="3">
        <f t="shared" si="282"/>
        <v>10</v>
      </c>
      <c r="C9066" s="3">
        <f t="shared" si="283"/>
        <v>2017</v>
      </c>
      <c r="D9066" t="s">
        <v>1192</v>
      </c>
      <c r="E9066" t="s">
        <v>9</v>
      </c>
      <c r="F9066" t="s">
        <v>10</v>
      </c>
      <c r="G9066" t="s">
        <v>17</v>
      </c>
      <c r="H9066" t="s">
        <v>584</v>
      </c>
      <c r="I9066">
        <v>54.19</v>
      </c>
      <c r="J9066">
        <v>6</v>
      </c>
      <c r="K9066">
        <v>4.0599999999999996</v>
      </c>
    </row>
    <row r="9067" spans="1:11" x14ac:dyDescent="0.3">
      <c r="A9067" s="1">
        <v>43038</v>
      </c>
      <c r="B9067" s="3">
        <f t="shared" si="282"/>
        <v>10</v>
      </c>
      <c r="C9067" s="3">
        <f t="shared" si="283"/>
        <v>2017</v>
      </c>
      <c r="D9067" t="s">
        <v>1512</v>
      </c>
      <c r="E9067" t="s">
        <v>32</v>
      </c>
      <c r="F9067" t="s">
        <v>10</v>
      </c>
      <c r="G9067" t="s">
        <v>17</v>
      </c>
      <c r="H9067" t="s">
        <v>1315</v>
      </c>
      <c r="I9067">
        <v>105.98</v>
      </c>
      <c r="J9067">
        <v>7</v>
      </c>
      <c r="K9067">
        <v>4.24</v>
      </c>
    </row>
    <row r="9068" spans="1:11" x14ac:dyDescent="0.3">
      <c r="A9068" s="1">
        <v>43038</v>
      </c>
      <c r="B9068" s="3">
        <f t="shared" si="282"/>
        <v>10</v>
      </c>
      <c r="C9068" s="3">
        <f t="shared" si="283"/>
        <v>2017</v>
      </c>
      <c r="D9068" t="s">
        <v>1512</v>
      </c>
      <c r="E9068" t="s">
        <v>32</v>
      </c>
      <c r="F9068" t="s">
        <v>10</v>
      </c>
      <c r="G9068" t="s">
        <v>199</v>
      </c>
      <c r="H9068" t="s">
        <v>2055</v>
      </c>
      <c r="I9068">
        <v>35.06</v>
      </c>
      <c r="J9068">
        <v>2</v>
      </c>
      <c r="K9068">
        <v>10.52</v>
      </c>
    </row>
    <row r="9069" spans="1:11" x14ac:dyDescent="0.3">
      <c r="A9069" s="1">
        <v>43038</v>
      </c>
      <c r="B9069" s="3">
        <f t="shared" si="282"/>
        <v>10</v>
      </c>
      <c r="C9069" s="3">
        <f t="shared" si="283"/>
        <v>2017</v>
      </c>
      <c r="D9069" t="s">
        <v>1512</v>
      </c>
      <c r="E9069" t="s">
        <v>32</v>
      </c>
      <c r="F9069" t="s">
        <v>33</v>
      </c>
      <c r="G9069" t="s">
        <v>34</v>
      </c>
      <c r="H9069" t="s">
        <v>1023</v>
      </c>
      <c r="I9069">
        <v>33.94</v>
      </c>
      <c r="J9069">
        <v>1</v>
      </c>
      <c r="K9069">
        <v>9.16</v>
      </c>
    </row>
    <row r="9070" spans="1:11" x14ac:dyDescent="0.3">
      <c r="A9070" s="1">
        <v>43038</v>
      </c>
      <c r="B9070" s="3">
        <f t="shared" si="282"/>
        <v>10</v>
      </c>
      <c r="C9070" s="3">
        <f t="shared" si="283"/>
        <v>2017</v>
      </c>
      <c r="D9070" t="s">
        <v>1512</v>
      </c>
      <c r="E9070" t="s">
        <v>32</v>
      </c>
      <c r="F9070" t="s">
        <v>10</v>
      </c>
      <c r="G9070" t="s">
        <v>15</v>
      </c>
      <c r="H9070" t="s">
        <v>392</v>
      </c>
      <c r="I9070">
        <v>30</v>
      </c>
      <c r="J9070">
        <v>8</v>
      </c>
      <c r="K9070">
        <v>14.4</v>
      </c>
    </row>
    <row r="9071" spans="1:11" x14ac:dyDescent="0.3">
      <c r="A9071" s="1">
        <v>43039</v>
      </c>
      <c r="B9071" s="3">
        <f t="shared" si="282"/>
        <v>10</v>
      </c>
      <c r="C9071" s="3">
        <f t="shared" si="283"/>
        <v>2017</v>
      </c>
      <c r="D9071" t="s">
        <v>962</v>
      </c>
      <c r="E9071" t="s">
        <v>9</v>
      </c>
      <c r="F9071" t="s">
        <v>10</v>
      </c>
      <c r="G9071" t="s">
        <v>23</v>
      </c>
      <c r="H9071" t="s">
        <v>619</v>
      </c>
      <c r="I9071">
        <v>5.25</v>
      </c>
      <c r="J9071">
        <v>2</v>
      </c>
      <c r="K9071">
        <v>0.59</v>
      </c>
    </row>
    <row r="9072" spans="1:11" x14ac:dyDescent="0.3">
      <c r="A9072" s="1">
        <v>43039</v>
      </c>
      <c r="B9072" s="3">
        <f t="shared" si="282"/>
        <v>10</v>
      </c>
      <c r="C9072" s="3">
        <f t="shared" si="283"/>
        <v>2017</v>
      </c>
      <c r="D9072" t="s">
        <v>1775</v>
      </c>
      <c r="E9072" t="s">
        <v>14</v>
      </c>
      <c r="F9072" t="s">
        <v>38</v>
      </c>
      <c r="G9072" t="s">
        <v>39</v>
      </c>
      <c r="H9072" t="s">
        <v>2296</v>
      </c>
      <c r="I9072">
        <v>508.77</v>
      </c>
      <c r="J9072">
        <v>4</v>
      </c>
      <c r="K9072">
        <v>38.159999999999997</v>
      </c>
    </row>
    <row r="9073" spans="1:11" x14ac:dyDescent="0.3">
      <c r="A9073" s="1">
        <v>43039</v>
      </c>
      <c r="B9073" s="3">
        <f t="shared" si="282"/>
        <v>10</v>
      </c>
      <c r="C9073" s="3">
        <f t="shared" si="283"/>
        <v>2017</v>
      </c>
      <c r="D9073" t="s">
        <v>1775</v>
      </c>
      <c r="E9073" t="s">
        <v>14</v>
      </c>
      <c r="F9073" t="s">
        <v>10</v>
      </c>
      <c r="G9073" t="s">
        <v>62</v>
      </c>
      <c r="H9073" t="s">
        <v>2314</v>
      </c>
      <c r="I9073">
        <v>9.91</v>
      </c>
      <c r="J9073">
        <v>3</v>
      </c>
      <c r="K9073">
        <v>3.22</v>
      </c>
    </row>
    <row r="9074" spans="1:11" x14ac:dyDescent="0.3">
      <c r="A9074" s="1">
        <v>43040</v>
      </c>
      <c r="B9074" s="3">
        <f t="shared" si="282"/>
        <v>11</v>
      </c>
      <c r="C9074" s="3">
        <f t="shared" si="283"/>
        <v>2017</v>
      </c>
      <c r="D9074" t="s">
        <v>1827</v>
      </c>
      <c r="E9074" t="s">
        <v>163</v>
      </c>
      <c r="F9074" t="s">
        <v>10</v>
      </c>
      <c r="G9074" t="s">
        <v>19</v>
      </c>
      <c r="H9074" t="s">
        <v>1408</v>
      </c>
      <c r="I9074">
        <v>25.12</v>
      </c>
      <c r="J9074">
        <v>5</v>
      </c>
      <c r="K9074">
        <v>7.85</v>
      </c>
    </row>
    <row r="9075" spans="1:11" x14ac:dyDescent="0.3">
      <c r="A9075" s="1">
        <v>43040</v>
      </c>
      <c r="B9075" s="3">
        <f t="shared" si="282"/>
        <v>11</v>
      </c>
      <c r="C9075" s="3">
        <f t="shared" si="283"/>
        <v>2017</v>
      </c>
      <c r="D9075" t="s">
        <v>1827</v>
      </c>
      <c r="E9075" t="s">
        <v>163</v>
      </c>
      <c r="F9075" t="s">
        <v>33</v>
      </c>
      <c r="G9075" t="s">
        <v>144</v>
      </c>
      <c r="H9075" t="s">
        <v>396</v>
      </c>
      <c r="I9075">
        <v>2665.62</v>
      </c>
      <c r="J9075">
        <v>9</v>
      </c>
      <c r="K9075">
        <v>239.91</v>
      </c>
    </row>
    <row r="9076" spans="1:11" x14ac:dyDescent="0.3">
      <c r="A9076" s="1">
        <v>43040</v>
      </c>
      <c r="B9076" s="3">
        <f t="shared" si="282"/>
        <v>11</v>
      </c>
      <c r="C9076" s="3">
        <f t="shared" si="283"/>
        <v>2017</v>
      </c>
      <c r="D9076" t="s">
        <v>1272</v>
      </c>
      <c r="E9076" t="s">
        <v>433</v>
      </c>
      <c r="F9076" t="s">
        <v>10</v>
      </c>
      <c r="G9076" t="s">
        <v>11</v>
      </c>
      <c r="H9076" t="s">
        <v>2476</v>
      </c>
      <c r="I9076">
        <v>189.7</v>
      </c>
      <c r="J9076">
        <v>10</v>
      </c>
      <c r="K9076">
        <v>91.06</v>
      </c>
    </row>
    <row r="9077" spans="1:11" x14ac:dyDescent="0.3">
      <c r="A9077" s="1">
        <v>43040</v>
      </c>
      <c r="B9077" s="3">
        <f t="shared" si="282"/>
        <v>11</v>
      </c>
      <c r="C9077" s="3">
        <f t="shared" si="283"/>
        <v>2017</v>
      </c>
      <c r="D9077" t="s">
        <v>1272</v>
      </c>
      <c r="E9077" t="s">
        <v>433</v>
      </c>
      <c r="F9077" t="s">
        <v>10</v>
      </c>
      <c r="G9077" t="s">
        <v>11</v>
      </c>
      <c r="H9077" t="s">
        <v>1600</v>
      </c>
      <c r="I9077">
        <v>40.99</v>
      </c>
      <c r="J9077">
        <v>1</v>
      </c>
      <c r="K9077">
        <v>20.09</v>
      </c>
    </row>
    <row r="9078" spans="1:11" x14ac:dyDescent="0.3">
      <c r="A9078" s="1">
        <v>43041</v>
      </c>
      <c r="B9078" s="3">
        <f t="shared" si="282"/>
        <v>11</v>
      </c>
      <c r="C9078" s="3">
        <f t="shared" si="283"/>
        <v>2017</v>
      </c>
      <c r="D9078" t="s">
        <v>1537</v>
      </c>
      <c r="E9078" t="s">
        <v>163</v>
      </c>
      <c r="F9078" t="s">
        <v>10</v>
      </c>
      <c r="G9078" t="s">
        <v>11</v>
      </c>
      <c r="H9078" t="s">
        <v>1913</v>
      </c>
      <c r="I9078">
        <v>23.85</v>
      </c>
      <c r="J9078">
        <v>5</v>
      </c>
      <c r="K9078">
        <v>10.73</v>
      </c>
    </row>
    <row r="9079" spans="1:11" x14ac:dyDescent="0.3">
      <c r="A9079" s="1">
        <v>43041</v>
      </c>
      <c r="B9079" s="3">
        <f t="shared" si="282"/>
        <v>11</v>
      </c>
      <c r="C9079" s="3">
        <f t="shared" si="283"/>
        <v>2017</v>
      </c>
      <c r="D9079" t="s">
        <v>2146</v>
      </c>
      <c r="E9079" t="s">
        <v>1282</v>
      </c>
      <c r="F9079" t="s">
        <v>10</v>
      </c>
      <c r="G9079" t="s">
        <v>42</v>
      </c>
      <c r="H9079" t="s">
        <v>159</v>
      </c>
      <c r="I9079">
        <v>18.239999999999998</v>
      </c>
      <c r="J9079">
        <v>3</v>
      </c>
      <c r="K9079">
        <v>9.1199999999999992</v>
      </c>
    </row>
    <row r="9080" spans="1:11" x14ac:dyDescent="0.3">
      <c r="A9080" s="1">
        <v>43041</v>
      </c>
      <c r="B9080" s="3">
        <f t="shared" si="282"/>
        <v>11</v>
      </c>
      <c r="C9080" s="3">
        <f t="shared" si="283"/>
        <v>2017</v>
      </c>
      <c r="D9080" t="s">
        <v>2146</v>
      </c>
      <c r="E9080" t="s">
        <v>1282</v>
      </c>
      <c r="F9080" t="s">
        <v>10</v>
      </c>
      <c r="G9080" t="s">
        <v>23</v>
      </c>
      <c r="H9080" t="s">
        <v>352</v>
      </c>
      <c r="I9080">
        <v>27.78</v>
      </c>
      <c r="J9080">
        <v>6</v>
      </c>
      <c r="K9080">
        <v>9.17</v>
      </c>
    </row>
    <row r="9081" spans="1:11" x14ac:dyDescent="0.3">
      <c r="A9081" s="1">
        <v>43041</v>
      </c>
      <c r="B9081" s="3">
        <f t="shared" si="282"/>
        <v>11</v>
      </c>
      <c r="C9081" s="3">
        <f t="shared" si="283"/>
        <v>2017</v>
      </c>
      <c r="D9081" t="s">
        <v>1534</v>
      </c>
      <c r="E9081" t="s">
        <v>26</v>
      </c>
      <c r="F9081" t="s">
        <v>10</v>
      </c>
      <c r="G9081" t="s">
        <v>62</v>
      </c>
      <c r="H9081" t="s">
        <v>1480</v>
      </c>
      <c r="I9081">
        <v>76.58</v>
      </c>
      <c r="J9081">
        <v>7</v>
      </c>
      <c r="K9081">
        <v>38.29</v>
      </c>
    </row>
    <row r="9082" spans="1:11" x14ac:dyDescent="0.3">
      <c r="A9082" s="1">
        <v>43041</v>
      </c>
      <c r="B9082" s="3">
        <f t="shared" si="282"/>
        <v>11</v>
      </c>
      <c r="C9082" s="3">
        <f t="shared" si="283"/>
        <v>2017</v>
      </c>
      <c r="D9082" t="s">
        <v>1534</v>
      </c>
      <c r="E9082" t="s">
        <v>26</v>
      </c>
      <c r="F9082" t="s">
        <v>10</v>
      </c>
      <c r="G9082" t="s">
        <v>23</v>
      </c>
      <c r="H9082" t="s">
        <v>840</v>
      </c>
      <c r="I9082">
        <v>8.8000000000000007</v>
      </c>
      <c r="J9082">
        <v>5</v>
      </c>
      <c r="K9082">
        <v>4.22</v>
      </c>
    </row>
    <row r="9083" spans="1:11" x14ac:dyDescent="0.3">
      <c r="A9083" s="1">
        <v>43041</v>
      </c>
      <c r="B9083" s="3">
        <f t="shared" si="282"/>
        <v>11</v>
      </c>
      <c r="C9083" s="3">
        <f t="shared" si="283"/>
        <v>2017</v>
      </c>
      <c r="D9083" t="s">
        <v>1534</v>
      </c>
      <c r="E9083" t="s">
        <v>26</v>
      </c>
      <c r="F9083" t="s">
        <v>10</v>
      </c>
      <c r="G9083" t="s">
        <v>19</v>
      </c>
      <c r="H9083" t="s">
        <v>2375</v>
      </c>
      <c r="I9083">
        <v>590.35</v>
      </c>
      <c r="J9083">
        <v>6</v>
      </c>
      <c r="K9083">
        <v>206.62</v>
      </c>
    </row>
    <row r="9084" spans="1:11" x14ac:dyDescent="0.3">
      <c r="A9084" s="1">
        <v>43041</v>
      </c>
      <c r="B9084" s="3">
        <f t="shared" si="282"/>
        <v>11</v>
      </c>
      <c r="C9084" s="3">
        <f t="shared" si="283"/>
        <v>2017</v>
      </c>
      <c r="D9084" t="s">
        <v>1534</v>
      </c>
      <c r="E9084" t="s">
        <v>26</v>
      </c>
      <c r="F9084" t="s">
        <v>10</v>
      </c>
      <c r="G9084" t="s">
        <v>42</v>
      </c>
      <c r="H9084" t="s">
        <v>1105</v>
      </c>
      <c r="I9084">
        <v>5.58</v>
      </c>
      <c r="J9084">
        <v>3</v>
      </c>
      <c r="K9084">
        <v>0.17</v>
      </c>
    </row>
    <row r="9085" spans="1:11" x14ac:dyDescent="0.3">
      <c r="A9085" s="1">
        <v>43041</v>
      </c>
      <c r="B9085" s="3">
        <f t="shared" si="282"/>
        <v>11</v>
      </c>
      <c r="C9085" s="3">
        <f t="shared" si="283"/>
        <v>2017</v>
      </c>
      <c r="D9085" t="s">
        <v>1534</v>
      </c>
      <c r="E9085" t="s">
        <v>26</v>
      </c>
      <c r="F9085" t="s">
        <v>33</v>
      </c>
      <c r="G9085" t="s">
        <v>46</v>
      </c>
      <c r="H9085" t="s">
        <v>349</v>
      </c>
      <c r="I9085">
        <v>25.02</v>
      </c>
      <c r="J9085">
        <v>3</v>
      </c>
      <c r="K9085">
        <v>10.51</v>
      </c>
    </row>
    <row r="9086" spans="1:11" x14ac:dyDescent="0.3">
      <c r="A9086" s="1">
        <v>43041</v>
      </c>
      <c r="B9086" s="3">
        <f t="shared" si="282"/>
        <v>11</v>
      </c>
      <c r="C9086" s="3">
        <f t="shared" si="283"/>
        <v>2017</v>
      </c>
      <c r="D9086" t="s">
        <v>1534</v>
      </c>
      <c r="E9086" t="s">
        <v>26</v>
      </c>
      <c r="F9086" t="s">
        <v>10</v>
      </c>
      <c r="G9086" t="s">
        <v>17</v>
      </c>
      <c r="H9086" t="s">
        <v>417</v>
      </c>
      <c r="I9086">
        <v>452.55</v>
      </c>
      <c r="J9086">
        <v>7</v>
      </c>
      <c r="K9086">
        <v>22.63</v>
      </c>
    </row>
    <row r="9087" spans="1:11" x14ac:dyDescent="0.3">
      <c r="A9087" s="1">
        <v>43041</v>
      </c>
      <c r="B9087" s="3">
        <f t="shared" si="282"/>
        <v>11</v>
      </c>
      <c r="C9087" s="3">
        <f t="shared" si="283"/>
        <v>2017</v>
      </c>
      <c r="D9087" t="s">
        <v>1759</v>
      </c>
      <c r="E9087" t="s">
        <v>32</v>
      </c>
      <c r="F9087" t="s">
        <v>10</v>
      </c>
      <c r="G9087" t="s">
        <v>62</v>
      </c>
      <c r="H9087" t="s">
        <v>1419</v>
      </c>
      <c r="I9087">
        <v>5.32</v>
      </c>
      <c r="J9087">
        <v>2</v>
      </c>
      <c r="K9087">
        <v>2.61</v>
      </c>
    </row>
    <row r="9088" spans="1:11" x14ac:dyDescent="0.3">
      <c r="A9088" s="1">
        <v>43041</v>
      </c>
      <c r="B9088" s="3">
        <f t="shared" si="282"/>
        <v>11</v>
      </c>
      <c r="C9088" s="3">
        <f t="shared" si="283"/>
        <v>2017</v>
      </c>
      <c r="D9088" t="s">
        <v>1759</v>
      </c>
      <c r="E9088" t="s">
        <v>32</v>
      </c>
      <c r="F9088" t="s">
        <v>33</v>
      </c>
      <c r="G9088" t="s">
        <v>34</v>
      </c>
      <c r="H9088" t="s">
        <v>863</v>
      </c>
      <c r="I9088">
        <v>975.92</v>
      </c>
      <c r="J9088">
        <v>4</v>
      </c>
      <c r="K9088">
        <v>292.77999999999997</v>
      </c>
    </row>
    <row r="9089" spans="1:11" x14ac:dyDescent="0.3">
      <c r="A9089" s="1">
        <v>43041</v>
      </c>
      <c r="B9089" s="3">
        <f t="shared" si="282"/>
        <v>11</v>
      </c>
      <c r="C9089" s="3">
        <f t="shared" si="283"/>
        <v>2017</v>
      </c>
      <c r="D9089" t="s">
        <v>1759</v>
      </c>
      <c r="E9089" t="s">
        <v>32</v>
      </c>
      <c r="F9089" t="s">
        <v>38</v>
      </c>
      <c r="G9089" t="s">
        <v>51</v>
      </c>
      <c r="H9089" t="s">
        <v>2340</v>
      </c>
      <c r="I9089">
        <v>2249.91</v>
      </c>
      <c r="J9089">
        <v>9</v>
      </c>
      <c r="K9089">
        <v>517.48</v>
      </c>
    </row>
    <row r="9090" spans="1:11" x14ac:dyDescent="0.3">
      <c r="A9090" s="1">
        <v>43041</v>
      </c>
      <c r="B9090" s="3">
        <f t="shared" ref="B9090:B9153" si="284">MONTH(A:A)</f>
        <v>11</v>
      </c>
      <c r="C9090" s="3">
        <f t="shared" ref="C9090:C9153" si="285">YEAR(A:A)</f>
        <v>2017</v>
      </c>
      <c r="D9090" t="s">
        <v>1759</v>
      </c>
      <c r="E9090" t="s">
        <v>32</v>
      </c>
      <c r="F9090" t="s">
        <v>10</v>
      </c>
      <c r="G9090" t="s">
        <v>17</v>
      </c>
      <c r="H9090" t="s">
        <v>2504</v>
      </c>
      <c r="I9090">
        <v>59.92</v>
      </c>
      <c r="J9090">
        <v>4</v>
      </c>
      <c r="K9090">
        <v>16.78</v>
      </c>
    </row>
    <row r="9091" spans="1:11" x14ac:dyDescent="0.3">
      <c r="A9091" s="1">
        <v>43041</v>
      </c>
      <c r="B9091" s="3">
        <f t="shared" si="284"/>
        <v>11</v>
      </c>
      <c r="C9091" s="3">
        <f t="shared" si="285"/>
        <v>2017</v>
      </c>
      <c r="D9091" t="s">
        <v>1367</v>
      </c>
      <c r="E9091" t="s">
        <v>22</v>
      </c>
      <c r="F9091" t="s">
        <v>33</v>
      </c>
      <c r="G9091" t="s">
        <v>46</v>
      </c>
      <c r="H9091" t="s">
        <v>136</v>
      </c>
      <c r="I9091">
        <v>3.31</v>
      </c>
      <c r="J9091">
        <v>1</v>
      </c>
      <c r="K9091">
        <v>0.66</v>
      </c>
    </row>
    <row r="9092" spans="1:11" x14ac:dyDescent="0.3">
      <c r="A9092" s="1">
        <v>43041</v>
      </c>
      <c r="B9092" s="3">
        <f t="shared" si="284"/>
        <v>11</v>
      </c>
      <c r="C9092" s="3">
        <f t="shared" si="285"/>
        <v>2017</v>
      </c>
      <c r="D9092" t="s">
        <v>1367</v>
      </c>
      <c r="E9092" t="s">
        <v>22</v>
      </c>
      <c r="F9092" t="s">
        <v>10</v>
      </c>
      <c r="G9092" t="s">
        <v>91</v>
      </c>
      <c r="H9092" t="s">
        <v>1249</v>
      </c>
      <c r="I9092">
        <v>20.14</v>
      </c>
      <c r="J9092">
        <v>3</v>
      </c>
      <c r="K9092">
        <v>1.26</v>
      </c>
    </row>
    <row r="9093" spans="1:11" x14ac:dyDescent="0.3">
      <c r="A9093" s="1">
        <v>43041</v>
      </c>
      <c r="B9093" s="3">
        <f t="shared" si="284"/>
        <v>11</v>
      </c>
      <c r="C9093" s="3">
        <f t="shared" si="285"/>
        <v>2017</v>
      </c>
      <c r="D9093" t="s">
        <v>1367</v>
      </c>
      <c r="E9093" t="s">
        <v>22</v>
      </c>
      <c r="F9093" t="s">
        <v>10</v>
      </c>
      <c r="G9093" t="s">
        <v>62</v>
      </c>
      <c r="H9093" t="s">
        <v>1298</v>
      </c>
      <c r="I9093">
        <v>8.86</v>
      </c>
      <c r="J9093">
        <v>3</v>
      </c>
      <c r="K9093">
        <v>2.88</v>
      </c>
    </row>
    <row r="9094" spans="1:11" x14ac:dyDescent="0.3">
      <c r="A9094" s="1">
        <v>43041</v>
      </c>
      <c r="B9094" s="3">
        <f t="shared" si="284"/>
        <v>11</v>
      </c>
      <c r="C9094" s="3">
        <f t="shared" si="285"/>
        <v>2017</v>
      </c>
      <c r="D9094" t="s">
        <v>1367</v>
      </c>
      <c r="E9094" t="s">
        <v>22</v>
      </c>
      <c r="F9094" t="s">
        <v>38</v>
      </c>
      <c r="G9094" t="s">
        <v>39</v>
      </c>
      <c r="H9094" t="s">
        <v>647</v>
      </c>
      <c r="I9094">
        <v>859.2</v>
      </c>
      <c r="J9094">
        <v>4</v>
      </c>
      <c r="K9094">
        <v>-186.16</v>
      </c>
    </row>
    <row r="9095" spans="1:11" x14ac:dyDescent="0.3">
      <c r="A9095" s="1">
        <v>43041</v>
      </c>
      <c r="B9095" s="3">
        <f t="shared" si="284"/>
        <v>11</v>
      </c>
      <c r="C9095" s="3">
        <f t="shared" si="285"/>
        <v>2017</v>
      </c>
      <c r="D9095" t="s">
        <v>2428</v>
      </c>
      <c r="E9095" t="s">
        <v>295</v>
      </c>
      <c r="F9095" t="s">
        <v>10</v>
      </c>
      <c r="G9095" t="s">
        <v>11</v>
      </c>
      <c r="H9095" t="s">
        <v>218</v>
      </c>
      <c r="I9095">
        <v>19.440000000000001</v>
      </c>
      <c r="J9095">
        <v>3</v>
      </c>
      <c r="K9095">
        <v>9.33</v>
      </c>
    </row>
    <row r="9096" spans="1:11" x14ac:dyDescent="0.3">
      <c r="A9096" s="1">
        <v>43041</v>
      </c>
      <c r="B9096" s="3">
        <f t="shared" si="284"/>
        <v>11</v>
      </c>
      <c r="C9096" s="3">
        <f t="shared" si="285"/>
        <v>2017</v>
      </c>
      <c r="D9096" t="s">
        <v>890</v>
      </c>
      <c r="E9096" t="s">
        <v>77</v>
      </c>
      <c r="F9096" t="s">
        <v>10</v>
      </c>
      <c r="G9096" t="s">
        <v>199</v>
      </c>
      <c r="H9096" t="s">
        <v>1515</v>
      </c>
      <c r="I9096">
        <v>384.59</v>
      </c>
      <c r="J9096">
        <v>2</v>
      </c>
      <c r="K9096">
        <v>-81.73</v>
      </c>
    </row>
    <row r="9097" spans="1:11" x14ac:dyDescent="0.3">
      <c r="A9097" s="1">
        <v>43041</v>
      </c>
      <c r="B9097" s="3">
        <f t="shared" si="284"/>
        <v>11</v>
      </c>
      <c r="C9097" s="3">
        <f t="shared" si="285"/>
        <v>2017</v>
      </c>
      <c r="D9097" t="s">
        <v>391</v>
      </c>
      <c r="E9097" t="s">
        <v>26</v>
      </c>
      <c r="F9097" t="s">
        <v>10</v>
      </c>
      <c r="G9097" t="s">
        <v>91</v>
      </c>
      <c r="H9097" t="s">
        <v>2394</v>
      </c>
      <c r="I9097">
        <v>168.1</v>
      </c>
      <c r="J9097">
        <v>5</v>
      </c>
      <c r="K9097">
        <v>43.71</v>
      </c>
    </row>
    <row r="9098" spans="1:11" x14ac:dyDescent="0.3">
      <c r="A9098" s="1">
        <v>43041</v>
      </c>
      <c r="B9098" s="3">
        <f t="shared" si="284"/>
        <v>11</v>
      </c>
      <c r="C9098" s="3">
        <f t="shared" si="285"/>
        <v>2017</v>
      </c>
      <c r="D9098" t="s">
        <v>1520</v>
      </c>
      <c r="E9098" t="s">
        <v>14</v>
      </c>
      <c r="F9098" t="s">
        <v>10</v>
      </c>
      <c r="G9098" t="s">
        <v>23</v>
      </c>
      <c r="H9098" t="s">
        <v>2409</v>
      </c>
      <c r="I9098">
        <v>54.34</v>
      </c>
      <c r="J9098">
        <v>4</v>
      </c>
      <c r="K9098">
        <v>5.43</v>
      </c>
    </row>
    <row r="9099" spans="1:11" x14ac:dyDescent="0.3">
      <c r="A9099" s="1">
        <v>43041</v>
      </c>
      <c r="B9099" s="3">
        <f t="shared" si="284"/>
        <v>11</v>
      </c>
      <c r="C9099" s="3">
        <f t="shared" si="285"/>
        <v>2017</v>
      </c>
      <c r="D9099" t="s">
        <v>1925</v>
      </c>
      <c r="E9099" t="s">
        <v>185</v>
      </c>
      <c r="F9099" t="s">
        <v>10</v>
      </c>
      <c r="G9099" t="s">
        <v>91</v>
      </c>
      <c r="H9099" t="s">
        <v>1249</v>
      </c>
      <c r="I9099">
        <v>83.9</v>
      </c>
      <c r="J9099">
        <v>10</v>
      </c>
      <c r="K9099">
        <v>20.98</v>
      </c>
    </row>
    <row r="9100" spans="1:11" x14ac:dyDescent="0.3">
      <c r="A9100" s="1">
        <v>43041</v>
      </c>
      <c r="B9100" s="3">
        <f t="shared" si="284"/>
        <v>11</v>
      </c>
      <c r="C9100" s="3">
        <f t="shared" si="285"/>
        <v>2017</v>
      </c>
      <c r="D9100" t="s">
        <v>1925</v>
      </c>
      <c r="E9100" t="s">
        <v>185</v>
      </c>
      <c r="F9100" t="s">
        <v>10</v>
      </c>
      <c r="G9100" t="s">
        <v>11</v>
      </c>
      <c r="H9100" t="s">
        <v>1417</v>
      </c>
      <c r="I9100">
        <v>11.76</v>
      </c>
      <c r="J9100">
        <v>2</v>
      </c>
      <c r="K9100">
        <v>5.76</v>
      </c>
    </row>
    <row r="9101" spans="1:11" x14ac:dyDescent="0.3">
      <c r="A9101" s="1">
        <v>43041</v>
      </c>
      <c r="B9101" s="3">
        <f t="shared" si="284"/>
        <v>11</v>
      </c>
      <c r="C9101" s="3">
        <f t="shared" si="285"/>
        <v>2017</v>
      </c>
      <c r="D9101" t="s">
        <v>814</v>
      </c>
      <c r="E9101" t="s">
        <v>77</v>
      </c>
      <c r="F9101" t="s">
        <v>33</v>
      </c>
      <c r="G9101" t="s">
        <v>34</v>
      </c>
      <c r="H9101" t="s">
        <v>1684</v>
      </c>
      <c r="I9101">
        <v>155.37</v>
      </c>
      <c r="J9101">
        <v>2</v>
      </c>
      <c r="K9101">
        <v>-35.51</v>
      </c>
    </row>
    <row r="9102" spans="1:11" x14ac:dyDescent="0.3">
      <c r="A9102" s="1">
        <v>43041</v>
      </c>
      <c r="B9102" s="3">
        <f t="shared" si="284"/>
        <v>11</v>
      </c>
      <c r="C9102" s="3">
        <f t="shared" si="285"/>
        <v>2017</v>
      </c>
      <c r="D9102" t="s">
        <v>1573</v>
      </c>
      <c r="E9102" t="s">
        <v>54</v>
      </c>
      <c r="F9102" t="s">
        <v>10</v>
      </c>
      <c r="G9102" t="s">
        <v>23</v>
      </c>
      <c r="H9102" t="s">
        <v>2641</v>
      </c>
      <c r="I9102">
        <v>5.56</v>
      </c>
      <c r="J9102">
        <v>2</v>
      </c>
      <c r="K9102">
        <v>1.45</v>
      </c>
    </row>
    <row r="9103" spans="1:11" x14ac:dyDescent="0.3">
      <c r="A9103" s="1">
        <v>43042</v>
      </c>
      <c r="B9103" s="3">
        <f t="shared" si="284"/>
        <v>11</v>
      </c>
      <c r="C9103" s="3">
        <f t="shared" si="285"/>
        <v>2017</v>
      </c>
      <c r="D9103" t="s">
        <v>1130</v>
      </c>
      <c r="E9103" t="s">
        <v>119</v>
      </c>
      <c r="F9103" t="s">
        <v>33</v>
      </c>
      <c r="G9103" t="s">
        <v>46</v>
      </c>
      <c r="H9103" t="s">
        <v>1212</v>
      </c>
      <c r="I9103">
        <v>15.99</v>
      </c>
      <c r="J9103">
        <v>1</v>
      </c>
      <c r="K9103">
        <v>1</v>
      </c>
    </row>
    <row r="9104" spans="1:11" x14ac:dyDescent="0.3">
      <c r="A9104" s="1">
        <v>43042</v>
      </c>
      <c r="B9104" s="3">
        <f t="shared" si="284"/>
        <v>11</v>
      </c>
      <c r="C9104" s="3">
        <f t="shared" si="285"/>
        <v>2017</v>
      </c>
      <c r="D9104" t="s">
        <v>1782</v>
      </c>
      <c r="E9104" t="s">
        <v>163</v>
      </c>
      <c r="F9104" t="s">
        <v>10</v>
      </c>
      <c r="G9104" t="s">
        <v>11</v>
      </c>
      <c r="H9104" t="s">
        <v>2201</v>
      </c>
      <c r="I9104">
        <v>139.86000000000001</v>
      </c>
      <c r="J9104">
        <v>7</v>
      </c>
      <c r="K9104">
        <v>65.73</v>
      </c>
    </row>
    <row r="9105" spans="1:11" x14ac:dyDescent="0.3">
      <c r="A9105" s="1">
        <v>43042</v>
      </c>
      <c r="B9105" s="3">
        <f t="shared" si="284"/>
        <v>11</v>
      </c>
      <c r="C9105" s="3">
        <f t="shared" si="285"/>
        <v>2017</v>
      </c>
      <c r="D9105" t="s">
        <v>1782</v>
      </c>
      <c r="E9105" t="s">
        <v>163</v>
      </c>
      <c r="F9105" t="s">
        <v>33</v>
      </c>
      <c r="G9105" t="s">
        <v>34</v>
      </c>
      <c r="H9105" t="s">
        <v>1838</v>
      </c>
      <c r="I9105">
        <v>307.14</v>
      </c>
      <c r="J9105">
        <v>4</v>
      </c>
      <c r="K9105">
        <v>26.87</v>
      </c>
    </row>
    <row r="9106" spans="1:11" x14ac:dyDescent="0.3">
      <c r="A9106" s="1">
        <v>43042</v>
      </c>
      <c r="B9106" s="3">
        <f t="shared" si="284"/>
        <v>11</v>
      </c>
      <c r="C9106" s="3">
        <f t="shared" si="285"/>
        <v>2017</v>
      </c>
      <c r="D9106" t="s">
        <v>1654</v>
      </c>
      <c r="E9106" t="s">
        <v>29</v>
      </c>
      <c r="F9106" t="s">
        <v>10</v>
      </c>
      <c r="G9106" t="s">
        <v>15</v>
      </c>
      <c r="H9106" t="s">
        <v>376</v>
      </c>
      <c r="I9106">
        <v>12.39</v>
      </c>
      <c r="J9106">
        <v>3</v>
      </c>
      <c r="K9106">
        <v>5.7</v>
      </c>
    </row>
    <row r="9107" spans="1:11" x14ac:dyDescent="0.3">
      <c r="A9107" s="1">
        <v>43042</v>
      </c>
      <c r="B9107" s="3">
        <f t="shared" si="284"/>
        <v>11</v>
      </c>
      <c r="C9107" s="3">
        <f t="shared" si="285"/>
        <v>2017</v>
      </c>
      <c r="D9107" t="s">
        <v>867</v>
      </c>
      <c r="E9107" t="s">
        <v>398</v>
      </c>
      <c r="F9107" t="s">
        <v>33</v>
      </c>
      <c r="G9107" t="s">
        <v>46</v>
      </c>
      <c r="H9107" t="s">
        <v>930</v>
      </c>
      <c r="I9107">
        <v>41.37</v>
      </c>
      <c r="J9107">
        <v>3</v>
      </c>
      <c r="K9107">
        <v>17.38</v>
      </c>
    </row>
    <row r="9108" spans="1:11" x14ac:dyDescent="0.3">
      <c r="A9108" s="1">
        <v>43042</v>
      </c>
      <c r="B9108" s="3">
        <f t="shared" si="284"/>
        <v>11</v>
      </c>
      <c r="C9108" s="3">
        <f t="shared" si="285"/>
        <v>2017</v>
      </c>
      <c r="D9108" t="s">
        <v>1266</v>
      </c>
      <c r="E9108" t="s">
        <v>314</v>
      </c>
      <c r="F9108" t="s">
        <v>10</v>
      </c>
      <c r="G9108" t="s">
        <v>11</v>
      </c>
      <c r="H9108" t="s">
        <v>241</v>
      </c>
      <c r="I9108">
        <v>8.56</v>
      </c>
      <c r="J9108">
        <v>2</v>
      </c>
      <c r="K9108">
        <v>3.85</v>
      </c>
    </row>
    <row r="9109" spans="1:11" x14ac:dyDescent="0.3">
      <c r="A9109" s="1">
        <v>43042</v>
      </c>
      <c r="B9109" s="3">
        <f t="shared" si="284"/>
        <v>11</v>
      </c>
      <c r="C9109" s="3">
        <f t="shared" si="285"/>
        <v>2017</v>
      </c>
      <c r="D9109" t="s">
        <v>1266</v>
      </c>
      <c r="E9109" t="s">
        <v>314</v>
      </c>
      <c r="F9109" t="s">
        <v>10</v>
      </c>
      <c r="G9109" t="s">
        <v>17</v>
      </c>
      <c r="H9109" t="s">
        <v>2218</v>
      </c>
      <c r="I9109">
        <v>52.4</v>
      </c>
      <c r="J9109">
        <v>5</v>
      </c>
      <c r="K9109">
        <v>14.15</v>
      </c>
    </row>
    <row r="9110" spans="1:11" x14ac:dyDescent="0.3">
      <c r="A9110" s="1">
        <v>43042</v>
      </c>
      <c r="B9110" s="3">
        <f t="shared" si="284"/>
        <v>11</v>
      </c>
      <c r="C9110" s="3">
        <f t="shared" si="285"/>
        <v>2017</v>
      </c>
      <c r="D9110" t="s">
        <v>1266</v>
      </c>
      <c r="E9110" t="s">
        <v>314</v>
      </c>
      <c r="F9110" t="s">
        <v>10</v>
      </c>
      <c r="G9110" t="s">
        <v>15</v>
      </c>
      <c r="H9110" t="s">
        <v>771</v>
      </c>
      <c r="I9110">
        <v>14.94</v>
      </c>
      <c r="J9110">
        <v>3</v>
      </c>
      <c r="K9110">
        <v>6.87</v>
      </c>
    </row>
    <row r="9111" spans="1:11" x14ac:dyDescent="0.3">
      <c r="A9111" s="1">
        <v>43042</v>
      </c>
      <c r="B9111" s="3">
        <f t="shared" si="284"/>
        <v>11</v>
      </c>
      <c r="C9111" s="3">
        <f t="shared" si="285"/>
        <v>2017</v>
      </c>
      <c r="D9111" t="s">
        <v>1302</v>
      </c>
      <c r="E9111" t="s">
        <v>22</v>
      </c>
      <c r="F9111" t="s">
        <v>10</v>
      </c>
      <c r="G9111" t="s">
        <v>19</v>
      </c>
      <c r="H9111" t="s">
        <v>2693</v>
      </c>
      <c r="I9111">
        <v>11.67</v>
      </c>
      <c r="J9111">
        <v>3</v>
      </c>
      <c r="K9111">
        <v>-7.78</v>
      </c>
    </row>
    <row r="9112" spans="1:11" x14ac:dyDescent="0.3">
      <c r="A9112" s="1">
        <v>43042</v>
      </c>
      <c r="B9112" s="3">
        <f t="shared" si="284"/>
        <v>11</v>
      </c>
      <c r="C9112" s="3">
        <f t="shared" si="285"/>
        <v>2017</v>
      </c>
      <c r="D9112" t="s">
        <v>253</v>
      </c>
      <c r="E9112" t="s">
        <v>163</v>
      </c>
      <c r="F9112" t="s">
        <v>38</v>
      </c>
      <c r="G9112" t="s">
        <v>51</v>
      </c>
      <c r="H9112" t="s">
        <v>1659</v>
      </c>
      <c r="I9112">
        <v>43.5</v>
      </c>
      <c r="J9112">
        <v>3</v>
      </c>
      <c r="K9112">
        <v>10.88</v>
      </c>
    </row>
    <row r="9113" spans="1:11" x14ac:dyDescent="0.3">
      <c r="A9113" s="1">
        <v>43042</v>
      </c>
      <c r="B9113" s="3">
        <f t="shared" si="284"/>
        <v>11</v>
      </c>
      <c r="C9113" s="3">
        <f t="shared" si="285"/>
        <v>2017</v>
      </c>
      <c r="D9113" t="s">
        <v>733</v>
      </c>
      <c r="E9113" t="s">
        <v>32</v>
      </c>
      <c r="F9113" t="s">
        <v>10</v>
      </c>
      <c r="G9113" t="s">
        <v>11</v>
      </c>
      <c r="H9113" t="s">
        <v>303</v>
      </c>
      <c r="I9113">
        <v>26.4</v>
      </c>
      <c r="J9113">
        <v>5</v>
      </c>
      <c r="K9113">
        <v>11.88</v>
      </c>
    </row>
    <row r="9114" spans="1:11" x14ac:dyDescent="0.3">
      <c r="A9114" s="1">
        <v>43042</v>
      </c>
      <c r="B9114" s="3">
        <f t="shared" si="284"/>
        <v>11</v>
      </c>
      <c r="C9114" s="3">
        <f t="shared" si="285"/>
        <v>2017</v>
      </c>
      <c r="D9114" t="s">
        <v>650</v>
      </c>
      <c r="E9114" t="s">
        <v>26</v>
      </c>
      <c r="F9114" t="s">
        <v>10</v>
      </c>
      <c r="G9114" t="s">
        <v>11</v>
      </c>
      <c r="H9114" t="s">
        <v>697</v>
      </c>
      <c r="I9114">
        <v>35.880000000000003</v>
      </c>
      <c r="J9114">
        <v>6</v>
      </c>
      <c r="K9114">
        <v>17.579999999999998</v>
      </c>
    </row>
    <row r="9115" spans="1:11" x14ac:dyDescent="0.3">
      <c r="A9115" s="1">
        <v>43042</v>
      </c>
      <c r="B9115" s="3">
        <f t="shared" si="284"/>
        <v>11</v>
      </c>
      <c r="C9115" s="3">
        <f t="shared" si="285"/>
        <v>2017</v>
      </c>
      <c r="D9115" t="s">
        <v>368</v>
      </c>
      <c r="E9115" t="s">
        <v>122</v>
      </c>
      <c r="F9115" t="s">
        <v>38</v>
      </c>
      <c r="G9115" t="s">
        <v>39</v>
      </c>
      <c r="H9115" t="s">
        <v>1265</v>
      </c>
      <c r="I9115">
        <v>361.38</v>
      </c>
      <c r="J9115">
        <v>2</v>
      </c>
      <c r="K9115">
        <v>27.1</v>
      </c>
    </row>
    <row r="9116" spans="1:11" x14ac:dyDescent="0.3">
      <c r="A9116" s="1">
        <v>43042</v>
      </c>
      <c r="B9116" s="3">
        <f t="shared" si="284"/>
        <v>11</v>
      </c>
      <c r="C9116" s="3">
        <f t="shared" si="285"/>
        <v>2017</v>
      </c>
      <c r="D9116" t="s">
        <v>1624</v>
      </c>
      <c r="E9116" t="s">
        <v>22</v>
      </c>
      <c r="F9116" t="s">
        <v>38</v>
      </c>
      <c r="G9116" t="s">
        <v>51</v>
      </c>
      <c r="H9116" t="s">
        <v>1509</v>
      </c>
      <c r="I9116">
        <v>40.78</v>
      </c>
      <c r="J9116">
        <v>3</v>
      </c>
      <c r="K9116">
        <v>0.51</v>
      </c>
    </row>
    <row r="9117" spans="1:11" x14ac:dyDescent="0.3">
      <c r="A9117" s="1">
        <v>43042</v>
      </c>
      <c r="B9117" s="3">
        <f t="shared" si="284"/>
        <v>11</v>
      </c>
      <c r="C9117" s="3">
        <f t="shared" si="285"/>
        <v>2017</v>
      </c>
      <c r="D9117" t="s">
        <v>2495</v>
      </c>
      <c r="E9117" t="s">
        <v>26</v>
      </c>
      <c r="F9117" t="s">
        <v>38</v>
      </c>
      <c r="G9117" t="s">
        <v>51</v>
      </c>
      <c r="H9117" t="s">
        <v>1938</v>
      </c>
      <c r="I9117">
        <v>199.75</v>
      </c>
      <c r="J9117">
        <v>5</v>
      </c>
      <c r="K9117">
        <v>87.89</v>
      </c>
    </row>
    <row r="9118" spans="1:11" x14ac:dyDescent="0.3">
      <c r="A9118" s="1">
        <v>43042</v>
      </c>
      <c r="B9118" s="3">
        <f t="shared" si="284"/>
        <v>11</v>
      </c>
      <c r="C9118" s="3">
        <f t="shared" si="285"/>
        <v>2017</v>
      </c>
      <c r="D9118" t="s">
        <v>2495</v>
      </c>
      <c r="E9118" t="s">
        <v>26</v>
      </c>
      <c r="F9118" t="s">
        <v>33</v>
      </c>
      <c r="G9118" t="s">
        <v>144</v>
      </c>
      <c r="H9118" t="s">
        <v>2065</v>
      </c>
      <c r="I9118">
        <v>1673.18</v>
      </c>
      <c r="J9118">
        <v>12</v>
      </c>
      <c r="K9118">
        <v>20.91</v>
      </c>
    </row>
    <row r="9119" spans="1:11" x14ac:dyDescent="0.3">
      <c r="A9119" s="1">
        <v>43042</v>
      </c>
      <c r="B9119" s="3">
        <f t="shared" si="284"/>
        <v>11</v>
      </c>
      <c r="C9119" s="3">
        <f t="shared" si="285"/>
        <v>2017</v>
      </c>
      <c r="D9119" t="s">
        <v>598</v>
      </c>
      <c r="E9119" t="s">
        <v>244</v>
      </c>
      <c r="F9119" t="s">
        <v>10</v>
      </c>
      <c r="G9119" t="s">
        <v>11</v>
      </c>
      <c r="H9119" t="s">
        <v>2647</v>
      </c>
      <c r="I9119">
        <v>16.27</v>
      </c>
      <c r="J9119">
        <v>3</v>
      </c>
      <c r="K9119">
        <v>5.29</v>
      </c>
    </row>
    <row r="9120" spans="1:11" x14ac:dyDescent="0.3">
      <c r="A9120" s="1">
        <v>43042</v>
      </c>
      <c r="B9120" s="3">
        <f t="shared" si="284"/>
        <v>11</v>
      </c>
      <c r="C9120" s="3">
        <f t="shared" si="285"/>
        <v>2017</v>
      </c>
      <c r="D9120" t="s">
        <v>28</v>
      </c>
      <c r="E9120" t="s">
        <v>163</v>
      </c>
      <c r="F9120" t="s">
        <v>10</v>
      </c>
      <c r="G9120" t="s">
        <v>19</v>
      </c>
      <c r="H9120" t="s">
        <v>2328</v>
      </c>
      <c r="I9120">
        <v>18.37</v>
      </c>
      <c r="J9120">
        <v>4</v>
      </c>
      <c r="K9120">
        <v>5.97</v>
      </c>
    </row>
    <row r="9121" spans="1:11" x14ac:dyDescent="0.3">
      <c r="A9121" s="1">
        <v>43042</v>
      </c>
      <c r="B9121" s="3">
        <f t="shared" si="284"/>
        <v>11</v>
      </c>
      <c r="C9121" s="3">
        <f t="shared" si="285"/>
        <v>2017</v>
      </c>
      <c r="D9121" t="s">
        <v>375</v>
      </c>
      <c r="E9121" t="s">
        <v>26</v>
      </c>
      <c r="F9121" t="s">
        <v>33</v>
      </c>
      <c r="G9121" t="s">
        <v>144</v>
      </c>
      <c r="H9121" t="s">
        <v>498</v>
      </c>
      <c r="I9121">
        <v>486.37</v>
      </c>
      <c r="J9121">
        <v>4</v>
      </c>
      <c r="K9121">
        <v>36.479999999999997</v>
      </c>
    </row>
    <row r="9122" spans="1:11" x14ac:dyDescent="0.3">
      <c r="A9122" s="1">
        <v>43042</v>
      </c>
      <c r="B9122" s="3">
        <f t="shared" si="284"/>
        <v>11</v>
      </c>
      <c r="C9122" s="3">
        <f t="shared" si="285"/>
        <v>2017</v>
      </c>
      <c r="D9122" t="s">
        <v>1932</v>
      </c>
      <c r="E9122" t="s">
        <v>122</v>
      </c>
      <c r="F9122" t="s">
        <v>38</v>
      </c>
      <c r="G9122" t="s">
        <v>602</v>
      </c>
      <c r="H9122" t="s">
        <v>2653</v>
      </c>
      <c r="I9122">
        <v>959.98</v>
      </c>
      <c r="J9122">
        <v>2</v>
      </c>
      <c r="K9122">
        <v>311.99</v>
      </c>
    </row>
    <row r="9123" spans="1:11" x14ac:dyDescent="0.3">
      <c r="A9123" s="1">
        <v>43042</v>
      </c>
      <c r="B9123" s="3">
        <f t="shared" si="284"/>
        <v>11</v>
      </c>
      <c r="C9123" s="3">
        <f t="shared" si="285"/>
        <v>2017</v>
      </c>
      <c r="D9123" t="s">
        <v>1932</v>
      </c>
      <c r="E9123" t="s">
        <v>122</v>
      </c>
      <c r="F9123" t="s">
        <v>10</v>
      </c>
      <c r="G9123" t="s">
        <v>19</v>
      </c>
      <c r="H9123" t="s">
        <v>1376</v>
      </c>
      <c r="I9123">
        <v>4.09</v>
      </c>
      <c r="J9123">
        <v>2</v>
      </c>
      <c r="K9123">
        <v>-3</v>
      </c>
    </row>
    <row r="9124" spans="1:11" x14ac:dyDescent="0.3">
      <c r="A9124" s="1">
        <v>43042</v>
      </c>
      <c r="B9124" s="3">
        <f t="shared" si="284"/>
        <v>11</v>
      </c>
      <c r="C9124" s="3">
        <f t="shared" si="285"/>
        <v>2017</v>
      </c>
      <c r="D9124" t="s">
        <v>1932</v>
      </c>
      <c r="E9124" t="s">
        <v>122</v>
      </c>
      <c r="F9124" t="s">
        <v>10</v>
      </c>
      <c r="G9124" t="s">
        <v>23</v>
      </c>
      <c r="H9124" t="s">
        <v>599</v>
      </c>
      <c r="I9124">
        <v>55.98</v>
      </c>
      <c r="J9124">
        <v>2</v>
      </c>
      <c r="K9124">
        <v>4.2</v>
      </c>
    </row>
    <row r="9125" spans="1:11" x14ac:dyDescent="0.3">
      <c r="A9125" s="1">
        <v>43042</v>
      </c>
      <c r="B9125" s="3">
        <f t="shared" si="284"/>
        <v>11</v>
      </c>
      <c r="C9125" s="3">
        <f t="shared" si="285"/>
        <v>2017</v>
      </c>
      <c r="D9125" t="s">
        <v>1932</v>
      </c>
      <c r="E9125" t="s">
        <v>122</v>
      </c>
      <c r="F9125" t="s">
        <v>10</v>
      </c>
      <c r="G9125" t="s">
        <v>11</v>
      </c>
      <c r="H9125" t="s">
        <v>78</v>
      </c>
      <c r="I9125">
        <v>10.69</v>
      </c>
      <c r="J9125">
        <v>2</v>
      </c>
      <c r="K9125">
        <v>3.74</v>
      </c>
    </row>
    <row r="9126" spans="1:11" x14ac:dyDescent="0.3">
      <c r="A9126" s="1">
        <v>43043</v>
      </c>
      <c r="B9126" s="3">
        <f t="shared" si="284"/>
        <v>11</v>
      </c>
      <c r="C9126" s="3">
        <f t="shared" si="285"/>
        <v>2017</v>
      </c>
      <c r="D9126" t="s">
        <v>779</v>
      </c>
      <c r="E9126" t="s">
        <v>244</v>
      </c>
      <c r="F9126" t="s">
        <v>38</v>
      </c>
      <c r="G9126" t="s">
        <v>301</v>
      </c>
      <c r="H9126" t="s">
        <v>2712</v>
      </c>
      <c r="I9126">
        <v>7999.98</v>
      </c>
      <c r="J9126">
        <v>4</v>
      </c>
      <c r="K9126">
        <v>-3839.99</v>
      </c>
    </row>
    <row r="9127" spans="1:11" x14ac:dyDescent="0.3">
      <c r="A9127" s="1">
        <v>43043</v>
      </c>
      <c r="B9127" s="3">
        <f t="shared" si="284"/>
        <v>11</v>
      </c>
      <c r="C9127" s="3">
        <f t="shared" si="285"/>
        <v>2017</v>
      </c>
      <c r="D9127" t="s">
        <v>779</v>
      </c>
      <c r="E9127" t="s">
        <v>244</v>
      </c>
      <c r="F9127" t="s">
        <v>10</v>
      </c>
      <c r="G9127" t="s">
        <v>91</v>
      </c>
      <c r="H9127" t="s">
        <v>2339</v>
      </c>
      <c r="I9127">
        <v>167.44</v>
      </c>
      <c r="J9127">
        <v>2</v>
      </c>
      <c r="K9127">
        <v>14.65</v>
      </c>
    </row>
    <row r="9128" spans="1:11" x14ac:dyDescent="0.3">
      <c r="A9128" s="1">
        <v>43043</v>
      </c>
      <c r="B9128" s="3">
        <f t="shared" si="284"/>
        <v>11</v>
      </c>
      <c r="C9128" s="3">
        <f t="shared" si="285"/>
        <v>2017</v>
      </c>
      <c r="D9128" t="s">
        <v>1876</v>
      </c>
      <c r="E9128" t="s">
        <v>119</v>
      </c>
      <c r="F9128" t="s">
        <v>10</v>
      </c>
      <c r="G9128" t="s">
        <v>11</v>
      </c>
      <c r="H9128" t="s">
        <v>699</v>
      </c>
      <c r="I9128">
        <v>9.66</v>
      </c>
      <c r="J9128">
        <v>2</v>
      </c>
      <c r="K9128">
        <v>3.26</v>
      </c>
    </row>
    <row r="9129" spans="1:11" x14ac:dyDescent="0.3">
      <c r="A9129" s="1">
        <v>43043</v>
      </c>
      <c r="B9129" s="3">
        <f t="shared" si="284"/>
        <v>11</v>
      </c>
      <c r="C9129" s="3">
        <f t="shared" si="285"/>
        <v>2017</v>
      </c>
      <c r="D9129" t="s">
        <v>1222</v>
      </c>
      <c r="E9129" t="s">
        <v>9</v>
      </c>
      <c r="F9129" t="s">
        <v>10</v>
      </c>
      <c r="G9129" t="s">
        <v>15</v>
      </c>
      <c r="H9129" t="s">
        <v>1258</v>
      </c>
      <c r="I9129">
        <v>23.68</v>
      </c>
      <c r="J9129">
        <v>2</v>
      </c>
      <c r="K9129">
        <v>8.8800000000000008</v>
      </c>
    </row>
    <row r="9130" spans="1:11" x14ac:dyDescent="0.3">
      <c r="A9130" s="1">
        <v>43043</v>
      </c>
      <c r="B9130" s="3">
        <f t="shared" si="284"/>
        <v>11</v>
      </c>
      <c r="C9130" s="3">
        <f t="shared" si="285"/>
        <v>2017</v>
      </c>
      <c r="D9130" t="s">
        <v>816</v>
      </c>
      <c r="E9130" t="s">
        <v>244</v>
      </c>
      <c r="F9130" t="s">
        <v>33</v>
      </c>
      <c r="G9130" t="s">
        <v>144</v>
      </c>
      <c r="H9130" t="s">
        <v>941</v>
      </c>
      <c r="I9130">
        <v>523.76</v>
      </c>
      <c r="J9130">
        <v>3</v>
      </c>
      <c r="K9130">
        <v>-192.05</v>
      </c>
    </row>
    <row r="9131" spans="1:11" x14ac:dyDescent="0.3">
      <c r="A9131" s="1">
        <v>43043</v>
      </c>
      <c r="B9131" s="3">
        <f t="shared" si="284"/>
        <v>11</v>
      </c>
      <c r="C9131" s="3">
        <f t="shared" si="285"/>
        <v>2017</v>
      </c>
      <c r="D9131" t="s">
        <v>816</v>
      </c>
      <c r="E9131" t="s">
        <v>244</v>
      </c>
      <c r="F9131" t="s">
        <v>38</v>
      </c>
      <c r="G9131" t="s">
        <v>39</v>
      </c>
      <c r="H9131" t="s">
        <v>2636</v>
      </c>
      <c r="I9131">
        <v>1359.96</v>
      </c>
      <c r="J9131">
        <v>5</v>
      </c>
      <c r="K9131">
        <v>119</v>
      </c>
    </row>
    <row r="9132" spans="1:11" x14ac:dyDescent="0.3">
      <c r="A9132" s="1">
        <v>43043</v>
      </c>
      <c r="B9132" s="3">
        <f t="shared" si="284"/>
        <v>11</v>
      </c>
      <c r="C9132" s="3">
        <f t="shared" si="285"/>
        <v>2017</v>
      </c>
      <c r="D9132" t="s">
        <v>382</v>
      </c>
      <c r="E9132" t="s">
        <v>119</v>
      </c>
      <c r="F9132" t="s">
        <v>38</v>
      </c>
      <c r="G9132" t="s">
        <v>51</v>
      </c>
      <c r="H9132" t="s">
        <v>803</v>
      </c>
      <c r="I9132">
        <v>95.98</v>
      </c>
      <c r="J9132">
        <v>3</v>
      </c>
      <c r="K9132">
        <v>15.6</v>
      </c>
    </row>
    <row r="9133" spans="1:11" x14ac:dyDescent="0.3">
      <c r="A9133" s="1">
        <v>43043</v>
      </c>
      <c r="B9133" s="3">
        <f t="shared" si="284"/>
        <v>11</v>
      </c>
      <c r="C9133" s="3">
        <f t="shared" si="285"/>
        <v>2017</v>
      </c>
      <c r="D9133" t="s">
        <v>382</v>
      </c>
      <c r="E9133" t="s">
        <v>119</v>
      </c>
      <c r="F9133" t="s">
        <v>38</v>
      </c>
      <c r="G9133" t="s">
        <v>39</v>
      </c>
      <c r="H9133" t="s">
        <v>2698</v>
      </c>
      <c r="I9133">
        <v>143.93</v>
      </c>
      <c r="J9133">
        <v>9</v>
      </c>
      <c r="K9133">
        <v>-32.380000000000003</v>
      </c>
    </row>
    <row r="9134" spans="1:11" x14ac:dyDescent="0.3">
      <c r="A9134" s="1">
        <v>43043</v>
      </c>
      <c r="B9134" s="3">
        <f t="shared" si="284"/>
        <v>11</v>
      </c>
      <c r="C9134" s="3">
        <f t="shared" si="285"/>
        <v>2017</v>
      </c>
      <c r="D9134" t="s">
        <v>382</v>
      </c>
      <c r="E9134" t="s">
        <v>119</v>
      </c>
      <c r="F9134" t="s">
        <v>10</v>
      </c>
      <c r="G9134" t="s">
        <v>19</v>
      </c>
      <c r="H9134" t="s">
        <v>117</v>
      </c>
      <c r="I9134">
        <v>3.56</v>
      </c>
      <c r="J9134">
        <v>2</v>
      </c>
      <c r="K9134">
        <v>-2.97</v>
      </c>
    </row>
    <row r="9135" spans="1:11" x14ac:dyDescent="0.3">
      <c r="A9135" s="1">
        <v>43043</v>
      </c>
      <c r="B9135" s="3">
        <f t="shared" si="284"/>
        <v>11</v>
      </c>
      <c r="C9135" s="3">
        <f t="shared" si="285"/>
        <v>2017</v>
      </c>
      <c r="D9135" t="s">
        <v>382</v>
      </c>
      <c r="E9135" t="s">
        <v>119</v>
      </c>
      <c r="F9135" t="s">
        <v>10</v>
      </c>
      <c r="G9135" t="s">
        <v>15</v>
      </c>
      <c r="H9135" t="s">
        <v>605</v>
      </c>
      <c r="I9135">
        <v>4.93</v>
      </c>
      <c r="J9135">
        <v>2</v>
      </c>
      <c r="K9135">
        <v>1.72</v>
      </c>
    </row>
    <row r="9136" spans="1:11" x14ac:dyDescent="0.3">
      <c r="A9136" s="1">
        <v>43043</v>
      </c>
      <c r="B9136" s="3">
        <f t="shared" si="284"/>
        <v>11</v>
      </c>
      <c r="C9136" s="3">
        <f t="shared" si="285"/>
        <v>2017</v>
      </c>
      <c r="D9136" t="s">
        <v>1176</v>
      </c>
      <c r="E9136" t="s">
        <v>9</v>
      </c>
      <c r="F9136" t="s">
        <v>10</v>
      </c>
      <c r="G9136" t="s">
        <v>19</v>
      </c>
      <c r="H9136" t="s">
        <v>1408</v>
      </c>
      <c r="I9136">
        <v>7.54</v>
      </c>
      <c r="J9136">
        <v>6</v>
      </c>
      <c r="K9136">
        <v>-13.19</v>
      </c>
    </row>
    <row r="9137" spans="1:11" x14ac:dyDescent="0.3">
      <c r="A9137" s="1">
        <v>43043</v>
      </c>
      <c r="B9137" s="3">
        <f t="shared" si="284"/>
        <v>11</v>
      </c>
      <c r="C9137" s="3">
        <f t="shared" si="285"/>
        <v>2017</v>
      </c>
      <c r="D9137" t="s">
        <v>1176</v>
      </c>
      <c r="E9137" t="s">
        <v>9</v>
      </c>
      <c r="F9137" t="s">
        <v>10</v>
      </c>
      <c r="G9137" t="s">
        <v>19</v>
      </c>
      <c r="H9137" t="s">
        <v>880</v>
      </c>
      <c r="I9137">
        <v>1.41</v>
      </c>
      <c r="J9137">
        <v>2</v>
      </c>
      <c r="K9137">
        <v>-2.3199999999999998</v>
      </c>
    </row>
    <row r="9138" spans="1:11" x14ac:dyDescent="0.3">
      <c r="A9138" s="1">
        <v>43043</v>
      </c>
      <c r="B9138" s="3">
        <f t="shared" si="284"/>
        <v>11</v>
      </c>
      <c r="C9138" s="3">
        <f t="shared" si="285"/>
        <v>2017</v>
      </c>
      <c r="D9138" t="s">
        <v>1176</v>
      </c>
      <c r="E9138" t="s">
        <v>9</v>
      </c>
      <c r="F9138" t="s">
        <v>10</v>
      </c>
      <c r="G9138" t="s">
        <v>19</v>
      </c>
      <c r="H9138" t="s">
        <v>1279</v>
      </c>
      <c r="I9138">
        <v>4.1399999999999997</v>
      </c>
      <c r="J9138">
        <v>4</v>
      </c>
      <c r="K9138">
        <v>-6.42</v>
      </c>
    </row>
    <row r="9139" spans="1:11" x14ac:dyDescent="0.3">
      <c r="A9139" s="1">
        <v>43043</v>
      </c>
      <c r="B9139" s="3">
        <f t="shared" si="284"/>
        <v>11</v>
      </c>
      <c r="C9139" s="3">
        <f t="shared" si="285"/>
        <v>2017</v>
      </c>
      <c r="D9139" t="s">
        <v>1176</v>
      </c>
      <c r="E9139" t="s">
        <v>9</v>
      </c>
      <c r="F9139" t="s">
        <v>10</v>
      </c>
      <c r="G9139" t="s">
        <v>17</v>
      </c>
      <c r="H9139" t="s">
        <v>1755</v>
      </c>
      <c r="I9139">
        <v>52.75</v>
      </c>
      <c r="J9139">
        <v>3</v>
      </c>
      <c r="K9139">
        <v>-12.53</v>
      </c>
    </row>
    <row r="9140" spans="1:11" x14ac:dyDescent="0.3">
      <c r="A9140" s="1">
        <v>43043</v>
      </c>
      <c r="B9140" s="3">
        <f t="shared" si="284"/>
        <v>11</v>
      </c>
      <c r="C9140" s="3">
        <f t="shared" si="285"/>
        <v>2017</v>
      </c>
      <c r="D9140" t="s">
        <v>1342</v>
      </c>
      <c r="E9140" t="s">
        <v>77</v>
      </c>
      <c r="F9140" t="s">
        <v>38</v>
      </c>
      <c r="G9140" t="s">
        <v>51</v>
      </c>
      <c r="H9140" t="s">
        <v>387</v>
      </c>
      <c r="I9140">
        <v>70.72</v>
      </c>
      <c r="J9140">
        <v>4</v>
      </c>
      <c r="K9140">
        <v>-6.19</v>
      </c>
    </row>
    <row r="9141" spans="1:11" x14ac:dyDescent="0.3">
      <c r="A9141" s="1">
        <v>43043</v>
      </c>
      <c r="B9141" s="3">
        <f t="shared" si="284"/>
        <v>11</v>
      </c>
      <c r="C9141" s="3">
        <f t="shared" si="285"/>
        <v>2017</v>
      </c>
      <c r="D9141" t="s">
        <v>1342</v>
      </c>
      <c r="E9141" t="s">
        <v>77</v>
      </c>
      <c r="F9141" t="s">
        <v>10</v>
      </c>
      <c r="G9141" t="s">
        <v>17</v>
      </c>
      <c r="H9141" t="s">
        <v>266</v>
      </c>
      <c r="I9141">
        <v>194.35</v>
      </c>
      <c r="J9141">
        <v>3</v>
      </c>
      <c r="K9141">
        <v>-43.73</v>
      </c>
    </row>
    <row r="9142" spans="1:11" x14ac:dyDescent="0.3">
      <c r="A9142" s="1">
        <v>43043</v>
      </c>
      <c r="B9142" s="3">
        <f t="shared" si="284"/>
        <v>11</v>
      </c>
      <c r="C9142" s="3">
        <f t="shared" si="285"/>
        <v>2017</v>
      </c>
      <c r="D9142" t="s">
        <v>972</v>
      </c>
      <c r="E9142" t="s">
        <v>100</v>
      </c>
      <c r="F9142" t="s">
        <v>10</v>
      </c>
      <c r="G9142" t="s">
        <v>23</v>
      </c>
      <c r="H9142" t="s">
        <v>538</v>
      </c>
      <c r="I9142">
        <v>4.3</v>
      </c>
      <c r="J9142">
        <v>2</v>
      </c>
      <c r="K9142">
        <v>1.42</v>
      </c>
    </row>
    <row r="9143" spans="1:11" x14ac:dyDescent="0.3">
      <c r="A9143" s="1">
        <v>43044</v>
      </c>
      <c r="B9143" s="3">
        <f t="shared" si="284"/>
        <v>11</v>
      </c>
      <c r="C9143" s="3">
        <f t="shared" si="285"/>
        <v>2017</v>
      </c>
      <c r="D9143" t="s">
        <v>1128</v>
      </c>
      <c r="E9143" t="s">
        <v>94</v>
      </c>
      <c r="F9143" t="s">
        <v>10</v>
      </c>
      <c r="G9143" t="s">
        <v>19</v>
      </c>
      <c r="H9143" t="s">
        <v>1385</v>
      </c>
      <c r="I9143">
        <v>2.39</v>
      </c>
      <c r="J9143">
        <v>2</v>
      </c>
      <c r="K9143">
        <v>-1.83</v>
      </c>
    </row>
    <row r="9144" spans="1:11" x14ac:dyDescent="0.3">
      <c r="A9144" s="1">
        <v>43044</v>
      </c>
      <c r="B9144" s="3">
        <f t="shared" si="284"/>
        <v>11</v>
      </c>
      <c r="C9144" s="3">
        <f t="shared" si="285"/>
        <v>2017</v>
      </c>
      <c r="D9144" t="s">
        <v>1128</v>
      </c>
      <c r="E9144" t="s">
        <v>94</v>
      </c>
      <c r="F9144" t="s">
        <v>10</v>
      </c>
      <c r="G9144" t="s">
        <v>17</v>
      </c>
      <c r="H9144" t="s">
        <v>1559</v>
      </c>
      <c r="I9144">
        <v>243.99</v>
      </c>
      <c r="J9144">
        <v>7</v>
      </c>
      <c r="K9144">
        <v>30.5</v>
      </c>
    </row>
    <row r="9145" spans="1:11" x14ac:dyDescent="0.3">
      <c r="A9145" s="1">
        <v>43044</v>
      </c>
      <c r="B9145" s="3">
        <f t="shared" si="284"/>
        <v>11</v>
      </c>
      <c r="C9145" s="3">
        <f t="shared" si="285"/>
        <v>2017</v>
      </c>
      <c r="D9145" t="s">
        <v>497</v>
      </c>
      <c r="E9145" t="s">
        <v>398</v>
      </c>
      <c r="F9145" t="s">
        <v>38</v>
      </c>
      <c r="G9145" t="s">
        <v>51</v>
      </c>
      <c r="H9145" t="s">
        <v>904</v>
      </c>
      <c r="I9145">
        <v>159.99</v>
      </c>
      <c r="J9145">
        <v>1</v>
      </c>
      <c r="K9145">
        <v>54.4</v>
      </c>
    </row>
    <row r="9146" spans="1:11" x14ac:dyDescent="0.3">
      <c r="A9146" s="1">
        <v>43044</v>
      </c>
      <c r="B9146" s="3">
        <f t="shared" si="284"/>
        <v>11</v>
      </c>
      <c r="C9146" s="3">
        <f t="shared" si="285"/>
        <v>2017</v>
      </c>
      <c r="D9146" t="s">
        <v>2465</v>
      </c>
      <c r="E9146" t="s">
        <v>148</v>
      </c>
      <c r="F9146" t="s">
        <v>38</v>
      </c>
      <c r="G9146" t="s">
        <v>51</v>
      </c>
      <c r="H9146" t="s">
        <v>157</v>
      </c>
      <c r="I9146">
        <v>390.75</v>
      </c>
      <c r="J9146">
        <v>5</v>
      </c>
      <c r="K9146">
        <v>171.93</v>
      </c>
    </row>
    <row r="9147" spans="1:11" x14ac:dyDescent="0.3">
      <c r="A9147" s="1">
        <v>43044</v>
      </c>
      <c r="B9147" s="3">
        <f t="shared" si="284"/>
        <v>11</v>
      </c>
      <c r="C9147" s="3">
        <f t="shared" si="285"/>
        <v>2017</v>
      </c>
      <c r="D9147" t="s">
        <v>1934</v>
      </c>
      <c r="E9147" t="s">
        <v>14</v>
      </c>
      <c r="F9147" t="s">
        <v>10</v>
      </c>
      <c r="G9147" t="s">
        <v>19</v>
      </c>
      <c r="H9147" t="s">
        <v>1227</v>
      </c>
      <c r="I9147">
        <v>16.03</v>
      </c>
      <c r="J9147">
        <v>5</v>
      </c>
      <c r="K9147">
        <v>-25.65</v>
      </c>
    </row>
    <row r="9148" spans="1:11" x14ac:dyDescent="0.3">
      <c r="A9148" s="1">
        <v>43044</v>
      </c>
      <c r="B9148" s="3">
        <f t="shared" si="284"/>
        <v>11</v>
      </c>
      <c r="C9148" s="3">
        <f t="shared" si="285"/>
        <v>2017</v>
      </c>
      <c r="D9148" t="s">
        <v>1740</v>
      </c>
      <c r="E9148" t="s">
        <v>9</v>
      </c>
      <c r="F9148" t="s">
        <v>38</v>
      </c>
      <c r="G9148" t="s">
        <v>39</v>
      </c>
      <c r="H9148" t="s">
        <v>1346</v>
      </c>
      <c r="I9148">
        <v>492.77</v>
      </c>
      <c r="J9148">
        <v>4</v>
      </c>
      <c r="K9148">
        <v>55.44</v>
      </c>
    </row>
    <row r="9149" spans="1:11" x14ac:dyDescent="0.3">
      <c r="A9149" s="1">
        <v>43044</v>
      </c>
      <c r="B9149" s="3">
        <f t="shared" si="284"/>
        <v>11</v>
      </c>
      <c r="C9149" s="3">
        <f t="shared" si="285"/>
        <v>2017</v>
      </c>
      <c r="D9149" t="s">
        <v>860</v>
      </c>
      <c r="E9149" t="s">
        <v>26</v>
      </c>
      <c r="F9149" t="s">
        <v>10</v>
      </c>
      <c r="G9149" t="s">
        <v>11</v>
      </c>
      <c r="H9149" t="s">
        <v>2271</v>
      </c>
      <c r="I9149">
        <v>12.96</v>
      </c>
      <c r="J9149">
        <v>2</v>
      </c>
      <c r="K9149">
        <v>6.22</v>
      </c>
    </row>
    <row r="9150" spans="1:11" x14ac:dyDescent="0.3">
      <c r="A9150" s="1">
        <v>43044</v>
      </c>
      <c r="B9150" s="3">
        <f t="shared" si="284"/>
        <v>11</v>
      </c>
      <c r="C9150" s="3">
        <f t="shared" si="285"/>
        <v>2017</v>
      </c>
      <c r="D9150" t="s">
        <v>2713</v>
      </c>
      <c r="E9150" t="s">
        <v>148</v>
      </c>
      <c r="F9150" t="s">
        <v>10</v>
      </c>
      <c r="G9150" t="s">
        <v>19</v>
      </c>
      <c r="H9150" t="s">
        <v>367</v>
      </c>
      <c r="I9150">
        <v>164.69</v>
      </c>
      <c r="J9150">
        <v>6</v>
      </c>
      <c r="K9150">
        <v>55.58</v>
      </c>
    </row>
    <row r="9151" spans="1:11" x14ac:dyDescent="0.3">
      <c r="A9151" s="1">
        <v>43044</v>
      </c>
      <c r="B9151" s="3">
        <f t="shared" si="284"/>
        <v>11</v>
      </c>
      <c r="C9151" s="3">
        <f t="shared" si="285"/>
        <v>2017</v>
      </c>
      <c r="D9151" t="s">
        <v>2713</v>
      </c>
      <c r="E9151" t="s">
        <v>148</v>
      </c>
      <c r="F9151" t="s">
        <v>33</v>
      </c>
      <c r="G9151" t="s">
        <v>144</v>
      </c>
      <c r="H9151" t="s">
        <v>145</v>
      </c>
      <c r="I9151">
        <v>166.5</v>
      </c>
      <c r="J9151">
        <v>2</v>
      </c>
      <c r="K9151">
        <v>-66.599999999999994</v>
      </c>
    </row>
    <row r="9152" spans="1:11" x14ac:dyDescent="0.3">
      <c r="A9152" s="1">
        <v>43044</v>
      </c>
      <c r="B9152" s="3">
        <f t="shared" si="284"/>
        <v>11</v>
      </c>
      <c r="C9152" s="3">
        <f t="shared" si="285"/>
        <v>2017</v>
      </c>
      <c r="D9152" t="s">
        <v>2713</v>
      </c>
      <c r="E9152" t="s">
        <v>148</v>
      </c>
      <c r="F9152" t="s">
        <v>10</v>
      </c>
      <c r="G9152" t="s">
        <v>11</v>
      </c>
      <c r="H9152" t="s">
        <v>2113</v>
      </c>
      <c r="I9152">
        <v>12.96</v>
      </c>
      <c r="J9152">
        <v>2</v>
      </c>
      <c r="K9152">
        <v>6.22</v>
      </c>
    </row>
    <row r="9153" spans="1:11" x14ac:dyDescent="0.3">
      <c r="A9153" s="1">
        <v>43044</v>
      </c>
      <c r="B9153" s="3">
        <f t="shared" si="284"/>
        <v>11</v>
      </c>
      <c r="C9153" s="3">
        <f t="shared" si="285"/>
        <v>2017</v>
      </c>
      <c r="D9153" t="s">
        <v>2713</v>
      </c>
      <c r="E9153" t="s">
        <v>148</v>
      </c>
      <c r="F9153" t="s">
        <v>10</v>
      </c>
      <c r="G9153" t="s">
        <v>11</v>
      </c>
      <c r="H9153" t="s">
        <v>456</v>
      </c>
      <c r="I9153">
        <v>110.96</v>
      </c>
      <c r="J9153">
        <v>2</v>
      </c>
      <c r="K9153">
        <v>53.26</v>
      </c>
    </row>
    <row r="9154" spans="1:11" x14ac:dyDescent="0.3">
      <c r="A9154" s="1">
        <v>43044</v>
      </c>
      <c r="B9154" s="3">
        <f t="shared" ref="B9154:B9217" si="286">MONTH(A:A)</f>
        <v>11</v>
      </c>
      <c r="C9154" s="3">
        <f t="shared" ref="C9154:C9217" si="287">YEAR(A:A)</f>
        <v>2017</v>
      </c>
      <c r="D9154" t="s">
        <v>2713</v>
      </c>
      <c r="E9154" t="s">
        <v>148</v>
      </c>
      <c r="F9154" t="s">
        <v>38</v>
      </c>
      <c r="G9154" t="s">
        <v>39</v>
      </c>
      <c r="H9154" t="s">
        <v>2442</v>
      </c>
      <c r="I9154">
        <v>99.98</v>
      </c>
      <c r="J9154">
        <v>2</v>
      </c>
      <c r="K9154">
        <v>4</v>
      </c>
    </row>
    <row r="9155" spans="1:11" x14ac:dyDescent="0.3">
      <c r="A9155" s="1">
        <v>43044</v>
      </c>
      <c r="B9155" s="3">
        <f t="shared" si="286"/>
        <v>11</v>
      </c>
      <c r="C9155" s="3">
        <f t="shared" si="287"/>
        <v>2017</v>
      </c>
      <c r="D9155" t="s">
        <v>2713</v>
      </c>
      <c r="E9155" t="s">
        <v>148</v>
      </c>
      <c r="F9155" t="s">
        <v>10</v>
      </c>
      <c r="G9155" t="s">
        <v>19</v>
      </c>
      <c r="H9155" t="s">
        <v>818</v>
      </c>
      <c r="I9155">
        <v>11.42</v>
      </c>
      <c r="J9155">
        <v>1</v>
      </c>
      <c r="K9155">
        <v>3.71</v>
      </c>
    </row>
    <row r="9156" spans="1:11" x14ac:dyDescent="0.3">
      <c r="A9156" s="1">
        <v>43044</v>
      </c>
      <c r="B9156" s="3">
        <f t="shared" si="286"/>
        <v>11</v>
      </c>
      <c r="C9156" s="3">
        <f t="shared" si="287"/>
        <v>2017</v>
      </c>
      <c r="D9156" t="s">
        <v>2713</v>
      </c>
      <c r="E9156" t="s">
        <v>148</v>
      </c>
      <c r="F9156" t="s">
        <v>33</v>
      </c>
      <c r="G9156" t="s">
        <v>34</v>
      </c>
      <c r="H9156" t="s">
        <v>1820</v>
      </c>
      <c r="I9156">
        <v>128.12</v>
      </c>
      <c r="J9156">
        <v>2</v>
      </c>
      <c r="K9156">
        <v>24.2</v>
      </c>
    </row>
    <row r="9157" spans="1:11" x14ac:dyDescent="0.3">
      <c r="A9157" s="1">
        <v>43044</v>
      </c>
      <c r="B9157" s="3">
        <f t="shared" si="286"/>
        <v>11</v>
      </c>
      <c r="C9157" s="3">
        <f t="shared" si="287"/>
        <v>2017</v>
      </c>
      <c r="D9157" t="s">
        <v>2713</v>
      </c>
      <c r="E9157" t="s">
        <v>148</v>
      </c>
      <c r="F9157" t="s">
        <v>33</v>
      </c>
      <c r="G9157" t="s">
        <v>46</v>
      </c>
      <c r="H9157" t="s">
        <v>2661</v>
      </c>
      <c r="I9157">
        <v>101.4</v>
      </c>
      <c r="J9157">
        <v>5</v>
      </c>
      <c r="K9157">
        <v>38.53</v>
      </c>
    </row>
    <row r="9158" spans="1:11" x14ac:dyDescent="0.3">
      <c r="A9158" s="1">
        <v>43044</v>
      </c>
      <c r="B9158" s="3">
        <f t="shared" si="286"/>
        <v>11</v>
      </c>
      <c r="C9158" s="3">
        <f t="shared" si="287"/>
        <v>2017</v>
      </c>
      <c r="D9158" t="s">
        <v>2252</v>
      </c>
      <c r="E9158" t="s">
        <v>128</v>
      </c>
      <c r="F9158" t="s">
        <v>10</v>
      </c>
      <c r="G9158" t="s">
        <v>11</v>
      </c>
      <c r="H9158" t="s">
        <v>1986</v>
      </c>
      <c r="I9158">
        <v>4.41</v>
      </c>
      <c r="J9158">
        <v>1</v>
      </c>
      <c r="K9158">
        <v>2.0299999999999998</v>
      </c>
    </row>
    <row r="9159" spans="1:11" x14ac:dyDescent="0.3">
      <c r="A9159" s="1">
        <v>43044</v>
      </c>
      <c r="B9159" s="3">
        <f t="shared" si="286"/>
        <v>11</v>
      </c>
      <c r="C9159" s="3">
        <f t="shared" si="287"/>
        <v>2017</v>
      </c>
      <c r="D9159" t="s">
        <v>2252</v>
      </c>
      <c r="E9159" t="s">
        <v>128</v>
      </c>
      <c r="F9159" t="s">
        <v>10</v>
      </c>
      <c r="G9159" t="s">
        <v>11</v>
      </c>
      <c r="H9159" t="s">
        <v>624</v>
      </c>
      <c r="I9159">
        <v>167.94</v>
      </c>
      <c r="J9159">
        <v>3</v>
      </c>
      <c r="K9159">
        <v>82.29</v>
      </c>
    </row>
    <row r="9160" spans="1:11" x14ac:dyDescent="0.3">
      <c r="A9160" s="1">
        <v>43044</v>
      </c>
      <c r="B9160" s="3">
        <f t="shared" si="286"/>
        <v>11</v>
      </c>
      <c r="C9160" s="3">
        <f t="shared" si="287"/>
        <v>2017</v>
      </c>
      <c r="D9160" t="s">
        <v>2252</v>
      </c>
      <c r="E9160" t="s">
        <v>128</v>
      </c>
      <c r="F9160" t="s">
        <v>10</v>
      </c>
      <c r="G9160" t="s">
        <v>11</v>
      </c>
      <c r="H9160" t="s">
        <v>2647</v>
      </c>
      <c r="I9160">
        <v>67.8</v>
      </c>
      <c r="J9160">
        <v>10</v>
      </c>
      <c r="K9160">
        <v>31.19</v>
      </c>
    </row>
    <row r="9161" spans="1:11" x14ac:dyDescent="0.3">
      <c r="A9161" s="1">
        <v>43045</v>
      </c>
      <c r="B9161" s="3">
        <f t="shared" si="286"/>
        <v>11</v>
      </c>
      <c r="C9161" s="3">
        <f t="shared" si="287"/>
        <v>2017</v>
      </c>
      <c r="D9161" t="s">
        <v>2205</v>
      </c>
      <c r="E9161" t="s">
        <v>90</v>
      </c>
      <c r="F9161" t="s">
        <v>10</v>
      </c>
      <c r="G9161" t="s">
        <v>19</v>
      </c>
      <c r="H9161" t="s">
        <v>1461</v>
      </c>
      <c r="I9161">
        <v>5.68</v>
      </c>
      <c r="J9161">
        <v>1</v>
      </c>
      <c r="K9161">
        <v>-3.79</v>
      </c>
    </row>
    <row r="9162" spans="1:11" x14ac:dyDescent="0.3">
      <c r="A9162" s="1">
        <v>43045</v>
      </c>
      <c r="B9162" s="3">
        <f t="shared" si="286"/>
        <v>11</v>
      </c>
      <c r="C9162" s="3">
        <f t="shared" si="287"/>
        <v>2017</v>
      </c>
      <c r="D9162" t="s">
        <v>491</v>
      </c>
      <c r="E9162" t="s">
        <v>176</v>
      </c>
      <c r="F9162" t="s">
        <v>10</v>
      </c>
      <c r="G9162" t="s">
        <v>17</v>
      </c>
      <c r="H9162" t="s">
        <v>2714</v>
      </c>
      <c r="I9162">
        <v>46.26</v>
      </c>
      <c r="J9162">
        <v>3</v>
      </c>
      <c r="K9162">
        <v>12.03</v>
      </c>
    </row>
    <row r="9163" spans="1:11" x14ac:dyDescent="0.3">
      <c r="A9163" s="1">
        <v>43045</v>
      </c>
      <c r="B9163" s="3">
        <f t="shared" si="286"/>
        <v>11</v>
      </c>
      <c r="C9163" s="3">
        <f t="shared" si="287"/>
        <v>2017</v>
      </c>
      <c r="D9163" t="s">
        <v>2161</v>
      </c>
      <c r="E9163" t="s">
        <v>32</v>
      </c>
      <c r="F9163" t="s">
        <v>10</v>
      </c>
      <c r="G9163" t="s">
        <v>11</v>
      </c>
      <c r="H9163" t="s">
        <v>1766</v>
      </c>
      <c r="I9163">
        <v>5.78</v>
      </c>
      <c r="J9163">
        <v>1</v>
      </c>
      <c r="K9163">
        <v>2.83</v>
      </c>
    </row>
    <row r="9164" spans="1:11" x14ac:dyDescent="0.3">
      <c r="A9164" s="1">
        <v>43045</v>
      </c>
      <c r="B9164" s="3">
        <f t="shared" si="286"/>
        <v>11</v>
      </c>
      <c r="C9164" s="3">
        <f t="shared" si="287"/>
        <v>2017</v>
      </c>
      <c r="D9164" t="s">
        <v>1458</v>
      </c>
      <c r="E9164" t="s">
        <v>26</v>
      </c>
      <c r="F9164" t="s">
        <v>10</v>
      </c>
      <c r="G9164" t="s">
        <v>62</v>
      </c>
      <c r="H9164" t="s">
        <v>1443</v>
      </c>
      <c r="I9164">
        <v>15.28</v>
      </c>
      <c r="J9164">
        <v>2</v>
      </c>
      <c r="K9164">
        <v>7.49</v>
      </c>
    </row>
    <row r="9165" spans="1:11" x14ac:dyDescent="0.3">
      <c r="A9165" s="1">
        <v>43045</v>
      </c>
      <c r="B9165" s="3">
        <f t="shared" si="286"/>
        <v>11</v>
      </c>
      <c r="C9165" s="3">
        <f t="shared" si="287"/>
        <v>2017</v>
      </c>
      <c r="D9165" t="s">
        <v>1458</v>
      </c>
      <c r="E9165" t="s">
        <v>26</v>
      </c>
      <c r="F9165" t="s">
        <v>33</v>
      </c>
      <c r="G9165" t="s">
        <v>46</v>
      </c>
      <c r="H9165" t="s">
        <v>590</v>
      </c>
      <c r="I9165">
        <v>8.73</v>
      </c>
      <c r="J9165">
        <v>1</v>
      </c>
      <c r="K9165">
        <v>2.97</v>
      </c>
    </row>
    <row r="9166" spans="1:11" x14ac:dyDescent="0.3">
      <c r="A9166" s="1">
        <v>43045</v>
      </c>
      <c r="B9166" s="3">
        <f t="shared" si="286"/>
        <v>11</v>
      </c>
      <c r="C9166" s="3">
        <f t="shared" si="287"/>
        <v>2017</v>
      </c>
      <c r="D9166" t="s">
        <v>1458</v>
      </c>
      <c r="E9166" t="s">
        <v>26</v>
      </c>
      <c r="F9166" t="s">
        <v>10</v>
      </c>
      <c r="G9166" t="s">
        <v>23</v>
      </c>
      <c r="H9166" t="s">
        <v>1503</v>
      </c>
      <c r="I9166">
        <v>5.68</v>
      </c>
      <c r="J9166">
        <v>2</v>
      </c>
      <c r="K9166">
        <v>1.76</v>
      </c>
    </row>
    <row r="9167" spans="1:11" x14ac:dyDescent="0.3">
      <c r="A9167" s="1">
        <v>43045</v>
      </c>
      <c r="B9167" s="3">
        <f t="shared" si="286"/>
        <v>11</v>
      </c>
      <c r="C9167" s="3">
        <f t="shared" si="287"/>
        <v>2017</v>
      </c>
      <c r="D9167" t="s">
        <v>1447</v>
      </c>
      <c r="E9167" t="s">
        <v>244</v>
      </c>
      <c r="F9167" t="s">
        <v>10</v>
      </c>
      <c r="G9167" t="s">
        <v>91</v>
      </c>
      <c r="H9167" t="s">
        <v>710</v>
      </c>
      <c r="I9167">
        <v>499.58</v>
      </c>
      <c r="J9167">
        <v>3</v>
      </c>
      <c r="K9167">
        <v>43.71</v>
      </c>
    </row>
    <row r="9168" spans="1:11" x14ac:dyDescent="0.3">
      <c r="A9168" s="1">
        <v>43045</v>
      </c>
      <c r="B9168" s="3">
        <f t="shared" si="286"/>
        <v>11</v>
      </c>
      <c r="C9168" s="3">
        <f t="shared" si="287"/>
        <v>2017</v>
      </c>
      <c r="D9168" t="s">
        <v>1447</v>
      </c>
      <c r="E9168" t="s">
        <v>244</v>
      </c>
      <c r="F9168" t="s">
        <v>10</v>
      </c>
      <c r="G9168" t="s">
        <v>11</v>
      </c>
      <c r="H9168" t="s">
        <v>218</v>
      </c>
      <c r="I9168">
        <v>31.1</v>
      </c>
      <c r="J9168">
        <v>6</v>
      </c>
      <c r="K9168">
        <v>10.89</v>
      </c>
    </row>
    <row r="9169" spans="1:11" x14ac:dyDescent="0.3">
      <c r="A9169" s="1">
        <v>43045</v>
      </c>
      <c r="B9169" s="3">
        <f t="shared" si="286"/>
        <v>11</v>
      </c>
      <c r="C9169" s="3">
        <f t="shared" si="287"/>
        <v>2017</v>
      </c>
      <c r="D9169" t="s">
        <v>1447</v>
      </c>
      <c r="E9169" t="s">
        <v>244</v>
      </c>
      <c r="F9169" t="s">
        <v>10</v>
      </c>
      <c r="G9169" t="s">
        <v>19</v>
      </c>
      <c r="H9169" t="s">
        <v>165</v>
      </c>
      <c r="I9169">
        <v>13.27</v>
      </c>
      <c r="J9169">
        <v>8</v>
      </c>
      <c r="K9169">
        <v>-10.62</v>
      </c>
    </row>
    <row r="9170" spans="1:11" x14ac:dyDescent="0.3">
      <c r="A9170" s="1">
        <v>43045</v>
      </c>
      <c r="B9170" s="3">
        <f t="shared" si="286"/>
        <v>11</v>
      </c>
      <c r="C9170" s="3">
        <f t="shared" si="287"/>
        <v>2017</v>
      </c>
      <c r="D9170" t="s">
        <v>1447</v>
      </c>
      <c r="E9170" t="s">
        <v>244</v>
      </c>
      <c r="F9170" t="s">
        <v>33</v>
      </c>
      <c r="G9170" t="s">
        <v>46</v>
      </c>
      <c r="H9170" t="s">
        <v>1317</v>
      </c>
      <c r="I9170">
        <v>28.27</v>
      </c>
      <c r="J9170">
        <v>2</v>
      </c>
      <c r="K9170">
        <v>6.36</v>
      </c>
    </row>
    <row r="9171" spans="1:11" x14ac:dyDescent="0.3">
      <c r="A9171" s="1">
        <v>43045</v>
      </c>
      <c r="B9171" s="3">
        <f t="shared" si="286"/>
        <v>11</v>
      </c>
      <c r="C9171" s="3">
        <f t="shared" si="287"/>
        <v>2017</v>
      </c>
      <c r="D9171" t="s">
        <v>1447</v>
      </c>
      <c r="E9171" t="s">
        <v>244</v>
      </c>
      <c r="F9171" t="s">
        <v>10</v>
      </c>
      <c r="G9171" t="s">
        <v>17</v>
      </c>
      <c r="H9171" t="s">
        <v>296</v>
      </c>
      <c r="I9171">
        <v>259.14</v>
      </c>
      <c r="J9171">
        <v>4</v>
      </c>
      <c r="K9171">
        <v>-51.83</v>
      </c>
    </row>
    <row r="9172" spans="1:11" x14ac:dyDescent="0.3">
      <c r="A9172" s="1">
        <v>43045</v>
      </c>
      <c r="B9172" s="3">
        <f t="shared" si="286"/>
        <v>11</v>
      </c>
      <c r="C9172" s="3">
        <f t="shared" si="287"/>
        <v>2017</v>
      </c>
      <c r="D9172" t="s">
        <v>2224</v>
      </c>
      <c r="E9172" t="s">
        <v>314</v>
      </c>
      <c r="F9172" t="s">
        <v>10</v>
      </c>
      <c r="G9172" t="s">
        <v>23</v>
      </c>
      <c r="H9172" t="s">
        <v>2571</v>
      </c>
      <c r="I9172">
        <v>13.9</v>
      </c>
      <c r="J9172">
        <v>5</v>
      </c>
      <c r="K9172">
        <v>3.61</v>
      </c>
    </row>
    <row r="9173" spans="1:11" x14ac:dyDescent="0.3">
      <c r="A9173" s="1">
        <v>43045</v>
      </c>
      <c r="B9173" s="3">
        <f t="shared" si="286"/>
        <v>11</v>
      </c>
      <c r="C9173" s="3">
        <f t="shared" si="287"/>
        <v>2017</v>
      </c>
      <c r="D9173" t="s">
        <v>2224</v>
      </c>
      <c r="E9173" t="s">
        <v>314</v>
      </c>
      <c r="F9173" t="s">
        <v>10</v>
      </c>
      <c r="G9173" t="s">
        <v>11</v>
      </c>
      <c r="H9173" t="s">
        <v>624</v>
      </c>
      <c r="I9173">
        <v>26.38</v>
      </c>
      <c r="J9173">
        <v>1</v>
      </c>
      <c r="K9173">
        <v>12.13</v>
      </c>
    </row>
    <row r="9174" spans="1:11" x14ac:dyDescent="0.3">
      <c r="A9174" s="1">
        <v>43045</v>
      </c>
      <c r="B9174" s="3">
        <f t="shared" si="286"/>
        <v>11</v>
      </c>
      <c r="C9174" s="3">
        <f t="shared" si="287"/>
        <v>2017</v>
      </c>
      <c r="D9174" t="s">
        <v>1615</v>
      </c>
      <c r="E9174" t="s">
        <v>22</v>
      </c>
      <c r="F9174" t="s">
        <v>33</v>
      </c>
      <c r="G9174" t="s">
        <v>34</v>
      </c>
      <c r="H9174" t="s">
        <v>1479</v>
      </c>
      <c r="I9174">
        <v>127.37</v>
      </c>
      <c r="J9174">
        <v>2</v>
      </c>
      <c r="K9174">
        <v>-30.93</v>
      </c>
    </row>
    <row r="9175" spans="1:11" x14ac:dyDescent="0.3">
      <c r="A9175" s="1">
        <v>43045</v>
      </c>
      <c r="B9175" s="3">
        <f t="shared" si="286"/>
        <v>11</v>
      </c>
      <c r="C9175" s="3">
        <f t="shared" si="287"/>
        <v>2017</v>
      </c>
      <c r="D9175" t="s">
        <v>1615</v>
      </c>
      <c r="E9175" t="s">
        <v>22</v>
      </c>
      <c r="F9175" t="s">
        <v>10</v>
      </c>
      <c r="G9175" t="s">
        <v>11</v>
      </c>
      <c r="H9175" t="s">
        <v>2201</v>
      </c>
      <c r="I9175">
        <v>47.95</v>
      </c>
      <c r="J9175">
        <v>3</v>
      </c>
      <c r="K9175">
        <v>16.18</v>
      </c>
    </row>
    <row r="9176" spans="1:11" x14ac:dyDescent="0.3">
      <c r="A9176" s="1">
        <v>43045</v>
      </c>
      <c r="B9176" s="3">
        <f t="shared" si="286"/>
        <v>11</v>
      </c>
      <c r="C9176" s="3">
        <f t="shared" si="287"/>
        <v>2017</v>
      </c>
      <c r="D9176" t="s">
        <v>1176</v>
      </c>
      <c r="E9176" t="s">
        <v>26</v>
      </c>
      <c r="F9176" t="s">
        <v>10</v>
      </c>
      <c r="G9176" t="s">
        <v>11</v>
      </c>
      <c r="H9176" t="s">
        <v>2201</v>
      </c>
      <c r="I9176">
        <v>59.94</v>
      </c>
      <c r="J9176">
        <v>3</v>
      </c>
      <c r="K9176">
        <v>28.17</v>
      </c>
    </row>
    <row r="9177" spans="1:11" x14ac:dyDescent="0.3">
      <c r="A9177" s="1">
        <v>43045</v>
      </c>
      <c r="B9177" s="3">
        <f t="shared" si="286"/>
        <v>11</v>
      </c>
      <c r="C9177" s="3">
        <f t="shared" si="287"/>
        <v>2017</v>
      </c>
      <c r="D9177" t="s">
        <v>1176</v>
      </c>
      <c r="E9177" t="s">
        <v>26</v>
      </c>
      <c r="F9177" t="s">
        <v>10</v>
      </c>
      <c r="G9177" t="s">
        <v>11</v>
      </c>
      <c r="H9177" t="s">
        <v>624</v>
      </c>
      <c r="I9177">
        <v>45.36</v>
      </c>
      <c r="J9177">
        <v>4</v>
      </c>
      <c r="K9177">
        <v>22.23</v>
      </c>
    </row>
    <row r="9178" spans="1:11" x14ac:dyDescent="0.3">
      <c r="A9178" s="1">
        <v>43045</v>
      </c>
      <c r="B9178" s="3">
        <f t="shared" si="286"/>
        <v>11</v>
      </c>
      <c r="C9178" s="3">
        <f t="shared" si="287"/>
        <v>2017</v>
      </c>
      <c r="D9178" t="s">
        <v>1176</v>
      </c>
      <c r="E9178" t="s">
        <v>26</v>
      </c>
      <c r="F9178" t="s">
        <v>10</v>
      </c>
      <c r="G9178" t="s">
        <v>11</v>
      </c>
      <c r="H9178" t="s">
        <v>1767</v>
      </c>
      <c r="I9178">
        <v>26.4</v>
      </c>
      <c r="J9178">
        <v>5</v>
      </c>
      <c r="K9178">
        <v>12.67</v>
      </c>
    </row>
    <row r="9179" spans="1:11" x14ac:dyDescent="0.3">
      <c r="A9179" s="1">
        <v>43045</v>
      </c>
      <c r="B9179" s="3">
        <f t="shared" si="286"/>
        <v>11</v>
      </c>
      <c r="C9179" s="3">
        <f t="shared" si="287"/>
        <v>2017</v>
      </c>
      <c r="D9179" t="s">
        <v>1176</v>
      </c>
      <c r="E9179" t="s">
        <v>26</v>
      </c>
      <c r="F9179" t="s">
        <v>10</v>
      </c>
      <c r="G9179" t="s">
        <v>15</v>
      </c>
      <c r="H9179" t="s">
        <v>2236</v>
      </c>
      <c r="I9179">
        <v>41.4</v>
      </c>
      <c r="J9179">
        <v>4</v>
      </c>
      <c r="K9179">
        <v>19.87</v>
      </c>
    </row>
    <row r="9180" spans="1:11" x14ac:dyDescent="0.3">
      <c r="A9180" s="1">
        <v>43045</v>
      </c>
      <c r="B9180" s="3">
        <f t="shared" si="286"/>
        <v>11</v>
      </c>
      <c r="C9180" s="3">
        <f t="shared" si="287"/>
        <v>2017</v>
      </c>
      <c r="D9180" t="s">
        <v>1176</v>
      </c>
      <c r="E9180" t="s">
        <v>26</v>
      </c>
      <c r="F9180" t="s">
        <v>38</v>
      </c>
      <c r="G9180" t="s">
        <v>51</v>
      </c>
      <c r="H9180" t="s">
        <v>476</v>
      </c>
      <c r="I9180">
        <v>16.95</v>
      </c>
      <c r="J9180">
        <v>1</v>
      </c>
      <c r="K9180">
        <v>1.02</v>
      </c>
    </row>
    <row r="9181" spans="1:11" x14ac:dyDescent="0.3">
      <c r="A9181" s="1">
        <v>43045</v>
      </c>
      <c r="B9181" s="3">
        <f t="shared" si="286"/>
        <v>11</v>
      </c>
      <c r="C9181" s="3">
        <f t="shared" si="287"/>
        <v>2017</v>
      </c>
      <c r="D9181" t="s">
        <v>2631</v>
      </c>
      <c r="E9181" t="s">
        <v>148</v>
      </c>
      <c r="F9181" t="s">
        <v>10</v>
      </c>
      <c r="G9181" t="s">
        <v>11</v>
      </c>
      <c r="H9181" t="s">
        <v>1854</v>
      </c>
      <c r="I9181">
        <v>318.95999999999998</v>
      </c>
      <c r="J9181">
        <v>9</v>
      </c>
      <c r="K9181">
        <v>149.91</v>
      </c>
    </row>
    <row r="9182" spans="1:11" x14ac:dyDescent="0.3">
      <c r="A9182" s="1">
        <v>43045</v>
      </c>
      <c r="B9182" s="3">
        <f t="shared" si="286"/>
        <v>11</v>
      </c>
      <c r="C9182" s="3">
        <f t="shared" si="287"/>
        <v>2017</v>
      </c>
      <c r="D9182" t="s">
        <v>2252</v>
      </c>
      <c r="E9182" t="s">
        <v>163</v>
      </c>
      <c r="F9182" t="s">
        <v>33</v>
      </c>
      <c r="G9182" t="s">
        <v>144</v>
      </c>
      <c r="H9182" t="s">
        <v>941</v>
      </c>
      <c r="I9182">
        <v>2036.86</v>
      </c>
      <c r="J9182">
        <v>7</v>
      </c>
      <c r="K9182">
        <v>366.63</v>
      </c>
    </row>
    <row r="9183" spans="1:11" x14ac:dyDescent="0.3">
      <c r="A9183" s="1">
        <v>43045</v>
      </c>
      <c r="B9183" s="3">
        <f t="shared" si="286"/>
        <v>11</v>
      </c>
      <c r="C9183" s="3">
        <f t="shared" si="287"/>
        <v>2017</v>
      </c>
      <c r="D9183" t="s">
        <v>2252</v>
      </c>
      <c r="E9183" t="s">
        <v>163</v>
      </c>
      <c r="F9183" t="s">
        <v>33</v>
      </c>
      <c r="G9183" t="s">
        <v>34</v>
      </c>
      <c r="H9183" t="s">
        <v>1018</v>
      </c>
      <c r="I9183">
        <v>449.57</v>
      </c>
      <c r="J9183">
        <v>2</v>
      </c>
      <c r="K9183">
        <v>-73.05</v>
      </c>
    </row>
    <row r="9184" spans="1:11" x14ac:dyDescent="0.3">
      <c r="A9184" s="1">
        <v>43045</v>
      </c>
      <c r="B9184" s="3">
        <f t="shared" si="286"/>
        <v>11</v>
      </c>
      <c r="C9184" s="3">
        <f t="shared" si="287"/>
        <v>2017</v>
      </c>
      <c r="D9184" t="s">
        <v>2252</v>
      </c>
      <c r="E9184" t="s">
        <v>163</v>
      </c>
      <c r="F9184" t="s">
        <v>38</v>
      </c>
      <c r="G9184" t="s">
        <v>51</v>
      </c>
      <c r="H9184" t="s">
        <v>651</v>
      </c>
      <c r="I9184">
        <v>108.96</v>
      </c>
      <c r="J9184">
        <v>3</v>
      </c>
      <c r="K9184">
        <v>32.69</v>
      </c>
    </row>
    <row r="9185" spans="1:11" x14ac:dyDescent="0.3">
      <c r="A9185" s="1">
        <v>43045</v>
      </c>
      <c r="B9185" s="3">
        <f t="shared" si="286"/>
        <v>11</v>
      </c>
      <c r="C9185" s="3">
        <f t="shared" si="287"/>
        <v>2017</v>
      </c>
      <c r="D9185" t="s">
        <v>153</v>
      </c>
      <c r="E9185" t="s">
        <v>9</v>
      </c>
      <c r="F9185" t="s">
        <v>33</v>
      </c>
      <c r="G9185" t="s">
        <v>46</v>
      </c>
      <c r="H9185" t="s">
        <v>1731</v>
      </c>
      <c r="I9185">
        <v>30.56</v>
      </c>
      <c r="J9185">
        <v>5</v>
      </c>
      <c r="K9185">
        <v>-19.86</v>
      </c>
    </row>
    <row r="9186" spans="1:11" x14ac:dyDescent="0.3">
      <c r="A9186" s="1">
        <v>43045</v>
      </c>
      <c r="B9186" s="3">
        <f t="shared" si="286"/>
        <v>11</v>
      </c>
      <c r="C9186" s="3">
        <f t="shared" si="287"/>
        <v>2017</v>
      </c>
      <c r="D9186" t="s">
        <v>2527</v>
      </c>
      <c r="E9186" t="s">
        <v>9</v>
      </c>
      <c r="F9186" t="s">
        <v>10</v>
      </c>
      <c r="G9186" t="s">
        <v>19</v>
      </c>
      <c r="H9186" t="s">
        <v>435</v>
      </c>
      <c r="I9186">
        <v>1.25</v>
      </c>
      <c r="J9186">
        <v>2</v>
      </c>
      <c r="K9186">
        <v>-1.93</v>
      </c>
    </row>
    <row r="9187" spans="1:11" x14ac:dyDescent="0.3">
      <c r="A9187" s="1">
        <v>43045</v>
      </c>
      <c r="B9187" s="3">
        <f t="shared" si="286"/>
        <v>11</v>
      </c>
      <c r="C9187" s="3">
        <f t="shared" si="287"/>
        <v>2017</v>
      </c>
      <c r="D9187" t="s">
        <v>591</v>
      </c>
      <c r="E9187" t="s">
        <v>9</v>
      </c>
      <c r="F9187" t="s">
        <v>10</v>
      </c>
      <c r="G9187" t="s">
        <v>17</v>
      </c>
      <c r="H9187" t="s">
        <v>1471</v>
      </c>
      <c r="I9187">
        <v>18.16</v>
      </c>
      <c r="J9187">
        <v>2</v>
      </c>
      <c r="K9187">
        <v>1.82</v>
      </c>
    </row>
    <row r="9188" spans="1:11" x14ac:dyDescent="0.3">
      <c r="A9188" s="1">
        <v>43046</v>
      </c>
      <c r="B9188" s="3">
        <f t="shared" si="286"/>
        <v>11</v>
      </c>
      <c r="C9188" s="3">
        <f t="shared" si="287"/>
        <v>2017</v>
      </c>
      <c r="D9188" t="s">
        <v>166</v>
      </c>
      <c r="E9188" t="s">
        <v>26</v>
      </c>
      <c r="F9188" t="s">
        <v>38</v>
      </c>
      <c r="G9188" t="s">
        <v>51</v>
      </c>
      <c r="H9188" t="s">
        <v>1991</v>
      </c>
      <c r="I9188">
        <v>59.97</v>
      </c>
      <c r="J9188">
        <v>3</v>
      </c>
      <c r="K9188">
        <v>13.79</v>
      </c>
    </row>
    <row r="9189" spans="1:11" x14ac:dyDescent="0.3">
      <c r="A9189" s="1">
        <v>43046</v>
      </c>
      <c r="B9189" s="3">
        <f t="shared" si="286"/>
        <v>11</v>
      </c>
      <c r="C9189" s="3">
        <f t="shared" si="287"/>
        <v>2017</v>
      </c>
      <c r="D9189" t="s">
        <v>166</v>
      </c>
      <c r="E9189" t="s">
        <v>26</v>
      </c>
      <c r="F9189" t="s">
        <v>38</v>
      </c>
      <c r="G9189" t="s">
        <v>39</v>
      </c>
      <c r="H9189" t="s">
        <v>1072</v>
      </c>
      <c r="I9189">
        <v>761.54</v>
      </c>
      <c r="J9189">
        <v>7</v>
      </c>
      <c r="K9189">
        <v>66.64</v>
      </c>
    </row>
    <row r="9190" spans="1:11" x14ac:dyDescent="0.3">
      <c r="A9190" s="1">
        <v>43046</v>
      </c>
      <c r="B9190" s="3">
        <f t="shared" si="286"/>
        <v>11</v>
      </c>
      <c r="C9190" s="3">
        <f t="shared" si="287"/>
        <v>2017</v>
      </c>
      <c r="D9190" t="s">
        <v>914</v>
      </c>
      <c r="E9190" t="s">
        <v>22</v>
      </c>
      <c r="F9190" t="s">
        <v>38</v>
      </c>
      <c r="G9190" t="s">
        <v>39</v>
      </c>
      <c r="H9190" t="s">
        <v>1742</v>
      </c>
      <c r="I9190">
        <v>359.97</v>
      </c>
      <c r="J9190">
        <v>5</v>
      </c>
      <c r="K9190">
        <v>-71.989999999999995</v>
      </c>
    </row>
    <row r="9191" spans="1:11" x14ac:dyDescent="0.3">
      <c r="A9191" s="1">
        <v>43046</v>
      </c>
      <c r="B9191" s="3">
        <f t="shared" si="286"/>
        <v>11</v>
      </c>
      <c r="C9191" s="3">
        <f t="shared" si="287"/>
        <v>2017</v>
      </c>
      <c r="D9191" t="s">
        <v>914</v>
      </c>
      <c r="E9191" t="s">
        <v>22</v>
      </c>
      <c r="F9191" t="s">
        <v>33</v>
      </c>
      <c r="G9191" t="s">
        <v>144</v>
      </c>
      <c r="H9191" t="s">
        <v>1643</v>
      </c>
      <c r="I9191">
        <v>350.35</v>
      </c>
      <c r="J9191">
        <v>4</v>
      </c>
      <c r="K9191">
        <v>-140.13999999999999</v>
      </c>
    </row>
    <row r="9192" spans="1:11" x14ac:dyDescent="0.3">
      <c r="A9192" s="1">
        <v>43046</v>
      </c>
      <c r="B9192" s="3">
        <f t="shared" si="286"/>
        <v>11</v>
      </c>
      <c r="C9192" s="3">
        <f t="shared" si="287"/>
        <v>2017</v>
      </c>
      <c r="D9192" t="s">
        <v>1812</v>
      </c>
      <c r="E9192" t="s">
        <v>26</v>
      </c>
      <c r="F9192" t="s">
        <v>10</v>
      </c>
      <c r="G9192" t="s">
        <v>19</v>
      </c>
      <c r="H9192" t="s">
        <v>1376</v>
      </c>
      <c r="I9192">
        <v>21.79</v>
      </c>
      <c r="J9192">
        <v>4</v>
      </c>
      <c r="K9192">
        <v>7.63</v>
      </c>
    </row>
    <row r="9193" spans="1:11" x14ac:dyDescent="0.3">
      <c r="A9193" s="1">
        <v>43046</v>
      </c>
      <c r="B9193" s="3">
        <f t="shared" si="286"/>
        <v>11</v>
      </c>
      <c r="C9193" s="3">
        <f t="shared" si="287"/>
        <v>2017</v>
      </c>
      <c r="D9193" t="s">
        <v>1812</v>
      </c>
      <c r="E9193" t="s">
        <v>26</v>
      </c>
      <c r="F9193" t="s">
        <v>38</v>
      </c>
      <c r="G9193" t="s">
        <v>51</v>
      </c>
      <c r="H9193" t="s">
        <v>2284</v>
      </c>
      <c r="I9193">
        <v>439.8</v>
      </c>
      <c r="J9193">
        <v>4</v>
      </c>
      <c r="K9193">
        <v>145.13</v>
      </c>
    </row>
    <row r="9194" spans="1:11" x14ac:dyDescent="0.3">
      <c r="A9194" s="1">
        <v>43046</v>
      </c>
      <c r="B9194" s="3">
        <f t="shared" si="286"/>
        <v>11</v>
      </c>
      <c r="C9194" s="3">
        <f t="shared" si="287"/>
        <v>2017</v>
      </c>
      <c r="D9194" t="s">
        <v>1592</v>
      </c>
      <c r="E9194" t="s">
        <v>58</v>
      </c>
      <c r="F9194" t="s">
        <v>10</v>
      </c>
      <c r="G9194" t="s">
        <v>91</v>
      </c>
      <c r="H9194" t="s">
        <v>616</v>
      </c>
      <c r="I9194">
        <v>100.94</v>
      </c>
      <c r="J9194">
        <v>7</v>
      </c>
      <c r="K9194">
        <v>33.31</v>
      </c>
    </row>
    <row r="9195" spans="1:11" x14ac:dyDescent="0.3">
      <c r="A9195" s="1">
        <v>43046</v>
      </c>
      <c r="B9195" s="3">
        <f t="shared" si="286"/>
        <v>11</v>
      </c>
      <c r="C9195" s="3">
        <f t="shared" si="287"/>
        <v>2017</v>
      </c>
      <c r="D9195" t="s">
        <v>1757</v>
      </c>
      <c r="E9195" t="s">
        <v>148</v>
      </c>
      <c r="F9195" t="s">
        <v>38</v>
      </c>
      <c r="G9195" t="s">
        <v>51</v>
      </c>
      <c r="H9195" t="s">
        <v>1388</v>
      </c>
      <c r="I9195">
        <v>7.88</v>
      </c>
      <c r="J9195">
        <v>4</v>
      </c>
      <c r="K9195">
        <v>2.52</v>
      </c>
    </row>
    <row r="9196" spans="1:11" x14ac:dyDescent="0.3">
      <c r="A9196" s="1">
        <v>43046</v>
      </c>
      <c r="B9196" s="3">
        <f t="shared" si="286"/>
        <v>11</v>
      </c>
      <c r="C9196" s="3">
        <f t="shared" si="287"/>
        <v>2017</v>
      </c>
      <c r="D9196" t="s">
        <v>1735</v>
      </c>
      <c r="E9196" t="s">
        <v>530</v>
      </c>
      <c r="F9196" t="s">
        <v>33</v>
      </c>
      <c r="G9196" t="s">
        <v>34</v>
      </c>
      <c r="H9196" t="s">
        <v>70</v>
      </c>
      <c r="I9196">
        <v>272.97000000000003</v>
      </c>
      <c r="J9196">
        <v>3</v>
      </c>
      <c r="K9196">
        <v>43.68</v>
      </c>
    </row>
    <row r="9197" spans="1:11" x14ac:dyDescent="0.3">
      <c r="A9197" s="1">
        <v>43046</v>
      </c>
      <c r="B9197" s="3">
        <f t="shared" si="286"/>
        <v>11</v>
      </c>
      <c r="C9197" s="3">
        <f t="shared" si="287"/>
        <v>2017</v>
      </c>
      <c r="D9197" t="s">
        <v>1799</v>
      </c>
      <c r="E9197" t="s">
        <v>839</v>
      </c>
      <c r="F9197" t="s">
        <v>10</v>
      </c>
      <c r="G9197" t="s">
        <v>19</v>
      </c>
      <c r="H9197" t="s">
        <v>833</v>
      </c>
      <c r="I9197">
        <v>38.159999999999997</v>
      </c>
      <c r="J9197">
        <v>9</v>
      </c>
      <c r="K9197">
        <v>19.079999999999998</v>
      </c>
    </row>
    <row r="9198" spans="1:11" x14ac:dyDescent="0.3">
      <c r="A9198" s="1">
        <v>43047</v>
      </c>
      <c r="B9198" s="3">
        <f t="shared" si="286"/>
        <v>11</v>
      </c>
      <c r="C9198" s="3">
        <f t="shared" si="287"/>
        <v>2017</v>
      </c>
      <c r="D9198" t="s">
        <v>814</v>
      </c>
      <c r="E9198" t="s">
        <v>148</v>
      </c>
      <c r="F9198" t="s">
        <v>10</v>
      </c>
      <c r="G9198" t="s">
        <v>23</v>
      </c>
      <c r="H9198" t="s">
        <v>2708</v>
      </c>
      <c r="I9198">
        <v>109.9</v>
      </c>
      <c r="J9198">
        <v>5</v>
      </c>
      <c r="K9198">
        <v>32.97</v>
      </c>
    </row>
    <row r="9199" spans="1:11" x14ac:dyDescent="0.3">
      <c r="A9199" s="1">
        <v>43047</v>
      </c>
      <c r="B9199" s="3">
        <f t="shared" si="286"/>
        <v>11</v>
      </c>
      <c r="C9199" s="3">
        <f t="shared" si="287"/>
        <v>2017</v>
      </c>
      <c r="D9199" t="s">
        <v>518</v>
      </c>
      <c r="E9199" t="s">
        <v>530</v>
      </c>
      <c r="F9199" t="s">
        <v>33</v>
      </c>
      <c r="G9199" t="s">
        <v>46</v>
      </c>
      <c r="H9199" t="s">
        <v>2248</v>
      </c>
      <c r="I9199">
        <v>274.2</v>
      </c>
      <c r="J9199">
        <v>10</v>
      </c>
      <c r="K9199">
        <v>112.42</v>
      </c>
    </row>
    <row r="9200" spans="1:11" x14ac:dyDescent="0.3">
      <c r="A9200" s="1">
        <v>43048</v>
      </c>
      <c r="B9200" s="3">
        <f t="shared" si="286"/>
        <v>11</v>
      </c>
      <c r="C9200" s="3">
        <f t="shared" si="287"/>
        <v>2017</v>
      </c>
      <c r="D9200" t="s">
        <v>2175</v>
      </c>
      <c r="E9200" t="s">
        <v>148</v>
      </c>
      <c r="F9200" t="s">
        <v>33</v>
      </c>
      <c r="G9200" t="s">
        <v>46</v>
      </c>
      <c r="H9200" t="s">
        <v>930</v>
      </c>
      <c r="I9200">
        <v>96.53</v>
      </c>
      <c r="J9200">
        <v>7</v>
      </c>
      <c r="K9200">
        <v>40.54</v>
      </c>
    </row>
    <row r="9201" spans="1:11" x14ac:dyDescent="0.3">
      <c r="A9201" s="1">
        <v>43048</v>
      </c>
      <c r="B9201" s="3">
        <f t="shared" si="286"/>
        <v>11</v>
      </c>
      <c r="C9201" s="3">
        <f t="shared" si="287"/>
        <v>2017</v>
      </c>
      <c r="D9201" t="s">
        <v>1294</v>
      </c>
      <c r="E9201" t="s">
        <v>26</v>
      </c>
      <c r="F9201" t="s">
        <v>33</v>
      </c>
      <c r="G9201" t="s">
        <v>34</v>
      </c>
      <c r="H9201" t="s">
        <v>2028</v>
      </c>
      <c r="I9201">
        <v>215.98</v>
      </c>
      <c r="J9201">
        <v>3</v>
      </c>
      <c r="K9201">
        <v>-2.7</v>
      </c>
    </row>
    <row r="9202" spans="1:11" x14ac:dyDescent="0.3">
      <c r="A9202" s="1">
        <v>43048</v>
      </c>
      <c r="B9202" s="3">
        <f t="shared" si="286"/>
        <v>11</v>
      </c>
      <c r="C9202" s="3">
        <f t="shared" si="287"/>
        <v>2017</v>
      </c>
      <c r="D9202" t="s">
        <v>688</v>
      </c>
      <c r="E9202" t="s">
        <v>26</v>
      </c>
      <c r="F9202" t="s">
        <v>10</v>
      </c>
      <c r="G9202" t="s">
        <v>17</v>
      </c>
      <c r="H9202" t="s">
        <v>1059</v>
      </c>
      <c r="I9202">
        <v>63.56</v>
      </c>
      <c r="J9202">
        <v>2</v>
      </c>
      <c r="K9202">
        <v>3.18</v>
      </c>
    </row>
    <row r="9203" spans="1:11" x14ac:dyDescent="0.3">
      <c r="A9203" s="1">
        <v>43048</v>
      </c>
      <c r="B9203" s="3">
        <f t="shared" si="286"/>
        <v>11</v>
      </c>
      <c r="C9203" s="3">
        <f t="shared" si="287"/>
        <v>2017</v>
      </c>
      <c r="D9203" t="s">
        <v>688</v>
      </c>
      <c r="E9203" t="s">
        <v>26</v>
      </c>
      <c r="F9203" t="s">
        <v>38</v>
      </c>
      <c r="G9203" t="s">
        <v>51</v>
      </c>
      <c r="H9203" t="s">
        <v>485</v>
      </c>
      <c r="I9203">
        <v>99.99</v>
      </c>
      <c r="J9203">
        <v>1</v>
      </c>
      <c r="K9203">
        <v>44</v>
      </c>
    </row>
    <row r="9204" spans="1:11" x14ac:dyDescent="0.3">
      <c r="A9204" s="1">
        <v>43048</v>
      </c>
      <c r="B9204" s="3">
        <f t="shared" si="286"/>
        <v>11</v>
      </c>
      <c r="C9204" s="3">
        <f t="shared" si="287"/>
        <v>2017</v>
      </c>
      <c r="D9204" t="s">
        <v>922</v>
      </c>
      <c r="E9204" t="s">
        <v>530</v>
      </c>
      <c r="F9204" t="s">
        <v>10</v>
      </c>
      <c r="G9204" t="s">
        <v>19</v>
      </c>
      <c r="H9204" t="s">
        <v>188</v>
      </c>
      <c r="I9204">
        <v>9.64</v>
      </c>
      <c r="J9204">
        <v>2</v>
      </c>
      <c r="K9204">
        <v>4.43</v>
      </c>
    </row>
    <row r="9205" spans="1:11" x14ac:dyDescent="0.3">
      <c r="A9205" s="1">
        <v>43048</v>
      </c>
      <c r="B9205" s="3">
        <f t="shared" si="286"/>
        <v>11</v>
      </c>
      <c r="C9205" s="3">
        <f t="shared" si="287"/>
        <v>2017</v>
      </c>
      <c r="D9205" t="s">
        <v>922</v>
      </c>
      <c r="E9205" t="s">
        <v>530</v>
      </c>
      <c r="F9205" t="s">
        <v>38</v>
      </c>
      <c r="G9205" t="s">
        <v>51</v>
      </c>
      <c r="H9205" t="s">
        <v>2695</v>
      </c>
      <c r="I9205">
        <v>826.62</v>
      </c>
      <c r="J9205">
        <v>3</v>
      </c>
      <c r="K9205">
        <v>355.45</v>
      </c>
    </row>
    <row r="9206" spans="1:11" x14ac:dyDescent="0.3">
      <c r="A9206" s="1">
        <v>43048</v>
      </c>
      <c r="B9206" s="3">
        <f t="shared" si="286"/>
        <v>11</v>
      </c>
      <c r="C9206" s="3">
        <f t="shared" si="287"/>
        <v>2017</v>
      </c>
      <c r="D9206" t="s">
        <v>922</v>
      </c>
      <c r="E9206" t="s">
        <v>530</v>
      </c>
      <c r="F9206" t="s">
        <v>10</v>
      </c>
      <c r="G9206" t="s">
        <v>17</v>
      </c>
      <c r="H9206" t="s">
        <v>1548</v>
      </c>
      <c r="I9206">
        <v>1633.14</v>
      </c>
      <c r="J9206">
        <v>9</v>
      </c>
      <c r="K9206">
        <v>473.61</v>
      </c>
    </row>
    <row r="9207" spans="1:11" x14ac:dyDescent="0.3">
      <c r="A9207" s="1">
        <v>43048</v>
      </c>
      <c r="B9207" s="3">
        <f t="shared" si="286"/>
        <v>11</v>
      </c>
      <c r="C9207" s="3">
        <f t="shared" si="287"/>
        <v>2017</v>
      </c>
      <c r="D9207" t="s">
        <v>922</v>
      </c>
      <c r="E9207" t="s">
        <v>530</v>
      </c>
      <c r="F9207" t="s">
        <v>10</v>
      </c>
      <c r="G9207" t="s">
        <v>17</v>
      </c>
      <c r="H9207" t="s">
        <v>1548</v>
      </c>
      <c r="I9207">
        <v>544.38</v>
      </c>
      <c r="J9207">
        <v>3</v>
      </c>
      <c r="K9207">
        <v>157.87</v>
      </c>
    </row>
    <row r="9208" spans="1:11" x14ac:dyDescent="0.3">
      <c r="A9208" s="1">
        <v>43048</v>
      </c>
      <c r="B9208" s="3">
        <f t="shared" si="286"/>
        <v>11</v>
      </c>
      <c r="C9208" s="3">
        <f t="shared" si="287"/>
        <v>2017</v>
      </c>
      <c r="D9208" t="s">
        <v>856</v>
      </c>
      <c r="E9208" t="s">
        <v>26</v>
      </c>
      <c r="F9208" t="s">
        <v>33</v>
      </c>
      <c r="G9208" t="s">
        <v>46</v>
      </c>
      <c r="H9208" t="s">
        <v>280</v>
      </c>
      <c r="I9208">
        <v>47.12</v>
      </c>
      <c r="J9208">
        <v>8</v>
      </c>
      <c r="K9208">
        <v>20.73</v>
      </c>
    </row>
    <row r="9209" spans="1:11" x14ac:dyDescent="0.3">
      <c r="A9209" s="1">
        <v>43048</v>
      </c>
      <c r="B9209" s="3">
        <f t="shared" si="286"/>
        <v>11</v>
      </c>
      <c r="C9209" s="3">
        <f t="shared" si="287"/>
        <v>2017</v>
      </c>
      <c r="D9209" t="s">
        <v>1465</v>
      </c>
      <c r="E9209" t="s">
        <v>26</v>
      </c>
      <c r="F9209" t="s">
        <v>33</v>
      </c>
      <c r="G9209" t="s">
        <v>34</v>
      </c>
      <c r="H9209" t="s">
        <v>632</v>
      </c>
      <c r="I9209">
        <v>523.39</v>
      </c>
      <c r="J9209">
        <v>3</v>
      </c>
      <c r="K9209">
        <v>52.34</v>
      </c>
    </row>
    <row r="9210" spans="1:11" x14ac:dyDescent="0.3">
      <c r="A9210" s="1">
        <v>43048</v>
      </c>
      <c r="B9210" s="3">
        <f t="shared" si="286"/>
        <v>11</v>
      </c>
      <c r="C9210" s="3">
        <f t="shared" si="287"/>
        <v>2017</v>
      </c>
      <c r="D9210" t="s">
        <v>2404</v>
      </c>
      <c r="E9210" t="s">
        <v>122</v>
      </c>
      <c r="F9210" t="s">
        <v>38</v>
      </c>
      <c r="G9210" t="s">
        <v>51</v>
      </c>
      <c r="H9210" t="s">
        <v>998</v>
      </c>
      <c r="I9210">
        <v>191.98</v>
      </c>
      <c r="J9210">
        <v>3</v>
      </c>
      <c r="K9210">
        <v>38.4</v>
      </c>
    </row>
    <row r="9211" spans="1:11" x14ac:dyDescent="0.3">
      <c r="A9211" s="1">
        <v>43048</v>
      </c>
      <c r="B9211" s="3">
        <f t="shared" si="286"/>
        <v>11</v>
      </c>
      <c r="C9211" s="3">
        <f t="shared" si="287"/>
        <v>2017</v>
      </c>
      <c r="D9211" t="s">
        <v>2404</v>
      </c>
      <c r="E9211" t="s">
        <v>122</v>
      </c>
      <c r="F9211" t="s">
        <v>38</v>
      </c>
      <c r="G9211" t="s">
        <v>39</v>
      </c>
      <c r="H9211" t="s">
        <v>2170</v>
      </c>
      <c r="I9211">
        <v>499.17</v>
      </c>
      <c r="J9211">
        <v>4</v>
      </c>
      <c r="K9211">
        <v>31.2</v>
      </c>
    </row>
    <row r="9212" spans="1:11" x14ac:dyDescent="0.3">
      <c r="A9212" s="1">
        <v>43049</v>
      </c>
      <c r="B9212" s="3">
        <f t="shared" si="286"/>
        <v>11</v>
      </c>
      <c r="C9212" s="3">
        <f t="shared" si="287"/>
        <v>2017</v>
      </c>
      <c r="D9212" t="s">
        <v>1647</v>
      </c>
      <c r="E9212" t="s">
        <v>94</v>
      </c>
      <c r="F9212" t="s">
        <v>10</v>
      </c>
      <c r="G9212" t="s">
        <v>19</v>
      </c>
      <c r="H9212" t="s">
        <v>1564</v>
      </c>
      <c r="I9212">
        <v>38.39</v>
      </c>
      <c r="J9212">
        <v>14</v>
      </c>
      <c r="K9212">
        <v>-25.59</v>
      </c>
    </row>
    <row r="9213" spans="1:11" x14ac:dyDescent="0.3">
      <c r="A9213" s="1">
        <v>43049</v>
      </c>
      <c r="B9213" s="3">
        <f t="shared" si="286"/>
        <v>11</v>
      </c>
      <c r="C9213" s="3">
        <f t="shared" si="287"/>
        <v>2017</v>
      </c>
      <c r="D9213" t="s">
        <v>1647</v>
      </c>
      <c r="E9213" t="s">
        <v>94</v>
      </c>
      <c r="F9213" t="s">
        <v>38</v>
      </c>
      <c r="G9213" t="s">
        <v>301</v>
      </c>
      <c r="H9213" t="s">
        <v>1857</v>
      </c>
      <c r="I9213">
        <v>95.99</v>
      </c>
      <c r="J9213">
        <v>2</v>
      </c>
      <c r="K9213">
        <v>-64</v>
      </c>
    </row>
    <row r="9214" spans="1:11" x14ac:dyDescent="0.3">
      <c r="A9214" s="1">
        <v>43049</v>
      </c>
      <c r="B9214" s="3">
        <f t="shared" si="286"/>
        <v>11</v>
      </c>
      <c r="C9214" s="3">
        <f t="shared" si="287"/>
        <v>2017</v>
      </c>
      <c r="D9214" t="s">
        <v>1647</v>
      </c>
      <c r="E9214" t="s">
        <v>94</v>
      </c>
      <c r="F9214" t="s">
        <v>38</v>
      </c>
      <c r="G9214" t="s">
        <v>51</v>
      </c>
      <c r="H9214" t="s">
        <v>1007</v>
      </c>
      <c r="I9214">
        <v>239.95</v>
      </c>
      <c r="J9214">
        <v>6</v>
      </c>
      <c r="K9214">
        <v>-35.99</v>
      </c>
    </row>
    <row r="9215" spans="1:11" x14ac:dyDescent="0.3">
      <c r="A9215" s="1">
        <v>43049</v>
      </c>
      <c r="B9215" s="3">
        <f t="shared" si="286"/>
        <v>11</v>
      </c>
      <c r="C9215" s="3">
        <f t="shared" si="287"/>
        <v>2017</v>
      </c>
      <c r="D9215" t="s">
        <v>1647</v>
      </c>
      <c r="E9215" t="s">
        <v>94</v>
      </c>
      <c r="F9215" t="s">
        <v>38</v>
      </c>
      <c r="G9215" t="s">
        <v>39</v>
      </c>
      <c r="H9215" t="s">
        <v>761</v>
      </c>
      <c r="I9215">
        <v>201.58</v>
      </c>
      <c r="J9215">
        <v>2</v>
      </c>
      <c r="K9215">
        <v>15.12</v>
      </c>
    </row>
    <row r="9216" spans="1:11" x14ac:dyDescent="0.3">
      <c r="A9216" s="1">
        <v>43049</v>
      </c>
      <c r="B9216" s="3">
        <f t="shared" si="286"/>
        <v>11</v>
      </c>
      <c r="C9216" s="3">
        <f t="shared" si="287"/>
        <v>2017</v>
      </c>
      <c r="D9216" t="s">
        <v>1647</v>
      </c>
      <c r="E9216" t="s">
        <v>94</v>
      </c>
      <c r="F9216" t="s">
        <v>33</v>
      </c>
      <c r="G9216" t="s">
        <v>34</v>
      </c>
      <c r="H9216" t="s">
        <v>1018</v>
      </c>
      <c r="I9216">
        <v>899.14</v>
      </c>
      <c r="J9216">
        <v>4</v>
      </c>
      <c r="K9216">
        <v>-146.11000000000001</v>
      </c>
    </row>
    <row r="9217" spans="1:11" x14ac:dyDescent="0.3">
      <c r="A9217" s="1">
        <v>43049</v>
      </c>
      <c r="B9217" s="3">
        <f t="shared" si="286"/>
        <v>11</v>
      </c>
      <c r="C9217" s="3">
        <f t="shared" si="287"/>
        <v>2017</v>
      </c>
      <c r="D9217" t="s">
        <v>482</v>
      </c>
      <c r="E9217" t="s">
        <v>148</v>
      </c>
      <c r="F9217" t="s">
        <v>10</v>
      </c>
      <c r="G9217" t="s">
        <v>19</v>
      </c>
      <c r="H9217" t="s">
        <v>692</v>
      </c>
      <c r="I9217">
        <v>931.18</v>
      </c>
      <c r="J9217">
        <v>3</v>
      </c>
      <c r="K9217">
        <v>314.27</v>
      </c>
    </row>
    <row r="9218" spans="1:11" x14ac:dyDescent="0.3">
      <c r="A9218" s="1">
        <v>43049</v>
      </c>
      <c r="B9218" s="3">
        <f t="shared" ref="B9218:B9281" si="288">MONTH(A:A)</f>
        <v>11</v>
      </c>
      <c r="C9218" s="3">
        <f t="shared" ref="C9218:C9281" si="289">YEAR(A:A)</f>
        <v>2017</v>
      </c>
      <c r="D9218" t="s">
        <v>482</v>
      </c>
      <c r="E9218" t="s">
        <v>148</v>
      </c>
      <c r="F9218" t="s">
        <v>38</v>
      </c>
      <c r="G9218" t="s">
        <v>39</v>
      </c>
      <c r="H9218" t="s">
        <v>2311</v>
      </c>
      <c r="I9218">
        <v>430.88</v>
      </c>
      <c r="J9218">
        <v>2</v>
      </c>
      <c r="K9218">
        <v>124.96</v>
      </c>
    </row>
    <row r="9219" spans="1:11" x14ac:dyDescent="0.3">
      <c r="A9219" s="1">
        <v>43049</v>
      </c>
      <c r="B9219" s="3">
        <f t="shared" si="288"/>
        <v>11</v>
      </c>
      <c r="C9219" s="3">
        <f t="shared" si="289"/>
        <v>2017</v>
      </c>
      <c r="D9219" t="s">
        <v>1945</v>
      </c>
      <c r="E9219" t="s">
        <v>9</v>
      </c>
      <c r="F9219" t="s">
        <v>33</v>
      </c>
      <c r="G9219" t="s">
        <v>46</v>
      </c>
      <c r="H9219" t="s">
        <v>1553</v>
      </c>
      <c r="I9219">
        <v>341.96</v>
      </c>
      <c r="J9219">
        <v>5</v>
      </c>
      <c r="K9219">
        <v>-427.45</v>
      </c>
    </row>
    <row r="9220" spans="1:11" x14ac:dyDescent="0.3">
      <c r="A9220" s="1">
        <v>43049</v>
      </c>
      <c r="B9220" s="3">
        <f t="shared" si="288"/>
        <v>11</v>
      </c>
      <c r="C9220" s="3">
        <f t="shared" si="289"/>
        <v>2017</v>
      </c>
      <c r="D9220" t="s">
        <v>1008</v>
      </c>
      <c r="E9220" t="s">
        <v>163</v>
      </c>
      <c r="F9220" t="s">
        <v>10</v>
      </c>
      <c r="G9220" t="s">
        <v>19</v>
      </c>
      <c r="H9220" t="s">
        <v>1958</v>
      </c>
      <c r="I9220">
        <v>26.35</v>
      </c>
      <c r="J9220">
        <v>3</v>
      </c>
      <c r="K9220">
        <v>9.5500000000000007</v>
      </c>
    </row>
    <row r="9221" spans="1:11" x14ac:dyDescent="0.3">
      <c r="A9221" s="1">
        <v>43049</v>
      </c>
      <c r="B9221" s="3">
        <f t="shared" si="288"/>
        <v>11</v>
      </c>
      <c r="C9221" s="3">
        <f t="shared" si="289"/>
        <v>2017</v>
      </c>
      <c r="D9221" t="s">
        <v>397</v>
      </c>
      <c r="E9221" t="s">
        <v>122</v>
      </c>
      <c r="F9221" t="s">
        <v>10</v>
      </c>
      <c r="G9221" t="s">
        <v>19</v>
      </c>
      <c r="H9221" t="s">
        <v>1209</v>
      </c>
      <c r="I9221">
        <v>11.52</v>
      </c>
      <c r="J9221">
        <v>5</v>
      </c>
      <c r="K9221">
        <v>-7.68</v>
      </c>
    </row>
    <row r="9222" spans="1:11" x14ac:dyDescent="0.3">
      <c r="A9222" s="1">
        <v>43049</v>
      </c>
      <c r="B9222" s="3">
        <f t="shared" si="288"/>
        <v>11</v>
      </c>
      <c r="C9222" s="3">
        <f t="shared" si="289"/>
        <v>2017</v>
      </c>
      <c r="D9222" t="s">
        <v>1845</v>
      </c>
      <c r="E9222" t="s">
        <v>26</v>
      </c>
      <c r="F9222" t="s">
        <v>10</v>
      </c>
      <c r="G9222" t="s">
        <v>23</v>
      </c>
      <c r="H9222" t="s">
        <v>565</v>
      </c>
      <c r="I9222">
        <v>7.8</v>
      </c>
      <c r="J9222">
        <v>3</v>
      </c>
      <c r="K9222">
        <v>2.11</v>
      </c>
    </row>
    <row r="9223" spans="1:11" x14ac:dyDescent="0.3">
      <c r="A9223" s="1">
        <v>43049</v>
      </c>
      <c r="B9223" s="3">
        <f t="shared" si="288"/>
        <v>11</v>
      </c>
      <c r="C9223" s="3">
        <f t="shared" si="289"/>
        <v>2017</v>
      </c>
      <c r="D9223" t="s">
        <v>903</v>
      </c>
      <c r="E9223" t="s">
        <v>163</v>
      </c>
      <c r="F9223" t="s">
        <v>10</v>
      </c>
      <c r="G9223" t="s">
        <v>91</v>
      </c>
      <c r="H9223" t="s">
        <v>2089</v>
      </c>
      <c r="I9223">
        <v>400.8</v>
      </c>
      <c r="J9223">
        <v>5</v>
      </c>
      <c r="K9223">
        <v>112.22</v>
      </c>
    </row>
    <row r="9224" spans="1:11" x14ac:dyDescent="0.3">
      <c r="A9224" s="1">
        <v>43049</v>
      </c>
      <c r="B9224" s="3">
        <f t="shared" si="288"/>
        <v>11</v>
      </c>
      <c r="C9224" s="3">
        <f t="shared" si="289"/>
        <v>2017</v>
      </c>
      <c r="D9224" t="s">
        <v>903</v>
      </c>
      <c r="E9224" t="s">
        <v>163</v>
      </c>
      <c r="F9224" t="s">
        <v>10</v>
      </c>
      <c r="G9224" t="s">
        <v>19</v>
      </c>
      <c r="H9224" t="s">
        <v>310</v>
      </c>
      <c r="I9224">
        <v>28.79</v>
      </c>
      <c r="J9224">
        <v>1</v>
      </c>
      <c r="K9224">
        <v>10.08</v>
      </c>
    </row>
    <row r="9225" spans="1:11" x14ac:dyDescent="0.3">
      <c r="A9225" s="1">
        <v>43049</v>
      </c>
      <c r="B9225" s="3">
        <f t="shared" si="288"/>
        <v>11</v>
      </c>
      <c r="C9225" s="3">
        <f t="shared" si="289"/>
        <v>2017</v>
      </c>
      <c r="D9225" t="s">
        <v>825</v>
      </c>
      <c r="E9225" t="s">
        <v>26</v>
      </c>
      <c r="F9225" t="s">
        <v>38</v>
      </c>
      <c r="G9225" t="s">
        <v>51</v>
      </c>
      <c r="H9225" t="s">
        <v>1689</v>
      </c>
      <c r="I9225">
        <v>111.79</v>
      </c>
      <c r="J9225">
        <v>7</v>
      </c>
      <c r="K9225">
        <v>43.6</v>
      </c>
    </row>
    <row r="9226" spans="1:11" x14ac:dyDescent="0.3">
      <c r="A9226" s="1">
        <v>43049</v>
      </c>
      <c r="B9226" s="3">
        <f t="shared" si="288"/>
        <v>11</v>
      </c>
      <c r="C9226" s="3">
        <f t="shared" si="289"/>
        <v>2017</v>
      </c>
      <c r="D9226" t="s">
        <v>31</v>
      </c>
      <c r="E9226" t="s">
        <v>26</v>
      </c>
      <c r="F9226" t="s">
        <v>33</v>
      </c>
      <c r="G9226" t="s">
        <v>34</v>
      </c>
      <c r="H9226" t="s">
        <v>1690</v>
      </c>
      <c r="I9226">
        <v>241.42</v>
      </c>
      <c r="J9226">
        <v>2</v>
      </c>
      <c r="K9226">
        <v>-36.21</v>
      </c>
    </row>
    <row r="9227" spans="1:11" x14ac:dyDescent="0.3">
      <c r="A9227" s="1">
        <v>43050</v>
      </c>
      <c r="B9227" s="3">
        <f t="shared" si="288"/>
        <v>11</v>
      </c>
      <c r="C9227" s="3">
        <f t="shared" si="289"/>
        <v>2017</v>
      </c>
      <c r="D9227" t="s">
        <v>682</v>
      </c>
      <c r="E9227" t="s">
        <v>9</v>
      </c>
      <c r="F9227" t="s">
        <v>10</v>
      </c>
      <c r="G9227" t="s">
        <v>15</v>
      </c>
      <c r="H9227" t="s">
        <v>1631</v>
      </c>
      <c r="I9227">
        <v>10.44</v>
      </c>
      <c r="J9227">
        <v>5</v>
      </c>
      <c r="K9227">
        <v>3.39</v>
      </c>
    </row>
    <row r="9228" spans="1:11" x14ac:dyDescent="0.3">
      <c r="A9228" s="1">
        <v>43050</v>
      </c>
      <c r="B9228" s="3">
        <f t="shared" si="288"/>
        <v>11</v>
      </c>
      <c r="C9228" s="3">
        <f t="shared" si="289"/>
        <v>2017</v>
      </c>
      <c r="D9228" t="s">
        <v>682</v>
      </c>
      <c r="E9228" t="s">
        <v>9</v>
      </c>
      <c r="F9228" t="s">
        <v>10</v>
      </c>
      <c r="G9228" t="s">
        <v>19</v>
      </c>
      <c r="H9228" t="s">
        <v>2217</v>
      </c>
      <c r="I9228">
        <v>18.34</v>
      </c>
      <c r="J9228">
        <v>4</v>
      </c>
      <c r="K9228">
        <v>-32.090000000000003</v>
      </c>
    </row>
    <row r="9229" spans="1:11" x14ac:dyDescent="0.3">
      <c r="A9229" s="1">
        <v>43050</v>
      </c>
      <c r="B9229" s="3">
        <f t="shared" si="288"/>
        <v>11</v>
      </c>
      <c r="C9229" s="3">
        <f t="shared" si="289"/>
        <v>2017</v>
      </c>
      <c r="D9229" t="s">
        <v>2579</v>
      </c>
      <c r="E9229" t="s">
        <v>77</v>
      </c>
      <c r="F9229" t="s">
        <v>10</v>
      </c>
      <c r="G9229" t="s">
        <v>11</v>
      </c>
      <c r="H9229" t="s">
        <v>2107</v>
      </c>
      <c r="I9229">
        <v>10.37</v>
      </c>
      <c r="J9229">
        <v>2</v>
      </c>
      <c r="K9229">
        <v>3.63</v>
      </c>
    </row>
    <row r="9230" spans="1:11" x14ac:dyDescent="0.3">
      <c r="A9230" s="1">
        <v>43050</v>
      </c>
      <c r="B9230" s="3">
        <f t="shared" si="288"/>
        <v>11</v>
      </c>
      <c r="C9230" s="3">
        <f t="shared" si="289"/>
        <v>2017</v>
      </c>
      <c r="D9230" t="s">
        <v>184</v>
      </c>
      <c r="E9230" t="s">
        <v>26</v>
      </c>
      <c r="F9230" t="s">
        <v>10</v>
      </c>
      <c r="G9230" t="s">
        <v>91</v>
      </c>
      <c r="H9230" t="s">
        <v>332</v>
      </c>
      <c r="I9230">
        <v>10.89</v>
      </c>
      <c r="J9230">
        <v>1</v>
      </c>
      <c r="K9230">
        <v>2.83</v>
      </c>
    </row>
    <row r="9231" spans="1:11" x14ac:dyDescent="0.3">
      <c r="A9231" s="1">
        <v>43050</v>
      </c>
      <c r="B9231" s="3">
        <f t="shared" si="288"/>
        <v>11</v>
      </c>
      <c r="C9231" s="3">
        <f t="shared" si="289"/>
        <v>2017</v>
      </c>
      <c r="D9231" t="s">
        <v>184</v>
      </c>
      <c r="E9231" t="s">
        <v>26</v>
      </c>
      <c r="F9231" t="s">
        <v>10</v>
      </c>
      <c r="G9231" t="s">
        <v>11</v>
      </c>
      <c r="H9231" t="s">
        <v>2385</v>
      </c>
      <c r="I9231">
        <v>19.440000000000001</v>
      </c>
      <c r="J9231">
        <v>3</v>
      </c>
      <c r="K9231">
        <v>9.33</v>
      </c>
    </row>
    <row r="9232" spans="1:11" x14ac:dyDescent="0.3">
      <c r="A9232" s="1">
        <v>43050</v>
      </c>
      <c r="B9232" s="3">
        <f t="shared" si="288"/>
        <v>11</v>
      </c>
      <c r="C9232" s="3">
        <f t="shared" si="289"/>
        <v>2017</v>
      </c>
      <c r="D9232" t="s">
        <v>184</v>
      </c>
      <c r="E9232" t="s">
        <v>26</v>
      </c>
      <c r="F9232" t="s">
        <v>10</v>
      </c>
      <c r="G9232" t="s">
        <v>19</v>
      </c>
      <c r="H9232" t="s">
        <v>700</v>
      </c>
      <c r="I9232">
        <v>121.6</v>
      </c>
      <c r="J9232">
        <v>5</v>
      </c>
      <c r="K9232">
        <v>39.520000000000003</v>
      </c>
    </row>
    <row r="9233" spans="1:11" x14ac:dyDescent="0.3">
      <c r="A9233" s="1">
        <v>43050</v>
      </c>
      <c r="B9233" s="3">
        <f t="shared" si="288"/>
        <v>11</v>
      </c>
      <c r="C9233" s="3">
        <f t="shared" si="289"/>
        <v>2017</v>
      </c>
      <c r="D9233" t="s">
        <v>914</v>
      </c>
      <c r="E9233" t="s">
        <v>109</v>
      </c>
      <c r="F9233" t="s">
        <v>10</v>
      </c>
      <c r="G9233" t="s">
        <v>23</v>
      </c>
      <c r="H9233" t="s">
        <v>2681</v>
      </c>
      <c r="I9233">
        <v>181.86</v>
      </c>
      <c r="J9233">
        <v>7</v>
      </c>
      <c r="K9233">
        <v>50.92</v>
      </c>
    </row>
    <row r="9234" spans="1:11" x14ac:dyDescent="0.3">
      <c r="A9234" s="1">
        <v>43050</v>
      </c>
      <c r="B9234" s="3">
        <f t="shared" si="288"/>
        <v>11</v>
      </c>
      <c r="C9234" s="3">
        <f t="shared" si="289"/>
        <v>2017</v>
      </c>
      <c r="D9234" t="s">
        <v>1562</v>
      </c>
      <c r="E9234" t="s">
        <v>394</v>
      </c>
      <c r="F9234" t="s">
        <v>10</v>
      </c>
      <c r="G9234" t="s">
        <v>42</v>
      </c>
      <c r="H9234" t="s">
        <v>1108</v>
      </c>
      <c r="I9234">
        <v>45.92</v>
      </c>
      <c r="J9234">
        <v>4</v>
      </c>
      <c r="K9234">
        <v>21.58</v>
      </c>
    </row>
    <row r="9235" spans="1:11" x14ac:dyDescent="0.3">
      <c r="A9235" s="1">
        <v>43050</v>
      </c>
      <c r="B9235" s="3">
        <f t="shared" si="288"/>
        <v>11</v>
      </c>
      <c r="C9235" s="3">
        <f t="shared" si="289"/>
        <v>2017</v>
      </c>
      <c r="D9235" t="s">
        <v>2099</v>
      </c>
      <c r="E9235" t="s">
        <v>156</v>
      </c>
      <c r="F9235" t="s">
        <v>10</v>
      </c>
      <c r="G9235" t="s">
        <v>19</v>
      </c>
      <c r="H9235" t="s">
        <v>1201</v>
      </c>
      <c r="I9235">
        <v>18.239999999999998</v>
      </c>
      <c r="J9235">
        <v>3</v>
      </c>
      <c r="K9235">
        <v>8.57</v>
      </c>
    </row>
    <row r="9236" spans="1:11" x14ac:dyDescent="0.3">
      <c r="A9236" s="1">
        <v>43050</v>
      </c>
      <c r="B9236" s="3">
        <f t="shared" si="288"/>
        <v>11</v>
      </c>
      <c r="C9236" s="3">
        <f t="shared" si="289"/>
        <v>2017</v>
      </c>
      <c r="D9236" t="s">
        <v>2318</v>
      </c>
      <c r="E9236" t="s">
        <v>148</v>
      </c>
      <c r="F9236" t="s">
        <v>10</v>
      </c>
      <c r="G9236" t="s">
        <v>17</v>
      </c>
      <c r="H9236" t="s">
        <v>2639</v>
      </c>
      <c r="I9236">
        <v>35.479999999999997</v>
      </c>
      <c r="J9236">
        <v>1</v>
      </c>
      <c r="K9236">
        <v>0</v>
      </c>
    </row>
    <row r="9237" spans="1:11" x14ac:dyDescent="0.3">
      <c r="A9237" s="1">
        <v>43050</v>
      </c>
      <c r="B9237" s="3">
        <f t="shared" si="288"/>
        <v>11</v>
      </c>
      <c r="C9237" s="3">
        <f t="shared" si="289"/>
        <v>2017</v>
      </c>
      <c r="D9237" t="s">
        <v>2102</v>
      </c>
      <c r="E9237" t="s">
        <v>122</v>
      </c>
      <c r="F9237" t="s">
        <v>10</v>
      </c>
      <c r="G9237" t="s">
        <v>91</v>
      </c>
      <c r="H9237" t="s">
        <v>1852</v>
      </c>
      <c r="I9237">
        <v>1158.1199999999999</v>
      </c>
      <c r="J9237">
        <v>5</v>
      </c>
      <c r="K9237">
        <v>130.29</v>
      </c>
    </row>
    <row r="9238" spans="1:11" x14ac:dyDescent="0.3">
      <c r="A9238" s="1">
        <v>43050</v>
      </c>
      <c r="B9238" s="3">
        <f t="shared" si="288"/>
        <v>11</v>
      </c>
      <c r="C9238" s="3">
        <f t="shared" si="289"/>
        <v>2017</v>
      </c>
      <c r="D9238" t="s">
        <v>920</v>
      </c>
      <c r="E9238" t="s">
        <v>119</v>
      </c>
      <c r="F9238" t="s">
        <v>33</v>
      </c>
      <c r="G9238" t="s">
        <v>46</v>
      </c>
      <c r="H9238" t="s">
        <v>1793</v>
      </c>
      <c r="I9238">
        <v>88.92</v>
      </c>
      <c r="J9238">
        <v>5</v>
      </c>
      <c r="K9238">
        <v>14.45</v>
      </c>
    </row>
    <row r="9239" spans="1:11" x14ac:dyDescent="0.3">
      <c r="A9239" s="1">
        <v>43050</v>
      </c>
      <c r="B9239" s="3">
        <f t="shared" si="288"/>
        <v>11</v>
      </c>
      <c r="C9239" s="3">
        <f t="shared" si="289"/>
        <v>2017</v>
      </c>
      <c r="D9239" t="s">
        <v>1845</v>
      </c>
      <c r="E9239" t="s">
        <v>26</v>
      </c>
      <c r="F9239" t="s">
        <v>33</v>
      </c>
      <c r="G9239" t="s">
        <v>46</v>
      </c>
      <c r="H9239" t="s">
        <v>590</v>
      </c>
      <c r="I9239">
        <v>34.92</v>
      </c>
      <c r="J9239">
        <v>4</v>
      </c>
      <c r="K9239">
        <v>11.87</v>
      </c>
    </row>
    <row r="9240" spans="1:11" x14ac:dyDescent="0.3">
      <c r="A9240" s="1">
        <v>43050</v>
      </c>
      <c r="B9240" s="3">
        <f t="shared" si="288"/>
        <v>11</v>
      </c>
      <c r="C9240" s="3">
        <f t="shared" si="289"/>
        <v>2017</v>
      </c>
      <c r="D9240" t="s">
        <v>634</v>
      </c>
      <c r="E9240" t="s">
        <v>9</v>
      </c>
      <c r="F9240" t="s">
        <v>38</v>
      </c>
      <c r="G9240" t="s">
        <v>39</v>
      </c>
      <c r="H9240" t="s">
        <v>2005</v>
      </c>
      <c r="I9240">
        <v>35.18</v>
      </c>
      <c r="J9240">
        <v>2</v>
      </c>
      <c r="K9240">
        <v>12.31</v>
      </c>
    </row>
    <row r="9241" spans="1:11" x14ac:dyDescent="0.3">
      <c r="A9241" s="1">
        <v>43050</v>
      </c>
      <c r="B9241" s="3">
        <f t="shared" si="288"/>
        <v>11</v>
      </c>
      <c r="C9241" s="3">
        <f t="shared" si="289"/>
        <v>2017</v>
      </c>
      <c r="D9241" t="s">
        <v>1616</v>
      </c>
      <c r="E9241" t="s">
        <v>139</v>
      </c>
      <c r="F9241" t="s">
        <v>10</v>
      </c>
      <c r="G9241" t="s">
        <v>199</v>
      </c>
      <c r="H9241" t="s">
        <v>1153</v>
      </c>
      <c r="I9241">
        <v>25.5</v>
      </c>
      <c r="J9241">
        <v>3</v>
      </c>
      <c r="K9241">
        <v>6.63</v>
      </c>
    </row>
    <row r="9242" spans="1:11" x14ac:dyDescent="0.3">
      <c r="A9242" s="1">
        <v>43051</v>
      </c>
      <c r="B9242" s="3">
        <f t="shared" si="288"/>
        <v>11</v>
      </c>
      <c r="C9242" s="3">
        <f t="shared" si="289"/>
        <v>2017</v>
      </c>
      <c r="D9242" t="s">
        <v>2052</v>
      </c>
      <c r="E9242" t="s">
        <v>26</v>
      </c>
      <c r="F9242" t="s">
        <v>10</v>
      </c>
      <c r="G9242" t="s">
        <v>11</v>
      </c>
      <c r="H9242" t="s">
        <v>1590</v>
      </c>
      <c r="I9242">
        <v>10.56</v>
      </c>
      <c r="J9242">
        <v>2</v>
      </c>
      <c r="K9242">
        <v>4.75</v>
      </c>
    </row>
    <row r="9243" spans="1:11" x14ac:dyDescent="0.3">
      <c r="A9243" s="1">
        <v>43051</v>
      </c>
      <c r="B9243" s="3">
        <f t="shared" si="288"/>
        <v>11</v>
      </c>
      <c r="C9243" s="3">
        <f t="shared" si="289"/>
        <v>2017</v>
      </c>
      <c r="D9243" t="s">
        <v>921</v>
      </c>
      <c r="E9243" t="s">
        <v>148</v>
      </c>
      <c r="F9243" t="s">
        <v>10</v>
      </c>
      <c r="G9243" t="s">
        <v>19</v>
      </c>
      <c r="H9243" t="s">
        <v>1385</v>
      </c>
      <c r="I9243">
        <v>15.92</v>
      </c>
      <c r="J9243">
        <v>5</v>
      </c>
      <c r="K9243">
        <v>5.37</v>
      </c>
    </row>
    <row r="9244" spans="1:11" x14ac:dyDescent="0.3">
      <c r="A9244" s="1">
        <v>43051</v>
      </c>
      <c r="B9244" s="3">
        <f t="shared" si="288"/>
        <v>11</v>
      </c>
      <c r="C9244" s="3">
        <f t="shared" si="289"/>
        <v>2017</v>
      </c>
      <c r="D9244" t="s">
        <v>1686</v>
      </c>
      <c r="E9244" t="s">
        <v>9</v>
      </c>
      <c r="F9244" t="s">
        <v>10</v>
      </c>
      <c r="G9244" t="s">
        <v>11</v>
      </c>
      <c r="H9244" t="s">
        <v>1960</v>
      </c>
      <c r="I9244">
        <v>16.059999999999999</v>
      </c>
      <c r="J9244">
        <v>3</v>
      </c>
      <c r="K9244">
        <v>5.82</v>
      </c>
    </row>
    <row r="9245" spans="1:11" x14ac:dyDescent="0.3">
      <c r="A9245" s="1">
        <v>43051</v>
      </c>
      <c r="B9245" s="3">
        <f t="shared" si="288"/>
        <v>11</v>
      </c>
      <c r="C9245" s="3">
        <f t="shared" si="289"/>
        <v>2017</v>
      </c>
      <c r="D9245" t="s">
        <v>1686</v>
      </c>
      <c r="E9245" t="s">
        <v>9</v>
      </c>
      <c r="F9245" t="s">
        <v>10</v>
      </c>
      <c r="G9245" t="s">
        <v>11</v>
      </c>
      <c r="H9245" t="s">
        <v>1441</v>
      </c>
      <c r="I9245">
        <v>223.06</v>
      </c>
      <c r="J9245">
        <v>9</v>
      </c>
      <c r="K9245">
        <v>69.709999999999994</v>
      </c>
    </row>
    <row r="9246" spans="1:11" x14ac:dyDescent="0.3">
      <c r="A9246" s="1">
        <v>43051</v>
      </c>
      <c r="B9246" s="3">
        <f t="shared" si="288"/>
        <v>11</v>
      </c>
      <c r="C9246" s="3">
        <f t="shared" si="289"/>
        <v>2017</v>
      </c>
      <c r="D9246" t="s">
        <v>1686</v>
      </c>
      <c r="E9246" t="s">
        <v>9</v>
      </c>
      <c r="F9246" t="s">
        <v>10</v>
      </c>
      <c r="G9246" t="s">
        <v>17</v>
      </c>
      <c r="H9246" t="s">
        <v>1571</v>
      </c>
      <c r="I9246">
        <v>540.04999999999995</v>
      </c>
      <c r="J9246">
        <v>3</v>
      </c>
      <c r="K9246">
        <v>-47.25</v>
      </c>
    </row>
    <row r="9247" spans="1:11" x14ac:dyDescent="0.3">
      <c r="A9247" s="1">
        <v>43051</v>
      </c>
      <c r="B9247" s="3">
        <f t="shared" si="288"/>
        <v>11</v>
      </c>
      <c r="C9247" s="3">
        <f t="shared" si="289"/>
        <v>2017</v>
      </c>
      <c r="D9247" t="s">
        <v>1695</v>
      </c>
      <c r="E9247" t="s">
        <v>77</v>
      </c>
      <c r="F9247" t="s">
        <v>38</v>
      </c>
      <c r="G9247" t="s">
        <v>39</v>
      </c>
      <c r="H9247" t="s">
        <v>2560</v>
      </c>
      <c r="I9247">
        <v>370.78</v>
      </c>
      <c r="J9247">
        <v>3</v>
      </c>
      <c r="K9247">
        <v>-92.7</v>
      </c>
    </row>
    <row r="9248" spans="1:11" x14ac:dyDescent="0.3">
      <c r="A9248" s="1">
        <v>43051</v>
      </c>
      <c r="B9248" s="3">
        <f t="shared" si="288"/>
        <v>11</v>
      </c>
      <c r="C9248" s="3">
        <f t="shared" si="289"/>
        <v>2017</v>
      </c>
      <c r="D9248" t="s">
        <v>970</v>
      </c>
      <c r="E9248" t="s">
        <v>94</v>
      </c>
      <c r="F9248" t="s">
        <v>38</v>
      </c>
      <c r="G9248" t="s">
        <v>51</v>
      </c>
      <c r="H9248" t="s">
        <v>52</v>
      </c>
      <c r="I9248">
        <v>41.6</v>
      </c>
      <c r="J9248">
        <v>4</v>
      </c>
      <c r="K9248">
        <v>13</v>
      </c>
    </row>
    <row r="9249" spans="1:11" x14ac:dyDescent="0.3">
      <c r="A9249" s="1">
        <v>43051</v>
      </c>
      <c r="B9249" s="3">
        <f t="shared" si="288"/>
        <v>11</v>
      </c>
      <c r="C9249" s="3">
        <f t="shared" si="289"/>
        <v>2017</v>
      </c>
      <c r="D9249" t="s">
        <v>970</v>
      </c>
      <c r="E9249" t="s">
        <v>94</v>
      </c>
      <c r="F9249" t="s">
        <v>10</v>
      </c>
      <c r="G9249" t="s">
        <v>11</v>
      </c>
      <c r="H9249" t="s">
        <v>1178</v>
      </c>
      <c r="I9249">
        <v>23.12</v>
      </c>
      <c r="J9249">
        <v>5</v>
      </c>
      <c r="K9249">
        <v>8.3800000000000008</v>
      </c>
    </row>
    <row r="9250" spans="1:11" x14ac:dyDescent="0.3">
      <c r="A9250" s="1">
        <v>43051</v>
      </c>
      <c r="B9250" s="3">
        <f t="shared" si="288"/>
        <v>11</v>
      </c>
      <c r="C9250" s="3">
        <f t="shared" si="289"/>
        <v>2017</v>
      </c>
      <c r="D9250" t="s">
        <v>970</v>
      </c>
      <c r="E9250" t="s">
        <v>94</v>
      </c>
      <c r="F9250" t="s">
        <v>33</v>
      </c>
      <c r="G9250" t="s">
        <v>34</v>
      </c>
      <c r="H9250" t="s">
        <v>1820</v>
      </c>
      <c r="I9250">
        <v>113.89</v>
      </c>
      <c r="J9250">
        <v>2</v>
      </c>
      <c r="K9250">
        <v>9.9700000000000006</v>
      </c>
    </row>
    <row r="9251" spans="1:11" x14ac:dyDescent="0.3">
      <c r="A9251" s="1">
        <v>43051</v>
      </c>
      <c r="B9251" s="3">
        <f t="shared" si="288"/>
        <v>11</v>
      </c>
      <c r="C9251" s="3">
        <f t="shared" si="289"/>
        <v>2017</v>
      </c>
      <c r="D9251" t="s">
        <v>970</v>
      </c>
      <c r="E9251" t="s">
        <v>94</v>
      </c>
      <c r="F9251" t="s">
        <v>33</v>
      </c>
      <c r="G9251" t="s">
        <v>46</v>
      </c>
      <c r="H9251" t="s">
        <v>2177</v>
      </c>
      <c r="I9251">
        <v>113.57</v>
      </c>
      <c r="J9251">
        <v>2</v>
      </c>
      <c r="K9251">
        <v>-5.68</v>
      </c>
    </row>
    <row r="9252" spans="1:11" x14ac:dyDescent="0.3">
      <c r="A9252" s="1">
        <v>43051</v>
      </c>
      <c r="B9252" s="3">
        <f t="shared" si="288"/>
        <v>11</v>
      </c>
      <c r="C9252" s="3">
        <f t="shared" si="289"/>
        <v>2017</v>
      </c>
      <c r="D9252" t="s">
        <v>970</v>
      </c>
      <c r="E9252" t="s">
        <v>94</v>
      </c>
      <c r="F9252" t="s">
        <v>38</v>
      </c>
      <c r="G9252" t="s">
        <v>39</v>
      </c>
      <c r="H9252" t="s">
        <v>1998</v>
      </c>
      <c r="I9252">
        <v>7.92</v>
      </c>
      <c r="J9252">
        <v>2</v>
      </c>
      <c r="K9252">
        <v>0.69</v>
      </c>
    </row>
    <row r="9253" spans="1:11" x14ac:dyDescent="0.3">
      <c r="A9253" s="1">
        <v>43051</v>
      </c>
      <c r="B9253" s="3">
        <f t="shared" si="288"/>
        <v>11</v>
      </c>
      <c r="C9253" s="3">
        <f t="shared" si="289"/>
        <v>2017</v>
      </c>
      <c r="D9253" t="s">
        <v>970</v>
      </c>
      <c r="E9253" t="s">
        <v>94</v>
      </c>
      <c r="F9253" t="s">
        <v>38</v>
      </c>
      <c r="G9253" t="s">
        <v>39</v>
      </c>
      <c r="H9253" t="s">
        <v>587</v>
      </c>
      <c r="I9253">
        <v>671.98</v>
      </c>
      <c r="J9253">
        <v>2</v>
      </c>
      <c r="K9253">
        <v>50.4</v>
      </c>
    </row>
    <row r="9254" spans="1:11" x14ac:dyDescent="0.3">
      <c r="A9254" s="1">
        <v>43051</v>
      </c>
      <c r="B9254" s="3">
        <f t="shared" si="288"/>
        <v>11</v>
      </c>
      <c r="C9254" s="3">
        <f t="shared" si="289"/>
        <v>2017</v>
      </c>
      <c r="D9254" t="s">
        <v>1496</v>
      </c>
      <c r="E9254" t="s">
        <v>9</v>
      </c>
      <c r="F9254" t="s">
        <v>10</v>
      </c>
      <c r="G9254" t="s">
        <v>19</v>
      </c>
      <c r="H9254" t="s">
        <v>161</v>
      </c>
      <c r="I9254">
        <v>30.56</v>
      </c>
      <c r="J9254">
        <v>5</v>
      </c>
      <c r="K9254">
        <v>-45.84</v>
      </c>
    </row>
    <row r="9255" spans="1:11" x14ac:dyDescent="0.3">
      <c r="A9255" s="1">
        <v>43051</v>
      </c>
      <c r="B9255" s="3">
        <f t="shared" si="288"/>
        <v>11</v>
      </c>
      <c r="C9255" s="3">
        <f t="shared" si="289"/>
        <v>2017</v>
      </c>
      <c r="D9255" t="s">
        <v>1496</v>
      </c>
      <c r="E9255" t="s">
        <v>9</v>
      </c>
      <c r="F9255" t="s">
        <v>10</v>
      </c>
      <c r="G9255" t="s">
        <v>17</v>
      </c>
      <c r="H9255" t="s">
        <v>191</v>
      </c>
      <c r="I9255">
        <v>77.95</v>
      </c>
      <c r="J9255">
        <v>3</v>
      </c>
      <c r="K9255">
        <v>-15.59</v>
      </c>
    </row>
    <row r="9256" spans="1:11" x14ac:dyDescent="0.3">
      <c r="A9256" s="1">
        <v>43051</v>
      </c>
      <c r="B9256" s="3">
        <f t="shared" si="288"/>
        <v>11</v>
      </c>
      <c r="C9256" s="3">
        <f t="shared" si="289"/>
        <v>2017</v>
      </c>
      <c r="D9256" t="s">
        <v>1496</v>
      </c>
      <c r="E9256" t="s">
        <v>9</v>
      </c>
      <c r="F9256" t="s">
        <v>38</v>
      </c>
      <c r="G9256" t="s">
        <v>39</v>
      </c>
      <c r="H9256" t="s">
        <v>1877</v>
      </c>
      <c r="I9256">
        <v>67.989999999999995</v>
      </c>
      <c r="J9256">
        <v>1</v>
      </c>
      <c r="K9256">
        <v>8.5</v>
      </c>
    </row>
    <row r="9257" spans="1:11" x14ac:dyDescent="0.3">
      <c r="A9257" s="1">
        <v>43051</v>
      </c>
      <c r="B9257" s="3">
        <f t="shared" si="288"/>
        <v>11</v>
      </c>
      <c r="C9257" s="3">
        <f t="shared" si="289"/>
        <v>2017</v>
      </c>
      <c r="D9257" t="s">
        <v>1496</v>
      </c>
      <c r="E9257" t="s">
        <v>9</v>
      </c>
      <c r="F9257" t="s">
        <v>10</v>
      </c>
      <c r="G9257" t="s">
        <v>62</v>
      </c>
      <c r="H9257" t="s">
        <v>1443</v>
      </c>
      <c r="I9257">
        <v>12.22</v>
      </c>
      <c r="J9257">
        <v>2</v>
      </c>
      <c r="K9257">
        <v>4.43</v>
      </c>
    </row>
    <row r="9258" spans="1:11" x14ac:dyDescent="0.3">
      <c r="A9258" s="1">
        <v>43051</v>
      </c>
      <c r="B9258" s="3">
        <f t="shared" si="288"/>
        <v>11</v>
      </c>
      <c r="C9258" s="3">
        <f t="shared" si="289"/>
        <v>2017</v>
      </c>
      <c r="D9258" t="s">
        <v>1496</v>
      </c>
      <c r="E9258" t="s">
        <v>9</v>
      </c>
      <c r="F9258" t="s">
        <v>38</v>
      </c>
      <c r="G9258" t="s">
        <v>51</v>
      </c>
      <c r="H9258" t="s">
        <v>1525</v>
      </c>
      <c r="I9258">
        <v>44.78</v>
      </c>
      <c r="J9258">
        <v>2</v>
      </c>
      <c r="K9258">
        <v>-0.56000000000000005</v>
      </c>
    </row>
    <row r="9259" spans="1:11" x14ac:dyDescent="0.3">
      <c r="A9259" s="1">
        <v>43051</v>
      </c>
      <c r="B9259" s="3">
        <f t="shared" si="288"/>
        <v>11</v>
      </c>
      <c r="C9259" s="3">
        <f t="shared" si="289"/>
        <v>2017</v>
      </c>
      <c r="D9259" t="s">
        <v>1496</v>
      </c>
      <c r="E9259" t="s">
        <v>9</v>
      </c>
      <c r="F9259" t="s">
        <v>33</v>
      </c>
      <c r="G9259" t="s">
        <v>46</v>
      </c>
      <c r="H9259" t="s">
        <v>308</v>
      </c>
      <c r="I9259">
        <v>22.85</v>
      </c>
      <c r="J9259">
        <v>3</v>
      </c>
      <c r="K9259">
        <v>-17.71</v>
      </c>
    </row>
    <row r="9260" spans="1:11" x14ac:dyDescent="0.3">
      <c r="A9260" s="1">
        <v>43051</v>
      </c>
      <c r="B9260" s="3">
        <f t="shared" si="288"/>
        <v>11</v>
      </c>
      <c r="C9260" s="3">
        <f t="shared" si="289"/>
        <v>2017</v>
      </c>
      <c r="D9260" t="s">
        <v>1501</v>
      </c>
      <c r="E9260" t="s">
        <v>77</v>
      </c>
      <c r="F9260" t="s">
        <v>10</v>
      </c>
      <c r="G9260" t="s">
        <v>11</v>
      </c>
      <c r="H9260" t="s">
        <v>2647</v>
      </c>
      <c r="I9260">
        <v>10.85</v>
      </c>
      <c r="J9260">
        <v>2</v>
      </c>
      <c r="K9260">
        <v>3.53</v>
      </c>
    </row>
    <row r="9261" spans="1:11" x14ac:dyDescent="0.3">
      <c r="A9261" s="1">
        <v>43051</v>
      </c>
      <c r="B9261" s="3">
        <f t="shared" si="288"/>
        <v>11</v>
      </c>
      <c r="C9261" s="3">
        <f t="shared" si="289"/>
        <v>2017</v>
      </c>
      <c r="D9261" t="s">
        <v>1501</v>
      </c>
      <c r="E9261" t="s">
        <v>77</v>
      </c>
      <c r="F9261" t="s">
        <v>38</v>
      </c>
      <c r="G9261" t="s">
        <v>51</v>
      </c>
      <c r="H9261" t="s">
        <v>1878</v>
      </c>
      <c r="I9261">
        <v>18.54</v>
      </c>
      <c r="J9261">
        <v>2</v>
      </c>
      <c r="K9261">
        <v>3.01</v>
      </c>
    </row>
    <row r="9262" spans="1:11" x14ac:dyDescent="0.3">
      <c r="A9262" s="1">
        <v>43051</v>
      </c>
      <c r="B9262" s="3">
        <f t="shared" si="288"/>
        <v>11</v>
      </c>
      <c r="C9262" s="3">
        <f t="shared" si="289"/>
        <v>2017</v>
      </c>
      <c r="D9262" t="s">
        <v>1121</v>
      </c>
      <c r="E9262" t="s">
        <v>163</v>
      </c>
      <c r="F9262" t="s">
        <v>10</v>
      </c>
      <c r="G9262" t="s">
        <v>15</v>
      </c>
      <c r="H9262" t="s">
        <v>187</v>
      </c>
      <c r="I9262">
        <v>9.9600000000000009</v>
      </c>
      <c r="J9262">
        <v>2</v>
      </c>
      <c r="K9262">
        <v>4.58</v>
      </c>
    </row>
    <row r="9263" spans="1:11" x14ac:dyDescent="0.3">
      <c r="A9263" s="1">
        <v>43051</v>
      </c>
      <c r="B9263" s="3">
        <f t="shared" si="288"/>
        <v>11</v>
      </c>
      <c r="C9263" s="3">
        <f t="shared" si="289"/>
        <v>2017</v>
      </c>
      <c r="D9263" t="s">
        <v>1121</v>
      </c>
      <c r="E9263" t="s">
        <v>163</v>
      </c>
      <c r="F9263" t="s">
        <v>10</v>
      </c>
      <c r="G9263" t="s">
        <v>23</v>
      </c>
      <c r="H9263" t="s">
        <v>2435</v>
      </c>
      <c r="I9263">
        <v>9.2100000000000009</v>
      </c>
      <c r="J9263">
        <v>3</v>
      </c>
      <c r="K9263">
        <v>2.2999999999999998</v>
      </c>
    </row>
    <row r="9264" spans="1:11" x14ac:dyDescent="0.3">
      <c r="A9264" s="1">
        <v>43051</v>
      </c>
      <c r="B9264" s="3">
        <f t="shared" si="288"/>
        <v>11</v>
      </c>
      <c r="C9264" s="3">
        <f t="shared" si="289"/>
        <v>2017</v>
      </c>
      <c r="D9264" t="s">
        <v>1121</v>
      </c>
      <c r="E9264" t="s">
        <v>163</v>
      </c>
      <c r="F9264" t="s">
        <v>10</v>
      </c>
      <c r="G9264" t="s">
        <v>199</v>
      </c>
      <c r="H9264" t="s">
        <v>261</v>
      </c>
      <c r="I9264">
        <v>27.93</v>
      </c>
      <c r="J9264">
        <v>3</v>
      </c>
      <c r="K9264">
        <v>8.1</v>
      </c>
    </row>
    <row r="9265" spans="1:11" x14ac:dyDescent="0.3">
      <c r="A9265" s="1">
        <v>43051</v>
      </c>
      <c r="B9265" s="3">
        <f t="shared" si="288"/>
        <v>11</v>
      </c>
      <c r="C9265" s="3">
        <f t="shared" si="289"/>
        <v>2017</v>
      </c>
      <c r="D9265" t="s">
        <v>1465</v>
      </c>
      <c r="E9265" t="s">
        <v>26</v>
      </c>
      <c r="F9265" t="s">
        <v>10</v>
      </c>
      <c r="G9265" t="s">
        <v>19</v>
      </c>
      <c r="H9265" t="s">
        <v>1379</v>
      </c>
      <c r="I9265">
        <v>14.02</v>
      </c>
      <c r="J9265">
        <v>4</v>
      </c>
      <c r="K9265">
        <v>4.91</v>
      </c>
    </row>
    <row r="9266" spans="1:11" x14ac:dyDescent="0.3">
      <c r="A9266" s="1">
        <v>43051</v>
      </c>
      <c r="B9266" s="3">
        <f t="shared" si="288"/>
        <v>11</v>
      </c>
      <c r="C9266" s="3">
        <f t="shared" si="289"/>
        <v>2017</v>
      </c>
      <c r="D9266" t="s">
        <v>1083</v>
      </c>
      <c r="E9266" t="s">
        <v>163</v>
      </c>
      <c r="F9266" t="s">
        <v>10</v>
      </c>
      <c r="G9266" t="s">
        <v>42</v>
      </c>
      <c r="H9266" t="s">
        <v>159</v>
      </c>
      <c r="I9266">
        <v>18.239999999999998</v>
      </c>
      <c r="J9266">
        <v>3</v>
      </c>
      <c r="K9266">
        <v>9.1199999999999992</v>
      </c>
    </row>
    <row r="9267" spans="1:11" x14ac:dyDescent="0.3">
      <c r="A9267" s="1">
        <v>43051</v>
      </c>
      <c r="B9267" s="3">
        <f t="shared" si="288"/>
        <v>11</v>
      </c>
      <c r="C9267" s="3">
        <f t="shared" si="289"/>
        <v>2017</v>
      </c>
      <c r="D9267" t="s">
        <v>1083</v>
      </c>
      <c r="E9267" t="s">
        <v>163</v>
      </c>
      <c r="F9267" t="s">
        <v>10</v>
      </c>
      <c r="G9267" t="s">
        <v>91</v>
      </c>
      <c r="H9267" t="s">
        <v>1079</v>
      </c>
      <c r="I9267">
        <v>76.12</v>
      </c>
      <c r="J9267">
        <v>2</v>
      </c>
      <c r="K9267">
        <v>22.07</v>
      </c>
    </row>
    <row r="9268" spans="1:11" x14ac:dyDescent="0.3">
      <c r="A9268" s="1">
        <v>43051</v>
      </c>
      <c r="B9268" s="3">
        <f t="shared" si="288"/>
        <v>11</v>
      </c>
      <c r="C9268" s="3">
        <f t="shared" si="289"/>
        <v>2017</v>
      </c>
      <c r="D9268" t="s">
        <v>2572</v>
      </c>
      <c r="E9268" t="s">
        <v>122</v>
      </c>
      <c r="F9268" t="s">
        <v>10</v>
      </c>
      <c r="G9268" t="s">
        <v>11</v>
      </c>
      <c r="H9268" t="s">
        <v>2599</v>
      </c>
      <c r="I9268">
        <v>26.72</v>
      </c>
      <c r="J9268">
        <v>5</v>
      </c>
      <c r="K9268">
        <v>9.35</v>
      </c>
    </row>
    <row r="9269" spans="1:11" x14ac:dyDescent="0.3">
      <c r="A9269" s="1">
        <v>43051</v>
      </c>
      <c r="B9269" s="3">
        <f t="shared" si="288"/>
        <v>11</v>
      </c>
      <c r="C9269" s="3">
        <f t="shared" si="289"/>
        <v>2017</v>
      </c>
      <c r="D9269" t="s">
        <v>1130</v>
      </c>
      <c r="E9269" t="s">
        <v>94</v>
      </c>
      <c r="F9269" t="s">
        <v>38</v>
      </c>
      <c r="G9269" t="s">
        <v>51</v>
      </c>
      <c r="H9269" t="s">
        <v>690</v>
      </c>
      <c r="I9269">
        <v>62.35</v>
      </c>
      <c r="J9269">
        <v>6</v>
      </c>
      <c r="K9269">
        <v>-10.91</v>
      </c>
    </row>
    <row r="9270" spans="1:11" x14ac:dyDescent="0.3">
      <c r="A9270" s="1">
        <v>43051</v>
      </c>
      <c r="B9270" s="3">
        <f t="shared" si="288"/>
        <v>11</v>
      </c>
      <c r="C9270" s="3">
        <f t="shared" si="289"/>
        <v>2017</v>
      </c>
      <c r="D9270" t="s">
        <v>914</v>
      </c>
      <c r="E9270" t="s">
        <v>26</v>
      </c>
      <c r="F9270" t="s">
        <v>10</v>
      </c>
      <c r="G9270" t="s">
        <v>11</v>
      </c>
      <c r="H9270" t="s">
        <v>1146</v>
      </c>
      <c r="I9270">
        <v>11.56</v>
      </c>
      <c r="J9270">
        <v>2</v>
      </c>
      <c r="K9270">
        <v>5.66</v>
      </c>
    </row>
    <row r="9271" spans="1:11" x14ac:dyDescent="0.3">
      <c r="A9271" s="1">
        <v>43051</v>
      </c>
      <c r="B9271" s="3">
        <f t="shared" si="288"/>
        <v>11</v>
      </c>
      <c r="C9271" s="3">
        <f t="shared" si="289"/>
        <v>2017</v>
      </c>
      <c r="D9271" t="s">
        <v>1220</v>
      </c>
      <c r="E9271" t="s">
        <v>22</v>
      </c>
      <c r="F9271" t="s">
        <v>10</v>
      </c>
      <c r="G9271" t="s">
        <v>17</v>
      </c>
      <c r="H9271" t="s">
        <v>556</v>
      </c>
      <c r="I9271">
        <v>221.02</v>
      </c>
      <c r="J9271">
        <v>2</v>
      </c>
      <c r="K9271">
        <v>-55.26</v>
      </c>
    </row>
    <row r="9272" spans="1:11" x14ac:dyDescent="0.3">
      <c r="A9272" s="1">
        <v>43052</v>
      </c>
      <c r="B9272" s="3">
        <f t="shared" si="288"/>
        <v>11</v>
      </c>
      <c r="C9272" s="3">
        <f t="shared" si="289"/>
        <v>2017</v>
      </c>
      <c r="D9272" t="s">
        <v>1382</v>
      </c>
      <c r="E9272" t="s">
        <v>14</v>
      </c>
      <c r="F9272" t="s">
        <v>10</v>
      </c>
      <c r="G9272" t="s">
        <v>17</v>
      </c>
      <c r="H9272" t="s">
        <v>1644</v>
      </c>
      <c r="I9272">
        <v>230.38</v>
      </c>
      <c r="J9272">
        <v>3</v>
      </c>
      <c r="K9272">
        <v>-48.95</v>
      </c>
    </row>
    <row r="9273" spans="1:11" x14ac:dyDescent="0.3">
      <c r="A9273" s="1">
        <v>43052</v>
      </c>
      <c r="B9273" s="3">
        <f t="shared" si="288"/>
        <v>11</v>
      </c>
      <c r="C9273" s="3">
        <f t="shared" si="289"/>
        <v>2017</v>
      </c>
      <c r="D9273" t="s">
        <v>31</v>
      </c>
      <c r="E9273" t="s">
        <v>9</v>
      </c>
      <c r="F9273" t="s">
        <v>10</v>
      </c>
      <c r="G9273" t="s">
        <v>91</v>
      </c>
      <c r="H9273" t="s">
        <v>1813</v>
      </c>
      <c r="I9273">
        <v>9.32</v>
      </c>
      <c r="J9273">
        <v>6</v>
      </c>
      <c r="K9273">
        <v>-24.71</v>
      </c>
    </row>
    <row r="9274" spans="1:11" x14ac:dyDescent="0.3">
      <c r="A9274" s="1">
        <v>43052</v>
      </c>
      <c r="B9274" s="3">
        <f t="shared" si="288"/>
        <v>11</v>
      </c>
      <c r="C9274" s="3">
        <f t="shared" si="289"/>
        <v>2017</v>
      </c>
      <c r="D9274" t="s">
        <v>636</v>
      </c>
      <c r="E9274" t="s">
        <v>77</v>
      </c>
      <c r="F9274" t="s">
        <v>38</v>
      </c>
      <c r="G9274" t="s">
        <v>51</v>
      </c>
      <c r="H9274" t="s">
        <v>1168</v>
      </c>
      <c r="I9274">
        <v>60.86</v>
      </c>
      <c r="J9274">
        <v>4</v>
      </c>
      <c r="K9274">
        <v>9.1300000000000008</v>
      </c>
    </row>
    <row r="9275" spans="1:11" x14ac:dyDescent="0.3">
      <c r="A9275" s="1">
        <v>43052</v>
      </c>
      <c r="B9275" s="3">
        <f t="shared" si="288"/>
        <v>11</v>
      </c>
      <c r="C9275" s="3">
        <f t="shared" si="289"/>
        <v>2017</v>
      </c>
      <c r="D9275" t="s">
        <v>636</v>
      </c>
      <c r="E9275" t="s">
        <v>77</v>
      </c>
      <c r="F9275" t="s">
        <v>38</v>
      </c>
      <c r="G9275" t="s">
        <v>301</v>
      </c>
      <c r="H9275" t="s">
        <v>1207</v>
      </c>
      <c r="I9275">
        <v>653</v>
      </c>
      <c r="J9275">
        <v>7</v>
      </c>
      <c r="K9275">
        <v>-935.96</v>
      </c>
    </row>
    <row r="9276" spans="1:11" x14ac:dyDescent="0.3">
      <c r="A9276" s="1">
        <v>43052</v>
      </c>
      <c r="B9276" s="3">
        <f t="shared" si="288"/>
        <v>11</v>
      </c>
      <c r="C9276" s="3">
        <f t="shared" si="289"/>
        <v>2017</v>
      </c>
      <c r="D9276" t="s">
        <v>636</v>
      </c>
      <c r="E9276" t="s">
        <v>77</v>
      </c>
      <c r="F9276" t="s">
        <v>10</v>
      </c>
      <c r="G9276" t="s">
        <v>19</v>
      </c>
      <c r="H9276" t="s">
        <v>1489</v>
      </c>
      <c r="I9276">
        <v>11.22</v>
      </c>
      <c r="J9276">
        <v>10</v>
      </c>
      <c r="K9276">
        <v>-7.48</v>
      </c>
    </row>
    <row r="9277" spans="1:11" x14ac:dyDescent="0.3">
      <c r="A9277" s="1">
        <v>43052</v>
      </c>
      <c r="B9277" s="3">
        <f t="shared" si="288"/>
        <v>11</v>
      </c>
      <c r="C9277" s="3">
        <f t="shared" si="289"/>
        <v>2017</v>
      </c>
      <c r="D9277" t="s">
        <v>1664</v>
      </c>
      <c r="E9277" t="s">
        <v>148</v>
      </c>
      <c r="F9277" t="s">
        <v>38</v>
      </c>
      <c r="G9277" t="s">
        <v>51</v>
      </c>
      <c r="H9277" t="s">
        <v>857</v>
      </c>
      <c r="I9277">
        <v>163.96</v>
      </c>
      <c r="J9277">
        <v>4</v>
      </c>
      <c r="K9277">
        <v>70.5</v>
      </c>
    </row>
    <row r="9278" spans="1:11" x14ac:dyDescent="0.3">
      <c r="A9278" s="1">
        <v>43052</v>
      </c>
      <c r="B9278" s="3">
        <f t="shared" si="288"/>
        <v>11</v>
      </c>
      <c r="C9278" s="3">
        <f t="shared" si="289"/>
        <v>2017</v>
      </c>
      <c r="D9278" t="s">
        <v>203</v>
      </c>
      <c r="E9278" t="s">
        <v>119</v>
      </c>
      <c r="F9278" t="s">
        <v>10</v>
      </c>
      <c r="G9278" t="s">
        <v>11</v>
      </c>
      <c r="H9278" t="s">
        <v>2696</v>
      </c>
      <c r="I9278">
        <v>8.9</v>
      </c>
      <c r="J9278">
        <v>3</v>
      </c>
      <c r="K9278">
        <v>3.34</v>
      </c>
    </row>
    <row r="9279" spans="1:11" x14ac:dyDescent="0.3">
      <c r="A9279" s="1">
        <v>43052</v>
      </c>
      <c r="B9279" s="3">
        <f t="shared" si="288"/>
        <v>11</v>
      </c>
      <c r="C9279" s="3">
        <f t="shared" si="289"/>
        <v>2017</v>
      </c>
      <c r="D9279" t="s">
        <v>203</v>
      </c>
      <c r="E9279" t="s">
        <v>119</v>
      </c>
      <c r="F9279" t="s">
        <v>10</v>
      </c>
      <c r="G9279" t="s">
        <v>17</v>
      </c>
      <c r="H9279" t="s">
        <v>1571</v>
      </c>
      <c r="I9279">
        <v>720.06</v>
      </c>
      <c r="J9279">
        <v>4</v>
      </c>
      <c r="K9279">
        <v>-63.01</v>
      </c>
    </row>
    <row r="9280" spans="1:11" x14ac:dyDescent="0.3">
      <c r="A9280" s="1">
        <v>43052</v>
      </c>
      <c r="B9280" s="3">
        <f t="shared" si="288"/>
        <v>11</v>
      </c>
      <c r="C9280" s="3">
        <f t="shared" si="289"/>
        <v>2017</v>
      </c>
      <c r="D9280" t="s">
        <v>676</v>
      </c>
      <c r="E9280" t="s">
        <v>163</v>
      </c>
      <c r="F9280" t="s">
        <v>33</v>
      </c>
      <c r="G9280" t="s">
        <v>34</v>
      </c>
      <c r="H9280" t="s">
        <v>990</v>
      </c>
      <c r="I9280">
        <v>2404.6999999999998</v>
      </c>
      <c r="J9280">
        <v>6</v>
      </c>
      <c r="K9280">
        <v>150.29</v>
      </c>
    </row>
    <row r="9281" spans="1:11" x14ac:dyDescent="0.3">
      <c r="A9281" s="1">
        <v>43052</v>
      </c>
      <c r="B9281" s="3">
        <f t="shared" si="288"/>
        <v>11</v>
      </c>
      <c r="C9281" s="3">
        <f t="shared" si="289"/>
        <v>2017</v>
      </c>
      <c r="D9281" t="s">
        <v>676</v>
      </c>
      <c r="E9281" t="s">
        <v>163</v>
      </c>
      <c r="F9281" t="s">
        <v>10</v>
      </c>
      <c r="G9281" t="s">
        <v>19</v>
      </c>
      <c r="H9281" t="s">
        <v>1135</v>
      </c>
      <c r="I9281">
        <v>563.02</v>
      </c>
      <c r="J9281">
        <v>11</v>
      </c>
      <c r="K9281">
        <v>190.02</v>
      </c>
    </row>
    <row r="9282" spans="1:11" x14ac:dyDescent="0.3">
      <c r="A9282" s="1">
        <v>43052</v>
      </c>
      <c r="B9282" s="3">
        <f t="shared" ref="B9282:B9345" si="290">MONTH(A:A)</f>
        <v>11</v>
      </c>
      <c r="C9282" s="3">
        <f t="shared" ref="C9282:C9345" si="291">YEAR(A:A)</f>
        <v>2017</v>
      </c>
      <c r="D9282" t="s">
        <v>676</v>
      </c>
      <c r="E9282" t="s">
        <v>163</v>
      </c>
      <c r="F9282" t="s">
        <v>10</v>
      </c>
      <c r="G9282" t="s">
        <v>17</v>
      </c>
      <c r="H9282" t="s">
        <v>152</v>
      </c>
      <c r="I9282">
        <v>344.91</v>
      </c>
      <c r="J9282">
        <v>3</v>
      </c>
      <c r="K9282">
        <v>10.35</v>
      </c>
    </row>
    <row r="9283" spans="1:11" x14ac:dyDescent="0.3">
      <c r="A9283" s="1">
        <v>43052</v>
      </c>
      <c r="B9283" s="3">
        <f t="shared" si="290"/>
        <v>11</v>
      </c>
      <c r="C9283" s="3">
        <f t="shared" si="291"/>
        <v>2017</v>
      </c>
      <c r="D9283" t="s">
        <v>676</v>
      </c>
      <c r="E9283" t="s">
        <v>163</v>
      </c>
      <c r="F9283" t="s">
        <v>10</v>
      </c>
      <c r="G9283" t="s">
        <v>15</v>
      </c>
      <c r="H9283" t="s">
        <v>583</v>
      </c>
      <c r="I9283">
        <v>8.64</v>
      </c>
      <c r="J9283">
        <v>3</v>
      </c>
      <c r="K9283">
        <v>4.2300000000000004</v>
      </c>
    </row>
    <row r="9284" spans="1:11" x14ac:dyDescent="0.3">
      <c r="A9284" s="1">
        <v>43052</v>
      </c>
      <c r="B9284" s="3">
        <f t="shared" si="290"/>
        <v>11</v>
      </c>
      <c r="C9284" s="3">
        <f t="shared" si="291"/>
        <v>2017</v>
      </c>
      <c r="D9284" t="s">
        <v>1470</v>
      </c>
      <c r="E9284" t="s">
        <v>122</v>
      </c>
      <c r="F9284" t="s">
        <v>10</v>
      </c>
      <c r="G9284" t="s">
        <v>23</v>
      </c>
      <c r="H9284" t="s">
        <v>810</v>
      </c>
      <c r="I9284">
        <v>2.06</v>
      </c>
      <c r="J9284">
        <v>1</v>
      </c>
      <c r="K9284">
        <v>0.15</v>
      </c>
    </row>
    <row r="9285" spans="1:11" x14ac:dyDescent="0.3">
      <c r="A9285" s="1">
        <v>43052</v>
      </c>
      <c r="B9285" s="3">
        <f t="shared" si="290"/>
        <v>11</v>
      </c>
      <c r="C9285" s="3">
        <f t="shared" si="291"/>
        <v>2017</v>
      </c>
      <c r="D9285" t="s">
        <v>444</v>
      </c>
      <c r="E9285" t="s">
        <v>9</v>
      </c>
      <c r="F9285" t="s">
        <v>10</v>
      </c>
      <c r="G9285" t="s">
        <v>17</v>
      </c>
      <c r="H9285" t="s">
        <v>1316</v>
      </c>
      <c r="I9285">
        <v>61.79</v>
      </c>
      <c r="J9285">
        <v>4</v>
      </c>
      <c r="K9285">
        <v>6.18</v>
      </c>
    </row>
    <row r="9286" spans="1:11" x14ac:dyDescent="0.3">
      <c r="A9286" s="1">
        <v>43052</v>
      </c>
      <c r="B9286" s="3">
        <f t="shared" si="290"/>
        <v>11</v>
      </c>
      <c r="C9286" s="3">
        <f t="shared" si="291"/>
        <v>2017</v>
      </c>
      <c r="D9286" t="s">
        <v>444</v>
      </c>
      <c r="E9286" t="s">
        <v>9</v>
      </c>
      <c r="F9286" t="s">
        <v>33</v>
      </c>
      <c r="G9286" t="s">
        <v>73</v>
      </c>
      <c r="H9286" t="s">
        <v>2493</v>
      </c>
      <c r="I9286">
        <v>206</v>
      </c>
      <c r="J9286">
        <v>3</v>
      </c>
      <c r="K9286">
        <v>-27.26</v>
      </c>
    </row>
    <row r="9287" spans="1:11" x14ac:dyDescent="0.3">
      <c r="A9287" s="1">
        <v>43052</v>
      </c>
      <c r="B9287" s="3">
        <f t="shared" si="290"/>
        <v>11</v>
      </c>
      <c r="C9287" s="3">
        <f t="shared" si="291"/>
        <v>2017</v>
      </c>
      <c r="D9287" t="s">
        <v>1865</v>
      </c>
      <c r="E9287" t="s">
        <v>148</v>
      </c>
      <c r="F9287" t="s">
        <v>38</v>
      </c>
      <c r="G9287" t="s">
        <v>39</v>
      </c>
      <c r="H9287" t="s">
        <v>2673</v>
      </c>
      <c r="I9287">
        <v>629.95000000000005</v>
      </c>
      <c r="J9287">
        <v>5</v>
      </c>
      <c r="K9287">
        <v>163.79</v>
      </c>
    </row>
    <row r="9288" spans="1:11" x14ac:dyDescent="0.3">
      <c r="A9288" s="1">
        <v>43052</v>
      </c>
      <c r="B9288" s="3">
        <f t="shared" si="290"/>
        <v>11</v>
      </c>
      <c r="C9288" s="3">
        <f t="shared" si="291"/>
        <v>2017</v>
      </c>
      <c r="D9288" t="s">
        <v>1248</v>
      </c>
      <c r="E9288" t="s">
        <v>148</v>
      </c>
      <c r="F9288" t="s">
        <v>38</v>
      </c>
      <c r="G9288" t="s">
        <v>39</v>
      </c>
      <c r="H9288" t="s">
        <v>641</v>
      </c>
      <c r="I9288">
        <v>43.6</v>
      </c>
      <c r="J9288">
        <v>4</v>
      </c>
      <c r="K9288">
        <v>12.21</v>
      </c>
    </row>
    <row r="9289" spans="1:11" x14ac:dyDescent="0.3">
      <c r="A9289" s="1">
        <v>43052</v>
      </c>
      <c r="B9289" s="3">
        <f t="shared" si="290"/>
        <v>11</v>
      </c>
      <c r="C9289" s="3">
        <f t="shared" si="291"/>
        <v>2017</v>
      </c>
      <c r="D9289" t="s">
        <v>1248</v>
      </c>
      <c r="E9289" t="s">
        <v>148</v>
      </c>
      <c r="F9289" t="s">
        <v>33</v>
      </c>
      <c r="G9289" t="s">
        <v>46</v>
      </c>
      <c r="H9289" t="s">
        <v>1896</v>
      </c>
      <c r="I9289">
        <v>154.94999999999999</v>
      </c>
      <c r="J9289">
        <v>3</v>
      </c>
      <c r="K9289">
        <v>30.99</v>
      </c>
    </row>
    <row r="9290" spans="1:11" x14ac:dyDescent="0.3">
      <c r="A9290" s="1">
        <v>43052</v>
      </c>
      <c r="B9290" s="3">
        <f t="shared" si="290"/>
        <v>11</v>
      </c>
      <c r="C9290" s="3">
        <f t="shared" si="291"/>
        <v>2017</v>
      </c>
      <c r="D9290" t="s">
        <v>996</v>
      </c>
      <c r="E9290" t="s">
        <v>148</v>
      </c>
      <c r="F9290" t="s">
        <v>10</v>
      </c>
      <c r="G9290" t="s">
        <v>17</v>
      </c>
      <c r="H9290" t="s">
        <v>550</v>
      </c>
      <c r="I9290">
        <v>11.21</v>
      </c>
      <c r="J9290">
        <v>1</v>
      </c>
      <c r="K9290">
        <v>3.36</v>
      </c>
    </row>
    <row r="9291" spans="1:11" x14ac:dyDescent="0.3">
      <c r="A9291" s="1">
        <v>43052</v>
      </c>
      <c r="B9291" s="3">
        <f t="shared" si="290"/>
        <v>11</v>
      </c>
      <c r="C9291" s="3">
        <f t="shared" si="291"/>
        <v>2017</v>
      </c>
      <c r="D9291" t="s">
        <v>351</v>
      </c>
      <c r="E9291" t="s">
        <v>487</v>
      </c>
      <c r="F9291" t="s">
        <v>38</v>
      </c>
      <c r="G9291" t="s">
        <v>51</v>
      </c>
      <c r="H9291" t="s">
        <v>1920</v>
      </c>
      <c r="I9291">
        <v>239.92</v>
      </c>
      <c r="J9291">
        <v>8</v>
      </c>
      <c r="K9291">
        <v>23.99</v>
      </c>
    </row>
    <row r="9292" spans="1:11" x14ac:dyDescent="0.3">
      <c r="A9292" s="1">
        <v>43052</v>
      </c>
      <c r="B9292" s="3">
        <f t="shared" si="290"/>
        <v>11</v>
      </c>
      <c r="C9292" s="3">
        <f t="shared" si="291"/>
        <v>2017</v>
      </c>
      <c r="D9292" t="s">
        <v>508</v>
      </c>
      <c r="E9292" t="s">
        <v>26</v>
      </c>
      <c r="F9292" t="s">
        <v>38</v>
      </c>
      <c r="G9292" t="s">
        <v>51</v>
      </c>
      <c r="H9292" t="s">
        <v>2254</v>
      </c>
      <c r="I9292">
        <v>82.95</v>
      </c>
      <c r="J9292">
        <v>5</v>
      </c>
      <c r="K9292">
        <v>29.03</v>
      </c>
    </row>
    <row r="9293" spans="1:11" x14ac:dyDescent="0.3">
      <c r="A9293" s="1">
        <v>43052</v>
      </c>
      <c r="B9293" s="3">
        <f t="shared" si="290"/>
        <v>11</v>
      </c>
      <c r="C9293" s="3">
        <f t="shared" si="291"/>
        <v>2017</v>
      </c>
      <c r="D9293" t="s">
        <v>1011</v>
      </c>
      <c r="E9293" t="s">
        <v>26</v>
      </c>
      <c r="F9293" t="s">
        <v>38</v>
      </c>
      <c r="G9293" t="s">
        <v>39</v>
      </c>
      <c r="H9293" t="s">
        <v>2587</v>
      </c>
      <c r="I9293">
        <v>22</v>
      </c>
      <c r="J9293">
        <v>5</v>
      </c>
      <c r="K9293">
        <v>1.38</v>
      </c>
    </row>
    <row r="9294" spans="1:11" x14ac:dyDescent="0.3">
      <c r="A9294" s="1">
        <v>43053</v>
      </c>
      <c r="B9294" s="3">
        <f t="shared" si="290"/>
        <v>11</v>
      </c>
      <c r="C9294" s="3">
        <f t="shared" si="291"/>
        <v>2017</v>
      </c>
      <c r="D9294" t="s">
        <v>1839</v>
      </c>
      <c r="E9294" t="s">
        <v>77</v>
      </c>
      <c r="F9294" t="s">
        <v>38</v>
      </c>
      <c r="G9294" t="s">
        <v>39</v>
      </c>
      <c r="H9294" t="s">
        <v>1987</v>
      </c>
      <c r="I9294">
        <v>119.94</v>
      </c>
      <c r="J9294">
        <v>10</v>
      </c>
      <c r="K9294">
        <v>15.99</v>
      </c>
    </row>
    <row r="9295" spans="1:11" x14ac:dyDescent="0.3">
      <c r="A9295" s="1">
        <v>43053</v>
      </c>
      <c r="B9295" s="3">
        <f t="shared" si="290"/>
        <v>11</v>
      </c>
      <c r="C9295" s="3">
        <f t="shared" si="291"/>
        <v>2017</v>
      </c>
      <c r="D9295" t="s">
        <v>1839</v>
      </c>
      <c r="E9295" t="s">
        <v>77</v>
      </c>
      <c r="F9295" t="s">
        <v>10</v>
      </c>
      <c r="G9295" t="s">
        <v>19</v>
      </c>
      <c r="H9295" t="s">
        <v>1201</v>
      </c>
      <c r="I9295">
        <v>3.65</v>
      </c>
      <c r="J9295">
        <v>2</v>
      </c>
      <c r="K9295">
        <v>-2.8</v>
      </c>
    </row>
    <row r="9296" spans="1:11" x14ac:dyDescent="0.3">
      <c r="A9296" s="1">
        <v>43053</v>
      </c>
      <c r="B9296" s="3">
        <f t="shared" si="290"/>
        <v>11</v>
      </c>
      <c r="C9296" s="3">
        <f t="shared" si="291"/>
        <v>2017</v>
      </c>
      <c r="D9296" t="s">
        <v>2509</v>
      </c>
      <c r="E9296" t="s">
        <v>26</v>
      </c>
      <c r="F9296" t="s">
        <v>33</v>
      </c>
      <c r="G9296" t="s">
        <v>34</v>
      </c>
      <c r="H9296" t="s">
        <v>429</v>
      </c>
      <c r="I9296">
        <v>321.57</v>
      </c>
      <c r="J9296">
        <v>2</v>
      </c>
      <c r="K9296">
        <v>28.14</v>
      </c>
    </row>
    <row r="9297" spans="1:11" x14ac:dyDescent="0.3">
      <c r="A9297" s="1">
        <v>43053</v>
      </c>
      <c r="B9297" s="3">
        <f t="shared" si="290"/>
        <v>11</v>
      </c>
      <c r="C9297" s="3">
        <f t="shared" si="291"/>
        <v>2017</v>
      </c>
      <c r="D9297" t="s">
        <v>808</v>
      </c>
      <c r="E9297" t="s">
        <v>148</v>
      </c>
      <c r="F9297" t="s">
        <v>10</v>
      </c>
      <c r="G9297" t="s">
        <v>19</v>
      </c>
      <c r="H9297" t="s">
        <v>1667</v>
      </c>
      <c r="I9297">
        <v>8.64</v>
      </c>
      <c r="J9297">
        <v>2</v>
      </c>
      <c r="K9297">
        <v>3.02</v>
      </c>
    </row>
    <row r="9298" spans="1:11" x14ac:dyDescent="0.3">
      <c r="A9298" s="1">
        <v>43053</v>
      </c>
      <c r="B9298" s="3">
        <f t="shared" si="290"/>
        <v>11</v>
      </c>
      <c r="C9298" s="3">
        <f t="shared" si="291"/>
        <v>2017</v>
      </c>
      <c r="D9298" t="s">
        <v>108</v>
      </c>
      <c r="E9298" t="s">
        <v>9</v>
      </c>
      <c r="F9298" t="s">
        <v>38</v>
      </c>
      <c r="G9298" t="s">
        <v>51</v>
      </c>
      <c r="H9298" t="s">
        <v>2463</v>
      </c>
      <c r="I9298">
        <v>167.95</v>
      </c>
      <c r="J9298">
        <v>6</v>
      </c>
      <c r="K9298">
        <v>-27.29</v>
      </c>
    </row>
    <row r="9299" spans="1:11" x14ac:dyDescent="0.3">
      <c r="A9299" s="1">
        <v>43053</v>
      </c>
      <c r="B9299" s="3">
        <f t="shared" si="290"/>
        <v>11</v>
      </c>
      <c r="C9299" s="3">
        <f t="shared" si="291"/>
        <v>2017</v>
      </c>
      <c r="D9299" t="s">
        <v>108</v>
      </c>
      <c r="E9299" t="s">
        <v>9</v>
      </c>
      <c r="F9299" t="s">
        <v>10</v>
      </c>
      <c r="G9299" t="s">
        <v>23</v>
      </c>
      <c r="H9299" t="s">
        <v>1599</v>
      </c>
      <c r="I9299">
        <v>45.04</v>
      </c>
      <c r="J9299">
        <v>2</v>
      </c>
      <c r="K9299">
        <v>4.5</v>
      </c>
    </row>
    <row r="9300" spans="1:11" x14ac:dyDescent="0.3">
      <c r="A9300" s="1">
        <v>43053</v>
      </c>
      <c r="B9300" s="3">
        <f t="shared" si="290"/>
        <v>11</v>
      </c>
      <c r="C9300" s="3">
        <f t="shared" si="291"/>
        <v>2017</v>
      </c>
      <c r="D9300" t="s">
        <v>670</v>
      </c>
      <c r="E9300" t="s">
        <v>148</v>
      </c>
      <c r="F9300" t="s">
        <v>10</v>
      </c>
      <c r="G9300" t="s">
        <v>17</v>
      </c>
      <c r="H9300" t="s">
        <v>1521</v>
      </c>
      <c r="I9300">
        <v>96.36</v>
      </c>
      <c r="J9300">
        <v>6</v>
      </c>
      <c r="K9300">
        <v>25.05</v>
      </c>
    </row>
    <row r="9301" spans="1:11" x14ac:dyDescent="0.3">
      <c r="A9301" s="1">
        <v>43053</v>
      </c>
      <c r="B9301" s="3">
        <f t="shared" si="290"/>
        <v>11</v>
      </c>
      <c r="C9301" s="3">
        <f t="shared" si="291"/>
        <v>2017</v>
      </c>
      <c r="D9301" t="s">
        <v>1470</v>
      </c>
      <c r="E9301" t="s">
        <v>9</v>
      </c>
      <c r="F9301" t="s">
        <v>10</v>
      </c>
      <c r="G9301" t="s">
        <v>19</v>
      </c>
      <c r="H9301" t="s">
        <v>626</v>
      </c>
      <c r="I9301">
        <v>21.99</v>
      </c>
      <c r="J9301">
        <v>5</v>
      </c>
      <c r="K9301">
        <v>-32.99</v>
      </c>
    </row>
    <row r="9302" spans="1:11" x14ac:dyDescent="0.3">
      <c r="A9302" s="1">
        <v>43053</v>
      </c>
      <c r="B9302" s="3">
        <f t="shared" si="290"/>
        <v>11</v>
      </c>
      <c r="C9302" s="3">
        <f t="shared" si="291"/>
        <v>2017</v>
      </c>
      <c r="D9302" t="s">
        <v>950</v>
      </c>
      <c r="E9302" t="s">
        <v>314</v>
      </c>
      <c r="F9302" t="s">
        <v>10</v>
      </c>
      <c r="G9302" t="s">
        <v>62</v>
      </c>
      <c r="H9302" t="s">
        <v>769</v>
      </c>
      <c r="I9302">
        <v>15.28</v>
      </c>
      <c r="J9302">
        <v>2</v>
      </c>
      <c r="K9302">
        <v>7.49</v>
      </c>
    </row>
    <row r="9303" spans="1:11" x14ac:dyDescent="0.3">
      <c r="A9303" s="1">
        <v>43053</v>
      </c>
      <c r="B9303" s="3">
        <f t="shared" si="290"/>
        <v>11</v>
      </c>
      <c r="C9303" s="3">
        <f t="shared" si="291"/>
        <v>2017</v>
      </c>
      <c r="D9303" t="s">
        <v>1172</v>
      </c>
      <c r="E9303" t="s">
        <v>26</v>
      </c>
      <c r="F9303" t="s">
        <v>10</v>
      </c>
      <c r="G9303" t="s">
        <v>23</v>
      </c>
      <c r="H9303" t="s">
        <v>576</v>
      </c>
      <c r="I9303">
        <v>34.24</v>
      </c>
      <c r="J9303">
        <v>8</v>
      </c>
      <c r="K9303">
        <v>9.93</v>
      </c>
    </row>
    <row r="9304" spans="1:11" x14ac:dyDescent="0.3">
      <c r="A9304" s="1">
        <v>43054</v>
      </c>
      <c r="B9304" s="3">
        <f t="shared" si="290"/>
        <v>11</v>
      </c>
      <c r="C9304" s="3">
        <f t="shared" si="291"/>
        <v>2017</v>
      </c>
      <c r="D9304" t="s">
        <v>1940</v>
      </c>
      <c r="E9304" t="s">
        <v>122</v>
      </c>
      <c r="F9304" t="s">
        <v>33</v>
      </c>
      <c r="G9304" t="s">
        <v>46</v>
      </c>
      <c r="H9304" t="s">
        <v>1657</v>
      </c>
      <c r="I9304">
        <v>220.06</v>
      </c>
      <c r="J9304">
        <v>4</v>
      </c>
      <c r="K9304">
        <v>55.02</v>
      </c>
    </row>
    <row r="9305" spans="1:11" x14ac:dyDescent="0.3">
      <c r="A9305" s="1">
        <v>43054</v>
      </c>
      <c r="B9305" s="3">
        <f t="shared" si="290"/>
        <v>11</v>
      </c>
      <c r="C9305" s="3">
        <f t="shared" si="291"/>
        <v>2017</v>
      </c>
      <c r="D9305" t="s">
        <v>1940</v>
      </c>
      <c r="E9305" t="s">
        <v>122</v>
      </c>
      <c r="F9305" t="s">
        <v>33</v>
      </c>
      <c r="G9305" t="s">
        <v>46</v>
      </c>
      <c r="H9305" t="s">
        <v>2195</v>
      </c>
      <c r="I9305">
        <v>339.14</v>
      </c>
      <c r="J9305">
        <v>4</v>
      </c>
      <c r="K9305">
        <v>0</v>
      </c>
    </row>
    <row r="9306" spans="1:11" x14ac:dyDescent="0.3">
      <c r="A9306" s="1">
        <v>43055</v>
      </c>
      <c r="B9306" s="3">
        <f t="shared" si="290"/>
        <v>11</v>
      </c>
      <c r="C9306" s="3">
        <f t="shared" si="291"/>
        <v>2017</v>
      </c>
      <c r="D9306" t="s">
        <v>2317</v>
      </c>
      <c r="E9306" t="s">
        <v>148</v>
      </c>
      <c r="F9306" t="s">
        <v>10</v>
      </c>
      <c r="G9306" t="s">
        <v>11</v>
      </c>
      <c r="H9306" t="s">
        <v>1410</v>
      </c>
      <c r="I9306">
        <v>146.82</v>
      </c>
      <c r="J9306">
        <v>3</v>
      </c>
      <c r="K9306">
        <v>73.41</v>
      </c>
    </row>
    <row r="9307" spans="1:11" x14ac:dyDescent="0.3">
      <c r="A9307" s="1">
        <v>43055</v>
      </c>
      <c r="B9307" s="3">
        <f t="shared" si="290"/>
        <v>11</v>
      </c>
      <c r="C9307" s="3">
        <f t="shared" si="291"/>
        <v>2017</v>
      </c>
      <c r="D9307" t="s">
        <v>274</v>
      </c>
      <c r="E9307" t="s">
        <v>26</v>
      </c>
      <c r="F9307" t="s">
        <v>10</v>
      </c>
      <c r="G9307" t="s">
        <v>17</v>
      </c>
      <c r="H9307" t="s">
        <v>1524</v>
      </c>
      <c r="I9307">
        <v>811.28</v>
      </c>
      <c r="J9307">
        <v>8</v>
      </c>
      <c r="K9307">
        <v>24.34</v>
      </c>
    </row>
    <row r="9308" spans="1:11" x14ac:dyDescent="0.3">
      <c r="A9308" s="1">
        <v>43055</v>
      </c>
      <c r="B9308" s="3">
        <f t="shared" si="290"/>
        <v>11</v>
      </c>
      <c r="C9308" s="3">
        <f t="shared" si="291"/>
        <v>2017</v>
      </c>
      <c r="D9308" t="s">
        <v>691</v>
      </c>
      <c r="E9308" t="s">
        <v>26</v>
      </c>
      <c r="F9308" t="s">
        <v>38</v>
      </c>
      <c r="G9308" t="s">
        <v>301</v>
      </c>
      <c r="H9308" t="s">
        <v>1903</v>
      </c>
      <c r="I9308">
        <v>1919.98</v>
      </c>
      <c r="J9308">
        <v>3</v>
      </c>
      <c r="K9308">
        <v>216</v>
      </c>
    </row>
    <row r="9309" spans="1:11" x14ac:dyDescent="0.3">
      <c r="A9309" s="1">
        <v>43055</v>
      </c>
      <c r="B9309" s="3">
        <f t="shared" si="290"/>
        <v>11</v>
      </c>
      <c r="C9309" s="3">
        <f t="shared" si="291"/>
        <v>2017</v>
      </c>
      <c r="D9309" t="s">
        <v>504</v>
      </c>
      <c r="E9309" t="s">
        <v>26</v>
      </c>
      <c r="F9309" t="s">
        <v>10</v>
      </c>
      <c r="G9309" t="s">
        <v>17</v>
      </c>
      <c r="H9309" t="s">
        <v>250</v>
      </c>
      <c r="I9309">
        <v>48.86</v>
      </c>
      <c r="J9309">
        <v>7</v>
      </c>
      <c r="K9309">
        <v>0.98</v>
      </c>
    </row>
    <row r="9310" spans="1:11" x14ac:dyDescent="0.3">
      <c r="A9310" s="1">
        <v>43055</v>
      </c>
      <c r="B9310" s="3">
        <f t="shared" si="290"/>
        <v>11</v>
      </c>
      <c r="C9310" s="3">
        <f t="shared" si="291"/>
        <v>2017</v>
      </c>
      <c r="D9310" t="s">
        <v>340</v>
      </c>
      <c r="E9310" t="s">
        <v>26</v>
      </c>
      <c r="F9310" t="s">
        <v>10</v>
      </c>
      <c r="G9310" t="s">
        <v>23</v>
      </c>
      <c r="H9310" t="s">
        <v>2606</v>
      </c>
      <c r="I9310">
        <v>23.36</v>
      </c>
      <c r="J9310">
        <v>4</v>
      </c>
      <c r="K9310">
        <v>6.07</v>
      </c>
    </row>
    <row r="9311" spans="1:11" x14ac:dyDescent="0.3">
      <c r="A9311" s="1">
        <v>43055</v>
      </c>
      <c r="B9311" s="3">
        <f t="shared" si="290"/>
        <v>11</v>
      </c>
      <c r="C9311" s="3">
        <f t="shared" si="291"/>
        <v>2017</v>
      </c>
      <c r="D9311" t="s">
        <v>2584</v>
      </c>
      <c r="E9311" t="s">
        <v>148</v>
      </c>
      <c r="F9311" t="s">
        <v>38</v>
      </c>
      <c r="G9311" t="s">
        <v>301</v>
      </c>
      <c r="H9311" t="s">
        <v>2678</v>
      </c>
      <c r="I9311">
        <v>52.44</v>
      </c>
      <c r="J9311">
        <v>4</v>
      </c>
      <c r="K9311">
        <v>24.12</v>
      </c>
    </row>
    <row r="9312" spans="1:11" x14ac:dyDescent="0.3">
      <c r="A9312" s="1">
        <v>43055</v>
      </c>
      <c r="B9312" s="3">
        <f t="shared" si="290"/>
        <v>11</v>
      </c>
      <c r="C9312" s="3">
        <f t="shared" si="291"/>
        <v>2017</v>
      </c>
      <c r="D9312" t="s">
        <v>1270</v>
      </c>
      <c r="E9312" t="s">
        <v>163</v>
      </c>
      <c r="F9312" t="s">
        <v>10</v>
      </c>
      <c r="G9312" t="s">
        <v>11</v>
      </c>
      <c r="H9312" t="s">
        <v>620</v>
      </c>
      <c r="I9312">
        <v>73.680000000000007</v>
      </c>
      <c r="J9312">
        <v>6</v>
      </c>
      <c r="K9312">
        <v>34.630000000000003</v>
      </c>
    </row>
    <row r="9313" spans="1:11" x14ac:dyDescent="0.3">
      <c r="A9313" s="1">
        <v>43055</v>
      </c>
      <c r="B9313" s="3">
        <f t="shared" si="290"/>
        <v>11</v>
      </c>
      <c r="C9313" s="3">
        <f t="shared" si="291"/>
        <v>2017</v>
      </c>
      <c r="D9313" t="s">
        <v>1270</v>
      </c>
      <c r="E9313" t="s">
        <v>163</v>
      </c>
      <c r="F9313" t="s">
        <v>33</v>
      </c>
      <c r="G9313" t="s">
        <v>46</v>
      </c>
      <c r="H9313" t="s">
        <v>2039</v>
      </c>
      <c r="I9313">
        <v>139.91999999999999</v>
      </c>
      <c r="J9313">
        <v>2</v>
      </c>
      <c r="K9313">
        <v>23.79</v>
      </c>
    </row>
    <row r="9314" spans="1:11" x14ac:dyDescent="0.3">
      <c r="A9314" s="1">
        <v>43055</v>
      </c>
      <c r="B9314" s="3">
        <f t="shared" si="290"/>
        <v>11</v>
      </c>
      <c r="C9314" s="3">
        <f t="shared" si="291"/>
        <v>2017</v>
      </c>
      <c r="D9314" t="s">
        <v>1270</v>
      </c>
      <c r="E9314" t="s">
        <v>163</v>
      </c>
      <c r="F9314" t="s">
        <v>38</v>
      </c>
      <c r="G9314" t="s">
        <v>39</v>
      </c>
      <c r="H9314" t="s">
        <v>703</v>
      </c>
      <c r="I9314">
        <v>107.88</v>
      </c>
      <c r="J9314">
        <v>3</v>
      </c>
      <c r="K9314">
        <v>10.79</v>
      </c>
    </row>
    <row r="9315" spans="1:11" x14ac:dyDescent="0.3">
      <c r="A9315" s="1">
        <v>43055</v>
      </c>
      <c r="B9315" s="3">
        <f t="shared" si="290"/>
        <v>11</v>
      </c>
      <c r="C9315" s="3">
        <f t="shared" si="291"/>
        <v>2017</v>
      </c>
      <c r="D9315" t="s">
        <v>1270</v>
      </c>
      <c r="E9315" t="s">
        <v>163</v>
      </c>
      <c r="F9315" t="s">
        <v>10</v>
      </c>
      <c r="G9315" t="s">
        <v>17</v>
      </c>
      <c r="H9315" t="s">
        <v>114</v>
      </c>
      <c r="I9315">
        <v>33.29</v>
      </c>
      <c r="J9315">
        <v>1</v>
      </c>
      <c r="K9315">
        <v>7.99</v>
      </c>
    </row>
    <row r="9316" spans="1:11" x14ac:dyDescent="0.3">
      <c r="A9316" s="1">
        <v>43055</v>
      </c>
      <c r="B9316" s="3">
        <f t="shared" si="290"/>
        <v>11</v>
      </c>
      <c r="C9316" s="3">
        <f t="shared" si="291"/>
        <v>2017</v>
      </c>
      <c r="D9316" t="s">
        <v>2253</v>
      </c>
      <c r="E9316" t="s">
        <v>148</v>
      </c>
      <c r="F9316" t="s">
        <v>38</v>
      </c>
      <c r="G9316" t="s">
        <v>39</v>
      </c>
      <c r="H9316" t="s">
        <v>954</v>
      </c>
      <c r="I9316">
        <v>119.94</v>
      </c>
      <c r="J9316">
        <v>6</v>
      </c>
      <c r="K9316">
        <v>6</v>
      </c>
    </row>
    <row r="9317" spans="1:11" x14ac:dyDescent="0.3">
      <c r="A9317" s="1">
        <v>43055</v>
      </c>
      <c r="B9317" s="3">
        <f t="shared" si="290"/>
        <v>11</v>
      </c>
      <c r="C9317" s="3">
        <f t="shared" si="291"/>
        <v>2017</v>
      </c>
      <c r="D9317" t="s">
        <v>21</v>
      </c>
      <c r="E9317" t="s">
        <v>26</v>
      </c>
      <c r="F9317" t="s">
        <v>33</v>
      </c>
      <c r="G9317" t="s">
        <v>46</v>
      </c>
      <c r="H9317" t="s">
        <v>1449</v>
      </c>
      <c r="I9317">
        <v>17.309999999999999</v>
      </c>
      <c r="J9317">
        <v>3</v>
      </c>
      <c r="K9317">
        <v>5.19</v>
      </c>
    </row>
    <row r="9318" spans="1:11" x14ac:dyDescent="0.3">
      <c r="A9318" s="1">
        <v>43055</v>
      </c>
      <c r="B9318" s="3">
        <f t="shared" si="290"/>
        <v>11</v>
      </c>
      <c r="C9318" s="3">
        <f t="shared" si="291"/>
        <v>2017</v>
      </c>
      <c r="D9318" t="s">
        <v>922</v>
      </c>
      <c r="E9318" t="s">
        <v>77</v>
      </c>
      <c r="F9318" t="s">
        <v>10</v>
      </c>
      <c r="G9318" t="s">
        <v>19</v>
      </c>
      <c r="H9318" t="s">
        <v>1201</v>
      </c>
      <c r="I9318">
        <v>1.82</v>
      </c>
      <c r="J9318">
        <v>1</v>
      </c>
      <c r="K9318">
        <v>-1.4</v>
      </c>
    </row>
    <row r="9319" spans="1:11" x14ac:dyDescent="0.3">
      <c r="A9319" s="1">
        <v>43055</v>
      </c>
      <c r="B9319" s="3">
        <f t="shared" si="290"/>
        <v>11</v>
      </c>
      <c r="C9319" s="3">
        <f t="shared" si="291"/>
        <v>2017</v>
      </c>
      <c r="D9319" t="s">
        <v>1721</v>
      </c>
      <c r="E9319" t="s">
        <v>77</v>
      </c>
      <c r="F9319" t="s">
        <v>38</v>
      </c>
      <c r="G9319" t="s">
        <v>602</v>
      </c>
      <c r="H9319" t="s">
        <v>1468</v>
      </c>
      <c r="I9319">
        <v>899.98</v>
      </c>
      <c r="J9319">
        <v>3</v>
      </c>
      <c r="K9319">
        <v>75</v>
      </c>
    </row>
    <row r="9320" spans="1:11" x14ac:dyDescent="0.3">
      <c r="A9320" s="1">
        <v>43055</v>
      </c>
      <c r="B9320" s="3">
        <f t="shared" si="290"/>
        <v>11</v>
      </c>
      <c r="C9320" s="3">
        <f t="shared" si="291"/>
        <v>2017</v>
      </c>
      <c r="D9320" t="s">
        <v>1721</v>
      </c>
      <c r="E9320" t="s">
        <v>77</v>
      </c>
      <c r="F9320" t="s">
        <v>10</v>
      </c>
      <c r="G9320" t="s">
        <v>23</v>
      </c>
      <c r="H9320" t="s">
        <v>2054</v>
      </c>
      <c r="I9320">
        <v>86.35</v>
      </c>
      <c r="J9320">
        <v>3</v>
      </c>
      <c r="K9320">
        <v>5.4</v>
      </c>
    </row>
    <row r="9321" spans="1:11" x14ac:dyDescent="0.3">
      <c r="A9321" s="1">
        <v>43055</v>
      </c>
      <c r="B9321" s="3">
        <f t="shared" si="290"/>
        <v>11</v>
      </c>
      <c r="C9321" s="3">
        <f t="shared" si="291"/>
        <v>2017</v>
      </c>
      <c r="D9321" t="s">
        <v>1721</v>
      </c>
      <c r="E9321" t="s">
        <v>77</v>
      </c>
      <c r="F9321" t="s">
        <v>38</v>
      </c>
      <c r="G9321" t="s">
        <v>51</v>
      </c>
      <c r="H9321" t="s">
        <v>2360</v>
      </c>
      <c r="I9321">
        <v>139.96</v>
      </c>
      <c r="J9321">
        <v>5</v>
      </c>
      <c r="K9321">
        <v>-1.75</v>
      </c>
    </row>
    <row r="9322" spans="1:11" x14ac:dyDescent="0.3">
      <c r="A9322" s="1">
        <v>43055</v>
      </c>
      <c r="B9322" s="3">
        <f t="shared" si="290"/>
        <v>11</v>
      </c>
      <c r="C9322" s="3">
        <f t="shared" si="291"/>
        <v>2017</v>
      </c>
      <c r="D9322" t="s">
        <v>566</v>
      </c>
      <c r="E9322" t="s">
        <v>26</v>
      </c>
      <c r="F9322" t="s">
        <v>33</v>
      </c>
      <c r="G9322" t="s">
        <v>46</v>
      </c>
      <c r="H9322" t="s">
        <v>1710</v>
      </c>
      <c r="I9322">
        <v>119.94</v>
      </c>
      <c r="J9322">
        <v>3</v>
      </c>
      <c r="K9322">
        <v>23.99</v>
      </c>
    </row>
    <row r="9323" spans="1:11" x14ac:dyDescent="0.3">
      <c r="A9323" s="1">
        <v>43055</v>
      </c>
      <c r="B9323" s="3">
        <f t="shared" si="290"/>
        <v>11</v>
      </c>
      <c r="C9323" s="3">
        <f t="shared" si="291"/>
        <v>2017</v>
      </c>
      <c r="D9323" t="s">
        <v>566</v>
      </c>
      <c r="E9323" t="s">
        <v>26</v>
      </c>
      <c r="F9323" t="s">
        <v>33</v>
      </c>
      <c r="G9323" t="s">
        <v>46</v>
      </c>
      <c r="H9323" t="s">
        <v>136</v>
      </c>
      <c r="I9323">
        <v>12.42</v>
      </c>
      <c r="J9323">
        <v>3</v>
      </c>
      <c r="K9323">
        <v>4.47</v>
      </c>
    </row>
    <row r="9324" spans="1:11" x14ac:dyDescent="0.3">
      <c r="A9324" s="1">
        <v>43056</v>
      </c>
      <c r="B9324" s="3">
        <f t="shared" si="290"/>
        <v>11</v>
      </c>
      <c r="C9324" s="3">
        <f t="shared" si="291"/>
        <v>2017</v>
      </c>
      <c r="D9324" t="s">
        <v>1121</v>
      </c>
      <c r="E9324" t="s">
        <v>54</v>
      </c>
      <c r="F9324" t="s">
        <v>10</v>
      </c>
      <c r="G9324" t="s">
        <v>91</v>
      </c>
      <c r="H9324" t="s">
        <v>1753</v>
      </c>
      <c r="I9324">
        <v>35.04</v>
      </c>
      <c r="J9324">
        <v>2</v>
      </c>
      <c r="K9324">
        <v>12.26</v>
      </c>
    </row>
    <row r="9325" spans="1:11" x14ac:dyDescent="0.3">
      <c r="A9325" s="1">
        <v>43056</v>
      </c>
      <c r="B9325" s="3">
        <f t="shared" si="290"/>
        <v>11</v>
      </c>
      <c r="C9325" s="3">
        <f t="shared" si="291"/>
        <v>2017</v>
      </c>
      <c r="D9325" t="s">
        <v>108</v>
      </c>
      <c r="E9325" t="s">
        <v>433</v>
      </c>
      <c r="F9325" t="s">
        <v>10</v>
      </c>
      <c r="G9325" t="s">
        <v>23</v>
      </c>
      <c r="H9325" t="s">
        <v>2409</v>
      </c>
      <c r="I9325">
        <v>50.94</v>
      </c>
      <c r="J9325">
        <v>3</v>
      </c>
      <c r="K9325">
        <v>14.26</v>
      </c>
    </row>
    <row r="9326" spans="1:11" x14ac:dyDescent="0.3">
      <c r="A9326" s="1">
        <v>43056</v>
      </c>
      <c r="B9326" s="3">
        <f t="shared" si="290"/>
        <v>11</v>
      </c>
      <c r="C9326" s="3">
        <f t="shared" si="291"/>
        <v>2017</v>
      </c>
      <c r="D9326" t="s">
        <v>2428</v>
      </c>
      <c r="E9326" t="s">
        <v>9</v>
      </c>
      <c r="F9326" t="s">
        <v>33</v>
      </c>
      <c r="G9326" t="s">
        <v>73</v>
      </c>
      <c r="H9326" t="s">
        <v>2464</v>
      </c>
      <c r="I9326">
        <v>327.73</v>
      </c>
      <c r="J9326">
        <v>2</v>
      </c>
      <c r="K9326">
        <v>-14.46</v>
      </c>
    </row>
    <row r="9327" spans="1:11" x14ac:dyDescent="0.3">
      <c r="A9327" s="1">
        <v>43056</v>
      </c>
      <c r="B9327" s="3">
        <f t="shared" si="290"/>
        <v>11</v>
      </c>
      <c r="C9327" s="3">
        <f t="shared" si="291"/>
        <v>2017</v>
      </c>
      <c r="D9327" t="s">
        <v>99</v>
      </c>
      <c r="E9327" t="s">
        <v>58</v>
      </c>
      <c r="F9327" t="s">
        <v>38</v>
      </c>
      <c r="G9327" t="s">
        <v>602</v>
      </c>
      <c r="H9327" t="s">
        <v>2528</v>
      </c>
      <c r="I9327">
        <v>10499.97</v>
      </c>
      <c r="J9327">
        <v>3</v>
      </c>
      <c r="K9327">
        <v>5039.99</v>
      </c>
    </row>
    <row r="9328" spans="1:11" x14ac:dyDescent="0.3">
      <c r="A9328" s="1">
        <v>43056</v>
      </c>
      <c r="B9328" s="3">
        <f t="shared" si="290"/>
        <v>11</v>
      </c>
      <c r="C9328" s="3">
        <f t="shared" si="291"/>
        <v>2017</v>
      </c>
      <c r="D9328" t="s">
        <v>2312</v>
      </c>
      <c r="E9328" t="s">
        <v>14</v>
      </c>
      <c r="F9328" t="s">
        <v>38</v>
      </c>
      <c r="G9328" t="s">
        <v>51</v>
      </c>
      <c r="H9328" t="s">
        <v>1475</v>
      </c>
      <c r="I9328">
        <v>239.96</v>
      </c>
      <c r="J9328">
        <v>5</v>
      </c>
      <c r="K9328">
        <v>83.99</v>
      </c>
    </row>
    <row r="9329" spans="1:11" x14ac:dyDescent="0.3">
      <c r="A9329" s="1">
        <v>43056</v>
      </c>
      <c r="B9329" s="3">
        <f t="shared" si="290"/>
        <v>11</v>
      </c>
      <c r="C9329" s="3">
        <f t="shared" si="291"/>
        <v>2017</v>
      </c>
      <c r="D9329" t="s">
        <v>658</v>
      </c>
      <c r="E9329" t="s">
        <v>148</v>
      </c>
      <c r="F9329" t="s">
        <v>10</v>
      </c>
      <c r="G9329" t="s">
        <v>17</v>
      </c>
      <c r="H9329" t="s">
        <v>1957</v>
      </c>
      <c r="I9329">
        <v>1247.6400000000001</v>
      </c>
      <c r="J9329">
        <v>3</v>
      </c>
      <c r="K9329">
        <v>349.34</v>
      </c>
    </row>
    <row r="9330" spans="1:11" x14ac:dyDescent="0.3">
      <c r="A9330" s="1">
        <v>43056</v>
      </c>
      <c r="B9330" s="3">
        <f t="shared" si="290"/>
        <v>11</v>
      </c>
      <c r="C9330" s="3">
        <f t="shared" si="291"/>
        <v>2017</v>
      </c>
      <c r="D9330" t="s">
        <v>1520</v>
      </c>
      <c r="E9330" t="s">
        <v>163</v>
      </c>
      <c r="F9330" t="s">
        <v>10</v>
      </c>
      <c r="G9330" t="s">
        <v>19</v>
      </c>
      <c r="H9330" t="s">
        <v>965</v>
      </c>
      <c r="I9330">
        <v>13.9</v>
      </c>
      <c r="J9330">
        <v>2</v>
      </c>
      <c r="K9330">
        <v>4.5199999999999996</v>
      </c>
    </row>
    <row r="9331" spans="1:11" x14ac:dyDescent="0.3">
      <c r="A9331" s="1">
        <v>43056</v>
      </c>
      <c r="B9331" s="3">
        <f t="shared" si="290"/>
        <v>11</v>
      </c>
      <c r="C9331" s="3">
        <f t="shared" si="291"/>
        <v>2017</v>
      </c>
      <c r="D9331" t="s">
        <v>432</v>
      </c>
      <c r="E9331" t="s">
        <v>90</v>
      </c>
      <c r="F9331" t="s">
        <v>10</v>
      </c>
      <c r="G9331" t="s">
        <v>11</v>
      </c>
      <c r="H9331" t="s">
        <v>2691</v>
      </c>
      <c r="I9331">
        <v>19.61</v>
      </c>
      <c r="J9331">
        <v>3</v>
      </c>
      <c r="K9331">
        <v>6.62</v>
      </c>
    </row>
    <row r="9332" spans="1:11" x14ac:dyDescent="0.3">
      <c r="A9332" s="1">
        <v>43056</v>
      </c>
      <c r="B9332" s="3">
        <f t="shared" si="290"/>
        <v>11</v>
      </c>
      <c r="C9332" s="3">
        <f t="shared" si="291"/>
        <v>2017</v>
      </c>
      <c r="D9332" t="s">
        <v>432</v>
      </c>
      <c r="E9332" t="s">
        <v>90</v>
      </c>
      <c r="F9332" t="s">
        <v>10</v>
      </c>
      <c r="G9332" t="s">
        <v>19</v>
      </c>
      <c r="H9332" t="s">
        <v>2286</v>
      </c>
      <c r="I9332">
        <v>4.16</v>
      </c>
      <c r="J9332">
        <v>7</v>
      </c>
      <c r="K9332">
        <v>-3.47</v>
      </c>
    </row>
    <row r="9333" spans="1:11" x14ac:dyDescent="0.3">
      <c r="A9333" s="1">
        <v>43056</v>
      </c>
      <c r="B9333" s="3">
        <f t="shared" si="290"/>
        <v>11</v>
      </c>
      <c r="C9333" s="3">
        <f t="shared" si="291"/>
        <v>2017</v>
      </c>
      <c r="D9333" t="s">
        <v>1839</v>
      </c>
      <c r="E9333" t="s">
        <v>244</v>
      </c>
      <c r="F9333" t="s">
        <v>10</v>
      </c>
      <c r="G9333" t="s">
        <v>11</v>
      </c>
      <c r="H9333" t="s">
        <v>2715</v>
      </c>
      <c r="I9333">
        <v>268.24</v>
      </c>
      <c r="J9333">
        <v>7</v>
      </c>
      <c r="K9333">
        <v>93.88</v>
      </c>
    </row>
    <row r="9334" spans="1:11" x14ac:dyDescent="0.3">
      <c r="A9334" s="1">
        <v>43056</v>
      </c>
      <c r="B9334" s="3">
        <f t="shared" si="290"/>
        <v>11</v>
      </c>
      <c r="C9334" s="3">
        <f t="shared" si="291"/>
        <v>2017</v>
      </c>
      <c r="D9334" t="s">
        <v>1839</v>
      </c>
      <c r="E9334" t="s">
        <v>244</v>
      </c>
      <c r="F9334" t="s">
        <v>38</v>
      </c>
      <c r="G9334" t="s">
        <v>51</v>
      </c>
      <c r="H9334" t="s">
        <v>65</v>
      </c>
      <c r="I9334">
        <v>431.16</v>
      </c>
      <c r="J9334">
        <v>5</v>
      </c>
      <c r="K9334">
        <v>107.79</v>
      </c>
    </row>
    <row r="9335" spans="1:11" x14ac:dyDescent="0.3">
      <c r="A9335" s="1">
        <v>43056</v>
      </c>
      <c r="B9335" s="3">
        <f t="shared" si="290"/>
        <v>11</v>
      </c>
      <c r="C9335" s="3">
        <f t="shared" si="291"/>
        <v>2017</v>
      </c>
      <c r="D9335" t="s">
        <v>2527</v>
      </c>
      <c r="E9335" t="s">
        <v>148</v>
      </c>
      <c r="F9335" t="s">
        <v>10</v>
      </c>
      <c r="G9335" t="s">
        <v>11</v>
      </c>
      <c r="H9335" t="s">
        <v>2604</v>
      </c>
      <c r="I9335">
        <v>38.880000000000003</v>
      </c>
      <c r="J9335">
        <v>6</v>
      </c>
      <c r="K9335">
        <v>18.66</v>
      </c>
    </row>
    <row r="9336" spans="1:11" x14ac:dyDescent="0.3">
      <c r="A9336" s="1">
        <v>43056</v>
      </c>
      <c r="B9336" s="3">
        <f t="shared" si="290"/>
        <v>11</v>
      </c>
      <c r="C9336" s="3">
        <f t="shared" si="291"/>
        <v>2017</v>
      </c>
      <c r="D9336" t="s">
        <v>2527</v>
      </c>
      <c r="E9336" t="s">
        <v>148</v>
      </c>
      <c r="F9336" t="s">
        <v>33</v>
      </c>
      <c r="G9336" t="s">
        <v>46</v>
      </c>
      <c r="H9336" t="s">
        <v>534</v>
      </c>
      <c r="I9336">
        <v>187.76</v>
      </c>
      <c r="J9336">
        <v>4</v>
      </c>
      <c r="K9336">
        <v>76.98</v>
      </c>
    </row>
    <row r="9337" spans="1:11" x14ac:dyDescent="0.3">
      <c r="A9337" s="1">
        <v>43056</v>
      </c>
      <c r="B9337" s="3">
        <f t="shared" si="290"/>
        <v>11</v>
      </c>
      <c r="C9337" s="3">
        <f t="shared" si="291"/>
        <v>2017</v>
      </c>
      <c r="D9337" t="s">
        <v>1076</v>
      </c>
      <c r="E9337" t="s">
        <v>530</v>
      </c>
      <c r="F9337" t="s">
        <v>10</v>
      </c>
      <c r="G9337" t="s">
        <v>19</v>
      </c>
      <c r="H9337" t="s">
        <v>1224</v>
      </c>
      <c r="I9337">
        <v>43.8</v>
      </c>
      <c r="J9337">
        <v>6</v>
      </c>
      <c r="K9337">
        <v>20.59</v>
      </c>
    </row>
    <row r="9338" spans="1:11" x14ac:dyDescent="0.3">
      <c r="A9338" s="1">
        <v>43056</v>
      </c>
      <c r="B9338" s="3">
        <f t="shared" si="290"/>
        <v>11</v>
      </c>
      <c r="C9338" s="3">
        <f t="shared" si="291"/>
        <v>2017</v>
      </c>
      <c r="D9338" t="s">
        <v>497</v>
      </c>
      <c r="E9338" t="s">
        <v>29</v>
      </c>
      <c r="F9338" t="s">
        <v>38</v>
      </c>
      <c r="G9338" t="s">
        <v>51</v>
      </c>
      <c r="H9338" t="s">
        <v>1815</v>
      </c>
      <c r="I9338">
        <v>79.989999999999995</v>
      </c>
      <c r="J9338">
        <v>1</v>
      </c>
      <c r="K9338">
        <v>28.8</v>
      </c>
    </row>
    <row r="9339" spans="1:11" x14ac:dyDescent="0.3">
      <c r="A9339" s="1">
        <v>43056</v>
      </c>
      <c r="B9339" s="3">
        <f t="shared" si="290"/>
        <v>11</v>
      </c>
      <c r="C9339" s="3">
        <f t="shared" si="291"/>
        <v>2017</v>
      </c>
      <c r="D9339" t="s">
        <v>497</v>
      </c>
      <c r="E9339" t="s">
        <v>29</v>
      </c>
      <c r="F9339" t="s">
        <v>38</v>
      </c>
      <c r="G9339" t="s">
        <v>39</v>
      </c>
      <c r="H9339" t="s">
        <v>2663</v>
      </c>
      <c r="I9339">
        <v>206.1</v>
      </c>
      <c r="J9339">
        <v>5</v>
      </c>
      <c r="K9339">
        <v>55.65</v>
      </c>
    </row>
    <row r="9340" spans="1:11" x14ac:dyDescent="0.3">
      <c r="A9340" s="1">
        <v>43057</v>
      </c>
      <c r="B9340" s="3">
        <f t="shared" si="290"/>
        <v>11</v>
      </c>
      <c r="C9340" s="3">
        <f t="shared" si="291"/>
        <v>2017</v>
      </c>
      <c r="D9340" t="s">
        <v>2713</v>
      </c>
      <c r="E9340" t="s">
        <v>163</v>
      </c>
      <c r="F9340" t="s">
        <v>10</v>
      </c>
      <c r="G9340" t="s">
        <v>17</v>
      </c>
      <c r="H9340" t="s">
        <v>622</v>
      </c>
      <c r="I9340">
        <v>169.68</v>
      </c>
      <c r="J9340">
        <v>6</v>
      </c>
      <c r="K9340">
        <v>45.81</v>
      </c>
    </row>
    <row r="9341" spans="1:11" x14ac:dyDescent="0.3">
      <c r="A9341" s="1">
        <v>43057</v>
      </c>
      <c r="B9341" s="3">
        <f t="shared" si="290"/>
        <v>11</v>
      </c>
      <c r="C9341" s="3">
        <f t="shared" si="291"/>
        <v>2017</v>
      </c>
      <c r="D9341" t="s">
        <v>2713</v>
      </c>
      <c r="E9341" t="s">
        <v>163</v>
      </c>
      <c r="F9341" t="s">
        <v>38</v>
      </c>
      <c r="G9341" t="s">
        <v>51</v>
      </c>
      <c r="H9341" t="s">
        <v>1614</v>
      </c>
      <c r="I9341">
        <v>132.52000000000001</v>
      </c>
      <c r="J9341">
        <v>4</v>
      </c>
      <c r="K9341">
        <v>54.33</v>
      </c>
    </row>
    <row r="9342" spans="1:11" x14ac:dyDescent="0.3">
      <c r="A9342" s="1">
        <v>43057</v>
      </c>
      <c r="B9342" s="3">
        <f t="shared" si="290"/>
        <v>11</v>
      </c>
      <c r="C9342" s="3">
        <f t="shared" si="291"/>
        <v>2017</v>
      </c>
      <c r="D9342" t="s">
        <v>2713</v>
      </c>
      <c r="E9342" t="s">
        <v>163</v>
      </c>
      <c r="F9342" t="s">
        <v>10</v>
      </c>
      <c r="G9342" t="s">
        <v>42</v>
      </c>
      <c r="H9342" t="s">
        <v>495</v>
      </c>
      <c r="I9342">
        <v>2.96</v>
      </c>
      <c r="J9342">
        <v>2</v>
      </c>
      <c r="K9342">
        <v>1.42</v>
      </c>
    </row>
    <row r="9343" spans="1:11" x14ac:dyDescent="0.3">
      <c r="A9343" s="1">
        <v>43057</v>
      </c>
      <c r="B9343" s="3">
        <f t="shared" si="290"/>
        <v>11</v>
      </c>
      <c r="C9343" s="3">
        <f t="shared" si="291"/>
        <v>2017</v>
      </c>
      <c r="D9343" t="s">
        <v>2713</v>
      </c>
      <c r="E9343" t="s">
        <v>163</v>
      </c>
      <c r="F9343" t="s">
        <v>10</v>
      </c>
      <c r="G9343" t="s">
        <v>19</v>
      </c>
      <c r="H9343" t="s">
        <v>845</v>
      </c>
      <c r="I9343">
        <v>8.4499999999999993</v>
      </c>
      <c r="J9343">
        <v>2</v>
      </c>
      <c r="K9343">
        <v>2.96</v>
      </c>
    </row>
    <row r="9344" spans="1:11" x14ac:dyDescent="0.3">
      <c r="A9344" s="1">
        <v>43057</v>
      </c>
      <c r="B9344" s="3">
        <f t="shared" si="290"/>
        <v>11</v>
      </c>
      <c r="C9344" s="3">
        <f t="shared" si="291"/>
        <v>2017</v>
      </c>
      <c r="D9344" t="s">
        <v>2713</v>
      </c>
      <c r="E9344" t="s">
        <v>163</v>
      </c>
      <c r="F9344" t="s">
        <v>10</v>
      </c>
      <c r="G9344" t="s">
        <v>17</v>
      </c>
      <c r="H9344" t="s">
        <v>908</v>
      </c>
      <c r="I9344">
        <v>95.94</v>
      </c>
      <c r="J9344">
        <v>3</v>
      </c>
      <c r="K9344">
        <v>9.59</v>
      </c>
    </row>
    <row r="9345" spans="1:11" x14ac:dyDescent="0.3">
      <c r="A9345" s="1">
        <v>43057</v>
      </c>
      <c r="B9345" s="3">
        <f t="shared" si="290"/>
        <v>11</v>
      </c>
      <c r="C9345" s="3">
        <f t="shared" si="291"/>
        <v>2017</v>
      </c>
      <c r="D9345" t="s">
        <v>2047</v>
      </c>
      <c r="E9345" t="s">
        <v>77</v>
      </c>
      <c r="F9345" t="s">
        <v>10</v>
      </c>
      <c r="G9345" t="s">
        <v>23</v>
      </c>
      <c r="H9345" t="s">
        <v>2529</v>
      </c>
      <c r="I9345">
        <v>38.86</v>
      </c>
      <c r="J9345">
        <v>7</v>
      </c>
      <c r="K9345">
        <v>7.77</v>
      </c>
    </row>
    <row r="9346" spans="1:11" x14ac:dyDescent="0.3">
      <c r="A9346" s="1">
        <v>43057</v>
      </c>
      <c r="B9346" s="3">
        <f t="shared" ref="B9346:B9409" si="292">MONTH(A:A)</f>
        <v>11</v>
      </c>
      <c r="C9346" s="3">
        <f t="shared" ref="C9346:C9409" si="293">YEAR(A:A)</f>
        <v>2017</v>
      </c>
      <c r="D9346" t="s">
        <v>31</v>
      </c>
      <c r="E9346" t="s">
        <v>109</v>
      </c>
      <c r="F9346" t="s">
        <v>33</v>
      </c>
      <c r="G9346" t="s">
        <v>46</v>
      </c>
      <c r="H9346" t="s">
        <v>2479</v>
      </c>
      <c r="I9346">
        <v>19.760000000000002</v>
      </c>
      <c r="J9346">
        <v>4</v>
      </c>
      <c r="K9346">
        <v>8.3000000000000007</v>
      </c>
    </row>
    <row r="9347" spans="1:11" x14ac:dyDescent="0.3">
      <c r="A9347" s="1">
        <v>43057</v>
      </c>
      <c r="B9347" s="3">
        <f t="shared" si="292"/>
        <v>11</v>
      </c>
      <c r="C9347" s="3">
        <f t="shared" si="293"/>
        <v>2017</v>
      </c>
      <c r="D9347" t="s">
        <v>2382</v>
      </c>
      <c r="E9347" t="s">
        <v>122</v>
      </c>
      <c r="F9347" t="s">
        <v>10</v>
      </c>
      <c r="G9347" t="s">
        <v>11</v>
      </c>
      <c r="H9347" t="s">
        <v>481</v>
      </c>
      <c r="I9347">
        <v>44.38</v>
      </c>
      <c r="J9347">
        <v>1</v>
      </c>
      <c r="K9347">
        <v>15.53</v>
      </c>
    </row>
    <row r="9348" spans="1:11" x14ac:dyDescent="0.3">
      <c r="A9348" s="1">
        <v>43057</v>
      </c>
      <c r="B9348" s="3">
        <f t="shared" si="292"/>
        <v>11</v>
      </c>
      <c r="C9348" s="3">
        <f t="shared" si="293"/>
        <v>2017</v>
      </c>
      <c r="D9348" t="s">
        <v>2382</v>
      </c>
      <c r="E9348" t="s">
        <v>122</v>
      </c>
      <c r="F9348" t="s">
        <v>10</v>
      </c>
      <c r="G9348" t="s">
        <v>199</v>
      </c>
      <c r="H9348" t="s">
        <v>806</v>
      </c>
      <c r="I9348">
        <v>2.94</v>
      </c>
      <c r="J9348">
        <v>1</v>
      </c>
      <c r="K9348">
        <v>-0.66</v>
      </c>
    </row>
    <row r="9349" spans="1:11" x14ac:dyDescent="0.3">
      <c r="A9349" s="1">
        <v>43057</v>
      </c>
      <c r="B9349" s="3">
        <f t="shared" si="292"/>
        <v>11</v>
      </c>
      <c r="C9349" s="3">
        <f t="shared" si="293"/>
        <v>2017</v>
      </c>
      <c r="D9349" t="s">
        <v>1932</v>
      </c>
      <c r="E9349" t="s">
        <v>148</v>
      </c>
      <c r="F9349" t="s">
        <v>38</v>
      </c>
      <c r="G9349" t="s">
        <v>39</v>
      </c>
      <c r="H9349" t="s">
        <v>2212</v>
      </c>
      <c r="I9349">
        <v>74.95</v>
      </c>
      <c r="J9349">
        <v>5</v>
      </c>
      <c r="K9349">
        <v>36.729999999999997</v>
      </c>
    </row>
    <row r="9350" spans="1:11" x14ac:dyDescent="0.3">
      <c r="A9350" s="1">
        <v>43057</v>
      </c>
      <c r="B9350" s="3">
        <f t="shared" si="292"/>
        <v>11</v>
      </c>
      <c r="C9350" s="3">
        <f t="shared" si="293"/>
        <v>2017</v>
      </c>
      <c r="D9350" t="s">
        <v>2547</v>
      </c>
      <c r="E9350" t="s">
        <v>122</v>
      </c>
      <c r="F9350" t="s">
        <v>10</v>
      </c>
      <c r="G9350" t="s">
        <v>17</v>
      </c>
      <c r="H9350" t="s">
        <v>355</v>
      </c>
      <c r="I9350">
        <v>81.36</v>
      </c>
      <c r="J9350">
        <v>5</v>
      </c>
      <c r="K9350">
        <v>-19.32</v>
      </c>
    </row>
    <row r="9351" spans="1:11" x14ac:dyDescent="0.3">
      <c r="A9351" s="1">
        <v>43057</v>
      </c>
      <c r="B9351" s="3">
        <f t="shared" si="292"/>
        <v>11</v>
      </c>
      <c r="C9351" s="3">
        <f t="shared" si="293"/>
        <v>2017</v>
      </c>
      <c r="D9351" t="s">
        <v>2547</v>
      </c>
      <c r="E9351" t="s">
        <v>122</v>
      </c>
      <c r="F9351" t="s">
        <v>10</v>
      </c>
      <c r="G9351" t="s">
        <v>19</v>
      </c>
      <c r="H9351" t="s">
        <v>430</v>
      </c>
      <c r="I9351">
        <v>20.23</v>
      </c>
      <c r="J9351">
        <v>8</v>
      </c>
      <c r="K9351">
        <v>-16.190000000000001</v>
      </c>
    </row>
    <row r="9352" spans="1:11" x14ac:dyDescent="0.3">
      <c r="A9352" s="1">
        <v>43057</v>
      </c>
      <c r="B9352" s="3">
        <f t="shared" si="292"/>
        <v>11</v>
      </c>
      <c r="C9352" s="3">
        <f t="shared" si="293"/>
        <v>2017</v>
      </c>
      <c r="D9352" t="s">
        <v>2547</v>
      </c>
      <c r="E9352" t="s">
        <v>122</v>
      </c>
      <c r="F9352" t="s">
        <v>10</v>
      </c>
      <c r="G9352" t="s">
        <v>91</v>
      </c>
      <c r="H9352" t="s">
        <v>2151</v>
      </c>
      <c r="I9352">
        <v>389.06</v>
      </c>
      <c r="J9352">
        <v>4</v>
      </c>
      <c r="K9352">
        <v>48.63</v>
      </c>
    </row>
    <row r="9353" spans="1:11" x14ac:dyDescent="0.3">
      <c r="A9353" s="1">
        <v>43057</v>
      </c>
      <c r="B9353" s="3">
        <f t="shared" si="292"/>
        <v>11</v>
      </c>
      <c r="C9353" s="3">
        <f t="shared" si="293"/>
        <v>2017</v>
      </c>
      <c r="D9353" t="s">
        <v>2547</v>
      </c>
      <c r="E9353" t="s">
        <v>122</v>
      </c>
      <c r="F9353" t="s">
        <v>10</v>
      </c>
      <c r="G9353" t="s">
        <v>11</v>
      </c>
      <c r="H9353" t="s">
        <v>1618</v>
      </c>
      <c r="I9353">
        <v>20.74</v>
      </c>
      <c r="J9353">
        <v>4</v>
      </c>
      <c r="K9353">
        <v>7.26</v>
      </c>
    </row>
    <row r="9354" spans="1:11" x14ac:dyDescent="0.3">
      <c r="A9354" s="1">
        <v>43057</v>
      </c>
      <c r="B9354" s="3">
        <f t="shared" si="292"/>
        <v>11</v>
      </c>
      <c r="C9354" s="3">
        <f t="shared" si="293"/>
        <v>2017</v>
      </c>
      <c r="D9354" t="s">
        <v>2547</v>
      </c>
      <c r="E9354" t="s">
        <v>122</v>
      </c>
      <c r="F9354" t="s">
        <v>10</v>
      </c>
      <c r="G9354" t="s">
        <v>11</v>
      </c>
      <c r="H9354" t="s">
        <v>480</v>
      </c>
      <c r="I9354">
        <v>41.47</v>
      </c>
      <c r="J9354">
        <v>8</v>
      </c>
      <c r="K9354">
        <v>14.52</v>
      </c>
    </row>
    <row r="9355" spans="1:11" x14ac:dyDescent="0.3">
      <c r="A9355" s="1">
        <v>43057</v>
      </c>
      <c r="B9355" s="3">
        <f t="shared" si="292"/>
        <v>11</v>
      </c>
      <c r="C9355" s="3">
        <f t="shared" si="293"/>
        <v>2017</v>
      </c>
      <c r="D9355" t="s">
        <v>1428</v>
      </c>
      <c r="E9355" t="s">
        <v>14</v>
      </c>
      <c r="F9355" t="s">
        <v>10</v>
      </c>
      <c r="G9355" t="s">
        <v>62</v>
      </c>
      <c r="H9355" t="s">
        <v>1666</v>
      </c>
      <c r="I9355">
        <v>55.58</v>
      </c>
      <c r="J9355">
        <v>6</v>
      </c>
      <c r="K9355">
        <v>20.84</v>
      </c>
    </row>
    <row r="9356" spans="1:11" x14ac:dyDescent="0.3">
      <c r="A9356" s="1">
        <v>43057</v>
      </c>
      <c r="B9356" s="3">
        <f t="shared" si="292"/>
        <v>11</v>
      </c>
      <c r="C9356" s="3">
        <f t="shared" si="293"/>
        <v>2017</v>
      </c>
      <c r="D9356" t="s">
        <v>1428</v>
      </c>
      <c r="E9356" t="s">
        <v>14</v>
      </c>
      <c r="F9356" t="s">
        <v>33</v>
      </c>
      <c r="G9356" t="s">
        <v>34</v>
      </c>
      <c r="H9356" t="s">
        <v>70</v>
      </c>
      <c r="I9356">
        <v>127.39</v>
      </c>
      <c r="J9356">
        <v>2</v>
      </c>
      <c r="K9356">
        <v>-25.48</v>
      </c>
    </row>
    <row r="9357" spans="1:11" x14ac:dyDescent="0.3">
      <c r="A9357" s="1">
        <v>43057</v>
      </c>
      <c r="B9357" s="3">
        <f t="shared" si="292"/>
        <v>11</v>
      </c>
      <c r="C9357" s="3">
        <f t="shared" si="293"/>
        <v>2017</v>
      </c>
      <c r="D9357" t="s">
        <v>1747</v>
      </c>
      <c r="E9357" t="s">
        <v>156</v>
      </c>
      <c r="F9357" t="s">
        <v>10</v>
      </c>
      <c r="G9357" t="s">
        <v>17</v>
      </c>
      <c r="H9357" t="s">
        <v>1330</v>
      </c>
      <c r="I9357">
        <v>92.52</v>
      </c>
      <c r="J9357">
        <v>6</v>
      </c>
      <c r="K9357">
        <v>24.98</v>
      </c>
    </row>
    <row r="9358" spans="1:11" x14ac:dyDescent="0.3">
      <c r="A9358" s="1">
        <v>43057</v>
      </c>
      <c r="B9358" s="3">
        <f t="shared" si="292"/>
        <v>11</v>
      </c>
      <c r="C9358" s="3">
        <f t="shared" si="293"/>
        <v>2017</v>
      </c>
      <c r="D9358" t="s">
        <v>1747</v>
      </c>
      <c r="E9358" t="s">
        <v>156</v>
      </c>
      <c r="F9358" t="s">
        <v>10</v>
      </c>
      <c r="G9358" t="s">
        <v>17</v>
      </c>
      <c r="H9358" t="s">
        <v>1760</v>
      </c>
      <c r="I9358">
        <v>37.76</v>
      </c>
      <c r="J9358">
        <v>1</v>
      </c>
      <c r="K9358">
        <v>10.57</v>
      </c>
    </row>
    <row r="9359" spans="1:11" x14ac:dyDescent="0.3">
      <c r="A9359" s="1">
        <v>43057</v>
      </c>
      <c r="B9359" s="3">
        <f t="shared" si="292"/>
        <v>11</v>
      </c>
      <c r="C9359" s="3">
        <f t="shared" si="293"/>
        <v>2017</v>
      </c>
      <c r="D9359" t="s">
        <v>1747</v>
      </c>
      <c r="E9359" t="s">
        <v>156</v>
      </c>
      <c r="F9359" t="s">
        <v>10</v>
      </c>
      <c r="G9359" t="s">
        <v>15</v>
      </c>
      <c r="H9359" t="s">
        <v>1817</v>
      </c>
      <c r="I9359">
        <v>7.38</v>
      </c>
      <c r="J9359">
        <v>2</v>
      </c>
      <c r="K9359">
        <v>3.47</v>
      </c>
    </row>
    <row r="9360" spans="1:11" x14ac:dyDescent="0.3">
      <c r="A9360" s="1">
        <v>43057</v>
      </c>
      <c r="B9360" s="3">
        <f t="shared" si="292"/>
        <v>11</v>
      </c>
      <c r="C9360" s="3">
        <f t="shared" si="293"/>
        <v>2017</v>
      </c>
      <c r="D9360" t="s">
        <v>1747</v>
      </c>
      <c r="E9360" t="s">
        <v>156</v>
      </c>
      <c r="F9360" t="s">
        <v>33</v>
      </c>
      <c r="G9360" t="s">
        <v>46</v>
      </c>
      <c r="H9360" t="s">
        <v>2492</v>
      </c>
      <c r="I9360">
        <v>5.82</v>
      </c>
      <c r="J9360">
        <v>2</v>
      </c>
      <c r="K9360">
        <v>2.74</v>
      </c>
    </row>
    <row r="9361" spans="1:11" x14ac:dyDescent="0.3">
      <c r="A9361" s="1">
        <v>43058</v>
      </c>
      <c r="B9361" s="3">
        <f t="shared" si="292"/>
        <v>11</v>
      </c>
      <c r="C9361" s="3">
        <f t="shared" si="293"/>
        <v>2017</v>
      </c>
      <c r="D9361" t="s">
        <v>2111</v>
      </c>
      <c r="E9361" t="s">
        <v>14</v>
      </c>
      <c r="F9361" t="s">
        <v>33</v>
      </c>
      <c r="G9361" t="s">
        <v>144</v>
      </c>
      <c r="H9361" t="s">
        <v>1652</v>
      </c>
      <c r="I9361">
        <v>219.08</v>
      </c>
      <c r="J9361">
        <v>3</v>
      </c>
      <c r="K9361">
        <v>-131.44999999999999</v>
      </c>
    </row>
    <row r="9362" spans="1:11" x14ac:dyDescent="0.3">
      <c r="A9362" s="1">
        <v>43058</v>
      </c>
      <c r="B9362" s="3">
        <f t="shared" si="292"/>
        <v>11</v>
      </c>
      <c r="C9362" s="3">
        <f t="shared" si="293"/>
        <v>2017</v>
      </c>
      <c r="D9362" t="s">
        <v>2624</v>
      </c>
      <c r="E9362" t="s">
        <v>148</v>
      </c>
      <c r="F9362" t="s">
        <v>10</v>
      </c>
      <c r="G9362" t="s">
        <v>19</v>
      </c>
      <c r="H9362" t="s">
        <v>2291</v>
      </c>
      <c r="I9362">
        <v>41.28</v>
      </c>
      <c r="J9362">
        <v>6</v>
      </c>
      <c r="K9362">
        <v>13.93</v>
      </c>
    </row>
    <row r="9363" spans="1:11" x14ac:dyDescent="0.3">
      <c r="A9363" s="1">
        <v>43058</v>
      </c>
      <c r="B9363" s="3">
        <f t="shared" si="292"/>
        <v>11</v>
      </c>
      <c r="C9363" s="3">
        <f t="shared" si="293"/>
        <v>2017</v>
      </c>
      <c r="D9363" t="s">
        <v>2624</v>
      </c>
      <c r="E9363" t="s">
        <v>148</v>
      </c>
      <c r="F9363" t="s">
        <v>10</v>
      </c>
      <c r="G9363" t="s">
        <v>11</v>
      </c>
      <c r="H9363" t="s">
        <v>440</v>
      </c>
      <c r="I9363">
        <v>13.36</v>
      </c>
      <c r="J9363">
        <v>2</v>
      </c>
      <c r="K9363">
        <v>6.41</v>
      </c>
    </row>
    <row r="9364" spans="1:11" x14ac:dyDescent="0.3">
      <c r="A9364" s="1">
        <v>43058</v>
      </c>
      <c r="B9364" s="3">
        <f t="shared" si="292"/>
        <v>11</v>
      </c>
      <c r="C9364" s="3">
        <f t="shared" si="293"/>
        <v>2017</v>
      </c>
      <c r="D9364" t="s">
        <v>1206</v>
      </c>
      <c r="E9364" t="s">
        <v>26</v>
      </c>
      <c r="F9364" t="s">
        <v>38</v>
      </c>
      <c r="G9364" t="s">
        <v>39</v>
      </c>
      <c r="H9364" t="s">
        <v>596</v>
      </c>
      <c r="I9364">
        <v>31.97</v>
      </c>
      <c r="J9364">
        <v>4</v>
      </c>
      <c r="K9364">
        <v>2.4</v>
      </c>
    </row>
    <row r="9365" spans="1:11" x14ac:dyDescent="0.3">
      <c r="A9365" s="1">
        <v>43058</v>
      </c>
      <c r="B9365" s="3">
        <f t="shared" si="292"/>
        <v>11</v>
      </c>
      <c r="C9365" s="3">
        <f t="shared" si="293"/>
        <v>2017</v>
      </c>
      <c r="D9365" t="s">
        <v>258</v>
      </c>
      <c r="E9365" t="s">
        <v>9</v>
      </c>
      <c r="F9365" t="s">
        <v>10</v>
      </c>
      <c r="G9365" t="s">
        <v>11</v>
      </c>
      <c r="H9365" t="s">
        <v>2716</v>
      </c>
      <c r="I9365">
        <v>16.899999999999999</v>
      </c>
      <c r="J9365">
        <v>4</v>
      </c>
      <c r="K9365">
        <v>5.28</v>
      </c>
    </row>
    <row r="9366" spans="1:11" x14ac:dyDescent="0.3">
      <c r="A9366" s="1">
        <v>43058</v>
      </c>
      <c r="B9366" s="3">
        <f t="shared" si="292"/>
        <v>11</v>
      </c>
      <c r="C9366" s="3">
        <f t="shared" si="293"/>
        <v>2017</v>
      </c>
      <c r="D9366" t="s">
        <v>258</v>
      </c>
      <c r="E9366" t="s">
        <v>9</v>
      </c>
      <c r="F9366" t="s">
        <v>10</v>
      </c>
      <c r="G9366" t="s">
        <v>199</v>
      </c>
      <c r="H9366" t="s">
        <v>1959</v>
      </c>
      <c r="I9366">
        <v>6.67</v>
      </c>
      <c r="J9366">
        <v>1</v>
      </c>
      <c r="K9366">
        <v>0.5</v>
      </c>
    </row>
    <row r="9367" spans="1:11" x14ac:dyDescent="0.3">
      <c r="A9367" s="1">
        <v>43058</v>
      </c>
      <c r="B9367" s="3">
        <f t="shared" si="292"/>
        <v>11</v>
      </c>
      <c r="C9367" s="3">
        <f t="shared" si="293"/>
        <v>2017</v>
      </c>
      <c r="D9367" t="s">
        <v>258</v>
      </c>
      <c r="E9367" t="s">
        <v>9</v>
      </c>
      <c r="F9367" t="s">
        <v>10</v>
      </c>
      <c r="G9367" t="s">
        <v>23</v>
      </c>
      <c r="H9367" t="s">
        <v>1851</v>
      </c>
      <c r="I9367">
        <v>99.14</v>
      </c>
      <c r="J9367">
        <v>4</v>
      </c>
      <c r="K9367">
        <v>8.67</v>
      </c>
    </row>
    <row r="9368" spans="1:11" x14ac:dyDescent="0.3">
      <c r="A9368" s="1">
        <v>43058</v>
      </c>
      <c r="B9368" s="3">
        <f t="shared" si="292"/>
        <v>11</v>
      </c>
      <c r="C9368" s="3">
        <f t="shared" si="293"/>
        <v>2017</v>
      </c>
      <c r="D9368" t="s">
        <v>258</v>
      </c>
      <c r="E9368" t="s">
        <v>9</v>
      </c>
      <c r="F9368" t="s">
        <v>33</v>
      </c>
      <c r="G9368" t="s">
        <v>46</v>
      </c>
      <c r="H9368" t="s">
        <v>1212</v>
      </c>
      <c r="I9368">
        <v>15.99</v>
      </c>
      <c r="J9368">
        <v>2</v>
      </c>
      <c r="K9368">
        <v>-13.99</v>
      </c>
    </row>
    <row r="9369" spans="1:11" x14ac:dyDescent="0.3">
      <c r="A9369" s="1">
        <v>43058</v>
      </c>
      <c r="B9369" s="3">
        <f t="shared" si="292"/>
        <v>11</v>
      </c>
      <c r="C9369" s="3">
        <f t="shared" si="293"/>
        <v>2017</v>
      </c>
      <c r="D9369" t="s">
        <v>2382</v>
      </c>
      <c r="E9369" t="s">
        <v>9</v>
      </c>
      <c r="F9369" t="s">
        <v>33</v>
      </c>
      <c r="G9369" t="s">
        <v>34</v>
      </c>
      <c r="H9369" t="s">
        <v>1684</v>
      </c>
      <c r="I9369">
        <v>233.06</v>
      </c>
      <c r="J9369">
        <v>3</v>
      </c>
      <c r="K9369">
        <v>-53.27</v>
      </c>
    </row>
    <row r="9370" spans="1:11" x14ac:dyDescent="0.3">
      <c r="A9370" s="1">
        <v>43058</v>
      </c>
      <c r="B9370" s="3">
        <f t="shared" si="292"/>
        <v>11</v>
      </c>
      <c r="C9370" s="3">
        <f t="shared" si="293"/>
        <v>2017</v>
      </c>
      <c r="D9370" t="s">
        <v>211</v>
      </c>
      <c r="E9370" t="s">
        <v>9</v>
      </c>
      <c r="F9370" t="s">
        <v>33</v>
      </c>
      <c r="G9370" t="s">
        <v>34</v>
      </c>
      <c r="H9370" t="s">
        <v>632</v>
      </c>
      <c r="I9370">
        <v>305.31</v>
      </c>
      <c r="J9370">
        <v>2</v>
      </c>
      <c r="K9370">
        <v>-8.7200000000000006</v>
      </c>
    </row>
    <row r="9371" spans="1:11" x14ac:dyDescent="0.3">
      <c r="A9371" s="1">
        <v>43058</v>
      </c>
      <c r="B9371" s="3">
        <f t="shared" si="292"/>
        <v>11</v>
      </c>
      <c r="C9371" s="3">
        <f t="shared" si="293"/>
        <v>2017</v>
      </c>
      <c r="D9371" t="s">
        <v>1816</v>
      </c>
      <c r="E9371" t="s">
        <v>32</v>
      </c>
      <c r="F9371" t="s">
        <v>33</v>
      </c>
      <c r="G9371" t="s">
        <v>46</v>
      </c>
      <c r="H9371" t="s">
        <v>1219</v>
      </c>
      <c r="I9371">
        <v>821.88</v>
      </c>
      <c r="J9371">
        <v>6</v>
      </c>
      <c r="K9371">
        <v>213.69</v>
      </c>
    </row>
    <row r="9372" spans="1:11" x14ac:dyDescent="0.3">
      <c r="A9372" s="1">
        <v>43058</v>
      </c>
      <c r="B9372" s="3">
        <f t="shared" si="292"/>
        <v>11</v>
      </c>
      <c r="C9372" s="3">
        <f t="shared" si="293"/>
        <v>2017</v>
      </c>
      <c r="D9372" t="s">
        <v>1816</v>
      </c>
      <c r="E9372" t="s">
        <v>32</v>
      </c>
      <c r="F9372" t="s">
        <v>10</v>
      </c>
      <c r="G9372" t="s">
        <v>19</v>
      </c>
      <c r="H9372" t="s">
        <v>1958</v>
      </c>
      <c r="I9372">
        <v>21.96</v>
      </c>
      <c r="J9372">
        <v>2</v>
      </c>
      <c r="K9372">
        <v>10.76</v>
      </c>
    </row>
    <row r="9373" spans="1:11" x14ac:dyDescent="0.3">
      <c r="A9373" s="1">
        <v>43058</v>
      </c>
      <c r="B9373" s="3">
        <f t="shared" si="292"/>
        <v>11</v>
      </c>
      <c r="C9373" s="3">
        <f t="shared" si="293"/>
        <v>2017</v>
      </c>
      <c r="D9373" t="s">
        <v>830</v>
      </c>
      <c r="E9373" t="s">
        <v>26</v>
      </c>
      <c r="F9373" t="s">
        <v>10</v>
      </c>
      <c r="G9373" t="s">
        <v>17</v>
      </c>
      <c r="H9373" t="s">
        <v>1359</v>
      </c>
      <c r="I9373">
        <v>305.01</v>
      </c>
      <c r="J9373">
        <v>9</v>
      </c>
      <c r="K9373">
        <v>76.25</v>
      </c>
    </row>
    <row r="9374" spans="1:11" x14ac:dyDescent="0.3">
      <c r="A9374" s="1">
        <v>43058</v>
      </c>
      <c r="B9374" s="3">
        <f t="shared" si="292"/>
        <v>11</v>
      </c>
      <c r="C9374" s="3">
        <f t="shared" si="293"/>
        <v>2017</v>
      </c>
      <c r="D9374" t="s">
        <v>830</v>
      </c>
      <c r="E9374" t="s">
        <v>26</v>
      </c>
      <c r="F9374" t="s">
        <v>33</v>
      </c>
      <c r="G9374" t="s">
        <v>46</v>
      </c>
      <c r="H9374" t="s">
        <v>811</v>
      </c>
      <c r="I9374">
        <v>18.7</v>
      </c>
      <c r="J9374">
        <v>1</v>
      </c>
      <c r="K9374">
        <v>7.11</v>
      </c>
    </row>
    <row r="9375" spans="1:11" x14ac:dyDescent="0.3">
      <c r="A9375" s="1">
        <v>43058</v>
      </c>
      <c r="B9375" s="3">
        <f t="shared" si="292"/>
        <v>11</v>
      </c>
      <c r="C9375" s="3">
        <f t="shared" si="293"/>
        <v>2017</v>
      </c>
      <c r="D9375" t="s">
        <v>1634</v>
      </c>
      <c r="E9375" t="s">
        <v>148</v>
      </c>
      <c r="F9375" t="s">
        <v>10</v>
      </c>
      <c r="G9375" t="s">
        <v>62</v>
      </c>
      <c r="H9375" t="s">
        <v>63</v>
      </c>
      <c r="I9375">
        <v>16.739999999999998</v>
      </c>
      <c r="J9375">
        <v>3</v>
      </c>
      <c r="K9375">
        <v>8.3699999999999992</v>
      </c>
    </row>
    <row r="9376" spans="1:11" x14ac:dyDescent="0.3">
      <c r="A9376" s="1">
        <v>43058</v>
      </c>
      <c r="B9376" s="3">
        <f t="shared" si="292"/>
        <v>11</v>
      </c>
      <c r="C9376" s="3">
        <f t="shared" si="293"/>
        <v>2017</v>
      </c>
      <c r="D9376" t="s">
        <v>1634</v>
      </c>
      <c r="E9376" t="s">
        <v>148</v>
      </c>
      <c r="F9376" t="s">
        <v>10</v>
      </c>
      <c r="G9376" t="s">
        <v>91</v>
      </c>
      <c r="H9376" t="s">
        <v>1996</v>
      </c>
      <c r="I9376">
        <v>2504.7399999999998</v>
      </c>
      <c r="J9376">
        <v>7</v>
      </c>
      <c r="K9376">
        <v>626.19000000000005</v>
      </c>
    </row>
    <row r="9377" spans="1:11" x14ac:dyDescent="0.3">
      <c r="A9377" s="1">
        <v>43058</v>
      </c>
      <c r="B9377" s="3">
        <f t="shared" si="292"/>
        <v>11</v>
      </c>
      <c r="C9377" s="3">
        <f t="shared" si="293"/>
        <v>2017</v>
      </c>
      <c r="D9377" t="s">
        <v>2123</v>
      </c>
      <c r="E9377" t="s">
        <v>9</v>
      </c>
      <c r="F9377" t="s">
        <v>33</v>
      </c>
      <c r="G9377" t="s">
        <v>144</v>
      </c>
      <c r="H9377" t="s">
        <v>2399</v>
      </c>
      <c r="I9377">
        <v>718.12</v>
      </c>
      <c r="J9377">
        <v>6</v>
      </c>
      <c r="K9377">
        <v>-71.81</v>
      </c>
    </row>
    <row r="9378" spans="1:11" x14ac:dyDescent="0.3">
      <c r="A9378" s="1">
        <v>43058</v>
      </c>
      <c r="B9378" s="3">
        <f t="shared" si="292"/>
        <v>11</v>
      </c>
      <c r="C9378" s="3">
        <f t="shared" si="293"/>
        <v>2017</v>
      </c>
      <c r="D9378" t="s">
        <v>2123</v>
      </c>
      <c r="E9378" t="s">
        <v>9</v>
      </c>
      <c r="F9378" t="s">
        <v>10</v>
      </c>
      <c r="G9378" t="s">
        <v>23</v>
      </c>
      <c r="H9378" t="s">
        <v>405</v>
      </c>
      <c r="I9378">
        <v>31.78</v>
      </c>
      <c r="J9378">
        <v>4</v>
      </c>
      <c r="K9378">
        <v>8.74</v>
      </c>
    </row>
    <row r="9379" spans="1:11" x14ac:dyDescent="0.3">
      <c r="A9379" s="1">
        <v>43058</v>
      </c>
      <c r="B9379" s="3">
        <f t="shared" si="292"/>
        <v>11</v>
      </c>
      <c r="C9379" s="3">
        <f t="shared" si="293"/>
        <v>2017</v>
      </c>
      <c r="D9379" t="s">
        <v>423</v>
      </c>
      <c r="E9379" t="s">
        <v>54</v>
      </c>
      <c r="F9379" t="s">
        <v>10</v>
      </c>
      <c r="G9379" t="s">
        <v>42</v>
      </c>
      <c r="H9379" t="s">
        <v>826</v>
      </c>
      <c r="I9379">
        <v>25.06</v>
      </c>
      <c r="J9379">
        <v>7</v>
      </c>
      <c r="K9379">
        <v>12.53</v>
      </c>
    </row>
    <row r="9380" spans="1:11" x14ac:dyDescent="0.3">
      <c r="A9380" s="1">
        <v>43058</v>
      </c>
      <c r="B9380" s="3">
        <f t="shared" si="292"/>
        <v>11</v>
      </c>
      <c r="C9380" s="3">
        <f t="shared" si="293"/>
        <v>2017</v>
      </c>
      <c r="D9380" t="s">
        <v>606</v>
      </c>
      <c r="E9380" t="s">
        <v>9</v>
      </c>
      <c r="F9380" t="s">
        <v>33</v>
      </c>
      <c r="G9380" t="s">
        <v>34</v>
      </c>
      <c r="H9380" t="s">
        <v>1479</v>
      </c>
      <c r="I9380">
        <v>191.06</v>
      </c>
      <c r="J9380">
        <v>3</v>
      </c>
      <c r="K9380">
        <v>-46.4</v>
      </c>
    </row>
    <row r="9381" spans="1:11" x14ac:dyDescent="0.3">
      <c r="A9381" s="1">
        <v>43058</v>
      </c>
      <c r="B9381" s="3">
        <f t="shared" si="292"/>
        <v>11</v>
      </c>
      <c r="C9381" s="3">
        <f t="shared" si="293"/>
        <v>2017</v>
      </c>
      <c r="D9381" t="s">
        <v>606</v>
      </c>
      <c r="E9381" t="s">
        <v>9</v>
      </c>
      <c r="F9381" t="s">
        <v>10</v>
      </c>
      <c r="G9381" t="s">
        <v>23</v>
      </c>
      <c r="H9381" t="s">
        <v>1362</v>
      </c>
      <c r="I9381">
        <v>13.04</v>
      </c>
      <c r="J9381">
        <v>5</v>
      </c>
      <c r="K9381">
        <v>3.91</v>
      </c>
    </row>
    <row r="9382" spans="1:11" x14ac:dyDescent="0.3">
      <c r="A9382" s="1">
        <v>43058</v>
      </c>
      <c r="B9382" s="3">
        <f t="shared" si="292"/>
        <v>11</v>
      </c>
      <c r="C9382" s="3">
        <f t="shared" si="293"/>
        <v>2017</v>
      </c>
      <c r="D9382" t="s">
        <v>606</v>
      </c>
      <c r="E9382" t="s">
        <v>9</v>
      </c>
      <c r="F9382" t="s">
        <v>10</v>
      </c>
      <c r="G9382" t="s">
        <v>19</v>
      </c>
      <c r="H9382" t="s">
        <v>1605</v>
      </c>
      <c r="I9382">
        <v>1525.19</v>
      </c>
      <c r="J9382">
        <v>6</v>
      </c>
      <c r="K9382">
        <v>-2287.7800000000002</v>
      </c>
    </row>
    <row r="9383" spans="1:11" x14ac:dyDescent="0.3">
      <c r="A9383" s="1">
        <v>43058</v>
      </c>
      <c r="B9383" s="3">
        <f t="shared" si="292"/>
        <v>11</v>
      </c>
      <c r="C9383" s="3">
        <f t="shared" si="293"/>
        <v>2017</v>
      </c>
      <c r="D9383" t="s">
        <v>222</v>
      </c>
      <c r="E9383" t="s">
        <v>77</v>
      </c>
      <c r="F9383" t="s">
        <v>10</v>
      </c>
      <c r="G9383" t="s">
        <v>19</v>
      </c>
      <c r="H9383" t="s">
        <v>1826</v>
      </c>
      <c r="I9383">
        <v>59.91</v>
      </c>
      <c r="J9383">
        <v>7</v>
      </c>
      <c r="K9383">
        <v>-45.93</v>
      </c>
    </row>
    <row r="9384" spans="1:11" x14ac:dyDescent="0.3">
      <c r="A9384" s="1">
        <v>43058</v>
      </c>
      <c r="B9384" s="3">
        <f t="shared" si="292"/>
        <v>11</v>
      </c>
      <c r="C9384" s="3">
        <f t="shared" si="293"/>
        <v>2017</v>
      </c>
      <c r="D9384" t="s">
        <v>288</v>
      </c>
      <c r="E9384" t="s">
        <v>54</v>
      </c>
      <c r="F9384" t="s">
        <v>10</v>
      </c>
      <c r="G9384" t="s">
        <v>23</v>
      </c>
      <c r="H9384" t="s">
        <v>2359</v>
      </c>
      <c r="I9384">
        <v>22.96</v>
      </c>
      <c r="J9384">
        <v>7</v>
      </c>
      <c r="K9384">
        <v>6.66</v>
      </c>
    </row>
    <row r="9385" spans="1:11" x14ac:dyDescent="0.3">
      <c r="A9385" s="1">
        <v>43058</v>
      </c>
      <c r="B9385" s="3">
        <f t="shared" si="292"/>
        <v>11</v>
      </c>
      <c r="C9385" s="3">
        <f t="shared" si="293"/>
        <v>2017</v>
      </c>
      <c r="D9385" t="s">
        <v>245</v>
      </c>
      <c r="E9385" t="s">
        <v>148</v>
      </c>
      <c r="F9385" t="s">
        <v>10</v>
      </c>
      <c r="G9385" t="s">
        <v>19</v>
      </c>
      <c r="H9385" t="s">
        <v>578</v>
      </c>
      <c r="I9385">
        <v>58.41</v>
      </c>
      <c r="J9385">
        <v>7</v>
      </c>
      <c r="K9385">
        <v>18.25</v>
      </c>
    </row>
    <row r="9386" spans="1:11" x14ac:dyDescent="0.3">
      <c r="A9386" s="1">
        <v>43058</v>
      </c>
      <c r="B9386" s="3">
        <f t="shared" si="292"/>
        <v>11</v>
      </c>
      <c r="C9386" s="3">
        <f t="shared" si="293"/>
        <v>2017</v>
      </c>
      <c r="D9386" t="s">
        <v>245</v>
      </c>
      <c r="E9386" t="s">
        <v>148</v>
      </c>
      <c r="F9386" t="s">
        <v>33</v>
      </c>
      <c r="G9386" t="s">
        <v>144</v>
      </c>
      <c r="H9386" t="s">
        <v>1829</v>
      </c>
      <c r="I9386">
        <v>79.97</v>
      </c>
      <c r="J9386">
        <v>3</v>
      </c>
      <c r="K9386">
        <v>-29.32</v>
      </c>
    </row>
    <row r="9387" spans="1:11" x14ac:dyDescent="0.3">
      <c r="A9387" s="1">
        <v>43059</v>
      </c>
      <c r="B9387" s="3">
        <f t="shared" si="292"/>
        <v>11</v>
      </c>
      <c r="C9387" s="3">
        <f t="shared" si="293"/>
        <v>2017</v>
      </c>
      <c r="D9387" t="s">
        <v>870</v>
      </c>
      <c r="E9387" t="s">
        <v>26</v>
      </c>
      <c r="F9387" t="s">
        <v>33</v>
      </c>
      <c r="G9387" t="s">
        <v>46</v>
      </c>
      <c r="H9387" t="s">
        <v>1905</v>
      </c>
      <c r="I9387">
        <v>42.6</v>
      </c>
      <c r="J9387">
        <v>3</v>
      </c>
      <c r="K9387">
        <v>16.61</v>
      </c>
    </row>
    <row r="9388" spans="1:11" x14ac:dyDescent="0.3">
      <c r="A9388" s="1">
        <v>43059</v>
      </c>
      <c r="B9388" s="3">
        <f t="shared" si="292"/>
        <v>11</v>
      </c>
      <c r="C9388" s="3">
        <f t="shared" si="293"/>
        <v>2017</v>
      </c>
      <c r="D9388" t="s">
        <v>870</v>
      </c>
      <c r="E9388" t="s">
        <v>26</v>
      </c>
      <c r="F9388" t="s">
        <v>10</v>
      </c>
      <c r="G9388" t="s">
        <v>19</v>
      </c>
      <c r="H9388" t="s">
        <v>851</v>
      </c>
      <c r="I9388">
        <v>84.06</v>
      </c>
      <c r="J9388">
        <v>7</v>
      </c>
      <c r="K9388">
        <v>27.32</v>
      </c>
    </row>
    <row r="9389" spans="1:11" x14ac:dyDescent="0.3">
      <c r="A9389" s="1">
        <v>43059</v>
      </c>
      <c r="B9389" s="3">
        <f t="shared" si="292"/>
        <v>11</v>
      </c>
      <c r="C9389" s="3">
        <f t="shared" si="293"/>
        <v>2017</v>
      </c>
      <c r="D9389" t="s">
        <v>222</v>
      </c>
      <c r="E9389" t="s">
        <v>244</v>
      </c>
      <c r="F9389" t="s">
        <v>10</v>
      </c>
      <c r="G9389" t="s">
        <v>23</v>
      </c>
      <c r="H9389" t="s">
        <v>2200</v>
      </c>
      <c r="I9389">
        <v>23.97</v>
      </c>
      <c r="J9389">
        <v>7</v>
      </c>
      <c r="K9389">
        <v>2.7</v>
      </c>
    </row>
    <row r="9390" spans="1:11" x14ac:dyDescent="0.3">
      <c r="A9390" s="1">
        <v>43059</v>
      </c>
      <c r="B9390" s="3">
        <f t="shared" si="292"/>
        <v>11</v>
      </c>
      <c r="C9390" s="3">
        <f t="shared" si="293"/>
        <v>2017</v>
      </c>
      <c r="D9390" t="s">
        <v>222</v>
      </c>
      <c r="E9390" t="s">
        <v>244</v>
      </c>
      <c r="F9390" t="s">
        <v>10</v>
      </c>
      <c r="G9390" t="s">
        <v>23</v>
      </c>
      <c r="H9390" t="s">
        <v>206</v>
      </c>
      <c r="I9390">
        <v>28.73</v>
      </c>
      <c r="J9390">
        <v>3</v>
      </c>
      <c r="K9390">
        <v>1.8</v>
      </c>
    </row>
    <row r="9391" spans="1:11" x14ac:dyDescent="0.3">
      <c r="A9391" s="1">
        <v>43059</v>
      </c>
      <c r="B9391" s="3">
        <f t="shared" si="292"/>
        <v>11</v>
      </c>
      <c r="C9391" s="3">
        <f t="shared" si="293"/>
        <v>2017</v>
      </c>
      <c r="D9391" t="s">
        <v>1718</v>
      </c>
      <c r="E9391" t="s">
        <v>77</v>
      </c>
      <c r="F9391" t="s">
        <v>33</v>
      </c>
      <c r="G9391" t="s">
        <v>46</v>
      </c>
      <c r="H9391" t="s">
        <v>1727</v>
      </c>
      <c r="I9391">
        <v>77.599999999999994</v>
      </c>
      <c r="J9391">
        <v>5</v>
      </c>
      <c r="K9391">
        <v>28.13</v>
      </c>
    </row>
    <row r="9392" spans="1:11" x14ac:dyDescent="0.3">
      <c r="A9392" s="1">
        <v>43059</v>
      </c>
      <c r="B9392" s="3">
        <f t="shared" si="292"/>
        <v>11</v>
      </c>
      <c r="C9392" s="3">
        <f t="shared" si="293"/>
        <v>2017</v>
      </c>
      <c r="D9392" t="s">
        <v>1718</v>
      </c>
      <c r="E9392" t="s">
        <v>77</v>
      </c>
      <c r="F9392" t="s">
        <v>33</v>
      </c>
      <c r="G9392" t="s">
        <v>46</v>
      </c>
      <c r="H9392" t="s">
        <v>2492</v>
      </c>
      <c r="I9392">
        <v>4.66</v>
      </c>
      <c r="J9392">
        <v>2</v>
      </c>
      <c r="K9392">
        <v>1.57</v>
      </c>
    </row>
    <row r="9393" spans="1:11" x14ac:dyDescent="0.3">
      <c r="A9393" s="1">
        <v>43059</v>
      </c>
      <c r="B9393" s="3">
        <f t="shared" si="292"/>
        <v>11</v>
      </c>
      <c r="C9393" s="3">
        <f t="shared" si="293"/>
        <v>2017</v>
      </c>
      <c r="D9393" t="s">
        <v>282</v>
      </c>
      <c r="E9393" t="s">
        <v>26</v>
      </c>
      <c r="F9393" t="s">
        <v>33</v>
      </c>
      <c r="G9393" t="s">
        <v>34</v>
      </c>
      <c r="H9393" t="s">
        <v>2138</v>
      </c>
      <c r="I9393">
        <v>283.92</v>
      </c>
      <c r="J9393">
        <v>5</v>
      </c>
      <c r="K9393">
        <v>-46.14</v>
      </c>
    </row>
    <row r="9394" spans="1:11" x14ac:dyDescent="0.3">
      <c r="A9394" s="1">
        <v>43059</v>
      </c>
      <c r="B9394" s="3">
        <f t="shared" si="292"/>
        <v>11</v>
      </c>
      <c r="C9394" s="3">
        <f t="shared" si="293"/>
        <v>2017</v>
      </c>
      <c r="D9394" t="s">
        <v>1466</v>
      </c>
      <c r="E9394" t="s">
        <v>314</v>
      </c>
      <c r="F9394" t="s">
        <v>10</v>
      </c>
      <c r="G9394" t="s">
        <v>23</v>
      </c>
      <c r="H9394" t="s">
        <v>893</v>
      </c>
      <c r="I9394">
        <v>22</v>
      </c>
      <c r="J9394">
        <v>10</v>
      </c>
      <c r="K9394">
        <v>9.68</v>
      </c>
    </row>
    <row r="9395" spans="1:11" x14ac:dyDescent="0.3">
      <c r="A9395" s="1">
        <v>43059</v>
      </c>
      <c r="B9395" s="3">
        <f t="shared" si="292"/>
        <v>11</v>
      </c>
      <c r="C9395" s="3">
        <f t="shared" si="293"/>
        <v>2017</v>
      </c>
      <c r="D9395" t="s">
        <v>377</v>
      </c>
      <c r="E9395" t="s">
        <v>148</v>
      </c>
      <c r="F9395" t="s">
        <v>10</v>
      </c>
      <c r="G9395" t="s">
        <v>11</v>
      </c>
      <c r="H9395" t="s">
        <v>2599</v>
      </c>
      <c r="I9395">
        <v>46.76</v>
      </c>
      <c r="J9395">
        <v>7</v>
      </c>
      <c r="K9395">
        <v>22.44</v>
      </c>
    </row>
    <row r="9396" spans="1:11" x14ac:dyDescent="0.3">
      <c r="A9396" s="1">
        <v>43059</v>
      </c>
      <c r="B9396" s="3">
        <f t="shared" si="292"/>
        <v>11</v>
      </c>
      <c r="C9396" s="3">
        <f t="shared" si="293"/>
        <v>2017</v>
      </c>
      <c r="D9396" t="s">
        <v>377</v>
      </c>
      <c r="E9396" t="s">
        <v>148</v>
      </c>
      <c r="F9396" t="s">
        <v>33</v>
      </c>
      <c r="G9396" t="s">
        <v>73</v>
      </c>
      <c r="H9396" t="s">
        <v>1705</v>
      </c>
      <c r="I9396">
        <v>183.97</v>
      </c>
      <c r="J9396">
        <v>2</v>
      </c>
      <c r="K9396">
        <v>-25.3</v>
      </c>
    </row>
    <row r="9397" spans="1:11" x14ac:dyDescent="0.3">
      <c r="A9397" s="1">
        <v>43059</v>
      </c>
      <c r="B9397" s="3">
        <f t="shared" si="292"/>
        <v>11</v>
      </c>
      <c r="C9397" s="3">
        <f t="shared" si="293"/>
        <v>2017</v>
      </c>
      <c r="D9397" t="s">
        <v>377</v>
      </c>
      <c r="E9397" t="s">
        <v>148</v>
      </c>
      <c r="F9397" t="s">
        <v>38</v>
      </c>
      <c r="G9397" t="s">
        <v>39</v>
      </c>
      <c r="H9397" t="s">
        <v>587</v>
      </c>
      <c r="I9397">
        <v>1259.97</v>
      </c>
      <c r="J9397">
        <v>3</v>
      </c>
      <c r="K9397">
        <v>327.58999999999997</v>
      </c>
    </row>
    <row r="9398" spans="1:11" x14ac:dyDescent="0.3">
      <c r="A9398" s="1">
        <v>43059</v>
      </c>
      <c r="B9398" s="3">
        <f t="shared" si="292"/>
        <v>11</v>
      </c>
      <c r="C9398" s="3">
        <f t="shared" si="293"/>
        <v>2017</v>
      </c>
      <c r="D9398" t="s">
        <v>377</v>
      </c>
      <c r="E9398" t="s">
        <v>148</v>
      </c>
      <c r="F9398" t="s">
        <v>10</v>
      </c>
      <c r="G9398" t="s">
        <v>23</v>
      </c>
      <c r="H9398" t="s">
        <v>1068</v>
      </c>
      <c r="I9398">
        <v>68.97</v>
      </c>
      <c r="J9398">
        <v>3</v>
      </c>
      <c r="K9398">
        <v>19.309999999999999</v>
      </c>
    </row>
    <row r="9399" spans="1:11" x14ac:dyDescent="0.3">
      <c r="A9399" s="1">
        <v>43059</v>
      </c>
      <c r="B9399" s="3">
        <f t="shared" si="292"/>
        <v>11</v>
      </c>
      <c r="C9399" s="3">
        <f t="shared" si="293"/>
        <v>2017</v>
      </c>
      <c r="D9399" t="s">
        <v>1334</v>
      </c>
      <c r="E9399" t="s">
        <v>119</v>
      </c>
      <c r="F9399" t="s">
        <v>33</v>
      </c>
      <c r="G9399" t="s">
        <v>34</v>
      </c>
      <c r="H9399" t="s">
        <v>370</v>
      </c>
      <c r="I9399">
        <v>209.57</v>
      </c>
      <c r="J9399">
        <v>2</v>
      </c>
      <c r="K9399">
        <v>-23.58</v>
      </c>
    </row>
    <row r="9400" spans="1:11" x14ac:dyDescent="0.3">
      <c r="A9400" s="1">
        <v>43059</v>
      </c>
      <c r="B9400" s="3">
        <f t="shared" si="292"/>
        <v>11</v>
      </c>
      <c r="C9400" s="3">
        <f t="shared" si="293"/>
        <v>2017</v>
      </c>
      <c r="D9400" t="s">
        <v>342</v>
      </c>
      <c r="E9400" t="s">
        <v>32</v>
      </c>
      <c r="F9400" t="s">
        <v>33</v>
      </c>
      <c r="G9400" t="s">
        <v>46</v>
      </c>
      <c r="H9400" t="s">
        <v>930</v>
      </c>
      <c r="I9400">
        <v>27.58</v>
      </c>
      <c r="J9400">
        <v>2</v>
      </c>
      <c r="K9400">
        <v>11.58</v>
      </c>
    </row>
    <row r="9401" spans="1:11" x14ac:dyDescent="0.3">
      <c r="A9401" s="1">
        <v>43059</v>
      </c>
      <c r="B9401" s="3">
        <f t="shared" si="292"/>
        <v>11</v>
      </c>
      <c r="C9401" s="3">
        <f t="shared" si="293"/>
        <v>2017</v>
      </c>
      <c r="D9401" t="s">
        <v>432</v>
      </c>
      <c r="E9401" t="s">
        <v>148</v>
      </c>
      <c r="F9401" t="s">
        <v>38</v>
      </c>
      <c r="G9401" t="s">
        <v>51</v>
      </c>
      <c r="H9401" t="s">
        <v>1519</v>
      </c>
      <c r="I9401">
        <v>2.97</v>
      </c>
      <c r="J9401">
        <v>3</v>
      </c>
      <c r="K9401">
        <v>1.34</v>
      </c>
    </row>
    <row r="9402" spans="1:11" x14ac:dyDescent="0.3">
      <c r="A9402" s="1">
        <v>43059</v>
      </c>
      <c r="B9402" s="3">
        <f t="shared" si="292"/>
        <v>11</v>
      </c>
      <c r="C9402" s="3">
        <f t="shared" si="293"/>
        <v>2017</v>
      </c>
      <c r="D9402" t="s">
        <v>432</v>
      </c>
      <c r="E9402" t="s">
        <v>148</v>
      </c>
      <c r="F9402" t="s">
        <v>38</v>
      </c>
      <c r="G9402" t="s">
        <v>39</v>
      </c>
      <c r="H9402" t="s">
        <v>1017</v>
      </c>
      <c r="I9402">
        <v>569.99</v>
      </c>
      <c r="J9402">
        <v>1</v>
      </c>
      <c r="K9402">
        <v>171</v>
      </c>
    </row>
    <row r="9403" spans="1:11" x14ac:dyDescent="0.3">
      <c r="A9403" s="1">
        <v>43059</v>
      </c>
      <c r="B9403" s="3">
        <f t="shared" si="292"/>
        <v>11</v>
      </c>
      <c r="C9403" s="3">
        <f t="shared" si="293"/>
        <v>2017</v>
      </c>
      <c r="D9403" t="s">
        <v>432</v>
      </c>
      <c r="E9403" t="s">
        <v>148</v>
      </c>
      <c r="F9403" t="s">
        <v>33</v>
      </c>
      <c r="G9403" t="s">
        <v>46</v>
      </c>
      <c r="H9403" t="s">
        <v>2222</v>
      </c>
      <c r="I9403">
        <v>50.97</v>
      </c>
      <c r="J9403">
        <v>3</v>
      </c>
      <c r="K9403">
        <v>9.17</v>
      </c>
    </row>
    <row r="9404" spans="1:11" x14ac:dyDescent="0.3">
      <c r="A9404" s="1">
        <v>43060</v>
      </c>
      <c r="B9404" s="3">
        <f t="shared" si="292"/>
        <v>11</v>
      </c>
      <c r="C9404" s="3">
        <f t="shared" si="293"/>
        <v>2017</v>
      </c>
      <c r="D9404" t="s">
        <v>551</v>
      </c>
      <c r="E9404" t="s">
        <v>163</v>
      </c>
      <c r="F9404" t="s">
        <v>33</v>
      </c>
      <c r="G9404" t="s">
        <v>144</v>
      </c>
      <c r="H9404" t="s">
        <v>1001</v>
      </c>
      <c r="I9404">
        <v>70.98</v>
      </c>
      <c r="J9404">
        <v>1</v>
      </c>
      <c r="K9404">
        <v>20.58</v>
      </c>
    </row>
    <row r="9405" spans="1:11" x14ac:dyDescent="0.3">
      <c r="A9405" s="1">
        <v>43060</v>
      </c>
      <c r="B9405" s="3">
        <f t="shared" si="292"/>
        <v>11</v>
      </c>
      <c r="C9405" s="3">
        <f t="shared" si="293"/>
        <v>2017</v>
      </c>
      <c r="D9405" t="s">
        <v>274</v>
      </c>
      <c r="E9405" t="s">
        <v>148</v>
      </c>
      <c r="F9405" t="s">
        <v>33</v>
      </c>
      <c r="G9405" t="s">
        <v>46</v>
      </c>
      <c r="H9405" t="s">
        <v>2248</v>
      </c>
      <c r="I9405">
        <v>27.42</v>
      </c>
      <c r="J9405">
        <v>1</v>
      </c>
      <c r="K9405">
        <v>11.24</v>
      </c>
    </row>
    <row r="9406" spans="1:11" x14ac:dyDescent="0.3">
      <c r="A9406" s="1">
        <v>43060</v>
      </c>
      <c r="B9406" s="3">
        <f t="shared" si="292"/>
        <v>11</v>
      </c>
      <c r="C9406" s="3">
        <f t="shared" si="293"/>
        <v>2017</v>
      </c>
      <c r="D9406" t="s">
        <v>1377</v>
      </c>
      <c r="E9406" t="s">
        <v>26</v>
      </c>
      <c r="F9406" t="s">
        <v>10</v>
      </c>
      <c r="G9406" t="s">
        <v>17</v>
      </c>
      <c r="H9406" t="s">
        <v>622</v>
      </c>
      <c r="I9406">
        <v>56.56</v>
      </c>
      <c r="J9406">
        <v>2</v>
      </c>
      <c r="K9406">
        <v>15.27</v>
      </c>
    </row>
    <row r="9407" spans="1:11" x14ac:dyDescent="0.3">
      <c r="A9407" s="1">
        <v>43060</v>
      </c>
      <c r="B9407" s="3">
        <f t="shared" si="292"/>
        <v>11</v>
      </c>
      <c r="C9407" s="3">
        <f t="shared" si="293"/>
        <v>2017</v>
      </c>
      <c r="D9407" t="s">
        <v>1377</v>
      </c>
      <c r="E9407" t="s">
        <v>26</v>
      </c>
      <c r="F9407" t="s">
        <v>10</v>
      </c>
      <c r="G9407" t="s">
        <v>23</v>
      </c>
      <c r="H9407" t="s">
        <v>1948</v>
      </c>
      <c r="I9407">
        <v>5.56</v>
      </c>
      <c r="J9407">
        <v>2</v>
      </c>
      <c r="K9407">
        <v>1.45</v>
      </c>
    </row>
    <row r="9408" spans="1:11" x14ac:dyDescent="0.3">
      <c r="A9408" s="1">
        <v>43060</v>
      </c>
      <c r="B9408" s="3">
        <f t="shared" si="292"/>
        <v>11</v>
      </c>
      <c r="C9408" s="3">
        <f t="shared" si="293"/>
        <v>2017</v>
      </c>
      <c r="D9408" t="s">
        <v>1377</v>
      </c>
      <c r="E9408" t="s">
        <v>26</v>
      </c>
      <c r="F9408" t="s">
        <v>10</v>
      </c>
      <c r="G9408" t="s">
        <v>42</v>
      </c>
      <c r="H9408" t="s">
        <v>1805</v>
      </c>
      <c r="I9408">
        <v>9.02</v>
      </c>
      <c r="J9408">
        <v>2</v>
      </c>
      <c r="K9408">
        <v>3.52</v>
      </c>
    </row>
    <row r="9409" spans="1:11" x14ac:dyDescent="0.3">
      <c r="A9409" s="1">
        <v>43060</v>
      </c>
      <c r="B9409" s="3">
        <f t="shared" si="292"/>
        <v>11</v>
      </c>
      <c r="C9409" s="3">
        <f t="shared" si="293"/>
        <v>2017</v>
      </c>
      <c r="D9409" t="s">
        <v>1377</v>
      </c>
      <c r="E9409" t="s">
        <v>26</v>
      </c>
      <c r="F9409" t="s">
        <v>10</v>
      </c>
      <c r="G9409" t="s">
        <v>91</v>
      </c>
      <c r="H9409" t="s">
        <v>1386</v>
      </c>
      <c r="I9409">
        <v>8.6199999999999992</v>
      </c>
      <c r="J9409">
        <v>1</v>
      </c>
      <c r="K9409">
        <v>2.2400000000000002</v>
      </c>
    </row>
    <row r="9410" spans="1:11" x14ac:dyDescent="0.3">
      <c r="A9410" s="1">
        <v>43060</v>
      </c>
      <c r="B9410" s="3">
        <f t="shared" ref="B9410:B9473" si="294">MONTH(A:A)</f>
        <v>11</v>
      </c>
      <c r="C9410" s="3">
        <f t="shared" ref="C9410:C9473" si="295">YEAR(A:A)</f>
        <v>2017</v>
      </c>
      <c r="D9410" t="s">
        <v>1377</v>
      </c>
      <c r="E9410" t="s">
        <v>26</v>
      </c>
      <c r="F9410" t="s">
        <v>38</v>
      </c>
      <c r="G9410" t="s">
        <v>39</v>
      </c>
      <c r="H9410" t="s">
        <v>2142</v>
      </c>
      <c r="I9410">
        <v>659.98</v>
      </c>
      <c r="J9410">
        <v>3</v>
      </c>
      <c r="K9410">
        <v>49.5</v>
      </c>
    </row>
    <row r="9411" spans="1:11" x14ac:dyDescent="0.3">
      <c r="A9411" s="1">
        <v>43060</v>
      </c>
      <c r="B9411" s="3">
        <f t="shared" si="294"/>
        <v>11</v>
      </c>
      <c r="C9411" s="3">
        <f t="shared" si="295"/>
        <v>2017</v>
      </c>
      <c r="D9411" t="s">
        <v>671</v>
      </c>
      <c r="E9411" t="s">
        <v>22</v>
      </c>
      <c r="F9411" t="s">
        <v>10</v>
      </c>
      <c r="G9411" t="s">
        <v>11</v>
      </c>
      <c r="H9411" t="s">
        <v>151</v>
      </c>
      <c r="I9411">
        <v>8.4499999999999993</v>
      </c>
      <c r="J9411">
        <v>2</v>
      </c>
      <c r="K9411">
        <v>2.64</v>
      </c>
    </row>
    <row r="9412" spans="1:11" x14ac:dyDescent="0.3">
      <c r="A9412" s="1">
        <v>43060</v>
      </c>
      <c r="B9412" s="3">
        <f t="shared" si="294"/>
        <v>11</v>
      </c>
      <c r="C9412" s="3">
        <f t="shared" si="295"/>
        <v>2017</v>
      </c>
      <c r="D9412" t="s">
        <v>671</v>
      </c>
      <c r="E9412" t="s">
        <v>22</v>
      </c>
      <c r="F9412" t="s">
        <v>10</v>
      </c>
      <c r="G9412" t="s">
        <v>17</v>
      </c>
      <c r="H9412" t="s">
        <v>842</v>
      </c>
      <c r="I9412">
        <v>39.299999999999997</v>
      </c>
      <c r="J9412">
        <v>4</v>
      </c>
      <c r="K9412">
        <v>3.93</v>
      </c>
    </row>
    <row r="9413" spans="1:11" x14ac:dyDescent="0.3">
      <c r="A9413" s="1">
        <v>43060</v>
      </c>
      <c r="B9413" s="3">
        <f t="shared" si="294"/>
        <v>11</v>
      </c>
      <c r="C9413" s="3">
        <f t="shared" si="295"/>
        <v>2017</v>
      </c>
      <c r="D9413" t="s">
        <v>733</v>
      </c>
      <c r="E9413" t="s">
        <v>26</v>
      </c>
      <c r="F9413" t="s">
        <v>10</v>
      </c>
      <c r="G9413" t="s">
        <v>23</v>
      </c>
      <c r="H9413" t="s">
        <v>1822</v>
      </c>
      <c r="I9413">
        <v>11.76</v>
      </c>
      <c r="J9413">
        <v>4</v>
      </c>
      <c r="K9413">
        <v>3.18</v>
      </c>
    </row>
    <row r="9414" spans="1:11" x14ac:dyDescent="0.3">
      <c r="A9414" s="1">
        <v>43060</v>
      </c>
      <c r="B9414" s="3">
        <f t="shared" si="294"/>
        <v>11</v>
      </c>
      <c r="C9414" s="3">
        <f t="shared" si="295"/>
        <v>2017</v>
      </c>
      <c r="D9414" t="s">
        <v>733</v>
      </c>
      <c r="E9414" t="s">
        <v>26</v>
      </c>
      <c r="F9414" t="s">
        <v>10</v>
      </c>
      <c r="G9414" t="s">
        <v>19</v>
      </c>
      <c r="H9414" t="s">
        <v>1803</v>
      </c>
      <c r="I9414">
        <v>40.74</v>
      </c>
      <c r="J9414">
        <v>2</v>
      </c>
      <c r="K9414">
        <v>14.77</v>
      </c>
    </row>
    <row r="9415" spans="1:11" x14ac:dyDescent="0.3">
      <c r="A9415" s="1">
        <v>43060</v>
      </c>
      <c r="B9415" s="3">
        <f t="shared" si="294"/>
        <v>11</v>
      </c>
      <c r="C9415" s="3">
        <f t="shared" si="295"/>
        <v>2017</v>
      </c>
      <c r="D9415" t="s">
        <v>279</v>
      </c>
      <c r="E9415" t="s">
        <v>163</v>
      </c>
      <c r="F9415" t="s">
        <v>10</v>
      </c>
      <c r="G9415" t="s">
        <v>19</v>
      </c>
      <c r="H9415" t="s">
        <v>910</v>
      </c>
      <c r="I9415">
        <v>150.80000000000001</v>
      </c>
      <c r="J9415">
        <v>5</v>
      </c>
      <c r="K9415">
        <v>56.55</v>
      </c>
    </row>
    <row r="9416" spans="1:11" x14ac:dyDescent="0.3">
      <c r="A9416" s="1">
        <v>43060</v>
      </c>
      <c r="B9416" s="3">
        <f t="shared" si="294"/>
        <v>11</v>
      </c>
      <c r="C9416" s="3">
        <f t="shared" si="295"/>
        <v>2017</v>
      </c>
      <c r="D9416" t="s">
        <v>279</v>
      </c>
      <c r="E9416" t="s">
        <v>163</v>
      </c>
      <c r="F9416" t="s">
        <v>38</v>
      </c>
      <c r="G9416" t="s">
        <v>301</v>
      </c>
      <c r="H9416" t="s">
        <v>1267</v>
      </c>
      <c r="I9416">
        <v>1039.99</v>
      </c>
      <c r="J9416">
        <v>1</v>
      </c>
      <c r="K9416">
        <v>104</v>
      </c>
    </row>
    <row r="9417" spans="1:11" x14ac:dyDescent="0.3">
      <c r="A9417" s="1">
        <v>43060</v>
      </c>
      <c r="B9417" s="3">
        <f t="shared" si="294"/>
        <v>11</v>
      </c>
      <c r="C9417" s="3">
        <f t="shared" si="295"/>
        <v>2017</v>
      </c>
      <c r="D9417" t="s">
        <v>279</v>
      </c>
      <c r="E9417" t="s">
        <v>163</v>
      </c>
      <c r="F9417" t="s">
        <v>10</v>
      </c>
      <c r="G9417" t="s">
        <v>11</v>
      </c>
      <c r="H9417" t="s">
        <v>454</v>
      </c>
      <c r="I9417">
        <v>51.84</v>
      </c>
      <c r="J9417">
        <v>8</v>
      </c>
      <c r="K9417">
        <v>24.88</v>
      </c>
    </row>
    <row r="9418" spans="1:11" x14ac:dyDescent="0.3">
      <c r="A9418" s="1">
        <v>43060</v>
      </c>
      <c r="B9418" s="3">
        <f t="shared" si="294"/>
        <v>11</v>
      </c>
      <c r="C9418" s="3">
        <f t="shared" si="295"/>
        <v>2017</v>
      </c>
      <c r="D9418" t="s">
        <v>2462</v>
      </c>
      <c r="E9418" t="s">
        <v>9</v>
      </c>
      <c r="F9418" t="s">
        <v>38</v>
      </c>
      <c r="G9418" t="s">
        <v>39</v>
      </c>
      <c r="H9418" t="s">
        <v>2274</v>
      </c>
      <c r="I9418">
        <v>55.18</v>
      </c>
      <c r="J9418">
        <v>3</v>
      </c>
      <c r="K9418">
        <v>-12.41</v>
      </c>
    </row>
    <row r="9419" spans="1:11" x14ac:dyDescent="0.3">
      <c r="A9419" s="1">
        <v>43061</v>
      </c>
      <c r="B9419" s="3">
        <f t="shared" si="294"/>
        <v>11</v>
      </c>
      <c r="C9419" s="3">
        <f t="shared" si="295"/>
        <v>2017</v>
      </c>
      <c r="D9419" t="s">
        <v>808</v>
      </c>
      <c r="E9419" t="s">
        <v>9</v>
      </c>
      <c r="F9419" t="s">
        <v>10</v>
      </c>
      <c r="G9419" t="s">
        <v>23</v>
      </c>
      <c r="H9419" t="s">
        <v>526</v>
      </c>
      <c r="I9419">
        <v>35.71</v>
      </c>
      <c r="J9419">
        <v>8</v>
      </c>
      <c r="K9419">
        <v>2.23</v>
      </c>
    </row>
    <row r="9420" spans="1:11" x14ac:dyDescent="0.3">
      <c r="A9420" s="1">
        <v>43062</v>
      </c>
      <c r="B9420" s="3">
        <f t="shared" si="294"/>
        <v>11</v>
      </c>
      <c r="C9420" s="3">
        <f t="shared" si="295"/>
        <v>2017</v>
      </c>
      <c r="D9420" t="s">
        <v>2471</v>
      </c>
      <c r="E9420" t="s">
        <v>244</v>
      </c>
      <c r="F9420" t="s">
        <v>38</v>
      </c>
      <c r="G9420" t="s">
        <v>51</v>
      </c>
      <c r="H9420" t="s">
        <v>1910</v>
      </c>
      <c r="I9420">
        <v>74.11</v>
      </c>
      <c r="J9420">
        <v>8</v>
      </c>
      <c r="K9420">
        <v>17.600000000000001</v>
      </c>
    </row>
    <row r="9421" spans="1:11" x14ac:dyDescent="0.3">
      <c r="A9421" s="1">
        <v>43062</v>
      </c>
      <c r="B9421" s="3">
        <f t="shared" si="294"/>
        <v>11</v>
      </c>
      <c r="C9421" s="3">
        <f t="shared" si="295"/>
        <v>2017</v>
      </c>
      <c r="D9421" t="s">
        <v>2471</v>
      </c>
      <c r="E9421" t="s">
        <v>244</v>
      </c>
      <c r="F9421" t="s">
        <v>38</v>
      </c>
      <c r="G9421" t="s">
        <v>39</v>
      </c>
      <c r="H9421" t="s">
        <v>1880</v>
      </c>
      <c r="I9421">
        <v>27.99</v>
      </c>
      <c r="J9421">
        <v>1</v>
      </c>
      <c r="K9421">
        <v>2.1</v>
      </c>
    </row>
    <row r="9422" spans="1:11" x14ac:dyDescent="0.3">
      <c r="A9422" s="1">
        <v>43062</v>
      </c>
      <c r="B9422" s="3">
        <f t="shared" si="294"/>
        <v>11</v>
      </c>
      <c r="C9422" s="3">
        <f t="shared" si="295"/>
        <v>2017</v>
      </c>
      <c r="D9422" t="s">
        <v>2471</v>
      </c>
      <c r="E9422" t="s">
        <v>244</v>
      </c>
      <c r="F9422" t="s">
        <v>10</v>
      </c>
      <c r="G9422" t="s">
        <v>23</v>
      </c>
      <c r="H9422" t="s">
        <v>270</v>
      </c>
      <c r="I9422">
        <v>3.3</v>
      </c>
      <c r="J9422">
        <v>1</v>
      </c>
      <c r="K9422">
        <v>1.07</v>
      </c>
    </row>
    <row r="9423" spans="1:11" x14ac:dyDescent="0.3">
      <c r="A9423" s="1">
        <v>43062</v>
      </c>
      <c r="B9423" s="3">
        <f t="shared" si="294"/>
        <v>11</v>
      </c>
      <c r="C9423" s="3">
        <f t="shared" si="295"/>
        <v>2017</v>
      </c>
      <c r="D9423" t="s">
        <v>1166</v>
      </c>
      <c r="E9423" t="s">
        <v>109</v>
      </c>
      <c r="F9423" t="s">
        <v>33</v>
      </c>
      <c r="G9423" t="s">
        <v>46</v>
      </c>
      <c r="H9423" t="s">
        <v>1905</v>
      </c>
      <c r="I9423">
        <v>28.4</v>
      </c>
      <c r="J9423">
        <v>2</v>
      </c>
      <c r="K9423">
        <v>11.08</v>
      </c>
    </row>
    <row r="9424" spans="1:11" x14ac:dyDescent="0.3">
      <c r="A9424" s="1">
        <v>43062</v>
      </c>
      <c r="B9424" s="3">
        <f t="shared" si="294"/>
        <v>11</v>
      </c>
      <c r="C9424" s="3">
        <f t="shared" si="295"/>
        <v>2017</v>
      </c>
      <c r="D9424" t="s">
        <v>1166</v>
      </c>
      <c r="E9424" t="s">
        <v>109</v>
      </c>
      <c r="F9424" t="s">
        <v>10</v>
      </c>
      <c r="G9424" t="s">
        <v>19</v>
      </c>
      <c r="H9424" t="s">
        <v>310</v>
      </c>
      <c r="I9424">
        <v>287.92</v>
      </c>
      <c r="J9424">
        <v>8</v>
      </c>
      <c r="K9424">
        <v>138.19999999999999</v>
      </c>
    </row>
    <row r="9425" spans="1:11" x14ac:dyDescent="0.3">
      <c r="A9425" s="1">
        <v>43062</v>
      </c>
      <c r="B9425" s="3">
        <f t="shared" si="294"/>
        <v>11</v>
      </c>
      <c r="C9425" s="3">
        <f t="shared" si="295"/>
        <v>2017</v>
      </c>
      <c r="D9425" t="s">
        <v>682</v>
      </c>
      <c r="E9425" t="s">
        <v>22</v>
      </c>
      <c r="F9425" t="s">
        <v>33</v>
      </c>
      <c r="G9425" t="s">
        <v>46</v>
      </c>
      <c r="H9425" t="s">
        <v>1569</v>
      </c>
      <c r="I9425">
        <v>24.05</v>
      </c>
      <c r="J9425">
        <v>9</v>
      </c>
      <c r="K9425">
        <v>7.21</v>
      </c>
    </row>
    <row r="9426" spans="1:11" x14ac:dyDescent="0.3">
      <c r="A9426" s="1">
        <v>43062</v>
      </c>
      <c r="B9426" s="3">
        <f t="shared" si="294"/>
        <v>11</v>
      </c>
      <c r="C9426" s="3">
        <f t="shared" si="295"/>
        <v>2017</v>
      </c>
      <c r="D9426" t="s">
        <v>482</v>
      </c>
      <c r="E9426" t="s">
        <v>22</v>
      </c>
      <c r="F9426" t="s">
        <v>10</v>
      </c>
      <c r="G9426" t="s">
        <v>19</v>
      </c>
      <c r="H9426" t="s">
        <v>764</v>
      </c>
      <c r="I9426">
        <v>7.48</v>
      </c>
      <c r="J9426">
        <v>1</v>
      </c>
      <c r="K9426">
        <v>-5.98</v>
      </c>
    </row>
    <row r="9427" spans="1:11" x14ac:dyDescent="0.3">
      <c r="A9427" s="1">
        <v>43062</v>
      </c>
      <c r="B9427" s="3">
        <f t="shared" si="294"/>
        <v>11</v>
      </c>
      <c r="C9427" s="3">
        <f t="shared" si="295"/>
        <v>2017</v>
      </c>
      <c r="D9427" t="s">
        <v>1947</v>
      </c>
      <c r="E9427" t="s">
        <v>14</v>
      </c>
      <c r="F9427" t="s">
        <v>33</v>
      </c>
      <c r="G9427" t="s">
        <v>46</v>
      </c>
      <c r="H9427" t="s">
        <v>2309</v>
      </c>
      <c r="I9427">
        <v>6.46</v>
      </c>
      <c r="J9427">
        <v>1</v>
      </c>
      <c r="K9427">
        <v>-4.04</v>
      </c>
    </row>
    <row r="9428" spans="1:11" x14ac:dyDescent="0.3">
      <c r="A9428" s="1">
        <v>43062</v>
      </c>
      <c r="B9428" s="3">
        <f t="shared" si="294"/>
        <v>11</v>
      </c>
      <c r="C9428" s="3">
        <f t="shared" si="295"/>
        <v>2017</v>
      </c>
      <c r="D9428" t="s">
        <v>1947</v>
      </c>
      <c r="E9428" t="s">
        <v>14</v>
      </c>
      <c r="F9428" t="s">
        <v>10</v>
      </c>
      <c r="G9428" t="s">
        <v>15</v>
      </c>
      <c r="H9428" t="s">
        <v>583</v>
      </c>
      <c r="I9428">
        <v>11.52</v>
      </c>
      <c r="J9428">
        <v>5</v>
      </c>
      <c r="K9428">
        <v>4.18</v>
      </c>
    </row>
    <row r="9429" spans="1:11" x14ac:dyDescent="0.3">
      <c r="A9429" s="1">
        <v>43062</v>
      </c>
      <c r="B9429" s="3">
        <f t="shared" si="294"/>
        <v>11</v>
      </c>
      <c r="C9429" s="3">
        <f t="shared" si="295"/>
        <v>2017</v>
      </c>
      <c r="D9429" t="s">
        <v>1947</v>
      </c>
      <c r="E9429" t="s">
        <v>14</v>
      </c>
      <c r="F9429" t="s">
        <v>38</v>
      </c>
      <c r="G9429" t="s">
        <v>39</v>
      </c>
      <c r="H9429" t="s">
        <v>1579</v>
      </c>
      <c r="I9429">
        <v>222.38</v>
      </c>
      <c r="J9429">
        <v>2</v>
      </c>
      <c r="K9429">
        <v>16.68</v>
      </c>
    </row>
    <row r="9430" spans="1:11" x14ac:dyDescent="0.3">
      <c r="A9430" s="1">
        <v>43062</v>
      </c>
      <c r="B9430" s="3">
        <f t="shared" si="294"/>
        <v>11</v>
      </c>
      <c r="C9430" s="3">
        <f t="shared" si="295"/>
        <v>2017</v>
      </c>
      <c r="D9430" t="s">
        <v>1722</v>
      </c>
      <c r="E9430" t="s">
        <v>9</v>
      </c>
      <c r="F9430" t="s">
        <v>38</v>
      </c>
      <c r="G9430" t="s">
        <v>39</v>
      </c>
      <c r="H9430" t="s">
        <v>1492</v>
      </c>
      <c r="I9430">
        <v>195.96</v>
      </c>
      <c r="J9430">
        <v>5</v>
      </c>
      <c r="K9430">
        <v>19.600000000000001</v>
      </c>
    </row>
    <row r="9431" spans="1:11" x14ac:dyDescent="0.3">
      <c r="A9431" s="1">
        <v>43062</v>
      </c>
      <c r="B9431" s="3">
        <f t="shared" si="294"/>
        <v>11</v>
      </c>
      <c r="C9431" s="3">
        <f t="shared" si="295"/>
        <v>2017</v>
      </c>
      <c r="D9431" t="s">
        <v>906</v>
      </c>
      <c r="E9431" t="s">
        <v>109</v>
      </c>
      <c r="F9431" t="s">
        <v>10</v>
      </c>
      <c r="G9431" t="s">
        <v>199</v>
      </c>
      <c r="H9431" t="s">
        <v>806</v>
      </c>
      <c r="I9431">
        <v>4.3600000000000003</v>
      </c>
      <c r="J9431">
        <v>2</v>
      </c>
      <c r="K9431">
        <v>0.17</v>
      </c>
    </row>
    <row r="9432" spans="1:11" x14ac:dyDescent="0.3">
      <c r="A9432" s="1">
        <v>43062</v>
      </c>
      <c r="B9432" s="3">
        <f t="shared" si="294"/>
        <v>11</v>
      </c>
      <c r="C9432" s="3">
        <f t="shared" si="295"/>
        <v>2017</v>
      </c>
      <c r="D9432" t="s">
        <v>60</v>
      </c>
      <c r="E9432" t="s">
        <v>14</v>
      </c>
      <c r="F9432" t="s">
        <v>10</v>
      </c>
      <c r="G9432" t="s">
        <v>11</v>
      </c>
      <c r="H9432" t="s">
        <v>1883</v>
      </c>
      <c r="I9432">
        <v>10.69</v>
      </c>
      <c r="J9432">
        <v>2</v>
      </c>
      <c r="K9432">
        <v>3.74</v>
      </c>
    </row>
    <row r="9433" spans="1:11" x14ac:dyDescent="0.3">
      <c r="A9433" s="1">
        <v>43062</v>
      </c>
      <c r="B9433" s="3">
        <f t="shared" si="294"/>
        <v>11</v>
      </c>
      <c r="C9433" s="3">
        <f t="shared" si="295"/>
        <v>2017</v>
      </c>
      <c r="D9433" t="s">
        <v>1160</v>
      </c>
      <c r="E9433" t="s">
        <v>9</v>
      </c>
      <c r="F9433" t="s">
        <v>10</v>
      </c>
      <c r="G9433" t="s">
        <v>11</v>
      </c>
      <c r="H9433" t="s">
        <v>1918</v>
      </c>
      <c r="I9433">
        <v>36.29</v>
      </c>
      <c r="J9433">
        <v>7</v>
      </c>
      <c r="K9433">
        <v>12.7</v>
      </c>
    </row>
    <row r="9434" spans="1:11" x14ac:dyDescent="0.3">
      <c r="A9434" s="1">
        <v>43062</v>
      </c>
      <c r="B9434" s="3">
        <f t="shared" si="294"/>
        <v>11</v>
      </c>
      <c r="C9434" s="3">
        <f t="shared" si="295"/>
        <v>2017</v>
      </c>
      <c r="D9434" t="s">
        <v>1160</v>
      </c>
      <c r="E9434" t="s">
        <v>9</v>
      </c>
      <c r="F9434" t="s">
        <v>10</v>
      </c>
      <c r="G9434" t="s">
        <v>11</v>
      </c>
      <c r="H9434" t="s">
        <v>1293</v>
      </c>
      <c r="I9434">
        <v>78.3</v>
      </c>
      <c r="J9434">
        <v>2</v>
      </c>
      <c r="K9434">
        <v>29.36</v>
      </c>
    </row>
    <row r="9435" spans="1:11" x14ac:dyDescent="0.3">
      <c r="A9435" s="1">
        <v>43062</v>
      </c>
      <c r="B9435" s="3">
        <f t="shared" si="294"/>
        <v>11</v>
      </c>
      <c r="C9435" s="3">
        <f t="shared" si="295"/>
        <v>2017</v>
      </c>
      <c r="D9435" t="s">
        <v>1160</v>
      </c>
      <c r="E9435" t="s">
        <v>9</v>
      </c>
      <c r="F9435" t="s">
        <v>33</v>
      </c>
      <c r="G9435" t="s">
        <v>144</v>
      </c>
      <c r="H9435" t="s">
        <v>1495</v>
      </c>
      <c r="I9435">
        <v>127.79</v>
      </c>
      <c r="J9435">
        <v>1</v>
      </c>
      <c r="K9435">
        <v>-31.03</v>
      </c>
    </row>
    <row r="9436" spans="1:11" x14ac:dyDescent="0.3">
      <c r="A9436" s="1">
        <v>43062</v>
      </c>
      <c r="B9436" s="3">
        <f t="shared" si="294"/>
        <v>11</v>
      </c>
      <c r="C9436" s="3">
        <f t="shared" si="295"/>
        <v>2017</v>
      </c>
      <c r="D9436" t="s">
        <v>1160</v>
      </c>
      <c r="E9436" t="s">
        <v>9</v>
      </c>
      <c r="F9436" t="s">
        <v>10</v>
      </c>
      <c r="G9436" t="s">
        <v>19</v>
      </c>
      <c r="H9436" t="s">
        <v>1992</v>
      </c>
      <c r="I9436">
        <v>6.1</v>
      </c>
      <c r="J9436">
        <v>2</v>
      </c>
      <c r="K9436">
        <v>-9.16</v>
      </c>
    </row>
    <row r="9437" spans="1:11" x14ac:dyDescent="0.3">
      <c r="A9437" s="1">
        <v>43063</v>
      </c>
      <c r="B9437" s="3">
        <f t="shared" si="294"/>
        <v>11</v>
      </c>
      <c r="C9437" s="3">
        <f t="shared" si="295"/>
        <v>2017</v>
      </c>
      <c r="D9437" t="s">
        <v>708</v>
      </c>
      <c r="E9437" t="s">
        <v>9</v>
      </c>
      <c r="F9437" t="s">
        <v>10</v>
      </c>
      <c r="G9437" t="s">
        <v>42</v>
      </c>
      <c r="H9437" t="s">
        <v>1805</v>
      </c>
      <c r="I9437">
        <v>10.82</v>
      </c>
      <c r="J9437">
        <v>3</v>
      </c>
      <c r="K9437">
        <v>2.57</v>
      </c>
    </row>
    <row r="9438" spans="1:11" x14ac:dyDescent="0.3">
      <c r="A9438" s="1">
        <v>43063</v>
      </c>
      <c r="B9438" s="3">
        <f t="shared" si="294"/>
        <v>11</v>
      </c>
      <c r="C9438" s="3">
        <f t="shared" si="295"/>
        <v>2017</v>
      </c>
      <c r="D9438" t="s">
        <v>1513</v>
      </c>
      <c r="E9438" t="s">
        <v>148</v>
      </c>
      <c r="F9438" t="s">
        <v>10</v>
      </c>
      <c r="G9438" t="s">
        <v>11</v>
      </c>
      <c r="H9438" t="s">
        <v>1417</v>
      </c>
      <c r="I9438">
        <v>5.88</v>
      </c>
      <c r="J9438">
        <v>1</v>
      </c>
      <c r="K9438">
        <v>2.88</v>
      </c>
    </row>
    <row r="9439" spans="1:11" x14ac:dyDescent="0.3">
      <c r="A9439" s="1">
        <v>43063</v>
      </c>
      <c r="B9439" s="3">
        <f t="shared" si="294"/>
        <v>11</v>
      </c>
      <c r="C9439" s="3">
        <f t="shared" si="295"/>
        <v>2017</v>
      </c>
      <c r="D9439" t="s">
        <v>1513</v>
      </c>
      <c r="E9439" t="s">
        <v>148</v>
      </c>
      <c r="F9439" t="s">
        <v>33</v>
      </c>
      <c r="G9439" t="s">
        <v>34</v>
      </c>
      <c r="H9439" t="s">
        <v>2181</v>
      </c>
      <c r="I9439">
        <v>977.29</v>
      </c>
      <c r="J9439">
        <v>6</v>
      </c>
      <c r="K9439">
        <v>173.74</v>
      </c>
    </row>
    <row r="9440" spans="1:11" x14ac:dyDescent="0.3">
      <c r="A9440" s="1">
        <v>43063</v>
      </c>
      <c r="B9440" s="3">
        <f t="shared" si="294"/>
        <v>11</v>
      </c>
      <c r="C9440" s="3">
        <f t="shared" si="295"/>
        <v>2017</v>
      </c>
      <c r="D9440" t="s">
        <v>489</v>
      </c>
      <c r="E9440" t="s">
        <v>69</v>
      </c>
      <c r="F9440" t="s">
        <v>38</v>
      </c>
      <c r="G9440" t="s">
        <v>39</v>
      </c>
      <c r="H9440" t="s">
        <v>2368</v>
      </c>
      <c r="I9440">
        <v>79.099999999999994</v>
      </c>
      <c r="J9440">
        <v>2</v>
      </c>
      <c r="K9440">
        <v>39.549999999999997</v>
      </c>
    </row>
    <row r="9441" spans="1:11" x14ac:dyDescent="0.3">
      <c r="A9441" s="1">
        <v>43063</v>
      </c>
      <c r="B9441" s="3">
        <f t="shared" si="294"/>
        <v>11</v>
      </c>
      <c r="C9441" s="3">
        <f t="shared" si="295"/>
        <v>2017</v>
      </c>
      <c r="D9441" t="s">
        <v>489</v>
      </c>
      <c r="E9441" t="s">
        <v>69</v>
      </c>
      <c r="F9441" t="s">
        <v>10</v>
      </c>
      <c r="G9441" t="s">
        <v>19</v>
      </c>
      <c r="H9441" t="s">
        <v>361</v>
      </c>
      <c r="I9441">
        <v>327.84</v>
      </c>
      <c r="J9441">
        <v>8</v>
      </c>
      <c r="K9441">
        <v>157.36000000000001</v>
      </c>
    </row>
    <row r="9442" spans="1:11" x14ac:dyDescent="0.3">
      <c r="A9442" s="1">
        <v>43063</v>
      </c>
      <c r="B9442" s="3">
        <f t="shared" si="294"/>
        <v>11</v>
      </c>
      <c r="C9442" s="3">
        <f t="shared" si="295"/>
        <v>2017</v>
      </c>
      <c r="D9442" t="s">
        <v>1176</v>
      </c>
      <c r="E9442" t="s">
        <v>32</v>
      </c>
      <c r="F9442" t="s">
        <v>10</v>
      </c>
      <c r="G9442" t="s">
        <v>19</v>
      </c>
      <c r="H9442" t="s">
        <v>898</v>
      </c>
      <c r="I9442">
        <v>2.88</v>
      </c>
      <c r="J9442">
        <v>1</v>
      </c>
      <c r="K9442">
        <v>1.41</v>
      </c>
    </row>
    <row r="9443" spans="1:11" x14ac:dyDescent="0.3">
      <c r="A9443" s="1">
        <v>43063</v>
      </c>
      <c r="B9443" s="3">
        <f t="shared" si="294"/>
        <v>11</v>
      </c>
      <c r="C9443" s="3">
        <f t="shared" si="295"/>
        <v>2017</v>
      </c>
      <c r="D9443" t="s">
        <v>1176</v>
      </c>
      <c r="E9443" t="s">
        <v>32</v>
      </c>
      <c r="F9443" t="s">
        <v>10</v>
      </c>
      <c r="G9443" t="s">
        <v>17</v>
      </c>
      <c r="H9443" t="s">
        <v>2147</v>
      </c>
      <c r="I9443">
        <v>1443.96</v>
      </c>
      <c r="J9443">
        <v>12</v>
      </c>
      <c r="K9443">
        <v>375.43</v>
      </c>
    </row>
    <row r="9444" spans="1:11" x14ac:dyDescent="0.3">
      <c r="A9444" s="1">
        <v>43063</v>
      </c>
      <c r="B9444" s="3">
        <f t="shared" si="294"/>
        <v>11</v>
      </c>
      <c r="C9444" s="3">
        <f t="shared" si="295"/>
        <v>2017</v>
      </c>
      <c r="D9444" t="s">
        <v>106</v>
      </c>
      <c r="E9444" t="s">
        <v>94</v>
      </c>
      <c r="F9444" t="s">
        <v>10</v>
      </c>
      <c r="G9444" t="s">
        <v>19</v>
      </c>
      <c r="H9444" t="s">
        <v>167</v>
      </c>
      <c r="I9444">
        <v>20.72</v>
      </c>
      <c r="J9444">
        <v>2</v>
      </c>
      <c r="K9444">
        <v>-15.2</v>
      </c>
    </row>
    <row r="9445" spans="1:11" x14ac:dyDescent="0.3">
      <c r="A9445" s="1">
        <v>43063</v>
      </c>
      <c r="B9445" s="3">
        <f t="shared" si="294"/>
        <v>11</v>
      </c>
      <c r="C9445" s="3">
        <f t="shared" si="295"/>
        <v>2017</v>
      </c>
      <c r="D9445" t="s">
        <v>106</v>
      </c>
      <c r="E9445" t="s">
        <v>94</v>
      </c>
      <c r="F9445" t="s">
        <v>10</v>
      </c>
      <c r="G9445" t="s">
        <v>17</v>
      </c>
      <c r="H9445" t="s">
        <v>2358</v>
      </c>
      <c r="I9445">
        <v>415.87</v>
      </c>
      <c r="J9445">
        <v>8</v>
      </c>
      <c r="K9445">
        <v>-41.59</v>
      </c>
    </row>
    <row r="9446" spans="1:11" x14ac:dyDescent="0.3">
      <c r="A9446" s="1">
        <v>43063</v>
      </c>
      <c r="B9446" s="3">
        <f t="shared" si="294"/>
        <v>11</v>
      </c>
      <c r="C9446" s="3">
        <f t="shared" si="295"/>
        <v>2017</v>
      </c>
      <c r="D9446" t="s">
        <v>1733</v>
      </c>
      <c r="E9446" t="s">
        <v>244</v>
      </c>
      <c r="F9446" t="s">
        <v>10</v>
      </c>
      <c r="G9446" t="s">
        <v>19</v>
      </c>
      <c r="H9446" t="s">
        <v>2467</v>
      </c>
      <c r="I9446">
        <v>19.010000000000002</v>
      </c>
      <c r="J9446">
        <v>8</v>
      </c>
      <c r="K9446">
        <v>-12.67</v>
      </c>
    </row>
    <row r="9447" spans="1:11" x14ac:dyDescent="0.3">
      <c r="A9447" s="1">
        <v>43063</v>
      </c>
      <c r="B9447" s="3">
        <f t="shared" si="294"/>
        <v>11</v>
      </c>
      <c r="C9447" s="3">
        <f t="shared" si="295"/>
        <v>2017</v>
      </c>
      <c r="D9447" t="s">
        <v>282</v>
      </c>
      <c r="E9447" t="s">
        <v>148</v>
      </c>
      <c r="F9447" t="s">
        <v>10</v>
      </c>
      <c r="G9447" t="s">
        <v>23</v>
      </c>
      <c r="H9447" t="s">
        <v>2350</v>
      </c>
      <c r="I9447">
        <v>16.38</v>
      </c>
      <c r="J9447">
        <v>9</v>
      </c>
      <c r="K9447">
        <v>7.37</v>
      </c>
    </row>
    <row r="9448" spans="1:11" x14ac:dyDescent="0.3">
      <c r="A9448" s="1">
        <v>43063</v>
      </c>
      <c r="B9448" s="3">
        <f t="shared" si="294"/>
        <v>11</v>
      </c>
      <c r="C9448" s="3">
        <f t="shared" si="295"/>
        <v>2017</v>
      </c>
      <c r="D9448" t="s">
        <v>282</v>
      </c>
      <c r="E9448" t="s">
        <v>148</v>
      </c>
      <c r="F9448" t="s">
        <v>10</v>
      </c>
      <c r="G9448" t="s">
        <v>62</v>
      </c>
      <c r="H9448" t="s">
        <v>1625</v>
      </c>
      <c r="I9448">
        <v>167.96</v>
      </c>
      <c r="J9448">
        <v>2</v>
      </c>
      <c r="K9448">
        <v>78.94</v>
      </c>
    </row>
    <row r="9449" spans="1:11" x14ac:dyDescent="0.3">
      <c r="A9449" s="1">
        <v>43063</v>
      </c>
      <c r="B9449" s="3">
        <f t="shared" si="294"/>
        <v>11</v>
      </c>
      <c r="C9449" s="3">
        <f t="shared" si="295"/>
        <v>2017</v>
      </c>
      <c r="D9449" t="s">
        <v>282</v>
      </c>
      <c r="E9449" t="s">
        <v>148</v>
      </c>
      <c r="F9449" t="s">
        <v>33</v>
      </c>
      <c r="G9449" t="s">
        <v>73</v>
      </c>
      <c r="H9449" t="s">
        <v>2197</v>
      </c>
      <c r="I9449">
        <v>321.57</v>
      </c>
      <c r="J9449">
        <v>2</v>
      </c>
      <c r="K9449">
        <v>-16.079999999999998</v>
      </c>
    </row>
    <row r="9450" spans="1:11" x14ac:dyDescent="0.3">
      <c r="A9450" s="1">
        <v>43063</v>
      </c>
      <c r="B9450" s="3">
        <f t="shared" si="294"/>
        <v>11</v>
      </c>
      <c r="C9450" s="3">
        <f t="shared" si="295"/>
        <v>2017</v>
      </c>
      <c r="D9450" t="s">
        <v>282</v>
      </c>
      <c r="E9450" t="s">
        <v>148</v>
      </c>
      <c r="F9450" t="s">
        <v>10</v>
      </c>
      <c r="G9450" t="s">
        <v>11</v>
      </c>
      <c r="H9450" t="s">
        <v>1729</v>
      </c>
      <c r="I9450">
        <v>12.96</v>
      </c>
      <c r="J9450">
        <v>2</v>
      </c>
      <c r="K9450">
        <v>6.22</v>
      </c>
    </row>
    <row r="9451" spans="1:11" x14ac:dyDescent="0.3">
      <c r="A9451" s="1">
        <v>43063</v>
      </c>
      <c r="B9451" s="3">
        <f t="shared" si="294"/>
        <v>11</v>
      </c>
      <c r="C9451" s="3">
        <f t="shared" si="295"/>
        <v>2017</v>
      </c>
      <c r="D9451" t="s">
        <v>634</v>
      </c>
      <c r="E9451" t="s">
        <v>26</v>
      </c>
      <c r="F9451" t="s">
        <v>10</v>
      </c>
      <c r="G9451" t="s">
        <v>23</v>
      </c>
      <c r="H9451" t="s">
        <v>2529</v>
      </c>
      <c r="I9451">
        <v>27.76</v>
      </c>
      <c r="J9451">
        <v>4</v>
      </c>
      <c r="K9451">
        <v>9.99</v>
      </c>
    </row>
    <row r="9452" spans="1:11" x14ac:dyDescent="0.3">
      <c r="A9452" s="1">
        <v>43063</v>
      </c>
      <c r="B9452" s="3">
        <f t="shared" si="294"/>
        <v>11</v>
      </c>
      <c r="C9452" s="3">
        <f t="shared" si="295"/>
        <v>2017</v>
      </c>
      <c r="D9452" t="s">
        <v>2198</v>
      </c>
      <c r="E9452" t="s">
        <v>22</v>
      </c>
      <c r="F9452" t="s">
        <v>38</v>
      </c>
      <c r="G9452" t="s">
        <v>39</v>
      </c>
      <c r="H9452" t="s">
        <v>2562</v>
      </c>
      <c r="I9452">
        <v>89.99</v>
      </c>
      <c r="J9452">
        <v>2</v>
      </c>
      <c r="K9452">
        <v>-15</v>
      </c>
    </row>
    <row r="9453" spans="1:11" x14ac:dyDescent="0.3">
      <c r="A9453" s="1">
        <v>43063</v>
      </c>
      <c r="B9453" s="3">
        <f t="shared" si="294"/>
        <v>11</v>
      </c>
      <c r="C9453" s="3">
        <f t="shared" si="295"/>
        <v>2017</v>
      </c>
      <c r="D9453" t="s">
        <v>2198</v>
      </c>
      <c r="E9453" t="s">
        <v>22</v>
      </c>
      <c r="F9453" t="s">
        <v>10</v>
      </c>
      <c r="G9453" t="s">
        <v>11</v>
      </c>
      <c r="H9453" t="s">
        <v>359</v>
      </c>
      <c r="I9453">
        <v>229.54</v>
      </c>
      <c r="J9453">
        <v>7</v>
      </c>
      <c r="K9453">
        <v>83.21</v>
      </c>
    </row>
    <row r="9454" spans="1:11" x14ac:dyDescent="0.3">
      <c r="A9454" s="1">
        <v>43063</v>
      </c>
      <c r="B9454" s="3">
        <f t="shared" si="294"/>
        <v>11</v>
      </c>
      <c r="C9454" s="3">
        <f t="shared" si="295"/>
        <v>2017</v>
      </c>
      <c r="D9454" t="s">
        <v>656</v>
      </c>
      <c r="E9454" t="s">
        <v>1282</v>
      </c>
      <c r="F9454" t="s">
        <v>10</v>
      </c>
      <c r="G9454" t="s">
        <v>17</v>
      </c>
      <c r="H9454" t="s">
        <v>114</v>
      </c>
      <c r="I9454">
        <v>33.29</v>
      </c>
      <c r="J9454">
        <v>1</v>
      </c>
      <c r="K9454">
        <v>7.99</v>
      </c>
    </row>
    <row r="9455" spans="1:11" x14ac:dyDescent="0.3">
      <c r="A9455" s="1">
        <v>43063</v>
      </c>
      <c r="B9455" s="3">
        <f t="shared" si="294"/>
        <v>11</v>
      </c>
      <c r="C9455" s="3">
        <f t="shared" si="295"/>
        <v>2017</v>
      </c>
      <c r="D9455" t="s">
        <v>1211</v>
      </c>
      <c r="E9455" t="s">
        <v>26</v>
      </c>
      <c r="F9455" t="s">
        <v>10</v>
      </c>
      <c r="G9455" t="s">
        <v>11</v>
      </c>
      <c r="H9455" t="s">
        <v>283</v>
      </c>
      <c r="I9455">
        <v>7.78</v>
      </c>
      <c r="J9455">
        <v>1</v>
      </c>
      <c r="K9455">
        <v>3.5</v>
      </c>
    </row>
    <row r="9456" spans="1:11" x14ac:dyDescent="0.3">
      <c r="A9456" s="1">
        <v>43063</v>
      </c>
      <c r="B9456" s="3">
        <f t="shared" si="294"/>
        <v>11</v>
      </c>
      <c r="C9456" s="3">
        <f t="shared" si="295"/>
        <v>2017</v>
      </c>
      <c r="D9456" t="s">
        <v>2449</v>
      </c>
      <c r="E9456" t="s">
        <v>9</v>
      </c>
      <c r="F9456" t="s">
        <v>10</v>
      </c>
      <c r="G9456" t="s">
        <v>91</v>
      </c>
      <c r="H9456" t="s">
        <v>113</v>
      </c>
      <c r="I9456">
        <v>13.76</v>
      </c>
      <c r="J9456">
        <v>1</v>
      </c>
      <c r="K9456">
        <v>-24.77</v>
      </c>
    </row>
    <row r="9457" spans="1:11" x14ac:dyDescent="0.3">
      <c r="A9457" s="1">
        <v>43063</v>
      </c>
      <c r="B9457" s="3">
        <f t="shared" si="294"/>
        <v>11</v>
      </c>
      <c r="C9457" s="3">
        <f t="shared" si="295"/>
        <v>2017</v>
      </c>
      <c r="D9457" t="s">
        <v>2297</v>
      </c>
      <c r="E9457" t="s">
        <v>119</v>
      </c>
      <c r="F9457" t="s">
        <v>10</v>
      </c>
      <c r="G9457" t="s">
        <v>19</v>
      </c>
      <c r="H9457" t="s">
        <v>2693</v>
      </c>
      <c r="I9457">
        <v>11.67</v>
      </c>
      <c r="J9457">
        <v>3</v>
      </c>
      <c r="K9457">
        <v>-7.78</v>
      </c>
    </row>
    <row r="9458" spans="1:11" x14ac:dyDescent="0.3">
      <c r="A9458" s="1">
        <v>43063</v>
      </c>
      <c r="B9458" s="3">
        <f t="shared" si="294"/>
        <v>11</v>
      </c>
      <c r="C9458" s="3">
        <f t="shared" si="295"/>
        <v>2017</v>
      </c>
      <c r="D9458" t="s">
        <v>2297</v>
      </c>
      <c r="E9458" t="s">
        <v>119</v>
      </c>
      <c r="F9458" t="s">
        <v>10</v>
      </c>
      <c r="G9458" t="s">
        <v>62</v>
      </c>
      <c r="H9458" t="s">
        <v>1666</v>
      </c>
      <c r="I9458">
        <v>64.849999999999994</v>
      </c>
      <c r="J9458">
        <v>7</v>
      </c>
      <c r="K9458">
        <v>24.32</v>
      </c>
    </row>
    <row r="9459" spans="1:11" x14ac:dyDescent="0.3">
      <c r="A9459" s="1">
        <v>43063</v>
      </c>
      <c r="B9459" s="3">
        <f t="shared" si="294"/>
        <v>11</v>
      </c>
      <c r="C9459" s="3">
        <f t="shared" si="295"/>
        <v>2017</v>
      </c>
      <c r="D9459" t="s">
        <v>1422</v>
      </c>
      <c r="E9459" t="s">
        <v>26</v>
      </c>
      <c r="F9459" t="s">
        <v>33</v>
      </c>
      <c r="G9459" t="s">
        <v>144</v>
      </c>
      <c r="H9459" t="s">
        <v>1500</v>
      </c>
      <c r="I9459">
        <v>364.08</v>
      </c>
      <c r="J9459">
        <v>2</v>
      </c>
      <c r="K9459">
        <v>9.1</v>
      </c>
    </row>
    <row r="9460" spans="1:11" x14ac:dyDescent="0.3">
      <c r="A9460" s="1">
        <v>43063</v>
      </c>
      <c r="B9460" s="3">
        <f t="shared" si="294"/>
        <v>11</v>
      </c>
      <c r="C9460" s="3">
        <f t="shared" si="295"/>
        <v>2017</v>
      </c>
      <c r="D9460" t="s">
        <v>1422</v>
      </c>
      <c r="E9460" t="s">
        <v>26</v>
      </c>
      <c r="F9460" t="s">
        <v>33</v>
      </c>
      <c r="G9460" t="s">
        <v>144</v>
      </c>
      <c r="H9460" t="s">
        <v>1829</v>
      </c>
      <c r="I9460">
        <v>71.09</v>
      </c>
      <c r="J9460">
        <v>2</v>
      </c>
      <c r="K9460">
        <v>-1.78</v>
      </c>
    </row>
    <row r="9461" spans="1:11" x14ac:dyDescent="0.3">
      <c r="A9461" s="1">
        <v>43063</v>
      </c>
      <c r="B9461" s="3">
        <f t="shared" si="294"/>
        <v>11</v>
      </c>
      <c r="C9461" s="3">
        <f t="shared" si="295"/>
        <v>2017</v>
      </c>
      <c r="D9461" t="s">
        <v>536</v>
      </c>
      <c r="E9461" t="s">
        <v>26</v>
      </c>
      <c r="F9461" t="s">
        <v>38</v>
      </c>
      <c r="G9461" t="s">
        <v>51</v>
      </c>
      <c r="H9461" t="s">
        <v>1689</v>
      </c>
      <c r="I9461">
        <v>223.58</v>
      </c>
      <c r="J9461">
        <v>14</v>
      </c>
      <c r="K9461">
        <v>87.2</v>
      </c>
    </row>
    <row r="9462" spans="1:11" x14ac:dyDescent="0.3">
      <c r="A9462" s="1">
        <v>43064</v>
      </c>
      <c r="B9462" s="3">
        <f t="shared" si="294"/>
        <v>11</v>
      </c>
      <c r="C9462" s="3">
        <f t="shared" si="295"/>
        <v>2017</v>
      </c>
      <c r="D9462" t="s">
        <v>1222</v>
      </c>
      <c r="E9462" t="s">
        <v>109</v>
      </c>
      <c r="F9462" t="s">
        <v>10</v>
      </c>
      <c r="G9462" t="s">
        <v>17</v>
      </c>
      <c r="H9462" t="s">
        <v>859</v>
      </c>
      <c r="I9462">
        <v>501.81</v>
      </c>
      <c r="J9462">
        <v>3</v>
      </c>
      <c r="K9462">
        <v>0</v>
      </c>
    </row>
    <row r="9463" spans="1:11" x14ac:dyDescent="0.3">
      <c r="A9463" s="1">
        <v>43064</v>
      </c>
      <c r="B9463" s="3">
        <f t="shared" si="294"/>
        <v>11</v>
      </c>
      <c r="C9463" s="3">
        <f t="shared" si="295"/>
        <v>2017</v>
      </c>
      <c r="D9463" t="s">
        <v>155</v>
      </c>
      <c r="E9463" t="s">
        <v>26</v>
      </c>
      <c r="F9463" t="s">
        <v>33</v>
      </c>
      <c r="G9463" t="s">
        <v>73</v>
      </c>
      <c r="H9463" t="s">
        <v>2169</v>
      </c>
      <c r="I9463">
        <v>359.5</v>
      </c>
      <c r="J9463">
        <v>3</v>
      </c>
      <c r="K9463">
        <v>-29.61</v>
      </c>
    </row>
    <row r="9464" spans="1:11" x14ac:dyDescent="0.3">
      <c r="A9464" s="1">
        <v>43064</v>
      </c>
      <c r="B9464" s="3">
        <f t="shared" si="294"/>
        <v>11</v>
      </c>
      <c r="C9464" s="3">
        <f t="shared" si="295"/>
        <v>2017</v>
      </c>
      <c r="D9464" t="s">
        <v>155</v>
      </c>
      <c r="E9464" t="s">
        <v>26</v>
      </c>
      <c r="F9464" t="s">
        <v>10</v>
      </c>
      <c r="G9464" t="s">
        <v>17</v>
      </c>
      <c r="H9464" t="s">
        <v>2218</v>
      </c>
      <c r="I9464">
        <v>10.48</v>
      </c>
      <c r="J9464">
        <v>1</v>
      </c>
      <c r="K9464">
        <v>2.83</v>
      </c>
    </row>
    <row r="9465" spans="1:11" x14ac:dyDescent="0.3">
      <c r="A9465" s="1">
        <v>43064</v>
      </c>
      <c r="B9465" s="3">
        <f t="shared" si="294"/>
        <v>11</v>
      </c>
      <c r="C9465" s="3">
        <f t="shared" si="295"/>
        <v>2017</v>
      </c>
      <c r="D9465" t="s">
        <v>1945</v>
      </c>
      <c r="E9465" t="s">
        <v>26</v>
      </c>
      <c r="F9465" t="s">
        <v>38</v>
      </c>
      <c r="G9465" t="s">
        <v>39</v>
      </c>
      <c r="H9465" t="s">
        <v>2602</v>
      </c>
      <c r="I9465">
        <v>39.96</v>
      </c>
      <c r="J9465">
        <v>5</v>
      </c>
      <c r="K9465">
        <v>3.5</v>
      </c>
    </row>
    <row r="9466" spans="1:11" x14ac:dyDescent="0.3">
      <c r="A9466" s="1">
        <v>43064</v>
      </c>
      <c r="B9466" s="3">
        <f t="shared" si="294"/>
        <v>11</v>
      </c>
      <c r="C9466" s="3">
        <f t="shared" si="295"/>
        <v>2017</v>
      </c>
      <c r="D9466" t="s">
        <v>1945</v>
      </c>
      <c r="E9466" t="s">
        <v>26</v>
      </c>
      <c r="F9466" t="s">
        <v>10</v>
      </c>
      <c r="G9466" t="s">
        <v>11</v>
      </c>
      <c r="H9466" t="s">
        <v>1923</v>
      </c>
      <c r="I9466">
        <v>34.08</v>
      </c>
      <c r="J9466">
        <v>6</v>
      </c>
      <c r="K9466">
        <v>15.34</v>
      </c>
    </row>
    <row r="9467" spans="1:11" x14ac:dyDescent="0.3">
      <c r="A9467" s="1">
        <v>43064</v>
      </c>
      <c r="B9467" s="3">
        <f t="shared" si="294"/>
        <v>11</v>
      </c>
      <c r="C9467" s="3">
        <f t="shared" si="295"/>
        <v>2017</v>
      </c>
      <c r="D9467" t="s">
        <v>84</v>
      </c>
      <c r="E9467" t="s">
        <v>29</v>
      </c>
      <c r="F9467" t="s">
        <v>10</v>
      </c>
      <c r="G9467" t="s">
        <v>11</v>
      </c>
      <c r="H9467" t="s">
        <v>1336</v>
      </c>
      <c r="I9467">
        <v>48.87</v>
      </c>
      <c r="J9467">
        <v>9</v>
      </c>
      <c r="K9467">
        <v>23.95</v>
      </c>
    </row>
    <row r="9468" spans="1:11" x14ac:dyDescent="0.3">
      <c r="A9468" s="1">
        <v>43064</v>
      </c>
      <c r="B9468" s="3">
        <f t="shared" si="294"/>
        <v>11</v>
      </c>
      <c r="C9468" s="3">
        <f t="shared" si="295"/>
        <v>2017</v>
      </c>
      <c r="D9468" t="s">
        <v>2462</v>
      </c>
      <c r="E9468" t="s">
        <v>122</v>
      </c>
      <c r="F9468" t="s">
        <v>33</v>
      </c>
      <c r="G9468" t="s">
        <v>73</v>
      </c>
      <c r="H9468" t="s">
        <v>2174</v>
      </c>
      <c r="I9468">
        <v>723.92</v>
      </c>
      <c r="J9468">
        <v>5</v>
      </c>
      <c r="K9468">
        <v>-81.44</v>
      </c>
    </row>
    <row r="9469" spans="1:11" x14ac:dyDescent="0.3">
      <c r="A9469" s="1">
        <v>43064</v>
      </c>
      <c r="B9469" s="3">
        <f t="shared" si="294"/>
        <v>11</v>
      </c>
      <c r="C9469" s="3">
        <f t="shared" si="295"/>
        <v>2017</v>
      </c>
      <c r="D9469" t="s">
        <v>1594</v>
      </c>
      <c r="E9469" t="s">
        <v>26</v>
      </c>
      <c r="F9469" t="s">
        <v>10</v>
      </c>
      <c r="G9469" t="s">
        <v>23</v>
      </c>
      <c r="H9469" t="s">
        <v>810</v>
      </c>
      <c r="I9469">
        <v>5.16</v>
      </c>
      <c r="J9469">
        <v>2</v>
      </c>
      <c r="K9469">
        <v>1.34</v>
      </c>
    </row>
    <row r="9470" spans="1:11" x14ac:dyDescent="0.3">
      <c r="A9470" s="1">
        <v>43064</v>
      </c>
      <c r="B9470" s="3">
        <f t="shared" si="294"/>
        <v>11</v>
      </c>
      <c r="C9470" s="3">
        <f t="shared" si="295"/>
        <v>2017</v>
      </c>
      <c r="D9470" t="s">
        <v>2070</v>
      </c>
      <c r="E9470" t="s">
        <v>9</v>
      </c>
      <c r="F9470" t="s">
        <v>38</v>
      </c>
      <c r="G9470" t="s">
        <v>39</v>
      </c>
      <c r="H9470" t="s">
        <v>2562</v>
      </c>
      <c r="I9470">
        <v>299.95999999999998</v>
      </c>
      <c r="J9470">
        <v>5</v>
      </c>
      <c r="K9470">
        <v>37.5</v>
      </c>
    </row>
    <row r="9471" spans="1:11" x14ac:dyDescent="0.3">
      <c r="A9471" s="1">
        <v>43064</v>
      </c>
      <c r="B9471" s="3">
        <f t="shared" si="294"/>
        <v>11</v>
      </c>
      <c r="C9471" s="3">
        <f t="shared" si="295"/>
        <v>2017</v>
      </c>
      <c r="D9471" t="s">
        <v>2070</v>
      </c>
      <c r="E9471" t="s">
        <v>9</v>
      </c>
      <c r="F9471" t="s">
        <v>10</v>
      </c>
      <c r="G9471" t="s">
        <v>91</v>
      </c>
      <c r="H9471" t="s">
        <v>2353</v>
      </c>
      <c r="I9471">
        <v>67.84</v>
      </c>
      <c r="J9471">
        <v>5</v>
      </c>
      <c r="K9471">
        <v>-179.78</v>
      </c>
    </row>
    <row r="9472" spans="1:11" x14ac:dyDescent="0.3">
      <c r="A9472" s="1">
        <v>43064</v>
      </c>
      <c r="B9472" s="3">
        <f t="shared" si="294"/>
        <v>11</v>
      </c>
      <c r="C9472" s="3">
        <f t="shared" si="295"/>
        <v>2017</v>
      </c>
      <c r="D9472" t="s">
        <v>2070</v>
      </c>
      <c r="E9472" t="s">
        <v>9</v>
      </c>
      <c r="F9472" t="s">
        <v>33</v>
      </c>
      <c r="G9472" t="s">
        <v>34</v>
      </c>
      <c r="H9472" t="s">
        <v>947</v>
      </c>
      <c r="I9472">
        <v>853.93</v>
      </c>
      <c r="J9472">
        <v>5</v>
      </c>
      <c r="K9472">
        <v>-24.4</v>
      </c>
    </row>
    <row r="9473" spans="1:11" x14ac:dyDescent="0.3">
      <c r="A9473" s="1">
        <v>43064</v>
      </c>
      <c r="B9473" s="3">
        <f t="shared" si="294"/>
        <v>11</v>
      </c>
      <c r="C9473" s="3">
        <f t="shared" si="295"/>
        <v>2017</v>
      </c>
      <c r="D9473" t="s">
        <v>2070</v>
      </c>
      <c r="E9473" t="s">
        <v>9</v>
      </c>
      <c r="F9473" t="s">
        <v>10</v>
      </c>
      <c r="G9473" t="s">
        <v>23</v>
      </c>
      <c r="H9473" t="s">
        <v>1953</v>
      </c>
      <c r="I9473">
        <v>18.690000000000001</v>
      </c>
      <c r="J9473">
        <v>4</v>
      </c>
      <c r="K9473">
        <v>3.74</v>
      </c>
    </row>
    <row r="9474" spans="1:11" x14ac:dyDescent="0.3">
      <c r="A9474" s="1">
        <v>43064</v>
      </c>
      <c r="B9474" s="3">
        <f t="shared" ref="B9474:B9537" si="296">MONTH(A:A)</f>
        <v>11</v>
      </c>
      <c r="C9474" s="3">
        <f t="shared" ref="C9474:C9537" si="297">YEAR(A:A)</f>
        <v>2017</v>
      </c>
      <c r="D9474" t="s">
        <v>80</v>
      </c>
      <c r="E9474" t="s">
        <v>32</v>
      </c>
      <c r="F9474" t="s">
        <v>33</v>
      </c>
      <c r="G9474" t="s">
        <v>34</v>
      </c>
      <c r="H9474" t="s">
        <v>1725</v>
      </c>
      <c r="I9474">
        <v>701.96</v>
      </c>
      <c r="J9474">
        <v>2</v>
      </c>
      <c r="K9474">
        <v>168.47</v>
      </c>
    </row>
    <row r="9475" spans="1:11" x14ac:dyDescent="0.3">
      <c r="A9475" s="1">
        <v>43065</v>
      </c>
      <c r="B9475" s="3">
        <f t="shared" si="296"/>
        <v>11</v>
      </c>
      <c r="C9475" s="3">
        <f t="shared" si="297"/>
        <v>2017</v>
      </c>
      <c r="D9475" t="s">
        <v>1474</v>
      </c>
      <c r="E9475" t="s">
        <v>185</v>
      </c>
      <c r="F9475" t="s">
        <v>33</v>
      </c>
      <c r="G9475" t="s">
        <v>46</v>
      </c>
      <c r="H9475" t="s">
        <v>2007</v>
      </c>
      <c r="I9475">
        <v>126.3</v>
      </c>
      <c r="J9475">
        <v>3</v>
      </c>
      <c r="K9475">
        <v>40.42</v>
      </c>
    </row>
    <row r="9476" spans="1:11" x14ac:dyDescent="0.3">
      <c r="A9476" s="1">
        <v>43065</v>
      </c>
      <c r="B9476" s="3">
        <f t="shared" si="296"/>
        <v>11</v>
      </c>
      <c r="C9476" s="3">
        <f t="shared" si="297"/>
        <v>2017</v>
      </c>
      <c r="D9476" t="s">
        <v>1474</v>
      </c>
      <c r="E9476" t="s">
        <v>185</v>
      </c>
      <c r="F9476" t="s">
        <v>38</v>
      </c>
      <c r="G9476" t="s">
        <v>51</v>
      </c>
      <c r="H9476" t="s">
        <v>1168</v>
      </c>
      <c r="I9476">
        <v>38.04</v>
      </c>
      <c r="J9476">
        <v>2</v>
      </c>
      <c r="K9476">
        <v>12.17</v>
      </c>
    </row>
    <row r="9477" spans="1:11" x14ac:dyDescent="0.3">
      <c r="A9477" s="1">
        <v>43065</v>
      </c>
      <c r="B9477" s="3">
        <f t="shared" si="296"/>
        <v>11</v>
      </c>
      <c r="C9477" s="3">
        <f t="shared" si="297"/>
        <v>2017</v>
      </c>
      <c r="D9477" t="s">
        <v>759</v>
      </c>
      <c r="E9477" t="s">
        <v>77</v>
      </c>
      <c r="F9477" t="s">
        <v>38</v>
      </c>
      <c r="G9477" t="s">
        <v>39</v>
      </c>
      <c r="H9477" t="s">
        <v>706</v>
      </c>
      <c r="I9477">
        <v>220.75</v>
      </c>
      <c r="J9477">
        <v>8</v>
      </c>
      <c r="K9477">
        <v>-40.47</v>
      </c>
    </row>
    <row r="9478" spans="1:11" x14ac:dyDescent="0.3">
      <c r="A9478" s="1">
        <v>43065</v>
      </c>
      <c r="B9478" s="3">
        <f t="shared" si="296"/>
        <v>11</v>
      </c>
      <c r="C9478" s="3">
        <f t="shared" si="297"/>
        <v>2017</v>
      </c>
      <c r="D9478" t="s">
        <v>1630</v>
      </c>
      <c r="E9478" t="s">
        <v>29</v>
      </c>
      <c r="F9478" t="s">
        <v>10</v>
      </c>
      <c r="G9478" t="s">
        <v>23</v>
      </c>
      <c r="H9478" t="s">
        <v>576</v>
      </c>
      <c r="I9478">
        <v>12.84</v>
      </c>
      <c r="J9478">
        <v>3</v>
      </c>
      <c r="K9478">
        <v>3.72</v>
      </c>
    </row>
    <row r="9479" spans="1:11" x14ac:dyDescent="0.3">
      <c r="A9479" s="1">
        <v>43065</v>
      </c>
      <c r="B9479" s="3">
        <f t="shared" si="296"/>
        <v>11</v>
      </c>
      <c r="C9479" s="3">
        <f t="shared" si="297"/>
        <v>2017</v>
      </c>
      <c r="D9479" t="s">
        <v>1185</v>
      </c>
      <c r="E9479" t="s">
        <v>77</v>
      </c>
      <c r="F9479" t="s">
        <v>10</v>
      </c>
      <c r="G9479" t="s">
        <v>91</v>
      </c>
      <c r="H9479" t="s">
        <v>2272</v>
      </c>
      <c r="I9479">
        <v>52.27</v>
      </c>
      <c r="J9479">
        <v>3</v>
      </c>
      <c r="K9479">
        <v>9.8000000000000007</v>
      </c>
    </row>
    <row r="9480" spans="1:11" x14ac:dyDescent="0.3">
      <c r="A9480" s="1">
        <v>43065</v>
      </c>
      <c r="B9480" s="3">
        <f t="shared" si="296"/>
        <v>11</v>
      </c>
      <c r="C9480" s="3">
        <f t="shared" si="297"/>
        <v>2017</v>
      </c>
      <c r="D9480" t="s">
        <v>1185</v>
      </c>
      <c r="E9480" t="s">
        <v>77</v>
      </c>
      <c r="F9480" t="s">
        <v>10</v>
      </c>
      <c r="G9480" t="s">
        <v>91</v>
      </c>
      <c r="H9480" t="s">
        <v>1079</v>
      </c>
      <c r="I9480">
        <v>213.14</v>
      </c>
      <c r="J9480">
        <v>7</v>
      </c>
      <c r="K9480">
        <v>23.98</v>
      </c>
    </row>
    <row r="9481" spans="1:11" x14ac:dyDescent="0.3">
      <c r="A9481" s="1">
        <v>43065</v>
      </c>
      <c r="B9481" s="3">
        <f t="shared" si="296"/>
        <v>11</v>
      </c>
      <c r="C9481" s="3">
        <f t="shared" si="297"/>
        <v>2017</v>
      </c>
      <c r="D9481" t="s">
        <v>1919</v>
      </c>
      <c r="E9481" t="s">
        <v>14</v>
      </c>
      <c r="F9481" t="s">
        <v>10</v>
      </c>
      <c r="G9481" t="s">
        <v>19</v>
      </c>
      <c r="H9481" t="s">
        <v>1028</v>
      </c>
      <c r="I9481">
        <v>33.57</v>
      </c>
      <c r="J9481">
        <v>8</v>
      </c>
      <c r="K9481">
        <v>-53.71</v>
      </c>
    </row>
    <row r="9482" spans="1:11" x14ac:dyDescent="0.3">
      <c r="A9482" s="1">
        <v>43065</v>
      </c>
      <c r="B9482" s="3">
        <f t="shared" si="296"/>
        <v>11</v>
      </c>
      <c r="C9482" s="3">
        <f t="shared" si="297"/>
        <v>2017</v>
      </c>
      <c r="D9482" t="s">
        <v>695</v>
      </c>
      <c r="E9482" t="s">
        <v>148</v>
      </c>
      <c r="F9482" t="s">
        <v>10</v>
      </c>
      <c r="G9482" t="s">
        <v>91</v>
      </c>
      <c r="H9482" t="s">
        <v>1249</v>
      </c>
      <c r="I9482">
        <v>58.73</v>
      </c>
      <c r="J9482">
        <v>7</v>
      </c>
      <c r="K9482">
        <v>14.68</v>
      </c>
    </row>
    <row r="9483" spans="1:11" x14ac:dyDescent="0.3">
      <c r="A9483" s="1">
        <v>43065</v>
      </c>
      <c r="B9483" s="3">
        <f t="shared" si="296"/>
        <v>11</v>
      </c>
      <c r="C9483" s="3">
        <f t="shared" si="297"/>
        <v>2017</v>
      </c>
      <c r="D9483" t="s">
        <v>695</v>
      </c>
      <c r="E9483" t="s">
        <v>148</v>
      </c>
      <c r="F9483" t="s">
        <v>10</v>
      </c>
      <c r="G9483" t="s">
        <v>19</v>
      </c>
      <c r="H9483" t="s">
        <v>1895</v>
      </c>
      <c r="I9483">
        <v>93.34</v>
      </c>
      <c r="J9483">
        <v>4</v>
      </c>
      <c r="K9483">
        <v>32.67</v>
      </c>
    </row>
    <row r="9484" spans="1:11" x14ac:dyDescent="0.3">
      <c r="A9484" s="1">
        <v>43065</v>
      </c>
      <c r="B9484" s="3">
        <f t="shared" si="296"/>
        <v>11</v>
      </c>
      <c r="C9484" s="3">
        <f t="shared" si="297"/>
        <v>2017</v>
      </c>
      <c r="D9484" t="s">
        <v>2384</v>
      </c>
      <c r="E9484" t="s">
        <v>128</v>
      </c>
      <c r="F9484" t="s">
        <v>33</v>
      </c>
      <c r="G9484" t="s">
        <v>144</v>
      </c>
      <c r="H9484" t="s">
        <v>472</v>
      </c>
      <c r="I9484">
        <v>257.94</v>
      </c>
      <c r="J9484">
        <v>3</v>
      </c>
      <c r="K9484">
        <v>67.06</v>
      </c>
    </row>
    <row r="9485" spans="1:11" x14ac:dyDescent="0.3">
      <c r="A9485" s="1">
        <v>43065</v>
      </c>
      <c r="B9485" s="3">
        <f t="shared" si="296"/>
        <v>11</v>
      </c>
      <c r="C9485" s="3">
        <f t="shared" si="297"/>
        <v>2017</v>
      </c>
      <c r="D9485" t="s">
        <v>2384</v>
      </c>
      <c r="E9485" t="s">
        <v>128</v>
      </c>
      <c r="F9485" t="s">
        <v>38</v>
      </c>
      <c r="G9485" t="s">
        <v>39</v>
      </c>
      <c r="H9485" t="s">
        <v>2192</v>
      </c>
      <c r="I9485">
        <v>1879.96</v>
      </c>
      <c r="J9485">
        <v>4</v>
      </c>
      <c r="K9485">
        <v>545.19000000000005</v>
      </c>
    </row>
    <row r="9486" spans="1:11" x14ac:dyDescent="0.3">
      <c r="A9486" s="1">
        <v>43065</v>
      </c>
      <c r="B9486" s="3">
        <f t="shared" si="296"/>
        <v>11</v>
      </c>
      <c r="C9486" s="3">
        <f t="shared" si="297"/>
        <v>2017</v>
      </c>
      <c r="D9486" t="s">
        <v>2384</v>
      </c>
      <c r="E9486" t="s">
        <v>128</v>
      </c>
      <c r="F9486" t="s">
        <v>33</v>
      </c>
      <c r="G9486" t="s">
        <v>46</v>
      </c>
      <c r="H9486" t="s">
        <v>364</v>
      </c>
      <c r="I9486">
        <v>27.46</v>
      </c>
      <c r="J9486">
        <v>2</v>
      </c>
      <c r="K9486">
        <v>9.89</v>
      </c>
    </row>
    <row r="9487" spans="1:11" x14ac:dyDescent="0.3">
      <c r="A9487" s="1">
        <v>43065</v>
      </c>
      <c r="B9487" s="3">
        <f t="shared" si="296"/>
        <v>11</v>
      </c>
      <c r="C9487" s="3">
        <f t="shared" si="297"/>
        <v>2017</v>
      </c>
      <c r="D9487" t="s">
        <v>2384</v>
      </c>
      <c r="E9487" t="s">
        <v>128</v>
      </c>
      <c r="F9487" t="s">
        <v>38</v>
      </c>
      <c r="G9487" t="s">
        <v>39</v>
      </c>
      <c r="H9487" t="s">
        <v>414</v>
      </c>
      <c r="I9487">
        <v>89.98</v>
      </c>
      <c r="J9487">
        <v>2</v>
      </c>
      <c r="K9487">
        <v>43.19</v>
      </c>
    </row>
    <row r="9488" spans="1:11" x14ac:dyDescent="0.3">
      <c r="A9488" s="1">
        <v>43065</v>
      </c>
      <c r="B9488" s="3">
        <f t="shared" si="296"/>
        <v>11</v>
      </c>
      <c r="C9488" s="3">
        <f t="shared" si="297"/>
        <v>2017</v>
      </c>
      <c r="D9488" t="s">
        <v>2384</v>
      </c>
      <c r="E9488" t="s">
        <v>128</v>
      </c>
      <c r="F9488" t="s">
        <v>33</v>
      </c>
      <c r="G9488" t="s">
        <v>34</v>
      </c>
      <c r="H9488" t="s">
        <v>1236</v>
      </c>
      <c r="I9488">
        <v>828.6</v>
      </c>
      <c r="J9488">
        <v>3</v>
      </c>
      <c r="K9488">
        <v>240.29</v>
      </c>
    </row>
    <row r="9489" spans="1:11" x14ac:dyDescent="0.3">
      <c r="A9489" s="1">
        <v>43065</v>
      </c>
      <c r="B9489" s="3">
        <f t="shared" si="296"/>
        <v>11</v>
      </c>
      <c r="C9489" s="3">
        <f t="shared" si="297"/>
        <v>2017</v>
      </c>
      <c r="D9489" t="s">
        <v>203</v>
      </c>
      <c r="E9489" t="s">
        <v>148</v>
      </c>
      <c r="F9489" t="s">
        <v>38</v>
      </c>
      <c r="G9489" t="s">
        <v>39</v>
      </c>
      <c r="H9489" t="s">
        <v>2025</v>
      </c>
      <c r="I9489">
        <v>979.95</v>
      </c>
      <c r="J9489">
        <v>5</v>
      </c>
      <c r="K9489">
        <v>264.58999999999997</v>
      </c>
    </row>
    <row r="9490" spans="1:11" x14ac:dyDescent="0.3">
      <c r="A9490" s="1">
        <v>43065</v>
      </c>
      <c r="B9490" s="3">
        <f t="shared" si="296"/>
        <v>11</v>
      </c>
      <c r="C9490" s="3">
        <f t="shared" si="297"/>
        <v>2017</v>
      </c>
      <c r="D9490" t="s">
        <v>203</v>
      </c>
      <c r="E9490" t="s">
        <v>148</v>
      </c>
      <c r="F9490" t="s">
        <v>33</v>
      </c>
      <c r="G9490" t="s">
        <v>46</v>
      </c>
      <c r="H9490" t="s">
        <v>1036</v>
      </c>
      <c r="I9490">
        <v>135.30000000000001</v>
      </c>
      <c r="J9490">
        <v>5</v>
      </c>
      <c r="K9490">
        <v>37.880000000000003</v>
      </c>
    </row>
    <row r="9491" spans="1:11" x14ac:dyDescent="0.3">
      <c r="A9491" s="1">
        <v>43066</v>
      </c>
      <c r="B9491" s="3">
        <f t="shared" si="296"/>
        <v>11</v>
      </c>
      <c r="C9491" s="3">
        <f t="shared" si="297"/>
        <v>2017</v>
      </c>
      <c r="D9491" t="s">
        <v>922</v>
      </c>
      <c r="E9491" t="s">
        <v>156</v>
      </c>
      <c r="F9491" t="s">
        <v>33</v>
      </c>
      <c r="G9491" t="s">
        <v>46</v>
      </c>
      <c r="H9491" t="s">
        <v>534</v>
      </c>
      <c r="I9491">
        <v>46.94</v>
      </c>
      <c r="J9491">
        <v>1</v>
      </c>
      <c r="K9491">
        <v>19.25</v>
      </c>
    </row>
    <row r="9492" spans="1:11" x14ac:dyDescent="0.3">
      <c r="A9492" s="1">
        <v>43066</v>
      </c>
      <c r="B9492" s="3">
        <f t="shared" si="296"/>
        <v>11</v>
      </c>
      <c r="C9492" s="3">
        <f t="shared" si="297"/>
        <v>2017</v>
      </c>
      <c r="D9492" t="s">
        <v>922</v>
      </c>
      <c r="E9492" t="s">
        <v>156</v>
      </c>
      <c r="F9492" t="s">
        <v>38</v>
      </c>
      <c r="G9492" t="s">
        <v>51</v>
      </c>
      <c r="H9492" t="s">
        <v>1689</v>
      </c>
      <c r="I9492">
        <v>143.72999999999999</v>
      </c>
      <c r="J9492">
        <v>9</v>
      </c>
      <c r="K9492">
        <v>56.05</v>
      </c>
    </row>
    <row r="9493" spans="1:11" x14ac:dyDescent="0.3">
      <c r="A9493" s="1">
        <v>43066</v>
      </c>
      <c r="B9493" s="3">
        <f t="shared" si="296"/>
        <v>11</v>
      </c>
      <c r="C9493" s="3">
        <f t="shared" si="297"/>
        <v>2017</v>
      </c>
      <c r="D9493" t="s">
        <v>2509</v>
      </c>
      <c r="E9493" t="s">
        <v>26</v>
      </c>
      <c r="F9493" t="s">
        <v>10</v>
      </c>
      <c r="G9493" t="s">
        <v>11</v>
      </c>
      <c r="H9493" t="s">
        <v>2166</v>
      </c>
      <c r="I9493">
        <v>244.55</v>
      </c>
      <c r="J9493">
        <v>5</v>
      </c>
      <c r="K9493">
        <v>114.94</v>
      </c>
    </row>
    <row r="9494" spans="1:11" x14ac:dyDescent="0.3">
      <c r="A9494" s="1">
        <v>43066</v>
      </c>
      <c r="B9494" s="3">
        <f t="shared" si="296"/>
        <v>11</v>
      </c>
      <c r="C9494" s="3">
        <f t="shared" si="297"/>
        <v>2017</v>
      </c>
      <c r="D9494" t="s">
        <v>2509</v>
      </c>
      <c r="E9494" t="s">
        <v>26</v>
      </c>
      <c r="F9494" t="s">
        <v>38</v>
      </c>
      <c r="G9494" t="s">
        <v>51</v>
      </c>
      <c r="H9494" t="s">
        <v>212</v>
      </c>
      <c r="I9494">
        <v>166.16</v>
      </c>
      <c r="J9494">
        <v>8</v>
      </c>
      <c r="K9494">
        <v>59.82</v>
      </c>
    </row>
    <row r="9495" spans="1:11" x14ac:dyDescent="0.3">
      <c r="A9495" s="1">
        <v>43066</v>
      </c>
      <c r="B9495" s="3">
        <f t="shared" si="296"/>
        <v>11</v>
      </c>
      <c r="C9495" s="3">
        <f t="shared" si="297"/>
        <v>2017</v>
      </c>
      <c r="D9495" t="s">
        <v>1412</v>
      </c>
      <c r="E9495" t="s">
        <v>244</v>
      </c>
      <c r="F9495" t="s">
        <v>10</v>
      </c>
      <c r="G9495" t="s">
        <v>23</v>
      </c>
      <c r="H9495" t="s">
        <v>2669</v>
      </c>
      <c r="I9495">
        <v>8.76</v>
      </c>
      <c r="J9495">
        <v>5</v>
      </c>
      <c r="K9495">
        <v>0.77</v>
      </c>
    </row>
    <row r="9496" spans="1:11" x14ac:dyDescent="0.3">
      <c r="A9496" s="1">
        <v>43066</v>
      </c>
      <c r="B9496" s="3">
        <f t="shared" si="296"/>
        <v>11</v>
      </c>
      <c r="C9496" s="3">
        <f t="shared" si="297"/>
        <v>2017</v>
      </c>
      <c r="D9496" t="s">
        <v>1412</v>
      </c>
      <c r="E9496" t="s">
        <v>244</v>
      </c>
      <c r="F9496" t="s">
        <v>10</v>
      </c>
      <c r="G9496" t="s">
        <v>91</v>
      </c>
      <c r="H9496" t="s">
        <v>1887</v>
      </c>
      <c r="I9496">
        <v>43.58</v>
      </c>
      <c r="J9496">
        <v>1</v>
      </c>
      <c r="K9496">
        <v>4.3600000000000003</v>
      </c>
    </row>
    <row r="9497" spans="1:11" x14ac:dyDescent="0.3">
      <c r="A9497" s="1">
        <v>43066</v>
      </c>
      <c r="B9497" s="3">
        <f t="shared" si="296"/>
        <v>11</v>
      </c>
      <c r="C9497" s="3">
        <f t="shared" si="297"/>
        <v>2017</v>
      </c>
      <c r="D9497" t="s">
        <v>2093</v>
      </c>
      <c r="E9497" t="s">
        <v>26</v>
      </c>
      <c r="F9497" t="s">
        <v>10</v>
      </c>
      <c r="G9497" t="s">
        <v>19</v>
      </c>
      <c r="H9497" t="s">
        <v>1122</v>
      </c>
      <c r="I9497">
        <v>117.49</v>
      </c>
      <c r="J9497">
        <v>7</v>
      </c>
      <c r="K9497">
        <v>41.12</v>
      </c>
    </row>
    <row r="9498" spans="1:11" x14ac:dyDescent="0.3">
      <c r="A9498" s="1">
        <v>43066</v>
      </c>
      <c r="B9498" s="3">
        <f t="shared" si="296"/>
        <v>11</v>
      </c>
      <c r="C9498" s="3">
        <f t="shared" si="297"/>
        <v>2017</v>
      </c>
      <c r="D9498" t="s">
        <v>2093</v>
      </c>
      <c r="E9498" t="s">
        <v>26</v>
      </c>
      <c r="F9498" t="s">
        <v>33</v>
      </c>
      <c r="G9498" t="s">
        <v>46</v>
      </c>
      <c r="H9498" t="s">
        <v>2120</v>
      </c>
      <c r="I9498">
        <v>18.84</v>
      </c>
      <c r="J9498">
        <v>3</v>
      </c>
      <c r="K9498">
        <v>6.03</v>
      </c>
    </row>
    <row r="9499" spans="1:11" x14ac:dyDescent="0.3">
      <c r="A9499" s="1">
        <v>43066</v>
      </c>
      <c r="B9499" s="3">
        <f t="shared" si="296"/>
        <v>11</v>
      </c>
      <c r="C9499" s="3">
        <f t="shared" si="297"/>
        <v>2017</v>
      </c>
      <c r="D9499" t="s">
        <v>2322</v>
      </c>
      <c r="E9499" t="s">
        <v>26</v>
      </c>
      <c r="F9499" t="s">
        <v>38</v>
      </c>
      <c r="G9499" t="s">
        <v>39</v>
      </c>
      <c r="H9499" t="s">
        <v>390</v>
      </c>
      <c r="I9499">
        <v>57.57</v>
      </c>
      <c r="J9499">
        <v>4</v>
      </c>
      <c r="K9499">
        <v>5.76</v>
      </c>
    </row>
    <row r="9500" spans="1:11" x14ac:dyDescent="0.3">
      <c r="A9500" s="1">
        <v>43066</v>
      </c>
      <c r="B9500" s="3">
        <f t="shared" si="296"/>
        <v>11</v>
      </c>
      <c r="C9500" s="3">
        <f t="shared" si="297"/>
        <v>2017</v>
      </c>
      <c r="D9500" t="s">
        <v>711</v>
      </c>
      <c r="E9500" t="s">
        <v>148</v>
      </c>
      <c r="F9500" t="s">
        <v>10</v>
      </c>
      <c r="G9500" t="s">
        <v>23</v>
      </c>
      <c r="H9500" t="s">
        <v>360</v>
      </c>
      <c r="I9500">
        <v>6.99</v>
      </c>
      <c r="J9500">
        <v>3</v>
      </c>
      <c r="K9500">
        <v>2.0299999999999998</v>
      </c>
    </row>
    <row r="9501" spans="1:11" x14ac:dyDescent="0.3">
      <c r="A9501" s="1">
        <v>43066</v>
      </c>
      <c r="B9501" s="3">
        <f t="shared" si="296"/>
        <v>11</v>
      </c>
      <c r="C9501" s="3">
        <f t="shared" si="297"/>
        <v>2017</v>
      </c>
      <c r="D9501" t="s">
        <v>711</v>
      </c>
      <c r="E9501" t="s">
        <v>148</v>
      </c>
      <c r="F9501" t="s">
        <v>10</v>
      </c>
      <c r="G9501" t="s">
        <v>19</v>
      </c>
      <c r="H9501" t="s">
        <v>174</v>
      </c>
      <c r="I9501">
        <v>107.42</v>
      </c>
      <c r="J9501">
        <v>6</v>
      </c>
      <c r="K9501">
        <v>36.26</v>
      </c>
    </row>
    <row r="9502" spans="1:11" x14ac:dyDescent="0.3">
      <c r="A9502" s="1">
        <v>43066</v>
      </c>
      <c r="B9502" s="3">
        <f t="shared" si="296"/>
        <v>11</v>
      </c>
      <c r="C9502" s="3">
        <f t="shared" si="297"/>
        <v>2017</v>
      </c>
      <c r="D9502" t="s">
        <v>2251</v>
      </c>
      <c r="E9502" t="s">
        <v>128</v>
      </c>
      <c r="F9502" t="s">
        <v>10</v>
      </c>
      <c r="G9502" t="s">
        <v>11</v>
      </c>
      <c r="H9502" t="s">
        <v>334</v>
      </c>
      <c r="I9502">
        <v>158.28</v>
      </c>
      <c r="J9502">
        <v>6</v>
      </c>
      <c r="K9502">
        <v>72.81</v>
      </c>
    </row>
    <row r="9503" spans="1:11" x14ac:dyDescent="0.3">
      <c r="A9503" s="1">
        <v>43066</v>
      </c>
      <c r="B9503" s="3">
        <f t="shared" si="296"/>
        <v>11</v>
      </c>
      <c r="C9503" s="3">
        <f t="shared" si="297"/>
        <v>2017</v>
      </c>
      <c r="D9503" t="s">
        <v>2251</v>
      </c>
      <c r="E9503" t="s">
        <v>128</v>
      </c>
      <c r="F9503" t="s">
        <v>10</v>
      </c>
      <c r="G9503" t="s">
        <v>19</v>
      </c>
      <c r="H9503" t="s">
        <v>665</v>
      </c>
      <c r="I9503">
        <v>497.94</v>
      </c>
      <c r="J9503">
        <v>3</v>
      </c>
      <c r="K9503">
        <v>224.07</v>
      </c>
    </row>
    <row r="9504" spans="1:11" x14ac:dyDescent="0.3">
      <c r="A9504" s="1">
        <v>43067</v>
      </c>
      <c r="B9504" s="3">
        <f t="shared" si="296"/>
        <v>11</v>
      </c>
      <c r="C9504" s="3">
        <f t="shared" si="297"/>
        <v>2017</v>
      </c>
      <c r="D9504" t="s">
        <v>768</v>
      </c>
      <c r="E9504" t="s">
        <v>22</v>
      </c>
      <c r="F9504" t="s">
        <v>33</v>
      </c>
      <c r="G9504" t="s">
        <v>46</v>
      </c>
      <c r="H9504" t="s">
        <v>2441</v>
      </c>
      <c r="I9504">
        <v>516.49</v>
      </c>
      <c r="J9504">
        <v>7</v>
      </c>
      <c r="K9504">
        <v>-12.91</v>
      </c>
    </row>
    <row r="9505" spans="1:11" x14ac:dyDescent="0.3">
      <c r="A9505" s="1">
        <v>43067</v>
      </c>
      <c r="B9505" s="3">
        <f t="shared" si="296"/>
        <v>11</v>
      </c>
      <c r="C9505" s="3">
        <f t="shared" si="297"/>
        <v>2017</v>
      </c>
      <c r="D9505" t="s">
        <v>768</v>
      </c>
      <c r="E9505" t="s">
        <v>22</v>
      </c>
      <c r="F9505" t="s">
        <v>33</v>
      </c>
      <c r="G9505" t="s">
        <v>46</v>
      </c>
      <c r="H9505" t="s">
        <v>2371</v>
      </c>
      <c r="I9505">
        <v>1007.23</v>
      </c>
      <c r="J9505">
        <v>6</v>
      </c>
      <c r="K9505">
        <v>75.540000000000006</v>
      </c>
    </row>
    <row r="9506" spans="1:11" x14ac:dyDescent="0.3">
      <c r="A9506" s="1">
        <v>43067</v>
      </c>
      <c r="B9506" s="3">
        <f t="shared" si="296"/>
        <v>11</v>
      </c>
      <c r="C9506" s="3">
        <f t="shared" si="297"/>
        <v>2017</v>
      </c>
      <c r="D9506" t="s">
        <v>768</v>
      </c>
      <c r="E9506" t="s">
        <v>22</v>
      </c>
      <c r="F9506" t="s">
        <v>33</v>
      </c>
      <c r="G9506" t="s">
        <v>144</v>
      </c>
      <c r="H9506" t="s">
        <v>1225</v>
      </c>
      <c r="I9506">
        <v>2065.3200000000002</v>
      </c>
      <c r="J9506">
        <v>12</v>
      </c>
      <c r="K9506">
        <v>-619.6</v>
      </c>
    </row>
    <row r="9507" spans="1:11" x14ac:dyDescent="0.3">
      <c r="A9507" s="1">
        <v>43067</v>
      </c>
      <c r="B9507" s="3">
        <f t="shared" si="296"/>
        <v>11</v>
      </c>
      <c r="C9507" s="3">
        <f t="shared" si="297"/>
        <v>2017</v>
      </c>
      <c r="D9507" t="s">
        <v>768</v>
      </c>
      <c r="E9507" t="s">
        <v>22</v>
      </c>
      <c r="F9507" t="s">
        <v>10</v>
      </c>
      <c r="G9507" t="s">
        <v>11</v>
      </c>
      <c r="H9507" t="s">
        <v>1263</v>
      </c>
      <c r="I9507">
        <v>15.55</v>
      </c>
      <c r="J9507">
        <v>3</v>
      </c>
      <c r="K9507">
        <v>5.44</v>
      </c>
    </row>
    <row r="9508" spans="1:11" x14ac:dyDescent="0.3">
      <c r="A9508" s="1">
        <v>43067</v>
      </c>
      <c r="B9508" s="3">
        <f t="shared" si="296"/>
        <v>11</v>
      </c>
      <c r="C9508" s="3">
        <f t="shared" si="297"/>
        <v>2017</v>
      </c>
      <c r="D9508" t="s">
        <v>768</v>
      </c>
      <c r="E9508" t="s">
        <v>22</v>
      </c>
      <c r="F9508" t="s">
        <v>10</v>
      </c>
      <c r="G9508" t="s">
        <v>11</v>
      </c>
      <c r="H9508" t="s">
        <v>1590</v>
      </c>
      <c r="I9508">
        <v>25.34</v>
      </c>
      <c r="J9508">
        <v>6</v>
      </c>
      <c r="K9508">
        <v>7.92</v>
      </c>
    </row>
    <row r="9509" spans="1:11" x14ac:dyDescent="0.3">
      <c r="A9509" s="1">
        <v>43067</v>
      </c>
      <c r="B9509" s="3">
        <f t="shared" si="296"/>
        <v>11</v>
      </c>
      <c r="C9509" s="3">
        <f t="shared" si="297"/>
        <v>2017</v>
      </c>
      <c r="D9509" t="s">
        <v>1147</v>
      </c>
      <c r="E9509" t="s">
        <v>277</v>
      </c>
      <c r="F9509" t="s">
        <v>10</v>
      </c>
      <c r="G9509" t="s">
        <v>11</v>
      </c>
      <c r="H9509" t="s">
        <v>456</v>
      </c>
      <c r="I9509">
        <v>88.77</v>
      </c>
      <c r="J9509">
        <v>2</v>
      </c>
      <c r="K9509">
        <v>31.07</v>
      </c>
    </row>
    <row r="9510" spans="1:11" x14ac:dyDescent="0.3">
      <c r="A9510" s="1">
        <v>43067</v>
      </c>
      <c r="B9510" s="3">
        <f t="shared" si="296"/>
        <v>11</v>
      </c>
      <c r="C9510" s="3">
        <f t="shared" si="297"/>
        <v>2017</v>
      </c>
      <c r="D9510" t="s">
        <v>1543</v>
      </c>
      <c r="E9510" t="s">
        <v>148</v>
      </c>
      <c r="F9510" t="s">
        <v>38</v>
      </c>
      <c r="G9510" t="s">
        <v>39</v>
      </c>
      <c r="H9510" t="s">
        <v>1916</v>
      </c>
      <c r="I9510">
        <v>1979.89</v>
      </c>
      <c r="J9510">
        <v>11</v>
      </c>
      <c r="K9510">
        <v>494.97</v>
      </c>
    </row>
    <row r="9511" spans="1:11" x14ac:dyDescent="0.3">
      <c r="A9511" s="1">
        <v>43067</v>
      </c>
      <c r="B9511" s="3">
        <f t="shared" si="296"/>
        <v>11</v>
      </c>
      <c r="C9511" s="3">
        <f t="shared" si="297"/>
        <v>2017</v>
      </c>
      <c r="D9511" t="s">
        <v>1543</v>
      </c>
      <c r="E9511" t="s">
        <v>148</v>
      </c>
      <c r="F9511" t="s">
        <v>10</v>
      </c>
      <c r="G9511" t="s">
        <v>62</v>
      </c>
      <c r="H9511" t="s">
        <v>2263</v>
      </c>
      <c r="I9511">
        <v>79.959999999999994</v>
      </c>
      <c r="J9511">
        <v>2</v>
      </c>
      <c r="K9511">
        <v>35.979999999999997</v>
      </c>
    </row>
    <row r="9512" spans="1:11" x14ac:dyDescent="0.3">
      <c r="A9512" s="1">
        <v>43067</v>
      </c>
      <c r="B9512" s="3">
        <f t="shared" si="296"/>
        <v>11</v>
      </c>
      <c r="C9512" s="3">
        <f t="shared" si="297"/>
        <v>2017</v>
      </c>
      <c r="D9512" t="s">
        <v>1496</v>
      </c>
      <c r="E9512" t="s">
        <v>530</v>
      </c>
      <c r="F9512" t="s">
        <v>10</v>
      </c>
      <c r="G9512" t="s">
        <v>23</v>
      </c>
      <c r="H9512" t="s">
        <v>889</v>
      </c>
      <c r="I9512">
        <v>1.64</v>
      </c>
      <c r="J9512">
        <v>1</v>
      </c>
      <c r="K9512">
        <v>0.74</v>
      </c>
    </row>
    <row r="9513" spans="1:11" x14ac:dyDescent="0.3">
      <c r="A9513" s="1">
        <v>43067</v>
      </c>
      <c r="B9513" s="3">
        <f t="shared" si="296"/>
        <v>11</v>
      </c>
      <c r="C9513" s="3">
        <f t="shared" si="297"/>
        <v>2017</v>
      </c>
      <c r="D9513" t="s">
        <v>1496</v>
      </c>
      <c r="E9513" t="s">
        <v>530</v>
      </c>
      <c r="F9513" t="s">
        <v>33</v>
      </c>
      <c r="G9513" t="s">
        <v>46</v>
      </c>
      <c r="H9513" t="s">
        <v>2371</v>
      </c>
      <c r="I9513">
        <v>1049.2</v>
      </c>
      <c r="J9513">
        <v>5</v>
      </c>
      <c r="K9513">
        <v>272.79000000000002</v>
      </c>
    </row>
    <row r="9514" spans="1:11" x14ac:dyDescent="0.3">
      <c r="A9514" s="1">
        <v>43067</v>
      </c>
      <c r="B9514" s="3">
        <f t="shared" si="296"/>
        <v>11</v>
      </c>
      <c r="C9514" s="3">
        <f t="shared" si="297"/>
        <v>2017</v>
      </c>
      <c r="D9514" t="s">
        <v>1496</v>
      </c>
      <c r="E9514" t="s">
        <v>530</v>
      </c>
      <c r="F9514" t="s">
        <v>33</v>
      </c>
      <c r="G9514" t="s">
        <v>46</v>
      </c>
      <c r="H9514" t="s">
        <v>1778</v>
      </c>
      <c r="I9514">
        <v>20.9</v>
      </c>
      <c r="J9514">
        <v>5</v>
      </c>
      <c r="K9514">
        <v>7.52</v>
      </c>
    </row>
    <row r="9515" spans="1:11" x14ac:dyDescent="0.3">
      <c r="A9515" s="1">
        <v>43067</v>
      </c>
      <c r="B9515" s="3">
        <f t="shared" si="296"/>
        <v>11</v>
      </c>
      <c r="C9515" s="3">
        <f t="shared" si="297"/>
        <v>2017</v>
      </c>
      <c r="D9515" t="s">
        <v>914</v>
      </c>
      <c r="E9515" t="s">
        <v>26</v>
      </c>
      <c r="F9515" t="s">
        <v>10</v>
      </c>
      <c r="G9515" t="s">
        <v>15</v>
      </c>
      <c r="H9515" t="s">
        <v>88</v>
      </c>
      <c r="I9515">
        <v>62.65</v>
      </c>
      <c r="J9515">
        <v>5</v>
      </c>
      <c r="K9515">
        <v>29.45</v>
      </c>
    </row>
    <row r="9516" spans="1:11" x14ac:dyDescent="0.3">
      <c r="A9516" s="1">
        <v>43068</v>
      </c>
      <c r="B9516" s="3">
        <f t="shared" si="296"/>
        <v>11</v>
      </c>
      <c r="C9516" s="3">
        <f t="shared" si="297"/>
        <v>2017</v>
      </c>
      <c r="D9516" t="s">
        <v>676</v>
      </c>
      <c r="E9516" t="s">
        <v>119</v>
      </c>
      <c r="F9516" t="s">
        <v>33</v>
      </c>
      <c r="G9516" t="s">
        <v>34</v>
      </c>
      <c r="H9516" t="s">
        <v>863</v>
      </c>
      <c r="I9516">
        <v>390.37</v>
      </c>
      <c r="J9516">
        <v>2</v>
      </c>
      <c r="K9516">
        <v>48.8</v>
      </c>
    </row>
    <row r="9517" spans="1:11" x14ac:dyDescent="0.3">
      <c r="A9517" s="1">
        <v>43068</v>
      </c>
      <c r="B9517" s="3">
        <f t="shared" si="296"/>
        <v>11</v>
      </c>
      <c r="C9517" s="3">
        <f t="shared" si="297"/>
        <v>2017</v>
      </c>
      <c r="D9517" t="s">
        <v>676</v>
      </c>
      <c r="E9517" t="s">
        <v>119</v>
      </c>
      <c r="F9517" t="s">
        <v>33</v>
      </c>
      <c r="G9517" t="s">
        <v>46</v>
      </c>
      <c r="H9517" t="s">
        <v>545</v>
      </c>
      <c r="I9517">
        <v>101.52</v>
      </c>
      <c r="J9517">
        <v>5</v>
      </c>
      <c r="K9517">
        <v>19.04</v>
      </c>
    </row>
    <row r="9518" spans="1:11" x14ac:dyDescent="0.3">
      <c r="A9518" s="1">
        <v>43069</v>
      </c>
      <c r="B9518" s="3">
        <f t="shared" si="296"/>
        <v>11</v>
      </c>
      <c r="C9518" s="3">
        <f t="shared" si="297"/>
        <v>2017</v>
      </c>
      <c r="D9518" t="s">
        <v>625</v>
      </c>
      <c r="E9518" t="s">
        <v>148</v>
      </c>
      <c r="F9518" t="s">
        <v>10</v>
      </c>
      <c r="G9518" t="s">
        <v>19</v>
      </c>
      <c r="H9518" t="s">
        <v>1826</v>
      </c>
      <c r="I9518">
        <v>68.47</v>
      </c>
      <c r="J9518">
        <v>3</v>
      </c>
      <c r="K9518">
        <v>23.11</v>
      </c>
    </row>
    <row r="9519" spans="1:11" x14ac:dyDescent="0.3">
      <c r="A9519" s="1">
        <v>43069</v>
      </c>
      <c r="B9519" s="3">
        <f t="shared" si="296"/>
        <v>11</v>
      </c>
      <c r="C9519" s="3">
        <f t="shared" si="297"/>
        <v>2017</v>
      </c>
      <c r="D9519" t="s">
        <v>625</v>
      </c>
      <c r="E9519" t="s">
        <v>148</v>
      </c>
      <c r="F9519" t="s">
        <v>33</v>
      </c>
      <c r="G9519" t="s">
        <v>34</v>
      </c>
      <c r="H9519" t="s">
        <v>1236</v>
      </c>
      <c r="I9519">
        <v>1242.9000000000001</v>
      </c>
      <c r="J9519">
        <v>5</v>
      </c>
      <c r="K9519">
        <v>262.39</v>
      </c>
    </row>
    <row r="9520" spans="1:11" x14ac:dyDescent="0.3">
      <c r="A9520" s="1">
        <v>43069</v>
      </c>
      <c r="B9520" s="3">
        <f t="shared" si="296"/>
        <v>11</v>
      </c>
      <c r="C9520" s="3">
        <f t="shared" si="297"/>
        <v>2017</v>
      </c>
      <c r="D9520" t="s">
        <v>274</v>
      </c>
      <c r="E9520" t="s">
        <v>328</v>
      </c>
      <c r="F9520" t="s">
        <v>10</v>
      </c>
      <c r="G9520" t="s">
        <v>17</v>
      </c>
      <c r="H9520" t="s">
        <v>2337</v>
      </c>
      <c r="I9520">
        <v>173.8</v>
      </c>
      <c r="J9520">
        <v>5</v>
      </c>
      <c r="K9520">
        <v>43.45</v>
      </c>
    </row>
    <row r="9521" spans="1:11" x14ac:dyDescent="0.3">
      <c r="A9521" s="1">
        <v>43069</v>
      </c>
      <c r="B9521" s="3">
        <f t="shared" si="296"/>
        <v>11</v>
      </c>
      <c r="C9521" s="3">
        <f t="shared" si="297"/>
        <v>2017</v>
      </c>
      <c r="D9521" t="s">
        <v>944</v>
      </c>
      <c r="E9521" t="s">
        <v>58</v>
      </c>
      <c r="F9521" t="s">
        <v>10</v>
      </c>
      <c r="G9521" t="s">
        <v>23</v>
      </c>
      <c r="H9521" t="s">
        <v>278</v>
      </c>
      <c r="I9521">
        <v>155.94</v>
      </c>
      <c r="J9521">
        <v>6</v>
      </c>
      <c r="K9521">
        <v>45.22</v>
      </c>
    </row>
    <row r="9522" spans="1:11" x14ac:dyDescent="0.3">
      <c r="A9522" s="1">
        <v>43069</v>
      </c>
      <c r="B9522" s="3">
        <f t="shared" si="296"/>
        <v>11</v>
      </c>
      <c r="C9522" s="3">
        <f t="shared" si="297"/>
        <v>2017</v>
      </c>
      <c r="D9522" t="s">
        <v>2579</v>
      </c>
      <c r="E9522" t="s">
        <v>77</v>
      </c>
      <c r="F9522" t="s">
        <v>10</v>
      </c>
      <c r="G9522" t="s">
        <v>91</v>
      </c>
      <c r="H9522" t="s">
        <v>2046</v>
      </c>
      <c r="I9522">
        <v>663.94</v>
      </c>
      <c r="J9522">
        <v>4</v>
      </c>
      <c r="K9522">
        <v>82.99</v>
      </c>
    </row>
    <row r="9523" spans="1:11" x14ac:dyDescent="0.3">
      <c r="A9523" s="1">
        <v>43069</v>
      </c>
      <c r="B9523" s="3">
        <f t="shared" si="296"/>
        <v>11</v>
      </c>
      <c r="C9523" s="3">
        <f t="shared" si="297"/>
        <v>2017</v>
      </c>
      <c r="D9523" t="s">
        <v>2175</v>
      </c>
      <c r="E9523" t="s">
        <v>122</v>
      </c>
      <c r="F9523" t="s">
        <v>38</v>
      </c>
      <c r="G9523" t="s">
        <v>39</v>
      </c>
      <c r="H9523" t="s">
        <v>2289</v>
      </c>
      <c r="I9523">
        <v>71.98</v>
      </c>
      <c r="J9523">
        <v>3</v>
      </c>
      <c r="K9523">
        <v>9</v>
      </c>
    </row>
    <row r="9524" spans="1:11" x14ac:dyDescent="0.3">
      <c r="A9524" s="1">
        <v>43069</v>
      </c>
      <c r="B9524" s="3">
        <f t="shared" si="296"/>
        <v>11</v>
      </c>
      <c r="C9524" s="3">
        <f t="shared" si="297"/>
        <v>2017</v>
      </c>
      <c r="D9524" t="s">
        <v>2387</v>
      </c>
      <c r="E9524" t="s">
        <v>9</v>
      </c>
      <c r="F9524" t="s">
        <v>10</v>
      </c>
      <c r="G9524" t="s">
        <v>42</v>
      </c>
      <c r="H9524" t="s">
        <v>495</v>
      </c>
      <c r="I9524">
        <v>2.37</v>
      </c>
      <c r="J9524">
        <v>2</v>
      </c>
      <c r="K9524">
        <v>0.83</v>
      </c>
    </row>
    <row r="9525" spans="1:11" x14ac:dyDescent="0.3">
      <c r="A9525" s="1">
        <v>43069</v>
      </c>
      <c r="B9525" s="3">
        <f t="shared" si="296"/>
        <v>11</v>
      </c>
      <c r="C9525" s="3">
        <f t="shared" si="297"/>
        <v>2017</v>
      </c>
      <c r="D9525" t="s">
        <v>232</v>
      </c>
      <c r="E9525" t="s">
        <v>244</v>
      </c>
      <c r="F9525" t="s">
        <v>38</v>
      </c>
      <c r="G9525" t="s">
        <v>51</v>
      </c>
      <c r="H9525" t="s">
        <v>260</v>
      </c>
      <c r="I9525">
        <v>383.98</v>
      </c>
      <c r="J9525">
        <v>3</v>
      </c>
      <c r="K9525">
        <v>81.59</v>
      </c>
    </row>
    <row r="9526" spans="1:11" x14ac:dyDescent="0.3">
      <c r="A9526" s="1">
        <v>43069</v>
      </c>
      <c r="B9526" s="3">
        <f t="shared" si="296"/>
        <v>11</v>
      </c>
      <c r="C9526" s="3">
        <f t="shared" si="297"/>
        <v>2017</v>
      </c>
      <c r="D9526" t="s">
        <v>232</v>
      </c>
      <c r="E9526" t="s">
        <v>244</v>
      </c>
      <c r="F9526" t="s">
        <v>33</v>
      </c>
      <c r="G9526" t="s">
        <v>144</v>
      </c>
      <c r="H9526" t="s">
        <v>403</v>
      </c>
      <c r="I9526">
        <v>1781.68</v>
      </c>
      <c r="J9526">
        <v>7</v>
      </c>
      <c r="K9526">
        <v>-653.28</v>
      </c>
    </row>
    <row r="9527" spans="1:11" x14ac:dyDescent="0.3">
      <c r="A9527" s="1">
        <v>43069</v>
      </c>
      <c r="B9527" s="3">
        <f t="shared" si="296"/>
        <v>11</v>
      </c>
      <c r="C9527" s="3">
        <f t="shared" si="297"/>
        <v>2017</v>
      </c>
      <c r="D9527" t="s">
        <v>2144</v>
      </c>
      <c r="E9527" t="s">
        <v>148</v>
      </c>
      <c r="F9527" t="s">
        <v>10</v>
      </c>
      <c r="G9527" t="s">
        <v>17</v>
      </c>
      <c r="H9527" t="s">
        <v>1972</v>
      </c>
      <c r="I9527">
        <v>83.56</v>
      </c>
      <c r="J9527">
        <v>4</v>
      </c>
      <c r="K9527">
        <v>1.67</v>
      </c>
    </row>
    <row r="9528" spans="1:11" x14ac:dyDescent="0.3">
      <c r="A9528" s="1">
        <v>43069</v>
      </c>
      <c r="B9528" s="3">
        <f t="shared" si="296"/>
        <v>11</v>
      </c>
      <c r="C9528" s="3">
        <f t="shared" si="297"/>
        <v>2017</v>
      </c>
      <c r="D9528" t="s">
        <v>2144</v>
      </c>
      <c r="E9528" t="s">
        <v>148</v>
      </c>
      <c r="F9528" t="s">
        <v>38</v>
      </c>
      <c r="G9528" t="s">
        <v>39</v>
      </c>
      <c r="H9528" t="s">
        <v>2717</v>
      </c>
      <c r="I9528">
        <v>546.05999999999995</v>
      </c>
      <c r="J9528">
        <v>3</v>
      </c>
      <c r="K9528">
        <v>163.82</v>
      </c>
    </row>
    <row r="9529" spans="1:11" x14ac:dyDescent="0.3">
      <c r="A9529" s="1">
        <v>43069</v>
      </c>
      <c r="B9529" s="3">
        <f t="shared" si="296"/>
        <v>11</v>
      </c>
      <c r="C9529" s="3">
        <f t="shared" si="297"/>
        <v>2017</v>
      </c>
      <c r="D9529" t="s">
        <v>2144</v>
      </c>
      <c r="E9529" t="s">
        <v>148</v>
      </c>
      <c r="F9529" t="s">
        <v>10</v>
      </c>
      <c r="G9529" t="s">
        <v>17</v>
      </c>
      <c r="H9529" t="s">
        <v>728</v>
      </c>
      <c r="I9529">
        <v>269.49</v>
      </c>
      <c r="J9529">
        <v>3</v>
      </c>
      <c r="K9529">
        <v>5.39</v>
      </c>
    </row>
    <row r="9530" spans="1:11" x14ac:dyDescent="0.3">
      <c r="A9530" s="1">
        <v>43069</v>
      </c>
      <c r="B9530" s="3">
        <f t="shared" si="296"/>
        <v>11</v>
      </c>
      <c r="C9530" s="3">
        <f t="shared" si="297"/>
        <v>2017</v>
      </c>
      <c r="D9530" t="s">
        <v>2325</v>
      </c>
      <c r="E9530" t="s">
        <v>26</v>
      </c>
      <c r="F9530" t="s">
        <v>33</v>
      </c>
      <c r="G9530" t="s">
        <v>46</v>
      </c>
      <c r="H9530" t="s">
        <v>689</v>
      </c>
      <c r="I9530">
        <v>25.83</v>
      </c>
      <c r="J9530">
        <v>3</v>
      </c>
      <c r="K9530">
        <v>9.56</v>
      </c>
    </row>
    <row r="9531" spans="1:11" x14ac:dyDescent="0.3">
      <c r="A9531" s="1">
        <v>43069</v>
      </c>
      <c r="B9531" s="3">
        <f t="shared" si="296"/>
        <v>11</v>
      </c>
      <c r="C9531" s="3">
        <f t="shared" si="297"/>
        <v>2017</v>
      </c>
      <c r="D9531" t="s">
        <v>787</v>
      </c>
      <c r="E9531" t="s">
        <v>9</v>
      </c>
      <c r="F9531" t="s">
        <v>38</v>
      </c>
      <c r="G9531" t="s">
        <v>51</v>
      </c>
      <c r="H9531" t="s">
        <v>1085</v>
      </c>
      <c r="I9531">
        <v>95.98</v>
      </c>
      <c r="J9531">
        <v>3</v>
      </c>
      <c r="K9531">
        <v>-10.8</v>
      </c>
    </row>
    <row r="9532" spans="1:11" x14ac:dyDescent="0.3">
      <c r="A9532" s="1">
        <v>43069</v>
      </c>
      <c r="B9532" s="3">
        <f t="shared" si="296"/>
        <v>11</v>
      </c>
      <c r="C9532" s="3">
        <f t="shared" si="297"/>
        <v>2017</v>
      </c>
      <c r="D9532" t="s">
        <v>1076</v>
      </c>
      <c r="E9532" t="s">
        <v>22</v>
      </c>
      <c r="F9532" t="s">
        <v>33</v>
      </c>
      <c r="G9532" t="s">
        <v>34</v>
      </c>
      <c r="H9532" t="s">
        <v>725</v>
      </c>
      <c r="I9532">
        <v>1079.32</v>
      </c>
      <c r="J9532">
        <v>6</v>
      </c>
      <c r="K9532">
        <v>-15.42</v>
      </c>
    </row>
    <row r="9533" spans="1:11" x14ac:dyDescent="0.3">
      <c r="A9533" s="1">
        <v>43070</v>
      </c>
      <c r="B9533" s="3">
        <f t="shared" si="296"/>
        <v>12</v>
      </c>
      <c r="C9533" s="3">
        <f t="shared" si="297"/>
        <v>2017</v>
      </c>
      <c r="D9533" t="s">
        <v>1101</v>
      </c>
      <c r="E9533" t="s">
        <v>109</v>
      </c>
      <c r="F9533" t="s">
        <v>10</v>
      </c>
      <c r="G9533" t="s">
        <v>17</v>
      </c>
      <c r="H9533" t="s">
        <v>1438</v>
      </c>
      <c r="I9533">
        <v>83.92</v>
      </c>
      <c r="J9533">
        <v>4</v>
      </c>
      <c r="K9533">
        <v>5.87</v>
      </c>
    </row>
    <row r="9534" spans="1:11" x14ac:dyDescent="0.3">
      <c r="A9534" s="1">
        <v>43070</v>
      </c>
      <c r="B9534" s="3">
        <f t="shared" si="296"/>
        <v>12</v>
      </c>
      <c r="C9534" s="3">
        <f t="shared" si="297"/>
        <v>2017</v>
      </c>
      <c r="D9534" t="s">
        <v>1101</v>
      </c>
      <c r="E9534" t="s">
        <v>109</v>
      </c>
      <c r="F9534" t="s">
        <v>38</v>
      </c>
      <c r="G9534" t="s">
        <v>39</v>
      </c>
      <c r="H9534" t="s">
        <v>2299</v>
      </c>
      <c r="I9534">
        <v>131.97999999999999</v>
      </c>
      <c r="J9534">
        <v>2</v>
      </c>
      <c r="K9534">
        <v>35.630000000000003</v>
      </c>
    </row>
    <row r="9535" spans="1:11" x14ac:dyDescent="0.3">
      <c r="A9535" s="1">
        <v>43070</v>
      </c>
      <c r="B9535" s="3">
        <f t="shared" si="296"/>
        <v>12</v>
      </c>
      <c r="C9535" s="3">
        <f t="shared" si="297"/>
        <v>2017</v>
      </c>
      <c r="D9535" t="s">
        <v>1101</v>
      </c>
      <c r="E9535" t="s">
        <v>109</v>
      </c>
      <c r="F9535" t="s">
        <v>10</v>
      </c>
      <c r="G9535" t="s">
        <v>19</v>
      </c>
      <c r="H9535" t="s">
        <v>1385</v>
      </c>
      <c r="I9535">
        <v>15.92</v>
      </c>
      <c r="J9535">
        <v>4</v>
      </c>
      <c r="K9535">
        <v>7.48</v>
      </c>
    </row>
    <row r="9536" spans="1:11" x14ac:dyDescent="0.3">
      <c r="A9536" s="1">
        <v>43070</v>
      </c>
      <c r="B9536" s="3">
        <f t="shared" si="296"/>
        <v>12</v>
      </c>
      <c r="C9536" s="3">
        <f t="shared" si="297"/>
        <v>2017</v>
      </c>
      <c r="D9536" t="s">
        <v>1101</v>
      </c>
      <c r="E9536" t="s">
        <v>109</v>
      </c>
      <c r="F9536" t="s">
        <v>10</v>
      </c>
      <c r="G9536" t="s">
        <v>42</v>
      </c>
      <c r="H9536" t="s">
        <v>539</v>
      </c>
      <c r="I9536">
        <v>52.29</v>
      </c>
      <c r="J9536">
        <v>9</v>
      </c>
      <c r="K9536">
        <v>16.21</v>
      </c>
    </row>
    <row r="9537" spans="1:11" x14ac:dyDescent="0.3">
      <c r="A9537" s="1">
        <v>43070</v>
      </c>
      <c r="B9537" s="3">
        <f t="shared" si="296"/>
        <v>12</v>
      </c>
      <c r="C9537" s="3">
        <f t="shared" si="297"/>
        <v>2017</v>
      </c>
      <c r="D9537" t="s">
        <v>1101</v>
      </c>
      <c r="E9537" t="s">
        <v>109</v>
      </c>
      <c r="F9537" t="s">
        <v>10</v>
      </c>
      <c r="G9537" t="s">
        <v>17</v>
      </c>
      <c r="H9537" t="s">
        <v>907</v>
      </c>
      <c r="I9537">
        <v>91.99</v>
      </c>
      <c r="J9537">
        <v>1</v>
      </c>
      <c r="K9537">
        <v>3.68</v>
      </c>
    </row>
    <row r="9538" spans="1:11" x14ac:dyDescent="0.3">
      <c r="A9538" s="1">
        <v>43070</v>
      </c>
      <c r="B9538" s="3">
        <f t="shared" ref="B9538:B9601" si="298">MONTH(A:A)</f>
        <v>12</v>
      </c>
      <c r="C9538" s="3">
        <f t="shared" ref="C9538:C9601" si="299">YEAR(A:A)</f>
        <v>2017</v>
      </c>
      <c r="D9538" t="s">
        <v>1830</v>
      </c>
      <c r="E9538" t="s">
        <v>148</v>
      </c>
      <c r="F9538" t="s">
        <v>38</v>
      </c>
      <c r="G9538" t="s">
        <v>51</v>
      </c>
      <c r="H9538" t="s">
        <v>1872</v>
      </c>
      <c r="I9538">
        <v>20.37</v>
      </c>
      <c r="J9538">
        <v>3</v>
      </c>
      <c r="K9538">
        <v>6.93</v>
      </c>
    </row>
    <row r="9539" spans="1:11" x14ac:dyDescent="0.3">
      <c r="A9539" s="1">
        <v>43070</v>
      </c>
      <c r="B9539" s="3">
        <f t="shared" si="298"/>
        <v>12</v>
      </c>
      <c r="C9539" s="3">
        <f t="shared" si="299"/>
        <v>2017</v>
      </c>
      <c r="D9539" t="s">
        <v>1830</v>
      </c>
      <c r="E9539" t="s">
        <v>148</v>
      </c>
      <c r="F9539" t="s">
        <v>10</v>
      </c>
      <c r="G9539" t="s">
        <v>17</v>
      </c>
      <c r="H9539" t="s">
        <v>1850</v>
      </c>
      <c r="I9539">
        <v>221.55</v>
      </c>
      <c r="J9539">
        <v>3</v>
      </c>
      <c r="K9539">
        <v>6.65</v>
      </c>
    </row>
    <row r="9540" spans="1:11" x14ac:dyDescent="0.3">
      <c r="A9540" s="1">
        <v>43070</v>
      </c>
      <c r="B9540" s="3">
        <f t="shared" si="298"/>
        <v>12</v>
      </c>
      <c r="C9540" s="3">
        <f t="shared" si="299"/>
        <v>2017</v>
      </c>
      <c r="D9540" t="s">
        <v>1830</v>
      </c>
      <c r="E9540" t="s">
        <v>148</v>
      </c>
      <c r="F9540" t="s">
        <v>10</v>
      </c>
      <c r="G9540" t="s">
        <v>19</v>
      </c>
      <c r="H9540" t="s">
        <v>1379</v>
      </c>
      <c r="I9540">
        <v>17.52</v>
      </c>
      <c r="J9540">
        <v>5</v>
      </c>
      <c r="K9540">
        <v>6.13</v>
      </c>
    </row>
    <row r="9541" spans="1:11" x14ac:dyDescent="0.3">
      <c r="A9541" s="1">
        <v>43070</v>
      </c>
      <c r="B9541" s="3">
        <f t="shared" si="298"/>
        <v>12</v>
      </c>
      <c r="C9541" s="3">
        <f t="shared" si="299"/>
        <v>2017</v>
      </c>
      <c r="D9541" t="s">
        <v>858</v>
      </c>
      <c r="E9541" t="s">
        <v>277</v>
      </c>
      <c r="F9541" t="s">
        <v>38</v>
      </c>
      <c r="G9541" t="s">
        <v>39</v>
      </c>
      <c r="H9541" t="s">
        <v>40</v>
      </c>
      <c r="I9541">
        <v>470.38</v>
      </c>
      <c r="J9541">
        <v>3</v>
      </c>
      <c r="K9541">
        <v>52.92</v>
      </c>
    </row>
    <row r="9542" spans="1:11" x14ac:dyDescent="0.3">
      <c r="A9542" s="1">
        <v>43070</v>
      </c>
      <c r="B9542" s="3">
        <f t="shared" si="298"/>
        <v>12</v>
      </c>
      <c r="C9542" s="3">
        <f t="shared" si="299"/>
        <v>2017</v>
      </c>
      <c r="D9542" t="s">
        <v>858</v>
      </c>
      <c r="E9542" t="s">
        <v>277</v>
      </c>
      <c r="F9542" t="s">
        <v>38</v>
      </c>
      <c r="G9542" t="s">
        <v>39</v>
      </c>
      <c r="H9542" t="s">
        <v>516</v>
      </c>
      <c r="I9542">
        <v>105.58</v>
      </c>
      <c r="J9542">
        <v>2</v>
      </c>
      <c r="K9542">
        <v>9.24</v>
      </c>
    </row>
    <row r="9543" spans="1:11" x14ac:dyDescent="0.3">
      <c r="A9543" s="1">
        <v>43070</v>
      </c>
      <c r="B9543" s="3">
        <f t="shared" si="298"/>
        <v>12</v>
      </c>
      <c r="C9543" s="3">
        <f t="shared" si="299"/>
        <v>2017</v>
      </c>
      <c r="D9543" t="s">
        <v>858</v>
      </c>
      <c r="E9543" t="s">
        <v>277</v>
      </c>
      <c r="F9543" t="s">
        <v>10</v>
      </c>
      <c r="G9543" t="s">
        <v>91</v>
      </c>
      <c r="H9543" t="s">
        <v>1348</v>
      </c>
      <c r="I9543">
        <v>31.15</v>
      </c>
      <c r="J9543">
        <v>3</v>
      </c>
      <c r="K9543">
        <v>3.5</v>
      </c>
    </row>
    <row r="9544" spans="1:11" x14ac:dyDescent="0.3">
      <c r="A9544" s="1">
        <v>43070</v>
      </c>
      <c r="B9544" s="3">
        <f t="shared" si="298"/>
        <v>12</v>
      </c>
      <c r="C9544" s="3">
        <f t="shared" si="299"/>
        <v>2017</v>
      </c>
      <c r="D9544" t="s">
        <v>858</v>
      </c>
      <c r="E9544" t="s">
        <v>277</v>
      </c>
      <c r="F9544" t="s">
        <v>10</v>
      </c>
      <c r="G9544" t="s">
        <v>19</v>
      </c>
      <c r="H9544" t="s">
        <v>521</v>
      </c>
      <c r="I9544">
        <v>6.78</v>
      </c>
      <c r="J9544">
        <v>7</v>
      </c>
      <c r="K9544">
        <v>-4.75</v>
      </c>
    </row>
    <row r="9545" spans="1:11" x14ac:dyDescent="0.3">
      <c r="A9545" s="1">
        <v>43070</v>
      </c>
      <c r="B9545" s="3">
        <f t="shared" si="298"/>
        <v>12</v>
      </c>
      <c r="C9545" s="3">
        <f t="shared" si="299"/>
        <v>2017</v>
      </c>
      <c r="D9545" t="s">
        <v>858</v>
      </c>
      <c r="E9545" t="s">
        <v>277</v>
      </c>
      <c r="F9545" t="s">
        <v>38</v>
      </c>
      <c r="G9545" t="s">
        <v>39</v>
      </c>
      <c r="H9545" t="s">
        <v>2341</v>
      </c>
      <c r="I9545">
        <v>406.37</v>
      </c>
      <c r="J9545">
        <v>4</v>
      </c>
      <c r="K9545">
        <v>30.48</v>
      </c>
    </row>
    <row r="9546" spans="1:11" x14ac:dyDescent="0.3">
      <c r="A9546" s="1">
        <v>43070</v>
      </c>
      <c r="B9546" s="3">
        <f t="shared" si="298"/>
        <v>12</v>
      </c>
      <c r="C9546" s="3">
        <f t="shared" si="299"/>
        <v>2017</v>
      </c>
      <c r="D9546" t="s">
        <v>664</v>
      </c>
      <c r="E9546" t="s">
        <v>22</v>
      </c>
      <c r="F9546" t="s">
        <v>10</v>
      </c>
      <c r="G9546" t="s">
        <v>62</v>
      </c>
      <c r="H9546" t="s">
        <v>1682</v>
      </c>
      <c r="I9546">
        <v>104.68</v>
      </c>
      <c r="J9546">
        <v>5</v>
      </c>
      <c r="K9546">
        <v>35.33</v>
      </c>
    </row>
    <row r="9547" spans="1:11" x14ac:dyDescent="0.3">
      <c r="A9547" s="1">
        <v>43070</v>
      </c>
      <c r="B9547" s="3">
        <f t="shared" si="298"/>
        <v>12</v>
      </c>
      <c r="C9547" s="3">
        <f t="shared" si="299"/>
        <v>2017</v>
      </c>
      <c r="D9547" t="s">
        <v>664</v>
      </c>
      <c r="E9547" t="s">
        <v>22</v>
      </c>
      <c r="F9547" t="s">
        <v>38</v>
      </c>
      <c r="G9547" t="s">
        <v>39</v>
      </c>
      <c r="H9547" t="s">
        <v>2212</v>
      </c>
      <c r="I9547">
        <v>62.96</v>
      </c>
      <c r="J9547">
        <v>7</v>
      </c>
      <c r="K9547">
        <v>9.44</v>
      </c>
    </row>
    <row r="9548" spans="1:11" x14ac:dyDescent="0.3">
      <c r="A9548" s="1">
        <v>43070</v>
      </c>
      <c r="B9548" s="3">
        <f t="shared" si="298"/>
        <v>12</v>
      </c>
      <c r="C9548" s="3">
        <f t="shared" si="299"/>
        <v>2017</v>
      </c>
      <c r="D9548" t="s">
        <v>1915</v>
      </c>
      <c r="E9548" t="s">
        <v>9</v>
      </c>
      <c r="F9548" t="s">
        <v>38</v>
      </c>
      <c r="G9548" t="s">
        <v>39</v>
      </c>
      <c r="H9548" t="s">
        <v>938</v>
      </c>
      <c r="I9548">
        <v>219.8</v>
      </c>
      <c r="J9548">
        <v>5</v>
      </c>
      <c r="K9548">
        <v>24.73</v>
      </c>
    </row>
    <row r="9549" spans="1:11" x14ac:dyDescent="0.3">
      <c r="A9549" s="1">
        <v>43070</v>
      </c>
      <c r="B9549" s="3">
        <f t="shared" si="298"/>
        <v>12</v>
      </c>
      <c r="C9549" s="3">
        <f t="shared" si="299"/>
        <v>2017</v>
      </c>
      <c r="D9549" t="s">
        <v>1915</v>
      </c>
      <c r="E9549" t="s">
        <v>9</v>
      </c>
      <c r="F9549" t="s">
        <v>33</v>
      </c>
      <c r="G9549" t="s">
        <v>34</v>
      </c>
      <c r="H9549" t="s">
        <v>541</v>
      </c>
      <c r="I9549">
        <v>317.06</v>
      </c>
      <c r="J9549">
        <v>3</v>
      </c>
      <c r="K9549">
        <v>-18.12</v>
      </c>
    </row>
    <row r="9550" spans="1:11" x14ac:dyDescent="0.3">
      <c r="A9550" s="1">
        <v>43070</v>
      </c>
      <c r="B9550" s="3">
        <f t="shared" si="298"/>
        <v>12</v>
      </c>
      <c r="C9550" s="3">
        <f t="shared" si="299"/>
        <v>2017</v>
      </c>
      <c r="D9550" t="s">
        <v>2682</v>
      </c>
      <c r="E9550" t="s">
        <v>26</v>
      </c>
      <c r="F9550" t="s">
        <v>10</v>
      </c>
      <c r="G9550" t="s">
        <v>11</v>
      </c>
      <c r="H9550" t="s">
        <v>2604</v>
      </c>
      <c r="I9550">
        <v>45.36</v>
      </c>
      <c r="J9550">
        <v>7</v>
      </c>
      <c r="K9550">
        <v>21.77</v>
      </c>
    </row>
    <row r="9551" spans="1:11" x14ac:dyDescent="0.3">
      <c r="A9551" s="1">
        <v>43070</v>
      </c>
      <c r="B9551" s="3">
        <f t="shared" si="298"/>
        <v>12</v>
      </c>
      <c r="C9551" s="3">
        <f t="shared" si="299"/>
        <v>2017</v>
      </c>
      <c r="D9551" t="s">
        <v>2682</v>
      </c>
      <c r="E9551" t="s">
        <v>26</v>
      </c>
      <c r="F9551" t="s">
        <v>10</v>
      </c>
      <c r="G9551" t="s">
        <v>19</v>
      </c>
      <c r="H9551" t="s">
        <v>247</v>
      </c>
      <c r="I9551">
        <v>10.130000000000001</v>
      </c>
      <c r="J9551">
        <v>2</v>
      </c>
      <c r="K9551">
        <v>3.67</v>
      </c>
    </row>
    <row r="9552" spans="1:11" x14ac:dyDescent="0.3">
      <c r="A9552" s="1">
        <v>43070</v>
      </c>
      <c r="B9552" s="3">
        <f t="shared" si="298"/>
        <v>12</v>
      </c>
      <c r="C9552" s="3">
        <f t="shared" si="299"/>
        <v>2017</v>
      </c>
      <c r="D9552" t="s">
        <v>1780</v>
      </c>
      <c r="E9552" t="s">
        <v>22</v>
      </c>
      <c r="F9552" t="s">
        <v>10</v>
      </c>
      <c r="G9552" t="s">
        <v>17</v>
      </c>
      <c r="H9552" t="s">
        <v>1949</v>
      </c>
      <c r="I9552">
        <v>37.39</v>
      </c>
      <c r="J9552">
        <v>3</v>
      </c>
      <c r="K9552">
        <v>2.34</v>
      </c>
    </row>
    <row r="9553" spans="1:11" x14ac:dyDescent="0.3">
      <c r="A9553" s="1">
        <v>43070</v>
      </c>
      <c r="B9553" s="3">
        <f t="shared" si="298"/>
        <v>12</v>
      </c>
      <c r="C9553" s="3">
        <f t="shared" si="299"/>
        <v>2017</v>
      </c>
      <c r="D9553" t="s">
        <v>1780</v>
      </c>
      <c r="E9553" t="s">
        <v>22</v>
      </c>
      <c r="F9553" t="s">
        <v>33</v>
      </c>
      <c r="G9553" t="s">
        <v>46</v>
      </c>
      <c r="H9553" t="s">
        <v>2494</v>
      </c>
      <c r="I9553">
        <v>79.12</v>
      </c>
      <c r="J9553">
        <v>5</v>
      </c>
      <c r="K9553">
        <v>13.85</v>
      </c>
    </row>
    <row r="9554" spans="1:11" x14ac:dyDescent="0.3">
      <c r="A9554" s="1">
        <v>43070</v>
      </c>
      <c r="B9554" s="3">
        <f t="shared" si="298"/>
        <v>12</v>
      </c>
      <c r="C9554" s="3">
        <f t="shared" si="299"/>
        <v>2017</v>
      </c>
      <c r="D9554" t="s">
        <v>1664</v>
      </c>
      <c r="E9554" t="s">
        <v>612</v>
      </c>
      <c r="F9554" t="s">
        <v>10</v>
      </c>
      <c r="G9554" t="s">
        <v>11</v>
      </c>
      <c r="H9554" t="s">
        <v>1729</v>
      </c>
      <c r="I9554">
        <v>19.440000000000001</v>
      </c>
      <c r="J9554">
        <v>3</v>
      </c>
      <c r="K9554">
        <v>9.33</v>
      </c>
    </row>
    <row r="9555" spans="1:11" x14ac:dyDescent="0.3">
      <c r="A9555" s="1">
        <v>43070</v>
      </c>
      <c r="B9555" s="3">
        <f t="shared" si="298"/>
        <v>12</v>
      </c>
      <c r="C9555" s="3">
        <f t="shared" si="299"/>
        <v>2017</v>
      </c>
      <c r="D9555" t="s">
        <v>1664</v>
      </c>
      <c r="E9555" t="s">
        <v>612</v>
      </c>
      <c r="F9555" t="s">
        <v>33</v>
      </c>
      <c r="G9555" t="s">
        <v>34</v>
      </c>
      <c r="H9555" t="s">
        <v>917</v>
      </c>
      <c r="I9555">
        <v>897.15</v>
      </c>
      <c r="J9555">
        <v>3</v>
      </c>
      <c r="K9555">
        <v>251.2</v>
      </c>
    </row>
    <row r="9556" spans="1:11" x14ac:dyDescent="0.3">
      <c r="A9556" s="1">
        <v>43070</v>
      </c>
      <c r="B9556" s="3">
        <f t="shared" si="298"/>
        <v>12</v>
      </c>
      <c r="C9556" s="3">
        <f t="shared" si="299"/>
        <v>2017</v>
      </c>
      <c r="D9556" t="s">
        <v>1098</v>
      </c>
      <c r="E9556" t="s">
        <v>77</v>
      </c>
      <c r="F9556" t="s">
        <v>33</v>
      </c>
      <c r="G9556" t="s">
        <v>46</v>
      </c>
      <c r="H9556" t="s">
        <v>2301</v>
      </c>
      <c r="I9556">
        <v>7.71</v>
      </c>
      <c r="J9556">
        <v>2</v>
      </c>
      <c r="K9556">
        <v>1.74</v>
      </c>
    </row>
    <row r="9557" spans="1:11" x14ac:dyDescent="0.3">
      <c r="A9557" s="1">
        <v>43070</v>
      </c>
      <c r="B9557" s="3">
        <f t="shared" si="298"/>
        <v>12</v>
      </c>
      <c r="C9557" s="3">
        <f t="shared" si="299"/>
        <v>2017</v>
      </c>
      <c r="D9557" t="s">
        <v>2297</v>
      </c>
      <c r="E9557" t="s">
        <v>9</v>
      </c>
      <c r="F9557" t="s">
        <v>10</v>
      </c>
      <c r="G9557" t="s">
        <v>11</v>
      </c>
      <c r="H9557" t="s">
        <v>2385</v>
      </c>
      <c r="I9557">
        <v>10.37</v>
      </c>
      <c r="J9557">
        <v>2</v>
      </c>
      <c r="K9557">
        <v>3.63</v>
      </c>
    </row>
    <row r="9558" spans="1:11" x14ac:dyDescent="0.3">
      <c r="A9558" s="1">
        <v>43070</v>
      </c>
      <c r="B9558" s="3">
        <f t="shared" si="298"/>
        <v>12</v>
      </c>
      <c r="C9558" s="3">
        <f t="shared" si="299"/>
        <v>2017</v>
      </c>
      <c r="D9558" t="s">
        <v>2283</v>
      </c>
      <c r="E9558" t="s">
        <v>163</v>
      </c>
      <c r="F9558" t="s">
        <v>10</v>
      </c>
      <c r="G9558" t="s">
        <v>11</v>
      </c>
      <c r="H9558" t="s">
        <v>441</v>
      </c>
      <c r="I9558">
        <v>41.86</v>
      </c>
      <c r="J9558">
        <v>7</v>
      </c>
      <c r="K9558">
        <v>18.84</v>
      </c>
    </row>
    <row r="9559" spans="1:11" x14ac:dyDescent="0.3">
      <c r="A9559" s="1">
        <v>43070</v>
      </c>
      <c r="B9559" s="3">
        <f t="shared" si="298"/>
        <v>12</v>
      </c>
      <c r="C9559" s="3">
        <f t="shared" si="299"/>
        <v>2017</v>
      </c>
      <c r="D9559" t="s">
        <v>2283</v>
      </c>
      <c r="E9559" t="s">
        <v>163</v>
      </c>
      <c r="F9559" t="s">
        <v>33</v>
      </c>
      <c r="G9559" t="s">
        <v>73</v>
      </c>
      <c r="H9559" t="s">
        <v>1908</v>
      </c>
      <c r="I9559">
        <v>141.96</v>
      </c>
      <c r="J9559">
        <v>2</v>
      </c>
      <c r="K9559">
        <v>41.17</v>
      </c>
    </row>
    <row r="9560" spans="1:11" x14ac:dyDescent="0.3">
      <c r="A9560" s="1">
        <v>43070</v>
      </c>
      <c r="B9560" s="3">
        <f t="shared" si="298"/>
        <v>12</v>
      </c>
      <c r="C9560" s="3">
        <f t="shared" si="299"/>
        <v>2017</v>
      </c>
      <c r="D9560" t="s">
        <v>1770</v>
      </c>
      <c r="E9560" t="s">
        <v>163</v>
      </c>
      <c r="F9560" t="s">
        <v>10</v>
      </c>
      <c r="G9560" t="s">
        <v>19</v>
      </c>
      <c r="H9560" t="s">
        <v>2172</v>
      </c>
      <c r="I9560">
        <v>15.92</v>
      </c>
      <c r="J9560">
        <v>5</v>
      </c>
      <c r="K9560">
        <v>5.37</v>
      </c>
    </row>
    <row r="9561" spans="1:11" x14ac:dyDescent="0.3">
      <c r="A9561" s="1">
        <v>43070</v>
      </c>
      <c r="B9561" s="3">
        <f t="shared" si="298"/>
        <v>12</v>
      </c>
      <c r="C9561" s="3">
        <f t="shared" si="299"/>
        <v>2017</v>
      </c>
      <c r="D9561" t="s">
        <v>1770</v>
      </c>
      <c r="E9561" t="s">
        <v>163</v>
      </c>
      <c r="F9561" t="s">
        <v>33</v>
      </c>
      <c r="G9561" t="s">
        <v>46</v>
      </c>
      <c r="H9561" t="s">
        <v>280</v>
      </c>
      <c r="I9561">
        <v>70.680000000000007</v>
      </c>
      <c r="J9561">
        <v>12</v>
      </c>
      <c r="K9561">
        <v>31.1</v>
      </c>
    </row>
    <row r="9562" spans="1:11" x14ac:dyDescent="0.3">
      <c r="A9562" s="1">
        <v>43070</v>
      </c>
      <c r="B9562" s="3">
        <f t="shared" si="298"/>
        <v>12</v>
      </c>
      <c r="C9562" s="3">
        <f t="shared" si="299"/>
        <v>2017</v>
      </c>
      <c r="D9562" t="s">
        <v>1770</v>
      </c>
      <c r="E9562" t="s">
        <v>163</v>
      </c>
      <c r="F9562" t="s">
        <v>10</v>
      </c>
      <c r="G9562" t="s">
        <v>17</v>
      </c>
      <c r="H9562" t="s">
        <v>2030</v>
      </c>
      <c r="I9562">
        <v>541.24</v>
      </c>
      <c r="J9562">
        <v>4</v>
      </c>
      <c r="K9562">
        <v>5.41</v>
      </c>
    </row>
    <row r="9563" spans="1:11" x14ac:dyDescent="0.3">
      <c r="A9563" s="1">
        <v>43070</v>
      </c>
      <c r="B9563" s="3">
        <f t="shared" si="298"/>
        <v>12</v>
      </c>
      <c r="C9563" s="3">
        <f t="shared" si="299"/>
        <v>2017</v>
      </c>
      <c r="D9563" t="s">
        <v>2579</v>
      </c>
      <c r="E9563" t="s">
        <v>26</v>
      </c>
      <c r="F9563" t="s">
        <v>33</v>
      </c>
      <c r="G9563" t="s">
        <v>46</v>
      </c>
      <c r="H9563" t="s">
        <v>2039</v>
      </c>
      <c r="I9563">
        <v>629.64</v>
      </c>
      <c r="J9563">
        <v>9</v>
      </c>
      <c r="K9563">
        <v>107.04</v>
      </c>
    </row>
    <row r="9564" spans="1:11" x14ac:dyDescent="0.3">
      <c r="A9564" s="1">
        <v>43070</v>
      </c>
      <c r="B9564" s="3">
        <f t="shared" si="298"/>
        <v>12</v>
      </c>
      <c r="C9564" s="3">
        <f t="shared" si="299"/>
        <v>2017</v>
      </c>
      <c r="D9564" t="s">
        <v>1798</v>
      </c>
      <c r="E9564" t="s">
        <v>22</v>
      </c>
      <c r="F9564" t="s">
        <v>10</v>
      </c>
      <c r="G9564" t="s">
        <v>15</v>
      </c>
      <c r="H9564" t="s">
        <v>187</v>
      </c>
      <c r="I9564">
        <v>15.94</v>
      </c>
      <c r="J9564">
        <v>4</v>
      </c>
      <c r="K9564">
        <v>5.18</v>
      </c>
    </row>
    <row r="9565" spans="1:11" x14ac:dyDescent="0.3">
      <c r="A9565" s="1">
        <v>43070</v>
      </c>
      <c r="B9565" s="3">
        <f t="shared" si="298"/>
        <v>12</v>
      </c>
      <c r="C9565" s="3">
        <f t="shared" si="299"/>
        <v>2017</v>
      </c>
      <c r="D9565" t="s">
        <v>1798</v>
      </c>
      <c r="E9565" t="s">
        <v>22</v>
      </c>
      <c r="F9565" t="s">
        <v>10</v>
      </c>
      <c r="G9565" t="s">
        <v>19</v>
      </c>
      <c r="H9565" t="s">
        <v>971</v>
      </c>
      <c r="I9565">
        <v>8</v>
      </c>
      <c r="J9565">
        <v>7</v>
      </c>
      <c r="K9565">
        <v>-5.6</v>
      </c>
    </row>
    <row r="9566" spans="1:11" x14ac:dyDescent="0.3">
      <c r="A9566" s="1">
        <v>43070</v>
      </c>
      <c r="B9566" s="3">
        <f t="shared" si="298"/>
        <v>12</v>
      </c>
      <c r="C9566" s="3">
        <f t="shared" si="299"/>
        <v>2017</v>
      </c>
      <c r="D9566" t="s">
        <v>1798</v>
      </c>
      <c r="E9566" t="s">
        <v>22</v>
      </c>
      <c r="F9566" t="s">
        <v>33</v>
      </c>
      <c r="G9566" t="s">
        <v>34</v>
      </c>
      <c r="H9566" t="s">
        <v>293</v>
      </c>
      <c r="I9566">
        <v>398.97</v>
      </c>
      <c r="J9566">
        <v>2</v>
      </c>
      <c r="K9566">
        <v>-28.5</v>
      </c>
    </row>
    <row r="9567" spans="1:11" x14ac:dyDescent="0.3">
      <c r="A9567" s="1">
        <v>43071</v>
      </c>
      <c r="B9567" s="3">
        <f t="shared" si="298"/>
        <v>12</v>
      </c>
      <c r="C9567" s="3">
        <f t="shared" si="299"/>
        <v>2017</v>
      </c>
      <c r="D9567" t="s">
        <v>658</v>
      </c>
      <c r="E9567" t="s">
        <v>26</v>
      </c>
      <c r="F9567" t="s">
        <v>10</v>
      </c>
      <c r="G9567" t="s">
        <v>17</v>
      </c>
      <c r="H9567" t="s">
        <v>1399</v>
      </c>
      <c r="I9567">
        <v>559.62</v>
      </c>
      <c r="J9567">
        <v>9</v>
      </c>
      <c r="K9567">
        <v>151.1</v>
      </c>
    </row>
    <row r="9568" spans="1:11" x14ac:dyDescent="0.3">
      <c r="A9568" s="1">
        <v>43071</v>
      </c>
      <c r="B9568" s="3">
        <f t="shared" si="298"/>
        <v>12</v>
      </c>
      <c r="C9568" s="3">
        <f t="shared" si="299"/>
        <v>2017</v>
      </c>
      <c r="D9568" t="s">
        <v>658</v>
      </c>
      <c r="E9568" t="s">
        <v>26</v>
      </c>
      <c r="F9568" t="s">
        <v>10</v>
      </c>
      <c r="G9568" t="s">
        <v>11</v>
      </c>
      <c r="H9568" t="s">
        <v>1190</v>
      </c>
      <c r="I9568">
        <v>109.92</v>
      </c>
      <c r="J9568">
        <v>2</v>
      </c>
      <c r="K9568">
        <v>53.86</v>
      </c>
    </row>
    <row r="9569" spans="1:11" x14ac:dyDescent="0.3">
      <c r="A9569" s="1">
        <v>43071</v>
      </c>
      <c r="B9569" s="3">
        <f t="shared" si="298"/>
        <v>12</v>
      </c>
      <c r="C9569" s="3">
        <f t="shared" si="299"/>
        <v>2017</v>
      </c>
      <c r="D9569" t="s">
        <v>658</v>
      </c>
      <c r="E9569" t="s">
        <v>26</v>
      </c>
      <c r="F9569" t="s">
        <v>10</v>
      </c>
      <c r="G9569" t="s">
        <v>11</v>
      </c>
      <c r="H9569" t="s">
        <v>2068</v>
      </c>
      <c r="I9569">
        <v>8.56</v>
      </c>
      <c r="J9569">
        <v>2</v>
      </c>
      <c r="K9569">
        <v>3.85</v>
      </c>
    </row>
    <row r="9570" spans="1:11" x14ac:dyDescent="0.3">
      <c r="A9570" s="1">
        <v>43071</v>
      </c>
      <c r="B9570" s="3">
        <f t="shared" si="298"/>
        <v>12</v>
      </c>
      <c r="C9570" s="3">
        <f t="shared" si="299"/>
        <v>2017</v>
      </c>
      <c r="D9570" t="s">
        <v>1360</v>
      </c>
      <c r="E9570" t="s">
        <v>54</v>
      </c>
      <c r="F9570" t="s">
        <v>10</v>
      </c>
      <c r="G9570" t="s">
        <v>23</v>
      </c>
      <c r="H9570" t="s">
        <v>2188</v>
      </c>
      <c r="I9570">
        <v>34.65</v>
      </c>
      <c r="J9570">
        <v>3</v>
      </c>
      <c r="K9570">
        <v>10.4</v>
      </c>
    </row>
    <row r="9571" spans="1:11" x14ac:dyDescent="0.3">
      <c r="A9571" s="1">
        <v>43071</v>
      </c>
      <c r="B9571" s="3">
        <f t="shared" si="298"/>
        <v>12</v>
      </c>
      <c r="C9571" s="3">
        <f t="shared" si="299"/>
        <v>2017</v>
      </c>
      <c r="D9571" t="s">
        <v>224</v>
      </c>
      <c r="E9571" t="s">
        <v>9</v>
      </c>
      <c r="F9571" t="s">
        <v>10</v>
      </c>
      <c r="G9571" t="s">
        <v>91</v>
      </c>
      <c r="H9571" t="s">
        <v>252</v>
      </c>
      <c r="I9571">
        <v>294.62</v>
      </c>
      <c r="J9571">
        <v>5</v>
      </c>
      <c r="K9571">
        <v>-766.01</v>
      </c>
    </row>
    <row r="9572" spans="1:11" x14ac:dyDescent="0.3">
      <c r="A9572" s="1">
        <v>43071</v>
      </c>
      <c r="B9572" s="3">
        <f t="shared" si="298"/>
        <v>12</v>
      </c>
      <c r="C9572" s="3">
        <f t="shared" si="299"/>
        <v>2017</v>
      </c>
      <c r="D9572" t="s">
        <v>224</v>
      </c>
      <c r="E9572" t="s">
        <v>9</v>
      </c>
      <c r="F9572" t="s">
        <v>33</v>
      </c>
      <c r="G9572" t="s">
        <v>46</v>
      </c>
      <c r="H9572" t="s">
        <v>447</v>
      </c>
      <c r="I9572">
        <v>8.75</v>
      </c>
      <c r="J9572">
        <v>4</v>
      </c>
      <c r="K9572">
        <v>-3.72</v>
      </c>
    </row>
    <row r="9573" spans="1:11" x14ac:dyDescent="0.3">
      <c r="A9573" s="1">
        <v>43071</v>
      </c>
      <c r="B9573" s="3">
        <f t="shared" si="298"/>
        <v>12</v>
      </c>
      <c r="C9573" s="3">
        <f t="shared" si="299"/>
        <v>2017</v>
      </c>
      <c r="D9573" t="s">
        <v>1656</v>
      </c>
      <c r="E9573" t="s">
        <v>122</v>
      </c>
      <c r="F9573" t="s">
        <v>10</v>
      </c>
      <c r="G9573" t="s">
        <v>23</v>
      </c>
      <c r="H9573" t="s">
        <v>1116</v>
      </c>
      <c r="I9573">
        <v>47.96</v>
      </c>
      <c r="J9573">
        <v>5</v>
      </c>
      <c r="K9573">
        <v>4.2</v>
      </c>
    </row>
    <row r="9574" spans="1:11" x14ac:dyDescent="0.3">
      <c r="A9574" s="1">
        <v>43071</v>
      </c>
      <c r="B9574" s="3">
        <f t="shared" si="298"/>
        <v>12</v>
      </c>
      <c r="C9574" s="3">
        <f t="shared" si="299"/>
        <v>2017</v>
      </c>
      <c r="D9574" t="s">
        <v>1437</v>
      </c>
      <c r="E9574" t="s">
        <v>26</v>
      </c>
      <c r="F9574" t="s">
        <v>10</v>
      </c>
      <c r="G9574" t="s">
        <v>19</v>
      </c>
      <c r="H9574" t="s">
        <v>66</v>
      </c>
      <c r="I9574">
        <v>9.02</v>
      </c>
      <c r="J9574">
        <v>6</v>
      </c>
      <c r="K9574">
        <v>3.16</v>
      </c>
    </row>
    <row r="9575" spans="1:11" x14ac:dyDescent="0.3">
      <c r="A9575" s="1">
        <v>43071</v>
      </c>
      <c r="B9575" s="3">
        <f t="shared" si="298"/>
        <v>12</v>
      </c>
      <c r="C9575" s="3">
        <f t="shared" si="299"/>
        <v>2017</v>
      </c>
      <c r="D9575" t="s">
        <v>1437</v>
      </c>
      <c r="E9575" t="s">
        <v>26</v>
      </c>
      <c r="F9575" t="s">
        <v>10</v>
      </c>
      <c r="G9575" t="s">
        <v>19</v>
      </c>
      <c r="H9575" t="s">
        <v>1138</v>
      </c>
      <c r="I9575">
        <v>69.459999999999994</v>
      </c>
      <c r="J9575">
        <v>2</v>
      </c>
      <c r="K9575">
        <v>22.57</v>
      </c>
    </row>
    <row r="9576" spans="1:11" x14ac:dyDescent="0.3">
      <c r="A9576" s="1">
        <v>43071</v>
      </c>
      <c r="B9576" s="3">
        <f t="shared" si="298"/>
        <v>12</v>
      </c>
      <c r="C9576" s="3">
        <f t="shared" si="299"/>
        <v>2017</v>
      </c>
      <c r="D9576" t="s">
        <v>1437</v>
      </c>
      <c r="E9576" t="s">
        <v>26</v>
      </c>
      <c r="F9576" t="s">
        <v>10</v>
      </c>
      <c r="G9576" t="s">
        <v>11</v>
      </c>
      <c r="H9576" t="s">
        <v>1336</v>
      </c>
      <c r="I9576">
        <v>10.86</v>
      </c>
      <c r="J9576">
        <v>2</v>
      </c>
      <c r="K9576">
        <v>5.32</v>
      </c>
    </row>
    <row r="9577" spans="1:11" x14ac:dyDescent="0.3">
      <c r="A9577" s="1">
        <v>43071</v>
      </c>
      <c r="B9577" s="3">
        <f t="shared" si="298"/>
        <v>12</v>
      </c>
      <c r="C9577" s="3">
        <f t="shared" si="299"/>
        <v>2017</v>
      </c>
      <c r="D9577" t="s">
        <v>1437</v>
      </c>
      <c r="E9577" t="s">
        <v>26</v>
      </c>
      <c r="F9577" t="s">
        <v>10</v>
      </c>
      <c r="G9577" t="s">
        <v>91</v>
      </c>
      <c r="H9577" t="s">
        <v>420</v>
      </c>
      <c r="I9577">
        <v>79.47</v>
      </c>
      <c r="J9577">
        <v>3</v>
      </c>
      <c r="K9577">
        <v>22.25</v>
      </c>
    </row>
    <row r="9578" spans="1:11" x14ac:dyDescent="0.3">
      <c r="A9578" s="1">
        <v>43071</v>
      </c>
      <c r="B9578" s="3">
        <f t="shared" si="298"/>
        <v>12</v>
      </c>
      <c r="C9578" s="3">
        <f t="shared" si="299"/>
        <v>2017</v>
      </c>
      <c r="D9578" t="s">
        <v>1437</v>
      </c>
      <c r="E9578" t="s">
        <v>26</v>
      </c>
      <c r="F9578" t="s">
        <v>10</v>
      </c>
      <c r="G9578" t="s">
        <v>23</v>
      </c>
      <c r="H9578" t="s">
        <v>540</v>
      </c>
      <c r="I9578">
        <v>10.08</v>
      </c>
      <c r="J9578">
        <v>6</v>
      </c>
      <c r="K9578">
        <v>5.04</v>
      </c>
    </row>
    <row r="9579" spans="1:11" x14ac:dyDescent="0.3">
      <c r="A9579" s="1">
        <v>43071</v>
      </c>
      <c r="B9579" s="3">
        <f t="shared" si="298"/>
        <v>12</v>
      </c>
      <c r="C9579" s="3">
        <f t="shared" si="299"/>
        <v>2017</v>
      </c>
      <c r="D9579" t="s">
        <v>1506</v>
      </c>
      <c r="E9579" t="s">
        <v>122</v>
      </c>
      <c r="F9579" t="s">
        <v>10</v>
      </c>
      <c r="G9579" t="s">
        <v>19</v>
      </c>
      <c r="H9579" t="s">
        <v>1280</v>
      </c>
      <c r="I9579">
        <v>45.66</v>
      </c>
      <c r="J9579">
        <v>5</v>
      </c>
      <c r="K9579">
        <v>-33.479999999999997</v>
      </c>
    </row>
    <row r="9580" spans="1:11" x14ac:dyDescent="0.3">
      <c r="A9580" s="1">
        <v>43071</v>
      </c>
      <c r="B9580" s="3">
        <f t="shared" si="298"/>
        <v>12</v>
      </c>
      <c r="C9580" s="3">
        <f t="shared" si="299"/>
        <v>2017</v>
      </c>
      <c r="D9580" t="s">
        <v>236</v>
      </c>
      <c r="E9580" t="s">
        <v>22</v>
      </c>
      <c r="F9580" t="s">
        <v>10</v>
      </c>
      <c r="G9580" t="s">
        <v>19</v>
      </c>
      <c r="H9580" t="s">
        <v>1776</v>
      </c>
      <c r="I9580">
        <v>631.17999999999995</v>
      </c>
      <c r="J9580">
        <v>4</v>
      </c>
      <c r="K9580">
        <v>-462.86</v>
      </c>
    </row>
    <row r="9581" spans="1:11" x14ac:dyDescent="0.3">
      <c r="A9581" s="1">
        <v>43071</v>
      </c>
      <c r="B9581" s="3">
        <f t="shared" si="298"/>
        <v>12</v>
      </c>
      <c r="C9581" s="3">
        <f t="shared" si="299"/>
        <v>2017</v>
      </c>
      <c r="D9581" t="s">
        <v>2038</v>
      </c>
      <c r="E9581" t="s">
        <v>995</v>
      </c>
      <c r="F9581" t="s">
        <v>38</v>
      </c>
      <c r="G9581" t="s">
        <v>39</v>
      </c>
      <c r="H9581" t="s">
        <v>1535</v>
      </c>
      <c r="I9581">
        <v>2479.96</v>
      </c>
      <c r="J9581">
        <v>4</v>
      </c>
      <c r="K9581">
        <v>743.99</v>
      </c>
    </row>
    <row r="9582" spans="1:11" x14ac:dyDescent="0.3">
      <c r="A9582" s="1">
        <v>43071</v>
      </c>
      <c r="B9582" s="3">
        <f t="shared" si="298"/>
        <v>12</v>
      </c>
      <c r="C9582" s="3">
        <f t="shared" si="299"/>
        <v>2017</v>
      </c>
      <c r="D9582" t="s">
        <v>2102</v>
      </c>
      <c r="E9582" t="s">
        <v>26</v>
      </c>
      <c r="F9582" t="s">
        <v>38</v>
      </c>
      <c r="G9582" t="s">
        <v>39</v>
      </c>
      <c r="H9582" t="s">
        <v>2442</v>
      </c>
      <c r="I9582">
        <v>39.99</v>
      </c>
      <c r="J9582">
        <v>1</v>
      </c>
      <c r="K9582">
        <v>-8</v>
      </c>
    </row>
    <row r="9583" spans="1:11" x14ac:dyDescent="0.3">
      <c r="A9583" s="1">
        <v>43071</v>
      </c>
      <c r="B9583" s="3">
        <f t="shared" si="298"/>
        <v>12</v>
      </c>
      <c r="C9583" s="3">
        <f t="shared" si="299"/>
        <v>2017</v>
      </c>
      <c r="D9583" t="s">
        <v>2102</v>
      </c>
      <c r="E9583" t="s">
        <v>26</v>
      </c>
      <c r="F9583" t="s">
        <v>33</v>
      </c>
      <c r="G9583" t="s">
        <v>34</v>
      </c>
      <c r="H9583" t="s">
        <v>1363</v>
      </c>
      <c r="I9583">
        <v>1159.06</v>
      </c>
      <c r="J9583">
        <v>9</v>
      </c>
      <c r="K9583">
        <v>43.46</v>
      </c>
    </row>
    <row r="9584" spans="1:11" x14ac:dyDescent="0.3">
      <c r="A9584" s="1">
        <v>43071</v>
      </c>
      <c r="B9584" s="3">
        <f t="shared" si="298"/>
        <v>12</v>
      </c>
      <c r="C9584" s="3">
        <f t="shared" si="299"/>
        <v>2017</v>
      </c>
      <c r="D9584" t="s">
        <v>2102</v>
      </c>
      <c r="E9584" t="s">
        <v>26</v>
      </c>
      <c r="F9584" t="s">
        <v>10</v>
      </c>
      <c r="G9584" t="s">
        <v>23</v>
      </c>
      <c r="H9584" t="s">
        <v>2054</v>
      </c>
      <c r="I9584">
        <v>179.9</v>
      </c>
      <c r="J9584">
        <v>5</v>
      </c>
      <c r="K9584">
        <v>44.98</v>
      </c>
    </row>
    <row r="9585" spans="1:11" x14ac:dyDescent="0.3">
      <c r="A9585" s="1">
        <v>43071</v>
      </c>
      <c r="B9585" s="3">
        <f t="shared" si="298"/>
        <v>12</v>
      </c>
      <c r="C9585" s="3">
        <f t="shared" si="299"/>
        <v>2017</v>
      </c>
      <c r="D9585" t="s">
        <v>944</v>
      </c>
      <c r="E9585" t="s">
        <v>54</v>
      </c>
      <c r="F9585" t="s">
        <v>33</v>
      </c>
      <c r="G9585" t="s">
        <v>34</v>
      </c>
      <c r="H9585" t="s">
        <v>1725</v>
      </c>
      <c r="I9585">
        <v>701.96</v>
      </c>
      <c r="J9585">
        <v>2</v>
      </c>
      <c r="K9585">
        <v>168.47</v>
      </c>
    </row>
    <row r="9586" spans="1:11" x14ac:dyDescent="0.3">
      <c r="A9586" s="1">
        <v>43071</v>
      </c>
      <c r="B9586" s="3">
        <f t="shared" si="298"/>
        <v>12</v>
      </c>
      <c r="C9586" s="3">
        <f t="shared" si="299"/>
        <v>2017</v>
      </c>
      <c r="D9586" t="s">
        <v>467</v>
      </c>
      <c r="E9586" t="s">
        <v>9</v>
      </c>
      <c r="F9586" t="s">
        <v>10</v>
      </c>
      <c r="G9586" t="s">
        <v>23</v>
      </c>
      <c r="H9586" t="s">
        <v>2232</v>
      </c>
      <c r="I9586">
        <v>12.16</v>
      </c>
      <c r="J9586">
        <v>5</v>
      </c>
      <c r="K9586">
        <v>2.13</v>
      </c>
    </row>
    <row r="9587" spans="1:11" x14ac:dyDescent="0.3">
      <c r="A9587" s="1">
        <v>43071</v>
      </c>
      <c r="B9587" s="3">
        <f t="shared" si="298"/>
        <v>12</v>
      </c>
      <c r="C9587" s="3">
        <f t="shared" si="299"/>
        <v>2017</v>
      </c>
      <c r="D9587" t="s">
        <v>1573</v>
      </c>
      <c r="E9587" t="s">
        <v>244</v>
      </c>
      <c r="F9587" t="s">
        <v>10</v>
      </c>
      <c r="G9587" t="s">
        <v>23</v>
      </c>
      <c r="H9587" t="s">
        <v>1107</v>
      </c>
      <c r="I9587">
        <v>32.78</v>
      </c>
      <c r="J9587">
        <v>1</v>
      </c>
      <c r="K9587">
        <v>2.46</v>
      </c>
    </row>
    <row r="9588" spans="1:11" x14ac:dyDescent="0.3">
      <c r="A9588" s="1">
        <v>43071</v>
      </c>
      <c r="B9588" s="3">
        <f t="shared" si="298"/>
        <v>12</v>
      </c>
      <c r="C9588" s="3">
        <f t="shared" si="299"/>
        <v>2017</v>
      </c>
      <c r="D9588" t="s">
        <v>1721</v>
      </c>
      <c r="E9588" t="s">
        <v>277</v>
      </c>
      <c r="F9588" t="s">
        <v>10</v>
      </c>
      <c r="G9588" t="s">
        <v>17</v>
      </c>
      <c r="H9588" t="s">
        <v>973</v>
      </c>
      <c r="I9588">
        <v>114.29</v>
      </c>
      <c r="J9588">
        <v>1</v>
      </c>
      <c r="K9588">
        <v>12.86</v>
      </c>
    </row>
    <row r="9589" spans="1:11" x14ac:dyDescent="0.3">
      <c r="A9589" s="1">
        <v>43071</v>
      </c>
      <c r="B9589" s="3">
        <f t="shared" si="298"/>
        <v>12</v>
      </c>
      <c r="C9589" s="3">
        <f t="shared" si="299"/>
        <v>2017</v>
      </c>
      <c r="D9589" t="s">
        <v>1721</v>
      </c>
      <c r="E9589" t="s">
        <v>277</v>
      </c>
      <c r="F9589" t="s">
        <v>10</v>
      </c>
      <c r="G9589" t="s">
        <v>19</v>
      </c>
      <c r="H9589" t="s">
        <v>1992</v>
      </c>
      <c r="I9589">
        <v>36.619999999999997</v>
      </c>
      <c r="J9589">
        <v>8</v>
      </c>
      <c r="K9589">
        <v>-24.42</v>
      </c>
    </row>
    <row r="9590" spans="1:11" x14ac:dyDescent="0.3">
      <c r="A9590" s="1">
        <v>43071</v>
      </c>
      <c r="B9590" s="3">
        <f t="shared" si="298"/>
        <v>12</v>
      </c>
      <c r="C9590" s="3">
        <f t="shared" si="299"/>
        <v>2017</v>
      </c>
      <c r="D9590" t="s">
        <v>1721</v>
      </c>
      <c r="E9590" t="s">
        <v>277</v>
      </c>
      <c r="F9590" t="s">
        <v>33</v>
      </c>
      <c r="G9590" t="s">
        <v>73</v>
      </c>
      <c r="H9590" t="s">
        <v>1653</v>
      </c>
      <c r="I9590">
        <v>242.35</v>
      </c>
      <c r="J9590">
        <v>8</v>
      </c>
      <c r="K9590">
        <v>-363.53</v>
      </c>
    </row>
    <row r="9591" spans="1:11" x14ac:dyDescent="0.3">
      <c r="A9591" s="1">
        <v>43071</v>
      </c>
      <c r="B9591" s="3">
        <f t="shared" si="298"/>
        <v>12</v>
      </c>
      <c r="C9591" s="3">
        <f t="shared" si="299"/>
        <v>2017</v>
      </c>
      <c r="D9591" t="s">
        <v>1721</v>
      </c>
      <c r="E9591" t="s">
        <v>277</v>
      </c>
      <c r="F9591" t="s">
        <v>38</v>
      </c>
      <c r="G9591" t="s">
        <v>39</v>
      </c>
      <c r="H9591" t="s">
        <v>1833</v>
      </c>
      <c r="I9591">
        <v>49.62</v>
      </c>
      <c r="J9591">
        <v>2</v>
      </c>
      <c r="K9591">
        <v>4.96</v>
      </c>
    </row>
    <row r="9592" spans="1:11" x14ac:dyDescent="0.3">
      <c r="A9592" s="1">
        <v>43071</v>
      </c>
      <c r="B9592" s="3">
        <f t="shared" si="298"/>
        <v>12</v>
      </c>
      <c r="C9592" s="3">
        <f t="shared" si="299"/>
        <v>2017</v>
      </c>
      <c r="D9592" t="s">
        <v>1721</v>
      </c>
      <c r="E9592" t="s">
        <v>277</v>
      </c>
      <c r="F9592" t="s">
        <v>33</v>
      </c>
      <c r="G9592" t="s">
        <v>46</v>
      </c>
      <c r="H9592" t="s">
        <v>2195</v>
      </c>
      <c r="I9592">
        <v>508.7</v>
      </c>
      <c r="J9592">
        <v>6</v>
      </c>
      <c r="K9592">
        <v>0</v>
      </c>
    </row>
    <row r="9593" spans="1:11" x14ac:dyDescent="0.3">
      <c r="A9593" s="1">
        <v>43071</v>
      </c>
      <c r="B9593" s="3">
        <f t="shared" si="298"/>
        <v>12</v>
      </c>
      <c r="C9593" s="3">
        <f t="shared" si="299"/>
        <v>2017</v>
      </c>
      <c r="D9593" t="s">
        <v>1721</v>
      </c>
      <c r="E9593" t="s">
        <v>277</v>
      </c>
      <c r="F9593" t="s">
        <v>38</v>
      </c>
      <c r="G9593" t="s">
        <v>39</v>
      </c>
      <c r="H9593" t="s">
        <v>135</v>
      </c>
      <c r="I9593">
        <v>57.36</v>
      </c>
      <c r="J9593">
        <v>6</v>
      </c>
      <c r="K9593">
        <v>-14.34</v>
      </c>
    </row>
    <row r="9594" spans="1:11" x14ac:dyDescent="0.3">
      <c r="A9594" s="1">
        <v>43071</v>
      </c>
      <c r="B9594" s="3">
        <f t="shared" si="298"/>
        <v>12</v>
      </c>
      <c r="C9594" s="3">
        <f t="shared" si="299"/>
        <v>2017</v>
      </c>
      <c r="D9594" t="s">
        <v>1721</v>
      </c>
      <c r="E9594" t="s">
        <v>277</v>
      </c>
      <c r="F9594" t="s">
        <v>33</v>
      </c>
      <c r="G9594" t="s">
        <v>34</v>
      </c>
      <c r="H9594" t="s">
        <v>1071</v>
      </c>
      <c r="I9594">
        <v>906.68</v>
      </c>
      <c r="J9594">
        <v>5</v>
      </c>
      <c r="K9594">
        <v>68</v>
      </c>
    </row>
    <row r="9595" spans="1:11" x14ac:dyDescent="0.3">
      <c r="A9595" s="1">
        <v>43071</v>
      </c>
      <c r="B9595" s="3">
        <f t="shared" si="298"/>
        <v>12</v>
      </c>
      <c r="C9595" s="3">
        <f t="shared" si="299"/>
        <v>2017</v>
      </c>
      <c r="D9595" t="s">
        <v>2465</v>
      </c>
      <c r="E9595" t="s">
        <v>94</v>
      </c>
      <c r="F9595" t="s">
        <v>10</v>
      </c>
      <c r="G9595" t="s">
        <v>19</v>
      </c>
      <c r="H9595" t="s">
        <v>910</v>
      </c>
      <c r="I9595">
        <v>67.86</v>
      </c>
      <c r="J9595">
        <v>6</v>
      </c>
      <c r="K9595">
        <v>-45.24</v>
      </c>
    </row>
    <row r="9596" spans="1:11" x14ac:dyDescent="0.3">
      <c r="A9596" s="1">
        <v>43071</v>
      </c>
      <c r="B9596" s="3">
        <f t="shared" si="298"/>
        <v>12</v>
      </c>
      <c r="C9596" s="3">
        <f t="shared" si="299"/>
        <v>2017</v>
      </c>
      <c r="D9596" t="s">
        <v>1416</v>
      </c>
      <c r="E9596" t="s">
        <v>77</v>
      </c>
      <c r="F9596" t="s">
        <v>10</v>
      </c>
      <c r="G9596" t="s">
        <v>23</v>
      </c>
      <c r="H9596" t="s">
        <v>37</v>
      </c>
      <c r="I9596">
        <v>19.73</v>
      </c>
      <c r="J9596">
        <v>9</v>
      </c>
      <c r="K9596">
        <v>1.73</v>
      </c>
    </row>
    <row r="9597" spans="1:11" x14ac:dyDescent="0.3">
      <c r="A9597" s="1">
        <v>43071</v>
      </c>
      <c r="B9597" s="3">
        <f t="shared" si="298"/>
        <v>12</v>
      </c>
      <c r="C9597" s="3">
        <f t="shared" si="299"/>
        <v>2017</v>
      </c>
      <c r="D9597" t="s">
        <v>1416</v>
      </c>
      <c r="E9597" t="s">
        <v>77</v>
      </c>
      <c r="F9597" t="s">
        <v>38</v>
      </c>
      <c r="G9597" t="s">
        <v>39</v>
      </c>
      <c r="H9597" t="s">
        <v>567</v>
      </c>
      <c r="I9597">
        <v>151.19</v>
      </c>
      <c r="J9597">
        <v>2</v>
      </c>
      <c r="K9597">
        <v>-25.2</v>
      </c>
    </row>
    <row r="9598" spans="1:11" x14ac:dyDescent="0.3">
      <c r="A9598" s="1">
        <v>43071</v>
      </c>
      <c r="B9598" s="3">
        <f t="shared" si="298"/>
        <v>12</v>
      </c>
      <c r="C9598" s="3">
        <f t="shared" si="299"/>
        <v>2017</v>
      </c>
      <c r="D9598" t="s">
        <v>404</v>
      </c>
      <c r="E9598" t="s">
        <v>433</v>
      </c>
      <c r="F9598" t="s">
        <v>10</v>
      </c>
      <c r="G9598" t="s">
        <v>91</v>
      </c>
      <c r="H9598" t="s">
        <v>198</v>
      </c>
      <c r="I9598">
        <v>286.86</v>
      </c>
      <c r="J9598">
        <v>7</v>
      </c>
      <c r="K9598">
        <v>80.319999999999993</v>
      </c>
    </row>
    <row r="9599" spans="1:11" x14ac:dyDescent="0.3">
      <c r="A9599" s="1">
        <v>43071</v>
      </c>
      <c r="B9599" s="3">
        <f t="shared" si="298"/>
        <v>12</v>
      </c>
      <c r="C9599" s="3">
        <f t="shared" si="299"/>
        <v>2017</v>
      </c>
      <c r="D9599" t="s">
        <v>404</v>
      </c>
      <c r="E9599" t="s">
        <v>433</v>
      </c>
      <c r="F9599" t="s">
        <v>38</v>
      </c>
      <c r="G9599" t="s">
        <v>39</v>
      </c>
      <c r="H9599" t="s">
        <v>40</v>
      </c>
      <c r="I9599">
        <v>979.95</v>
      </c>
      <c r="J9599">
        <v>5</v>
      </c>
      <c r="K9599">
        <v>284.19</v>
      </c>
    </row>
    <row r="9600" spans="1:11" x14ac:dyDescent="0.3">
      <c r="A9600" s="1">
        <v>43071</v>
      </c>
      <c r="B9600" s="3">
        <f t="shared" si="298"/>
        <v>12</v>
      </c>
      <c r="C9600" s="3">
        <f t="shared" si="299"/>
        <v>2017</v>
      </c>
      <c r="D9600" t="s">
        <v>404</v>
      </c>
      <c r="E9600" t="s">
        <v>433</v>
      </c>
      <c r="F9600" t="s">
        <v>10</v>
      </c>
      <c r="G9600" t="s">
        <v>199</v>
      </c>
      <c r="H9600" t="s">
        <v>806</v>
      </c>
      <c r="I9600">
        <v>4.3600000000000003</v>
      </c>
      <c r="J9600">
        <v>2</v>
      </c>
      <c r="K9600">
        <v>0.17</v>
      </c>
    </row>
    <row r="9601" spans="1:11" x14ac:dyDescent="0.3">
      <c r="A9601" s="1">
        <v>43072</v>
      </c>
      <c r="B9601" s="3">
        <f t="shared" si="298"/>
        <v>12</v>
      </c>
      <c r="C9601" s="3">
        <f t="shared" si="299"/>
        <v>2017</v>
      </c>
      <c r="D9601" t="s">
        <v>2687</v>
      </c>
      <c r="E9601" t="s">
        <v>148</v>
      </c>
      <c r="F9601" t="s">
        <v>10</v>
      </c>
      <c r="G9601" t="s">
        <v>19</v>
      </c>
      <c r="H9601" t="s">
        <v>1028</v>
      </c>
      <c r="I9601">
        <v>83.92</v>
      </c>
      <c r="J9601">
        <v>5</v>
      </c>
      <c r="K9601">
        <v>29.37</v>
      </c>
    </row>
    <row r="9602" spans="1:11" x14ac:dyDescent="0.3">
      <c r="A9602" s="1">
        <v>43072</v>
      </c>
      <c r="B9602" s="3">
        <f t="shared" ref="B9602:B9665" si="300">MONTH(A:A)</f>
        <v>12</v>
      </c>
      <c r="C9602" s="3">
        <f t="shared" ref="C9602:C9665" si="301">YEAR(A:A)</f>
        <v>2017</v>
      </c>
      <c r="D9602" t="s">
        <v>2687</v>
      </c>
      <c r="E9602" t="s">
        <v>148</v>
      </c>
      <c r="F9602" t="s">
        <v>10</v>
      </c>
      <c r="G9602" t="s">
        <v>19</v>
      </c>
      <c r="H9602" t="s">
        <v>864</v>
      </c>
      <c r="I9602">
        <v>14.62</v>
      </c>
      <c r="J9602">
        <v>2</v>
      </c>
      <c r="K9602">
        <v>5.12</v>
      </c>
    </row>
    <row r="9603" spans="1:11" x14ac:dyDescent="0.3">
      <c r="A9603" s="1">
        <v>43072</v>
      </c>
      <c r="B9603" s="3">
        <f t="shared" si="300"/>
        <v>12</v>
      </c>
      <c r="C9603" s="3">
        <f t="shared" si="301"/>
        <v>2017</v>
      </c>
      <c r="D9603" t="s">
        <v>2687</v>
      </c>
      <c r="E9603" t="s">
        <v>148</v>
      </c>
      <c r="F9603" t="s">
        <v>38</v>
      </c>
      <c r="G9603" t="s">
        <v>39</v>
      </c>
      <c r="H9603" t="s">
        <v>520</v>
      </c>
      <c r="I9603">
        <v>136.99</v>
      </c>
      <c r="J9603">
        <v>1</v>
      </c>
      <c r="K9603">
        <v>36.99</v>
      </c>
    </row>
    <row r="9604" spans="1:11" x14ac:dyDescent="0.3">
      <c r="A9604" s="1">
        <v>43072</v>
      </c>
      <c r="B9604" s="3">
        <f t="shared" si="300"/>
        <v>12</v>
      </c>
      <c r="C9604" s="3">
        <f t="shared" si="301"/>
        <v>2017</v>
      </c>
      <c r="D9604" t="s">
        <v>2687</v>
      </c>
      <c r="E9604" t="s">
        <v>148</v>
      </c>
      <c r="F9604" t="s">
        <v>10</v>
      </c>
      <c r="G9604" t="s">
        <v>15</v>
      </c>
      <c r="H9604" t="s">
        <v>1701</v>
      </c>
      <c r="I9604">
        <v>3.15</v>
      </c>
      <c r="J9604">
        <v>1</v>
      </c>
      <c r="K9604">
        <v>1.51</v>
      </c>
    </row>
    <row r="9605" spans="1:11" x14ac:dyDescent="0.3">
      <c r="A9605" s="1">
        <v>43072</v>
      </c>
      <c r="B9605" s="3">
        <f t="shared" si="300"/>
        <v>12</v>
      </c>
      <c r="C9605" s="3">
        <f t="shared" si="301"/>
        <v>2017</v>
      </c>
      <c r="D9605" t="s">
        <v>1470</v>
      </c>
      <c r="E9605" t="s">
        <v>26</v>
      </c>
      <c r="F9605" t="s">
        <v>10</v>
      </c>
      <c r="G9605" t="s">
        <v>11</v>
      </c>
      <c r="H9605" t="s">
        <v>1663</v>
      </c>
      <c r="I9605">
        <v>166.44</v>
      </c>
      <c r="J9605">
        <v>3</v>
      </c>
      <c r="K9605">
        <v>79.89</v>
      </c>
    </row>
    <row r="9606" spans="1:11" x14ac:dyDescent="0.3">
      <c r="A9606" s="1">
        <v>43072</v>
      </c>
      <c r="B9606" s="3">
        <f t="shared" si="300"/>
        <v>12</v>
      </c>
      <c r="C9606" s="3">
        <f t="shared" si="301"/>
        <v>2017</v>
      </c>
      <c r="D9606" t="s">
        <v>68</v>
      </c>
      <c r="E9606" t="s">
        <v>122</v>
      </c>
      <c r="F9606" t="s">
        <v>38</v>
      </c>
      <c r="G9606" t="s">
        <v>51</v>
      </c>
      <c r="H9606" t="s">
        <v>2157</v>
      </c>
      <c r="I9606">
        <v>47.99</v>
      </c>
      <c r="J9606">
        <v>1</v>
      </c>
      <c r="K9606">
        <v>7.2</v>
      </c>
    </row>
    <row r="9607" spans="1:11" x14ac:dyDescent="0.3">
      <c r="A9607" s="1">
        <v>43072</v>
      </c>
      <c r="B9607" s="3">
        <f t="shared" si="300"/>
        <v>12</v>
      </c>
      <c r="C9607" s="3">
        <f t="shared" si="301"/>
        <v>2017</v>
      </c>
      <c r="D9607" t="s">
        <v>1737</v>
      </c>
      <c r="E9607" t="s">
        <v>244</v>
      </c>
      <c r="F9607" t="s">
        <v>10</v>
      </c>
      <c r="G9607" t="s">
        <v>91</v>
      </c>
      <c r="H9607" t="s">
        <v>1828</v>
      </c>
      <c r="I9607">
        <v>45.22</v>
      </c>
      <c r="J9607">
        <v>3</v>
      </c>
      <c r="K9607">
        <v>4.5199999999999996</v>
      </c>
    </row>
    <row r="9608" spans="1:11" x14ac:dyDescent="0.3">
      <c r="A9608" s="1">
        <v>43072</v>
      </c>
      <c r="B9608" s="3">
        <f t="shared" si="300"/>
        <v>12</v>
      </c>
      <c r="C9608" s="3">
        <f t="shared" si="301"/>
        <v>2017</v>
      </c>
      <c r="D9608" t="s">
        <v>1737</v>
      </c>
      <c r="E9608" t="s">
        <v>244</v>
      </c>
      <c r="F9608" t="s">
        <v>10</v>
      </c>
      <c r="G9608" t="s">
        <v>19</v>
      </c>
      <c r="H9608" t="s">
        <v>743</v>
      </c>
      <c r="I9608">
        <v>28.78</v>
      </c>
      <c r="J9608">
        <v>6</v>
      </c>
      <c r="K9608">
        <v>-21.11</v>
      </c>
    </row>
    <row r="9609" spans="1:11" x14ac:dyDescent="0.3">
      <c r="A9609" s="1">
        <v>43072</v>
      </c>
      <c r="B9609" s="3">
        <f t="shared" si="300"/>
        <v>12</v>
      </c>
      <c r="C9609" s="3">
        <f t="shared" si="301"/>
        <v>2017</v>
      </c>
      <c r="D9609" t="s">
        <v>1737</v>
      </c>
      <c r="E9609" t="s">
        <v>244</v>
      </c>
      <c r="F9609" t="s">
        <v>10</v>
      </c>
      <c r="G9609" t="s">
        <v>11</v>
      </c>
      <c r="H9609" t="s">
        <v>2450</v>
      </c>
      <c r="I9609">
        <v>24.45</v>
      </c>
      <c r="J9609">
        <v>4</v>
      </c>
      <c r="K9609">
        <v>8.86</v>
      </c>
    </row>
    <row r="9610" spans="1:11" x14ac:dyDescent="0.3">
      <c r="A9610" s="1">
        <v>43072</v>
      </c>
      <c r="B9610" s="3">
        <f t="shared" si="300"/>
        <v>12</v>
      </c>
      <c r="C9610" s="3">
        <f t="shared" si="301"/>
        <v>2017</v>
      </c>
      <c r="D9610" t="s">
        <v>1961</v>
      </c>
      <c r="E9610" t="s">
        <v>163</v>
      </c>
      <c r="F9610" t="s">
        <v>33</v>
      </c>
      <c r="G9610" t="s">
        <v>144</v>
      </c>
      <c r="H9610" t="s">
        <v>254</v>
      </c>
      <c r="I9610">
        <v>521.96</v>
      </c>
      <c r="J9610">
        <v>2</v>
      </c>
      <c r="K9610">
        <v>88.73</v>
      </c>
    </row>
    <row r="9611" spans="1:11" x14ac:dyDescent="0.3">
      <c r="A9611" s="1">
        <v>43072</v>
      </c>
      <c r="B9611" s="3">
        <f t="shared" si="300"/>
        <v>12</v>
      </c>
      <c r="C9611" s="3">
        <f t="shared" si="301"/>
        <v>2017</v>
      </c>
      <c r="D9611" t="s">
        <v>106</v>
      </c>
      <c r="E9611" t="s">
        <v>9</v>
      </c>
      <c r="F9611" t="s">
        <v>33</v>
      </c>
      <c r="G9611" t="s">
        <v>46</v>
      </c>
      <c r="H9611" t="s">
        <v>2222</v>
      </c>
      <c r="I9611">
        <v>13.59</v>
      </c>
      <c r="J9611">
        <v>2</v>
      </c>
      <c r="K9611">
        <v>-14.27</v>
      </c>
    </row>
    <row r="9612" spans="1:11" x14ac:dyDescent="0.3">
      <c r="A9612" s="1">
        <v>43072</v>
      </c>
      <c r="B9612" s="3">
        <f t="shared" si="300"/>
        <v>12</v>
      </c>
      <c r="C9612" s="3">
        <f t="shared" si="301"/>
        <v>2017</v>
      </c>
      <c r="D9612" t="s">
        <v>2682</v>
      </c>
      <c r="E9612" t="s">
        <v>9</v>
      </c>
      <c r="F9612" t="s">
        <v>10</v>
      </c>
      <c r="G9612" t="s">
        <v>11</v>
      </c>
      <c r="H9612" t="s">
        <v>2692</v>
      </c>
      <c r="I9612">
        <v>10.37</v>
      </c>
      <c r="J9612">
        <v>2</v>
      </c>
      <c r="K9612">
        <v>3.63</v>
      </c>
    </row>
    <row r="9613" spans="1:11" x14ac:dyDescent="0.3">
      <c r="A9613" s="1">
        <v>43072</v>
      </c>
      <c r="B9613" s="3">
        <f t="shared" si="300"/>
        <v>12</v>
      </c>
      <c r="C9613" s="3">
        <f t="shared" si="301"/>
        <v>2017</v>
      </c>
      <c r="D9613" t="s">
        <v>2059</v>
      </c>
      <c r="E9613" t="s">
        <v>277</v>
      </c>
      <c r="F9613" t="s">
        <v>10</v>
      </c>
      <c r="G9613" t="s">
        <v>23</v>
      </c>
      <c r="H9613" t="s">
        <v>1948</v>
      </c>
      <c r="I9613">
        <v>13.34</v>
      </c>
      <c r="J9613">
        <v>6</v>
      </c>
      <c r="K9613">
        <v>1</v>
      </c>
    </row>
    <row r="9614" spans="1:11" x14ac:dyDescent="0.3">
      <c r="A9614" s="1">
        <v>43072</v>
      </c>
      <c r="B9614" s="3">
        <f t="shared" si="300"/>
        <v>12</v>
      </c>
      <c r="C9614" s="3">
        <f t="shared" si="301"/>
        <v>2017</v>
      </c>
      <c r="D9614" t="s">
        <v>2059</v>
      </c>
      <c r="E9614" t="s">
        <v>277</v>
      </c>
      <c r="F9614" t="s">
        <v>38</v>
      </c>
      <c r="G9614" t="s">
        <v>51</v>
      </c>
      <c r="H9614" t="s">
        <v>1021</v>
      </c>
      <c r="I9614">
        <v>76.75</v>
      </c>
      <c r="J9614">
        <v>6</v>
      </c>
      <c r="K9614">
        <v>10.55</v>
      </c>
    </row>
    <row r="9615" spans="1:11" x14ac:dyDescent="0.3">
      <c r="A9615" s="1">
        <v>43072</v>
      </c>
      <c r="B9615" s="3">
        <f t="shared" si="300"/>
        <v>12</v>
      </c>
      <c r="C9615" s="3">
        <f t="shared" si="301"/>
        <v>2017</v>
      </c>
      <c r="D9615" t="s">
        <v>2059</v>
      </c>
      <c r="E9615" t="s">
        <v>277</v>
      </c>
      <c r="F9615" t="s">
        <v>38</v>
      </c>
      <c r="G9615" t="s">
        <v>51</v>
      </c>
      <c r="H9615" t="s">
        <v>1021</v>
      </c>
      <c r="I9615">
        <v>102.34</v>
      </c>
      <c r="J9615">
        <v>8</v>
      </c>
      <c r="K9615">
        <v>14.07</v>
      </c>
    </row>
    <row r="9616" spans="1:11" x14ac:dyDescent="0.3">
      <c r="A9616" s="1">
        <v>43072</v>
      </c>
      <c r="B9616" s="3">
        <f t="shared" si="300"/>
        <v>12</v>
      </c>
      <c r="C9616" s="3">
        <f t="shared" si="301"/>
        <v>2017</v>
      </c>
      <c r="D9616" t="s">
        <v>2059</v>
      </c>
      <c r="E9616" t="s">
        <v>277</v>
      </c>
      <c r="F9616" t="s">
        <v>10</v>
      </c>
      <c r="G9616" t="s">
        <v>11</v>
      </c>
      <c r="H9616" t="s">
        <v>1352</v>
      </c>
      <c r="I9616">
        <v>10.32</v>
      </c>
      <c r="J9616">
        <v>2</v>
      </c>
      <c r="K9616">
        <v>3.74</v>
      </c>
    </row>
    <row r="9617" spans="1:11" x14ac:dyDescent="0.3">
      <c r="A9617" s="1">
        <v>43072</v>
      </c>
      <c r="B9617" s="3">
        <f t="shared" si="300"/>
        <v>12</v>
      </c>
      <c r="C9617" s="3">
        <f t="shared" si="301"/>
        <v>2017</v>
      </c>
      <c r="D9617" t="s">
        <v>2059</v>
      </c>
      <c r="E9617" t="s">
        <v>277</v>
      </c>
      <c r="F9617" t="s">
        <v>10</v>
      </c>
      <c r="G9617" t="s">
        <v>199</v>
      </c>
      <c r="H9617" t="s">
        <v>2250</v>
      </c>
      <c r="I9617">
        <v>47.32</v>
      </c>
      <c r="J9617">
        <v>7</v>
      </c>
      <c r="K9617">
        <v>5.92</v>
      </c>
    </row>
    <row r="9618" spans="1:11" x14ac:dyDescent="0.3">
      <c r="A9618" s="1">
        <v>43072</v>
      </c>
      <c r="B9618" s="3">
        <f t="shared" si="300"/>
        <v>12</v>
      </c>
      <c r="C9618" s="3">
        <f t="shared" si="301"/>
        <v>2017</v>
      </c>
      <c r="D9618" t="s">
        <v>2059</v>
      </c>
      <c r="E9618" t="s">
        <v>277</v>
      </c>
      <c r="F9618" t="s">
        <v>33</v>
      </c>
      <c r="G9618" t="s">
        <v>46</v>
      </c>
      <c r="H9618" t="s">
        <v>1014</v>
      </c>
      <c r="I9618">
        <v>23.38</v>
      </c>
      <c r="J9618">
        <v>3</v>
      </c>
      <c r="K9618">
        <v>7.01</v>
      </c>
    </row>
    <row r="9619" spans="1:11" x14ac:dyDescent="0.3">
      <c r="A9619" s="1">
        <v>43072</v>
      </c>
      <c r="B9619" s="3">
        <f t="shared" si="300"/>
        <v>12</v>
      </c>
      <c r="C9619" s="3">
        <f t="shared" si="301"/>
        <v>2017</v>
      </c>
      <c r="D9619" t="s">
        <v>2059</v>
      </c>
      <c r="E9619" t="s">
        <v>277</v>
      </c>
      <c r="F9619" t="s">
        <v>33</v>
      </c>
      <c r="G9619" t="s">
        <v>46</v>
      </c>
      <c r="H9619" t="s">
        <v>1778</v>
      </c>
      <c r="I9619">
        <v>16.72</v>
      </c>
      <c r="J9619">
        <v>5</v>
      </c>
      <c r="K9619">
        <v>3.34</v>
      </c>
    </row>
    <row r="9620" spans="1:11" x14ac:dyDescent="0.3">
      <c r="A9620" s="1">
        <v>43072</v>
      </c>
      <c r="B9620" s="3">
        <f t="shared" si="300"/>
        <v>12</v>
      </c>
      <c r="C9620" s="3">
        <f t="shared" si="301"/>
        <v>2017</v>
      </c>
      <c r="D9620" t="s">
        <v>2059</v>
      </c>
      <c r="E9620" t="s">
        <v>277</v>
      </c>
      <c r="F9620" t="s">
        <v>33</v>
      </c>
      <c r="G9620" t="s">
        <v>46</v>
      </c>
      <c r="H9620" t="s">
        <v>2447</v>
      </c>
      <c r="I9620">
        <v>16.190000000000001</v>
      </c>
      <c r="J9620">
        <v>1</v>
      </c>
      <c r="K9620">
        <v>4.66</v>
      </c>
    </row>
    <row r="9621" spans="1:11" x14ac:dyDescent="0.3">
      <c r="A9621" s="1">
        <v>43073</v>
      </c>
      <c r="B9621" s="3">
        <f t="shared" si="300"/>
        <v>12</v>
      </c>
      <c r="C9621" s="3">
        <f t="shared" si="301"/>
        <v>2017</v>
      </c>
      <c r="D9621" t="s">
        <v>2613</v>
      </c>
      <c r="E9621" t="s">
        <v>22</v>
      </c>
      <c r="F9621" t="s">
        <v>10</v>
      </c>
      <c r="G9621" t="s">
        <v>19</v>
      </c>
      <c r="H9621" t="s">
        <v>117</v>
      </c>
      <c r="I9621">
        <v>5.35</v>
      </c>
      <c r="J9621">
        <v>3</v>
      </c>
      <c r="K9621">
        <v>-4.46</v>
      </c>
    </row>
    <row r="9622" spans="1:11" x14ac:dyDescent="0.3">
      <c r="A9622" s="1">
        <v>43073</v>
      </c>
      <c r="B9622" s="3">
        <f t="shared" si="300"/>
        <v>12</v>
      </c>
      <c r="C9622" s="3">
        <f t="shared" si="301"/>
        <v>2017</v>
      </c>
      <c r="D9622" t="s">
        <v>2543</v>
      </c>
      <c r="E9622" t="s">
        <v>22</v>
      </c>
      <c r="F9622" t="s">
        <v>33</v>
      </c>
      <c r="G9622" t="s">
        <v>34</v>
      </c>
      <c r="H9622" t="s">
        <v>943</v>
      </c>
      <c r="I9622">
        <v>188.55</v>
      </c>
      <c r="J9622">
        <v>7</v>
      </c>
      <c r="K9622">
        <v>-2.69</v>
      </c>
    </row>
    <row r="9623" spans="1:11" x14ac:dyDescent="0.3">
      <c r="A9623" s="1">
        <v>43073</v>
      </c>
      <c r="B9623" s="3">
        <f t="shared" si="300"/>
        <v>12</v>
      </c>
      <c r="C9623" s="3">
        <f t="shared" si="301"/>
        <v>2017</v>
      </c>
      <c r="D9623" t="s">
        <v>891</v>
      </c>
      <c r="E9623" t="s">
        <v>22</v>
      </c>
      <c r="F9623" t="s">
        <v>33</v>
      </c>
      <c r="G9623" t="s">
        <v>34</v>
      </c>
      <c r="H9623" t="s">
        <v>2067</v>
      </c>
      <c r="I9623">
        <v>239.96</v>
      </c>
      <c r="J9623">
        <v>10</v>
      </c>
      <c r="K9623">
        <v>-10.28</v>
      </c>
    </row>
    <row r="9624" spans="1:11" x14ac:dyDescent="0.3">
      <c r="A9624" s="1">
        <v>43073</v>
      </c>
      <c r="B9624" s="3">
        <f t="shared" si="300"/>
        <v>12</v>
      </c>
      <c r="C9624" s="3">
        <f t="shared" si="301"/>
        <v>2017</v>
      </c>
      <c r="D9624" t="s">
        <v>891</v>
      </c>
      <c r="E9624" t="s">
        <v>22</v>
      </c>
      <c r="F9624" t="s">
        <v>33</v>
      </c>
      <c r="G9624" t="s">
        <v>46</v>
      </c>
      <c r="H9624" t="s">
        <v>1907</v>
      </c>
      <c r="I9624">
        <v>54.77</v>
      </c>
      <c r="J9624">
        <v>2</v>
      </c>
      <c r="K9624">
        <v>6.85</v>
      </c>
    </row>
    <row r="9625" spans="1:11" x14ac:dyDescent="0.3">
      <c r="A9625" s="1">
        <v>43073</v>
      </c>
      <c r="B9625" s="3">
        <f t="shared" si="300"/>
        <v>12</v>
      </c>
      <c r="C9625" s="3">
        <f t="shared" si="301"/>
        <v>2017</v>
      </c>
      <c r="D9625" t="s">
        <v>891</v>
      </c>
      <c r="E9625" t="s">
        <v>22</v>
      </c>
      <c r="F9625" t="s">
        <v>10</v>
      </c>
      <c r="G9625" t="s">
        <v>23</v>
      </c>
      <c r="H9625" t="s">
        <v>644</v>
      </c>
      <c r="I9625">
        <v>13.39</v>
      </c>
      <c r="J9625">
        <v>3</v>
      </c>
      <c r="K9625">
        <v>3.18</v>
      </c>
    </row>
    <row r="9626" spans="1:11" x14ac:dyDescent="0.3">
      <c r="A9626" s="1">
        <v>43073</v>
      </c>
      <c r="B9626" s="3">
        <f t="shared" si="300"/>
        <v>12</v>
      </c>
      <c r="C9626" s="3">
        <f t="shared" si="301"/>
        <v>2017</v>
      </c>
      <c r="D9626" t="s">
        <v>891</v>
      </c>
      <c r="E9626" t="s">
        <v>22</v>
      </c>
      <c r="F9626" t="s">
        <v>10</v>
      </c>
      <c r="G9626" t="s">
        <v>11</v>
      </c>
      <c r="H9626" t="s">
        <v>1033</v>
      </c>
      <c r="I9626">
        <v>23.92</v>
      </c>
      <c r="J9626">
        <v>5</v>
      </c>
      <c r="K9626">
        <v>8.67</v>
      </c>
    </row>
    <row r="9627" spans="1:11" x14ac:dyDescent="0.3">
      <c r="A9627" s="1">
        <v>43073</v>
      </c>
      <c r="B9627" s="3">
        <f t="shared" si="300"/>
        <v>12</v>
      </c>
      <c r="C9627" s="3">
        <f t="shared" si="301"/>
        <v>2017</v>
      </c>
      <c r="D9627" t="s">
        <v>891</v>
      </c>
      <c r="E9627" t="s">
        <v>22</v>
      </c>
      <c r="F9627" t="s">
        <v>38</v>
      </c>
      <c r="G9627" t="s">
        <v>51</v>
      </c>
      <c r="H9627" t="s">
        <v>2531</v>
      </c>
      <c r="I9627">
        <v>255.97</v>
      </c>
      <c r="J9627">
        <v>4</v>
      </c>
      <c r="K9627">
        <v>-28.8</v>
      </c>
    </row>
    <row r="9628" spans="1:11" x14ac:dyDescent="0.3">
      <c r="A9628" s="1">
        <v>43073</v>
      </c>
      <c r="B9628" s="3">
        <f t="shared" si="300"/>
        <v>12</v>
      </c>
      <c r="C9628" s="3">
        <f t="shared" si="301"/>
        <v>2017</v>
      </c>
      <c r="D9628" t="s">
        <v>2317</v>
      </c>
      <c r="E9628" t="s">
        <v>14</v>
      </c>
      <c r="F9628" t="s">
        <v>10</v>
      </c>
      <c r="G9628" t="s">
        <v>17</v>
      </c>
      <c r="H9628" t="s">
        <v>1086</v>
      </c>
      <c r="I9628">
        <v>61.57</v>
      </c>
      <c r="J9628">
        <v>2</v>
      </c>
      <c r="K9628">
        <v>4.62</v>
      </c>
    </row>
    <row r="9629" spans="1:11" x14ac:dyDescent="0.3">
      <c r="A9629" s="1">
        <v>43073</v>
      </c>
      <c r="B9629" s="3">
        <f t="shared" si="300"/>
        <v>12</v>
      </c>
      <c r="C9629" s="3">
        <f t="shared" si="301"/>
        <v>2017</v>
      </c>
      <c r="D9629" t="s">
        <v>2020</v>
      </c>
      <c r="E9629" t="s">
        <v>314</v>
      </c>
      <c r="F9629" t="s">
        <v>10</v>
      </c>
      <c r="G9629" t="s">
        <v>23</v>
      </c>
      <c r="H9629" t="s">
        <v>1623</v>
      </c>
      <c r="I9629">
        <v>8.8000000000000007</v>
      </c>
      <c r="J9629">
        <v>5</v>
      </c>
      <c r="K9629">
        <v>2.5499999999999998</v>
      </c>
    </row>
    <row r="9630" spans="1:11" x14ac:dyDescent="0.3">
      <c r="A9630" s="1">
        <v>43073</v>
      </c>
      <c r="B9630" s="3">
        <f t="shared" si="300"/>
        <v>12</v>
      </c>
      <c r="C9630" s="3">
        <f t="shared" si="301"/>
        <v>2017</v>
      </c>
      <c r="D9630" t="s">
        <v>2020</v>
      </c>
      <c r="E9630" t="s">
        <v>314</v>
      </c>
      <c r="F9630" t="s">
        <v>38</v>
      </c>
      <c r="G9630" t="s">
        <v>51</v>
      </c>
      <c r="H9630" t="s">
        <v>2566</v>
      </c>
      <c r="I9630">
        <v>142.80000000000001</v>
      </c>
      <c r="J9630">
        <v>1</v>
      </c>
      <c r="K9630">
        <v>29.99</v>
      </c>
    </row>
    <row r="9631" spans="1:11" x14ac:dyDescent="0.3">
      <c r="A9631" s="1">
        <v>43073</v>
      </c>
      <c r="B9631" s="3">
        <f t="shared" si="300"/>
        <v>12</v>
      </c>
      <c r="C9631" s="3">
        <f t="shared" si="301"/>
        <v>2017</v>
      </c>
      <c r="D9631" t="s">
        <v>2020</v>
      </c>
      <c r="E9631" t="s">
        <v>314</v>
      </c>
      <c r="F9631" t="s">
        <v>38</v>
      </c>
      <c r="G9631" t="s">
        <v>51</v>
      </c>
      <c r="H9631" t="s">
        <v>1815</v>
      </c>
      <c r="I9631">
        <v>399.95</v>
      </c>
      <c r="J9631">
        <v>5</v>
      </c>
      <c r="K9631">
        <v>143.97999999999999</v>
      </c>
    </row>
    <row r="9632" spans="1:11" x14ac:dyDescent="0.3">
      <c r="A9632" s="1">
        <v>43073</v>
      </c>
      <c r="B9632" s="3">
        <f t="shared" si="300"/>
        <v>12</v>
      </c>
      <c r="C9632" s="3">
        <f t="shared" si="301"/>
        <v>2017</v>
      </c>
      <c r="D9632" t="s">
        <v>1078</v>
      </c>
      <c r="E9632" t="s">
        <v>119</v>
      </c>
      <c r="F9632" t="s">
        <v>38</v>
      </c>
      <c r="G9632" t="s">
        <v>301</v>
      </c>
      <c r="H9632" t="s">
        <v>2589</v>
      </c>
      <c r="I9632">
        <v>649</v>
      </c>
      <c r="J9632">
        <v>2</v>
      </c>
      <c r="K9632">
        <v>-272.58</v>
      </c>
    </row>
    <row r="9633" spans="1:11" x14ac:dyDescent="0.3">
      <c r="A9633" s="1">
        <v>43073</v>
      </c>
      <c r="B9633" s="3">
        <f t="shared" si="300"/>
        <v>12</v>
      </c>
      <c r="C9633" s="3">
        <f t="shared" si="301"/>
        <v>2017</v>
      </c>
      <c r="D9633" t="s">
        <v>1199</v>
      </c>
      <c r="E9633" t="s">
        <v>77</v>
      </c>
      <c r="F9633" t="s">
        <v>10</v>
      </c>
      <c r="G9633" t="s">
        <v>11</v>
      </c>
      <c r="H9633" t="s">
        <v>2545</v>
      </c>
      <c r="I9633">
        <v>74.349999999999994</v>
      </c>
      <c r="J9633">
        <v>3</v>
      </c>
      <c r="K9633">
        <v>23.24</v>
      </c>
    </row>
    <row r="9634" spans="1:11" x14ac:dyDescent="0.3">
      <c r="A9634" s="1">
        <v>43073</v>
      </c>
      <c r="B9634" s="3">
        <f t="shared" si="300"/>
        <v>12</v>
      </c>
      <c r="C9634" s="3">
        <f t="shared" si="301"/>
        <v>2017</v>
      </c>
      <c r="D9634" t="s">
        <v>60</v>
      </c>
      <c r="E9634" t="s">
        <v>26</v>
      </c>
      <c r="F9634" t="s">
        <v>10</v>
      </c>
      <c r="G9634" t="s">
        <v>11</v>
      </c>
      <c r="H9634" t="s">
        <v>1417</v>
      </c>
      <c r="I9634">
        <v>11.76</v>
      </c>
      <c r="J9634">
        <v>2</v>
      </c>
      <c r="K9634">
        <v>5.76</v>
      </c>
    </row>
    <row r="9635" spans="1:11" x14ac:dyDescent="0.3">
      <c r="A9635" s="1">
        <v>43073</v>
      </c>
      <c r="B9635" s="3">
        <f t="shared" si="300"/>
        <v>12</v>
      </c>
      <c r="C9635" s="3">
        <f t="shared" si="301"/>
        <v>2017</v>
      </c>
      <c r="D9635" t="s">
        <v>2322</v>
      </c>
      <c r="E9635" t="s">
        <v>176</v>
      </c>
      <c r="F9635" t="s">
        <v>33</v>
      </c>
      <c r="G9635" t="s">
        <v>46</v>
      </c>
      <c r="H9635" t="s">
        <v>2086</v>
      </c>
      <c r="I9635">
        <v>12.99</v>
      </c>
      <c r="J9635">
        <v>1</v>
      </c>
      <c r="K9635">
        <v>1.56</v>
      </c>
    </row>
    <row r="9636" spans="1:11" x14ac:dyDescent="0.3">
      <c r="A9636" s="1">
        <v>43073</v>
      </c>
      <c r="B9636" s="3">
        <f t="shared" si="300"/>
        <v>12</v>
      </c>
      <c r="C9636" s="3">
        <f t="shared" si="301"/>
        <v>2017</v>
      </c>
      <c r="D9636" t="s">
        <v>2322</v>
      </c>
      <c r="E9636" t="s">
        <v>176</v>
      </c>
      <c r="F9636" t="s">
        <v>33</v>
      </c>
      <c r="G9636" t="s">
        <v>34</v>
      </c>
      <c r="H9636" t="s">
        <v>1065</v>
      </c>
      <c r="I9636">
        <v>182.22</v>
      </c>
      <c r="J9636">
        <v>3</v>
      </c>
      <c r="K9636">
        <v>45.56</v>
      </c>
    </row>
    <row r="9637" spans="1:11" x14ac:dyDescent="0.3">
      <c r="A9637" s="1">
        <v>43073</v>
      </c>
      <c r="B9637" s="3">
        <f t="shared" si="300"/>
        <v>12</v>
      </c>
      <c r="C9637" s="3">
        <f t="shared" si="301"/>
        <v>2017</v>
      </c>
      <c r="D9637" t="s">
        <v>2322</v>
      </c>
      <c r="E9637" t="s">
        <v>176</v>
      </c>
      <c r="F9637" t="s">
        <v>33</v>
      </c>
      <c r="G9637" t="s">
        <v>34</v>
      </c>
      <c r="H9637" t="s">
        <v>1818</v>
      </c>
      <c r="I9637">
        <v>302.94</v>
      </c>
      <c r="J9637">
        <v>3</v>
      </c>
      <c r="K9637">
        <v>18.18</v>
      </c>
    </row>
    <row r="9638" spans="1:11" x14ac:dyDescent="0.3">
      <c r="A9638" s="1">
        <v>43073</v>
      </c>
      <c r="B9638" s="3">
        <f t="shared" si="300"/>
        <v>12</v>
      </c>
      <c r="C9638" s="3">
        <f t="shared" si="301"/>
        <v>2017</v>
      </c>
      <c r="D9638" t="s">
        <v>444</v>
      </c>
      <c r="E9638" t="s">
        <v>22</v>
      </c>
      <c r="F9638" t="s">
        <v>33</v>
      </c>
      <c r="G9638" t="s">
        <v>46</v>
      </c>
      <c r="H9638" t="s">
        <v>479</v>
      </c>
      <c r="I9638">
        <v>11.35</v>
      </c>
      <c r="J9638">
        <v>3</v>
      </c>
      <c r="K9638">
        <v>2.7</v>
      </c>
    </row>
    <row r="9639" spans="1:11" x14ac:dyDescent="0.3">
      <c r="A9639" s="1">
        <v>43074</v>
      </c>
      <c r="B9639" s="3">
        <f t="shared" si="300"/>
        <v>12</v>
      </c>
      <c r="C9639" s="3">
        <f t="shared" si="301"/>
        <v>2017</v>
      </c>
      <c r="D9639" t="s">
        <v>2502</v>
      </c>
      <c r="E9639" t="s">
        <v>128</v>
      </c>
      <c r="F9639" t="s">
        <v>10</v>
      </c>
      <c r="G9639" t="s">
        <v>91</v>
      </c>
      <c r="H9639" t="s">
        <v>1273</v>
      </c>
      <c r="I9639">
        <v>61.44</v>
      </c>
      <c r="J9639">
        <v>3</v>
      </c>
      <c r="K9639">
        <v>16.59</v>
      </c>
    </row>
    <row r="9640" spans="1:11" x14ac:dyDescent="0.3">
      <c r="A9640" s="1">
        <v>43074</v>
      </c>
      <c r="B9640" s="3">
        <f t="shared" si="300"/>
        <v>12</v>
      </c>
      <c r="C9640" s="3">
        <f t="shared" si="301"/>
        <v>2017</v>
      </c>
      <c r="D9640" t="s">
        <v>2502</v>
      </c>
      <c r="E9640" t="s">
        <v>128</v>
      </c>
      <c r="F9640" t="s">
        <v>10</v>
      </c>
      <c r="G9640" t="s">
        <v>11</v>
      </c>
      <c r="H9640" t="s">
        <v>283</v>
      </c>
      <c r="I9640">
        <v>38.9</v>
      </c>
      <c r="J9640">
        <v>5</v>
      </c>
      <c r="K9640">
        <v>17.510000000000002</v>
      </c>
    </row>
    <row r="9641" spans="1:11" x14ac:dyDescent="0.3">
      <c r="A9641" s="1">
        <v>43074</v>
      </c>
      <c r="B9641" s="3">
        <f t="shared" si="300"/>
        <v>12</v>
      </c>
      <c r="C9641" s="3">
        <f t="shared" si="301"/>
        <v>2017</v>
      </c>
      <c r="D9641" t="s">
        <v>2502</v>
      </c>
      <c r="E9641" t="s">
        <v>128</v>
      </c>
      <c r="F9641" t="s">
        <v>38</v>
      </c>
      <c r="G9641" t="s">
        <v>51</v>
      </c>
      <c r="H9641" t="s">
        <v>1614</v>
      </c>
      <c r="I9641">
        <v>99.39</v>
      </c>
      <c r="J9641">
        <v>3</v>
      </c>
      <c r="K9641">
        <v>40.75</v>
      </c>
    </row>
    <row r="9642" spans="1:11" x14ac:dyDescent="0.3">
      <c r="A9642" s="1">
        <v>43074</v>
      </c>
      <c r="B9642" s="3">
        <f t="shared" si="300"/>
        <v>12</v>
      </c>
      <c r="C9642" s="3">
        <f t="shared" si="301"/>
        <v>2017</v>
      </c>
      <c r="D9642" t="s">
        <v>666</v>
      </c>
      <c r="E9642" t="s">
        <v>26</v>
      </c>
      <c r="F9642" t="s">
        <v>10</v>
      </c>
      <c r="G9642" t="s">
        <v>11</v>
      </c>
      <c r="H9642" t="s">
        <v>1323</v>
      </c>
      <c r="I9642">
        <v>92.94</v>
      </c>
      <c r="J9642">
        <v>3</v>
      </c>
      <c r="K9642">
        <v>41.82</v>
      </c>
    </row>
    <row r="9643" spans="1:11" x14ac:dyDescent="0.3">
      <c r="A9643" s="1">
        <v>43074</v>
      </c>
      <c r="B9643" s="3">
        <f t="shared" si="300"/>
        <v>12</v>
      </c>
      <c r="C9643" s="3">
        <f t="shared" si="301"/>
        <v>2017</v>
      </c>
      <c r="D9643" t="s">
        <v>333</v>
      </c>
      <c r="E9643" t="s">
        <v>2321</v>
      </c>
      <c r="F9643" t="s">
        <v>38</v>
      </c>
      <c r="G9643" t="s">
        <v>51</v>
      </c>
      <c r="H9643" t="s">
        <v>655</v>
      </c>
      <c r="I9643">
        <v>205.03</v>
      </c>
      <c r="J9643">
        <v>7</v>
      </c>
      <c r="K9643">
        <v>67.66</v>
      </c>
    </row>
    <row r="9644" spans="1:11" x14ac:dyDescent="0.3">
      <c r="A9644" s="1">
        <v>43074</v>
      </c>
      <c r="B9644" s="3">
        <f t="shared" si="300"/>
        <v>12</v>
      </c>
      <c r="C9644" s="3">
        <f t="shared" si="301"/>
        <v>2017</v>
      </c>
      <c r="D9644" t="s">
        <v>1400</v>
      </c>
      <c r="E9644" t="s">
        <v>148</v>
      </c>
      <c r="F9644" t="s">
        <v>33</v>
      </c>
      <c r="G9644" t="s">
        <v>46</v>
      </c>
      <c r="H9644" t="s">
        <v>796</v>
      </c>
      <c r="I9644">
        <v>20.94</v>
      </c>
      <c r="J9644">
        <v>3</v>
      </c>
      <c r="K9644">
        <v>6.07</v>
      </c>
    </row>
    <row r="9645" spans="1:11" x14ac:dyDescent="0.3">
      <c r="A9645" s="1">
        <v>43074</v>
      </c>
      <c r="B9645" s="3">
        <f t="shared" si="300"/>
        <v>12</v>
      </c>
      <c r="C9645" s="3">
        <f t="shared" si="301"/>
        <v>2017</v>
      </c>
      <c r="D9645" t="s">
        <v>1400</v>
      </c>
      <c r="E9645" t="s">
        <v>148</v>
      </c>
      <c r="F9645" t="s">
        <v>33</v>
      </c>
      <c r="G9645" t="s">
        <v>46</v>
      </c>
      <c r="H9645" t="s">
        <v>1405</v>
      </c>
      <c r="I9645">
        <v>58.68</v>
      </c>
      <c r="J9645">
        <v>2</v>
      </c>
      <c r="K9645">
        <v>18.190000000000001</v>
      </c>
    </row>
    <row r="9646" spans="1:11" x14ac:dyDescent="0.3">
      <c r="A9646" s="1">
        <v>43074</v>
      </c>
      <c r="B9646" s="3">
        <f t="shared" si="300"/>
        <v>12</v>
      </c>
      <c r="C9646" s="3">
        <f t="shared" si="301"/>
        <v>2017</v>
      </c>
      <c r="D9646" t="s">
        <v>1400</v>
      </c>
      <c r="E9646" t="s">
        <v>148</v>
      </c>
      <c r="F9646" t="s">
        <v>10</v>
      </c>
      <c r="G9646" t="s">
        <v>91</v>
      </c>
      <c r="H9646" t="s">
        <v>1061</v>
      </c>
      <c r="I9646">
        <v>254.9</v>
      </c>
      <c r="J9646">
        <v>5</v>
      </c>
      <c r="K9646">
        <v>68.819999999999993</v>
      </c>
    </row>
    <row r="9647" spans="1:11" x14ac:dyDescent="0.3">
      <c r="A9647" s="1">
        <v>43074</v>
      </c>
      <c r="B9647" s="3">
        <f t="shared" si="300"/>
        <v>12</v>
      </c>
      <c r="C9647" s="3">
        <f t="shared" si="301"/>
        <v>2017</v>
      </c>
      <c r="D9647" t="s">
        <v>1632</v>
      </c>
      <c r="E9647" t="s">
        <v>163</v>
      </c>
      <c r="F9647" t="s">
        <v>10</v>
      </c>
      <c r="G9647" t="s">
        <v>19</v>
      </c>
      <c r="H9647" t="s">
        <v>262</v>
      </c>
      <c r="I9647">
        <v>24.82</v>
      </c>
      <c r="J9647">
        <v>3</v>
      </c>
      <c r="K9647">
        <v>8.3800000000000008</v>
      </c>
    </row>
    <row r="9648" spans="1:11" x14ac:dyDescent="0.3">
      <c r="A9648" s="1">
        <v>43074</v>
      </c>
      <c r="B9648" s="3">
        <f t="shared" si="300"/>
        <v>12</v>
      </c>
      <c r="C9648" s="3">
        <f t="shared" si="301"/>
        <v>2017</v>
      </c>
      <c r="D9648" t="s">
        <v>1632</v>
      </c>
      <c r="E9648" t="s">
        <v>163</v>
      </c>
      <c r="F9648" t="s">
        <v>10</v>
      </c>
      <c r="G9648" t="s">
        <v>19</v>
      </c>
      <c r="H9648" t="s">
        <v>435</v>
      </c>
      <c r="I9648">
        <v>14.98</v>
      </c>
      <c r="J9648">
        <v>6</v>
      </c>
      <c r="K9648">
        <v>5.43</v>
      </c>
    </row>
    <row r="9649" spans="1:11" x14ac:dyDescent="0.3">
      <c r="A9649" s="1">
        <v>43074</v>
      </c>
      <c r="B9649" s="3">
        <f t="shared" si="300"/>
        <v>12</v>
      </c>
      <c r="C9649" s="3">
        <f t="shared" si="301"/>
        <v>2017</v>
      </c>
      <c r="D9649" t="s">
        <v>790</v>
      </c>
      <c r="E9649" t="s">
        <v>148</v>
      </c>
      <c r="F9649" t="s">
        <v>33</v>
      </c>
      <c r="G9649" t="s">
        <v>46</v>
      </c>
      <c r="H9649" t="s">
        <v>2622</v>
      </c>
      <c r="I9649">
        <v>41.96</v>
      </c>
      <c r="J9649">
        <v>2</v>
      </c>
      <c r="K9649">
        <v>10.91</v>
      </c>
    </row>
    <row r="9650" spans="1:11" x14ac:dyDescent="0.3">
      <c r="A9650" s="1">
        <v>43074</v>
      </c>
      <c r="B9650" s="3">
        <f t="shared" si="300"/>
        <v>12</v>
      </c>
      <c r="C9650" s="3">
        <f t="shared" si="301"/>
        <v>2017</v>
      </c>
      <c r="D9650" t="s">
        <v>790</v>
      </c>
      <c r="E9650" t="s">
        <v>148</v>
      </c>
      <c r="F9650" t="s">
        <v>10</v>
      </c>
      <c r="G9650" t="s">
        <v>15</v>
      </c>
      <c r="H9650" t="s">
        <v>2076</v>
      </c>
      <c r="I9650">
        <v>9.4499999999999993</v>
      </c>
      <c r="J9650">
        <v>3</v>
      </c>
      <c r="K9650">
        <v>4.54</v>
      </c>
    </row>
    <row r="9651" spans="1:11" x14ac:dyDescent="0.3">
      <c r="A9651" s="1">
        <v>43074</v>
      </c>
      <c r="B9651" s="3">
        <f t="shared" si="300"/>
        <v>12</v>
      </c>
      <c r="C9651" s="3">
        <f t="shared" si="301"/>
        <v>2017</v>
      </c>
      <c r="D9651" t="s">
        <v>2345</v>
      </c>
      <c r="E9651" t="s">
        <v>163</v>
      </c>
      <c r="F9651" t="s">
        <v>10</v>
      </c>
      <c r="G9651" t="s">
        <v>19</v>
      </c>
      <c r="H9651" t="s">
        <v>1028</v>
      </c>
      <c r="I9651">
        <v>83.92</v>
      </c>
      <c r="J9651">
        <v>5</v>
      </c>
      <c r="K9651">
        <v>29.37</v>
      </c>
    </row>
    <row r="9652" spans="1:11" x14ac:dyDescent="0.3">
      <c r="A9652" s="1">
        <v>43074</v>
      </c>
      <c r="B9652" s="3">
        <f t="shared" si="300"/>
        <v>12</v>
      </c>
      <c r="C9652" s="3">
        <f t="shared" si="301"/>
        <v>2017</v>
      </c>
      <c r="D9652" t="s">
        <v>2345</v>
      </c>
      <c r="E9652" t="s">
        <v>163</v>
      </c>
      <c r="F9652" t="s">
        <v>33</v>
      </c>
      <c r="G9652" t="s">
        <v>46</v>
      </c>
      <c r="H9652" t="s">
        <v>1710</v>
      </c>
      <c r="I9652">
        <v>199.9</v>
      </c>
      <c r="J9652">
        <v>5</v>
      </c>
      <c r="K9652">
        <v>39.979999999999997</v>
      </c>
    </row>
    <row r="9653" spans="1:11" x14ac:dyDescent="0.3">
      <c r="A9653" s="1">
        <v>43074</v>
      </c>
      <c r="B9653" s="3">
        <f t="shared" si="300"/>
        <v>12</v>
      </c>
      <c r="C9653" s="3">
        <f t="shared" si="301"/>
        <v>2017</v>
      </c>
      <c r="D9653" t="s">
        <v>2345</v>
      </c>
      <c r="E9653" t="s">
        <v>163</v>
      </c>
      <c r="F9653" t="s">
        <v>38</v>
      </c>
      <c r="G9653" t="s">
        <v>39</v>
      </c>
      <c r="H9653" t="s">
        <v>2429</v>
      </c>
      <c r="I9653">
        <v>31.18</v>
      </c>
      <c r="J9653">
        <v>3</v>
      </c>
      <c r="K9653">
        <v>-7.01</v>
      </c>
    </row>
    <row r="9654" spans="1:11" x14ac:dyDescent="0.3">
      <c r="A9654" s="1">
        <v>43074</v>
      </c>
      <c r="B9654" s="3">
        <f t="shared" si="300"/>
        <v>12</v>
      </c>
      <c r="C9654" s="3">
        <f t="shared" si="301"/>
        <v>2017</v>
      </c>
      <c r="D9654" t="s">
        <v>2345</v>
      </c>
      <c r="E9654" t="s">
        <v>163</v>
      </c>
      <c r="F9654" t="s">
        <v>10</v>
      </c>
      <c r="G9654" t="s">
        <v>19</v>
      </c>
      <c r="H9654" t="s">
        <v>310</v>
      </c>
      <c r="I9654">
        <v>172.75</v>
      </c>
      <c r="J9654">
        <v>6</v>
      </c>
      <c r="K9654">
        <v>60.46</v>
      </c>
    </row>
    <row r="9655" spans="1:11" x14ac:dyDescent="0.3">
      <c r="A9655" s="1">
        <v>43074</v>
      </c>
      <c r="B9655" s="3">
        <f t="shared" si="300"/>
        <v>12</v>
      </c>
      <c r="C9655" s="3">
        <f t="shared" si="301"/>
        <v>2017</v>
      </c>
      <c r="D9655" t="s">
        <v>2345</v>
      </c>
      <c r="E9655" t="s">
        <v>163</v>
      </c>
      <c r="F9655" t="s">
        <v>10</v>
      </c>
      <c r="G9655" t="s">
        <v>19</v>
      </c>
      <c r="H9655" t="s">
        <v>424</v>
      </c>
      <c r="I9655">
        <v>9.3000000000000007</v>
      </c>
      <c r="J9655">
        <v>2</v>
      </c>
      <c r="K9655">
        <v>3.02</v>
      </c>
    </row>
    <row r="9656" spans="1:11" x14ac:dyDescent="0.3">
      <c r="A9656" s="1">
        <v>43074</v>
      </c>
      <c r="B9656" s="3">
        <f t="shared" si="300"/>
        <v>12</v>
      </c>
      <c r="C9656" s="3">
        <f t="shared" si="301"/>
        <v>2017</v>
      </c>
      <c r="D9656" t="s">
        <v>1711</v>
      </c>
      <c r="E9656" t="s">
        <v>148</v>
      </c>
      <c r="F9656" t="s">
        <v>10</v>
      </c>
      <c r="G9656" t="s">
        <v>11</v>
      </c>
      <c r="H9656" t="s">
        <v>2436</v>
      </c>
      <c r="I9656">
        <v>21.6</v>
      </c>
      <c r="J9656">
        <v>6</v>
      </c>
      <c r="K9656">
        <v>9.94</v>
      </c>
    </row>
    <row r="9657" spans="1:11" x14ac:dyDescent="0.3">
      <c r="A9657" s="1">
        <v>43074</v>
      </c>
      <c r="B9657" s="3">
        <f t="shared" si="300"/>
        <v>12</v>
      </c>
      <c r="C9657" s="3">
        <f t="shared" si="301"/>
        <v>2017</v>
      </c>
      <c r="D9657" t="s">
        <v>1711</v>
      </c>
      <c r="E9657" t="s">
        <v>148</v>
      </c>
      <c r="F9657" t="s">
        <v>10</v>
      </c>
      <c r="G9657" t="s">
        <v>15</v>
      </c>
      <c r="H9657" t="s">
        <v>1703</v>
      </c>
      <c r="I9657">
        <v>11.07</v>
      </c>
      <c r="J9657">
        <v>3</v>
      </c>
      <c r="K9657">
        <v>5.2</v>
      </c>
    </row>
    <row r="9658" spans="1:11" x14ac:dyDescent="0.3">
      <c r="A9658" s="1">
        <v>43075</v>
      </c>
      <c r="B9658" s="3">
        <f t="shared" si="300"/>
        <v>12</v>
      </c>
      <c r="C9658" s="3">
        <f t="shared" si="301"/>
        <v>2017</v>
      </c>
      <c r="D9658" t="s">
        <v>1276</v>
      </c>
      <c r="E9658" t="s">
        <v>26</v>
      </c>
      <c r="F9658" t="s">
        <v>10</v>
      </c>
      <c r="G9658" t="s">
        <v>17</v>
      </c>
      <c r="H9658" t="s">
        <v>298</v>
      </c>
      <c r="I9658">
        <v>10.68</v>
      </c>
      <c r="J9658">
        <v>1</v>
      </c>
      <c r="K9658">
        <v>2.88</v>
      </c>
    </row>
    <row r="9659" spans="1:11" x14ac:dyDescent="0.3">
      <c r="A9659" s="1">
        <v>43076</v>
      </c>
      <c r="B9659" s="3">
        <f t="shared" si="300"/>
        <v>12</v>
      </c>
      <c r="C9659" s="3">
        <f t="shared" si="301"/>
        <v>2017</v>
      </c>
      <c r="D9659" t="s">
        <v>1757</v>
      </c>
      <c r="E9659" t="s">
        <v>26</v>
      </c>
      <c r="F9659" t="s">
        <v>38</v>
      </c>
      <c r="G9659" t="s">
        <v>39</v>
      </c>
      <c r="H9659" t="s">
        <v>2108</v>
      </c>
      <c r="I9659">
        <v>374.38</v>
      </c>
      <c r="J9659">
        <v>3</v>
      </c>
      <c r="K9659">
        <v>46.8</v>
      </c>
    </row>
    <row r="9660" spans="1:11" x14ac:dyDescent="0.3">
      <c r="A9660" s="1">
        <v>43076</v>
      </c>
      <c r="B9660" s="3">
        <f t="shared" si="300"/>
        <v>12</v>
      </c>
      <c r="C9660" s="3">
        <f t="shared" si="301"/>
        <v>2017</v>
      </c>
      <c r="D9660" t="s">
        <v>588</v>
      </c>
      <c r="E9660" t="s">
        <v>9</v>
      </c>
      <c r="F9660" t="s">
        <v>10</v>
      </c>
      <c r="G9660" t="s">
        <v>42</v>
      </c>
      <c r="H9660" t="s">
        <v>495</v>
      </c>
      <c r="I9660">
        <v>3.55</v>
      </c>
      <c r="J9660">
        <v>3</v>
      </c>
      <c r="K9660">
        <v>1.24</v>
      </c>
    </row>
    <row r="9661" spans="1:11" x14ac:dyDescent="0.3">
      <c r="A9661" s="1">
        <v>43076</v>
      </c>
      <c r="B9661" s="3">
        <f t="shared" si="300"/>
        <v>12</v>
      </c>
      <c r="C9661" s="3">
        <f t="shared" si="301"/>
        <v>2017</v>
      </c>
      <c r="D9661" t="s">
        <v>588</v>
      </c>
      <c r="E9661" t="s">
        <v>9</v>
      </c>
      <c r="F9661" t="s">
        <v>10</v>
      </c>
      <c r="G9661" t="s">
        <v>11</v>
      </c>
      <c r="H9661" t="s">
        <v>879</v>
      </c>
      <c r="I9661">
        <v>15.55</v>
      </c>
      <c r="J9661">
        <v>3</v>
      </c>
      <c r="K9661">
        <v>5.44</v>
      </c>
    </row>
    <row r="9662" spans="1:11" x14ac:dyDescent="0.3">
      <c r="A9662" s="1">
        <v>43076</v>
      </c>
      <c r="B9662" s="3">
        <f t="shared" si="300"/>
        <v>12</v>
      </c>
      <c r="C9662" s="3">
        <f t="shared" si="301"/>
        <v>2017</v>
      </c>
      <c r="D9662" t="s">
        <v>1547</v>
      </c>
      <c r="E9662" t="s">
        <v>77</v>
      </c>
      <c r="F9662" t="s">
        <v>38</v>
      </c>
      <c r="G9662" t="s">
        <v>51</v>
      </c>
      <c r="H9662" t="s">
        <v>998</v>
      </c>
      <c r="I9662">
        <v>127.98</v>
      </c>
      <c r="J9662">
        <v>2</v>
      </c>
      <c r="K9662">
        <v>25.6</v>
      </c>
    </row>
    <row r="9663" spans="1:11" x14ac:dyDescent="0.3">
      <c r="A9663" s="1">
        <v>43076</v>
      </c>
      <c r="B9663" s="3">
        <f t="shared" si="300"/>
        <v>12</v>
      </c>
      <c r="C9663" s="3">
        <f t="shared" si="301"/>
        <v>2017</v>
      </c>
      <c r="D9663" t="s">
        <v>1855</v>
      </c>
      <c r="E9663" t="s">
        <v>54</v>
      </c>
      <c r="F9663" t="s">
        <v>33</v>
      </c>
      <c r="G9663" t="s">
        <v>46</v>
      </c>
      <c r="H9663" t="s">
        <v>1606</v>
      </c>
      <c r="I9663">
        <v>82.38</v>
      </c>
      <c r="J9663">
        <v>6</v>
      </c>
      <c r="K9663">
        <v>25.54</v>
      </c>
    </row>
    <row r="9664" spans="1:11" x14ac:dyDescent="0.3">
      <c r="A9664" s="1">
        <v>43076</v>
      </c>
      <c r="B9664" s="3">
        <f t="shared" si="300"/>
        <v>12</v>
      </c>
      <c r="C9664" s="3">
        <f t="shared" si="301"/>
        <v>2017</v>
      </c>
      <c r="D9664" t="s">
        <v>1342</v>
      </c>
      <c r="E9664" t="s">
        <v>14</v>
      </c>
      <c r="F9664" t="s">
        <v>10</v>
      </c>
      <c r="G9664" t="s">
        <v>19</v>
      </c>
      <c r="H9664" t="s">
        <v>1365</v>
      </c>
      <c r="I9664">
        <v>1889.99</v>
      </c>
      <c r="J9664">
        <v>5</v>
      </c>
      <c r="K9664">
        <v>-2929.48</v>
      </c>
    </row>
    <row r="9665" spans="1:11" x14ac:dyDescent="0.3">
      <c r="A9665" s="1">
        <v>43076</v>
      </c>
      <c r="B9665" s="3">
        <f t="shared" si="300"/>
        <v>12</v>
      </c>
      <c r="C9665" s="3">
        <f t="shared" si="301"/>
        <v>2017</v>
      </c>
      <c r="D9665" t="s">
        <v>795</v>
      </c>
      <c r="E9665" t="s">
        <v>328</v>
      </c>
      <c r="F9665" t="s">
        <v>10</v>
      </c>
      <c r="G9665" t="s">
        <v>91</v>
      </c>
      <c r="H9665" t="s">
        <v>2089</v>
      </c>
      <c r="I9665">
        <v>320.64</v>
      </c>
      <c r="J9665">
        <v>4</v>
      </c>
      <c r="K9665">
        <v>89.78</v>
      </c>
    </row>
    <row r="9666" spans="1:11" x14ac:dyDescent="0.3">
      <c r="A9666" s="1">
        <v>43076</v>
      </c>
      <c r="B9666" s="3">
        <f t="shared" ref="B9666:B9729" si="302">MONTH(A:A)</f>
        <v>12</v>
      </c>
      <c r="C9666" s="3">
        <f t="shared" ref="C9666:C9729" si="303">YEAR(A:A)</f>
        <v>2017</v>
      </c>
      <c r="D9666" t="s">
        <v>795</v>
      </c>
      <c r="E9666" t="s">
        <v>328</v>
      </c>
      <c r="F9666" t="s">
        <v>38</v>
      </c>
      <c r="G9666" t="s">
        <v>51</v>
      </c>
      <c r="H9666" t="s">
        <v>52</v>
      </c>
      <c r="I9666">
        <v>52</v>
      </c>
      <c r="J9666">
        <v>4</v>
      </c>
      <c r="K9666">
        <v>23.4</v>
      </c>
    </row>
    <row r="9667" spans="1:11" x14ac:dyDescent="0.3">
      <c r="A9667" s="1">
        <v>43076</v>
      </c>
      <c r="B9667" s="3">
        <f t="shared" si="302"/>
        <v>12</v>
      </c>
      <c r="C9667" s="3">
        <f t="shared" si="303"/>
        <v>2017</v>
      </c>
      <c r="D9667" t="s">
        <v>1556</v>
      </c>
      <c r="E9667" t="s">
        <v>26</v>
      </c>
      <c r="F9667" t="s">
        <v>10</v>
      </c>
      <c r="G9667" t="s">
        <v>11</v>
      </c>
      <c r="H9667" t="s">
        <v>134</v>
      </c>
      <c r="I9667">
        <v>50.04</v>
      </c>
      <c r="J9667">
        <v>6</v>
      </c>
      <c r="K9667">
        <v>25.02</v>
      </c>
    </row>
    <row r="9668" spans="1:11" x14ac:dyDescent="0.3">
      <c r="A9668" s="1">
        <v>43077</v>
      </c>
      <c r="B9668" s="3">
        <f t="shared" si="302"/>
        <v>12</v>
      </c>
      <c r="C9668" s="3">
        <f t="shared" si="303"/>
        <v>2017</v>
      </c>
      <c r="D9668" t="s">
        <v>1120</v>
      </c>
      <c r="E9668" t="s">
        <v>26</v>
      </c>
      <c r="F9668" t="s">
        <v>38</v>
      </c>
      <c r="G9668" t="s">
        <v>51</v>
      </c>
      <c r="H9668" t="s">
        <v>866</v>
      </c>
      <c r="I9668">
        <v>179.95</v>
      </c>
      <c r="J9668">
        <v>5</v>
      </c>
      <c r="K9668">
        <v>37.79</v>
      </c>
    </row>
    <row r="9669" spans="1:11" x14ac:dyDescent="0.3">
      <c r="A9669" s="1">
        <v>43077</v>
      </c>
      <c r="B9669" s="3">
        <f t="shared" si="302"/>
        <v>12</v>
      </c>
      <c r="C9669" s="3">
        <f t="shared" si="303"/>
        <v>2017</v>
      </c>
      <c r="D9669" t="s">
        <v>1120</v>
      </c>
      <c r="E9669" t="s">
        <v>26</v>
      </c>
      <c r="F9669" t="s">
        <v>38</v>
      </c>
      <c r="G9669" t="s">
        <v>602</v>
      </c>
      <c r="H9669" t="s">
        <v>1080</v>
      </c>
      <c r="I9669">
        <v>1199.98</v>
      </c>
      <c r="J9669">
        <v>3</v>
      </c>
      <c r="K9669">
        <v>434.99</v>
      </c>
    </row>
    <row r="9670" spans="1:11" x14ac:dyDescent="0.3">
      <c r="A9670" s="1">
        <v>43077</v>
      </c>
      <c r="B9670" s="3">
        <f t="shared" si="302"/>
        <v>12</v>
      </c>
      <c r="C9670" s="3">
        <f t="shared" si="303"/>
        <v>2017</v>
      </c>
      <c r="D9670" t="s">
        <v>1120</v>
      </c>
      <c r="E9670" t="s">
        <v>26</v>
      </c>
      <c r="F9670" t="s">
        <v>10</v>
      </c>
      <c r="G9670" t="s">
        <v>11</v>
      </c>
      <c r="H9670" t="s">
        <v>1336</v>
      </c>
      <c r="I9670">
        <v>27.15</v>
      </c>
      <c r="J9670">
        <v>5</v>
      </c>
      <c r="K9670">
        <v>13.3</v>
      </c>
    </row>
    <row r="9671" spans="1:11" x14ac:dyDescent="0.3">
      <c r="A9671" s="1">
        <v>43077</v>
      </c>
      <c r="B9671" s="3">
        <f t="shared" si="302"/>
        <v>12</v>
      </c>
      <c r="C9671" s="3">
        <f t="shared" si="303"/>
        <v>2017</v>
      </c>
      <c r="D9671" t="s">
        <v>1120</v>
      </c>
      <c r="E9671" t="s">
        <v>26</v>
      </c>
      <c r="F9671" t="s">
        <v>33</v>
      </c>
      <c r="G9671" t="s">
        <v>144</v>
      </c>
      <c r="H9671" t="s">
        <v>789</v>
      </c>
      <c r="I9671">
        <v>1004.02</v>
      </c>
      <c r="J9671">
        <v>7</v>
      </c>
      <c r="K9671">
        <v>-112.95</v>
      </c>
    </row>
    <row r="9672" spans="1:11" x14ac:dyDescent="0.3">
      <c r="A9672" s="1">
        <v>43077</v>
      </c>
      <c r="B9672" s="3">
        <f t="shared" si="302"/>
        <v>12</v>
      </c>
      <c r="C9672" s="3">
        <f t="shared" si="303"/>
        <v>2017</v>
      </c>
      <c r="D9672" t="s">
        <v>1120</v>
      </c>
      <c r="E9672" t="s">
        <v>26</v>
      </c>
      <c r="F9672" t="s">
        <v>10</v>
      </c>
      <c r="G9672" t="s">
        <v>11</v>
      </c>
      <c r="H9672" t="s">
        <v>107</v>
      </c>
      <c r="I9672">
        <v>9.68</v>
      </c>
      <c r="J9672">
        <v>1</v>
      </c>
      <c r="K9672">
        <v>4.6500000000000004</v>
      </c>
    </row>
    <row r="9673" spans="1:11" x14ac:dyDescent="0.3">
      <c r="A9673" s="1">
        <v>43077</v>
      </c>
      <c r="B9673" s="3">
        <f t="shared" si="302"/>
        <v>12</v>
      </c>
      <c r="C9673" s="3">
        <f t="shared" si="303"/>
        <v>2017</v>
      </c>
      <c r="D9673" t="s">
        <v>1120</v>
      </c>
      <c r="E9673" t="s">
        <v>26</v>
      </c>
      <c r="F9673" t="s">
        <v>10</v>
      </c>
      <c r="G9673" t="s">
        <v>15</v>
      </c>
      <c r="H9673" t="s">
        <v>2076</v>
      </c>
      <c r="I9673">
        <v>28.35</v>
      </c>
      <c r="J9673">
        <v>9</v>
      </c>
      <c r="K9673">
        <v>13.61</v>
      </c>
    </row>
    <row r="9674" spans="1:11" x14ac:dyDescent="0.3">
      <c r="A9674" s="1">
        <v>43077</v>
      </c>
      <c r="B9674" s="3">
        <f t="shared" si="302"/>
        <v>12</v>
      </c>
      <c r="C9674" s="3">
        <f t="shared" si="303"/>
        <v>2017</v>
      </c>
      <c r="D9674" t="s">
        <v>1120</v>
      </c>
      <c r="E9674" t="s">
        <v>26</v>
      </c>
      <c r="F9674" t="s">
        <v>10</v>
      </c>
      <c r="G9674" t="s">
        <v>11</v>
      </c>
      <c r="H9674" t="s">
        <v>2219</v>
      </c>
      <c r="I9674">
        <v>55.98</v>
      </c>
      <c r="J9674">
        <v>1</v>
      </c>
      <c r="K9674">
        <v>27.43</v>
      </c>
    </row>
    <row r="9675" spans="1:11" x14ac:dyDescent="0.3">
      <c r="A9675" s="1">
        <v>43077</v>
      </c>
      <c r="B9675" s="3">
        <f t="shared" si="302"/>
        <v>12</v>
      </c>
      <c r="C9675" s="3">
        <f t="shared" si="303"/>
        <v>2017</v>
      </c>
      <c r="D9675" t="s">
        <v>1120</v>
      </c>
      <c r="E9675" t="s">
        <v>26</v>
      </c>
      <c r="F9675" t="s">
        <v>33</v>
      </c>
      <c r="G9675" t="s">
        <v>73</v>
      </c>
      <c r="H9675" t="s">
        <v>98</v>
      </c>
      <c r="I9675">
        <v>1336.83</v>
      </c>
      <c r="J9675">
        <v>13</v>
      </c>
      <c r="K9675">
        <v>31.45</v>
      </c>
    </row>
    <row r="9676" spans="1:11" x14ac:dyDescent="0.3">
      <c r="A9676" s="1">
        <v>43077</v>
      </c>
      <c r="B9676" s="3">
        <f t="shared" si="302"/>
        <v>12</v>
      </c>
      <c r="C9676" s="3">
        <f t="shared" si="303"/>
        <v>2017</v>
      </c>
      <c r="D9676" t="s">
        <v>1120</v>
      </c>
      <c r="E9676" t="s">
        <v>26</v>
      </c>
      <c r="F9676" t="s">
        <v>33</v>
      </c>
      <c r="G9676" t="s">
        <v>34</v>
      </c>
      <c r="H9676" t="s">
        <v>2138</v>
      </c>
      <c r="I9676">
        <v>113.57</v>
      </c>
      <c r="J9676">
        <v>2</v>
      </c>
      <c r="K9676">
        <v>-18.45</v>
      </c>
    </row>
    <row r="9677" spans="1:11" x14ac:dyDescent="0.3">
      <c r="A9677" s="1">
        <v>43077</v>
      </c>
      <c r="B9677" s="3">
        <f t="shared" si="302"/>
        <v>12</v>
      </c>
      <c r="C9677" s="3">
        <f t="shared" si="303"/>
        <v>2017</v>
      </c>
      <c r="D9677" t="s">
        <v>84</v>
      </c>
      <c r="E9677" t="s">
        <v>148</v>
      </c>
      <c r="F9677" t="s">
        <v>33</v>
      </c>
      <c r="G9677" t="s">
        <v>46</v>
      </c>
      <c r="H9677" t="s">
        <v>1339</v>
      </c>
      <c r="I9677">
        <v>109.48</v>
      </c>
      <c r="J9677">
        <v>2</v>
      </c>
      <c r="K9677">
        <v>33.94</v>
      </c>
    </row>
    <row r="9678" spans="1:11" x14ac:dyDescent="0.3">
      <c r="A9678" s="1">
        <v>43077</v>
      </c>
      <c r="B9678" s="3">
        <f t="shared" si="302"/>
        <v>12</v>
      </c>
      <c r="C9678" s="3">
        <f t="shared" si="303"/>
        <v>2017</v>
      </c>
      <c r="D9678" t="s">
        <v>84</v>
      </c>
      <c r="E9678" t="s">
        <v>148</v>
      </c>
      <c r="F9678" t="s">
        <v>10</v>
      </c>
      <c r="G9678" t="s">
        <v>17</v>
      </c>
      <c r="H9678" t="s">
        <v>837</v>
      </c>
      <c r="I9678">
        <v>272.94</v>
      </c>
      <c r="J9678">
        <v>3</v>
      </c>
      <c r="K9678">
        <v>0</v>
      </c>
    </row>
    <row r="9679" spans="1:11" x14ac:dyDescent="0.3">
      <c r="A9679" s="1">
        <v>43077</v>
      </c>
      <c r="B9679" s="3">
        <f t="shared" si="302"/>
        <v>12</v>
      </c>
      <c r="C9679" s="3">
        <f t="shared" si="303"/>
        <v>2017</v>
      </c>
      <c r="D9679" t="s">
        <v>84</v>
      </c>
      <c r="E9679" t="s">
        <v>148</v>
      </c>
      <c r="F9679" t="s">
        <v>10</v>
      </c>
      <c r="G9679" t="s">
        <v>11</v>
      </c>
      <c r="H9679" t="s">
        <v>2271</v>
      </c>
      <c r="I9679">
        <v>19.440000000000001</v>
      </c>
      <c r="J9679">
        <v>3</v>
      </c>
      <c r="K9679">
        <v>9.33</v>
      </c>
    </row>
    <row r="9680" spans="1:11" x14ac:dyDescent="0.3">
      <c r="A9680" s="1">
        <v>43077</v>
      </c>
      <c r="B9680" s="3">
        <f t="shared" si="302"/>
        <v>12</v>
      </c>
      <c r="C9680" s="3">
        <f t="shared" si="303"/>
        <v>2017</v>
      </c>
      <c r="D9680" t="s">
        <v>84</v>
      </c>
      <c r="E9680" t="s">
        <v>148</v>
      </c>
      <c r="F9680" t="s">
        <v>10</v>
      </c>
      <c r="G9680" t="s">
        <v>17</v>
      </c>
      <c r="H9680" t="s">
        <v>1452</v>
      </c>
      <c r="I9680">
        <v>31.92</v>
      </c>
      <c r="J9680">
        <v>4</v>
      </c>
      <c r="K9680">
        <v>8.3000000000000007</v>
      </c>
    </row>
    <row r="9681" spans="1:11" x14ac:dyDescent="0.3">
      <c r="A9681" s="1">
        <v>43077</v>
      </c>
      <c r="B9681" s="3">
        <f t="shared" si="302"/>
        <v>12</v>
      </c>
      <c r="C9681" s="3">
        <f t="shared" si="303"/>
        <v>2017</v>
      </c>
      <c r="D9681" t="s">
        <v>1026</v>
      </c>
      <c r="E9681" t="s">
        <v>26</v>
      </c>
      <c r="F9681" t="s">
        <v>10</v>
      </c>
      <c r="G9681" t="s">
        <v>17</v>
      </c>
      <c r="H9681" t="s">
        <v>1228</v>
      </c>
      <c r="I9681">
        <v>29.79</v>
      </c>
      <c r="J9681">
        <v>3</v>
      </c>
      <c r="K9681">
        <v>8.64</v>
      </c>
    </row>
    <row r="9682" spans="1:11" x14ac:dyDescent="0.3">
      <c r="A9682" s="1">
        <v>43077</v>
      </c>
      <c r="B9682" s="3">
        <f t="shared" si="302"/>
        <v>12</v>
      </c>
      <c r="C9682" s="3">
        <f t="shared" si="303"/>
        <v>2017</v>
      </c>
      <c r="D9682" t="s">
        <v>1026</v>
      </c>
      <c r="E9682" t="s">
        <v>26</v>
      </c>
      <c r="F9682" t="s">
        <v>33</v>
      </c>
      <c r="G9682" t="s">
        <v>46</v>
      </c>
      <c r="H9682" t="s">
        <v>2096</v>
      </c>
      <c r="I9682">
        <v>128.9</v>
      </c>
      <c r="J9682">
        <v>2</v>
      </c>
      <c r="K9682">
        <v>15.47</v>
      </c>
    </row>
    <row r="9683" spans="1:11" x14ac:dyDescent="0.3">
      <c r="A9683" s="1">
        <v>43077</v>
      </c>
      <c r="B9683" s="3">
        <f t="shared" si="302"/>
        <v>12</v>
      </c>
      <c r="C9683" s="3">
        <f t="shared" si="303"/>
        <v>2017</v>
      </c>
      <c r="D9683" t="s">
        <v>1026</v>
      </c>
      <c r="E9683" t="s">
        <v>26</v>
      </c>
      <c r="F9683" t="s">
        <v>10</v>
      </c>
      <c r="G9683" t="s">
        <v>11</v>
      </c>
      <c r="H9683" t="s">
        <v>2599</v>
      </c>
      <c r="I9683">
        <v>60.12</v>
      </c>
      <c r="J9683">
        <v>9</v>
      </c>
      <c r="K9683">
        <v>28.86</v>
      </c>
    </row>
    <row r="9684" spans="1:11" x14ac:dyDescent="0.3">
      <c r="A9684" s="1">
        <v>43077</v>
      </c>
      <c r="B9684" s="3">
        <f t="shared" si="302"/>
        <v>12</v>
      </c>
      <c r="C9684" s="3">
        <f t="shared" si="303"/>
        <v>2017</v>
      </c>
      <c r="D9684" t="s">
        <v>1477</v>
      </c>
      <c r="E9684" t="s">
        <v>26</v>
      </c>
      <c r="F9684" t="s">
        <v>10</v>
      </c>
      <c r="G9684" t="s">
        <v>91</v>
      </c>
      <c r="H9684" t="s">
        <v>2676</v>
      </c>
      <c r="I9684">
        <v>69.48</v>
      </c>
      <c r="J9684">
        <v>1</v>
      </c>
      <c r="K9684">
        <v>20.84</v>
      </c>
    </row>
    <row r="9685" spans="1:11" x14ac:dyDescent="0.3">
      <c r="A9685" s="1">
        <v>43077</v>
      </c>
      <c r="B9685" s="3">
        <f t="shared" si="302"/>
        <v>12</v>
      </c>
      <c r="C9685" s="3">
        <f t="shared" si="303"/>
        <v>2017</v>
      </c>
      <c r="D9685" t="s">
        <v>1554</v>
      </c>
      <c r="E9685" t="s">
        <v>26</v>
      </c>
      <c r="F9685" t="s">
        <v>10</v>
      </c>
      <c r="G9685" t="s">
        <v>11</v>
      </c>
      <c r="H9685" t="s">
        <v>2491</v>
      </c>
      <c r="I9685">
        <v>87.92</v>
      </c>
      <c r="J9685">
        <v>4</v>
      </c>
      <c r="K9685">
        <v>40.44</v>
      </c>
    </row>
    <row r="9686" spans="1:11" x14ac:dyDescent="0.3">
      <c r="A9686" s="1">
        <v>43077</v>
      </c>
      <c r="B9686" s="3">
        <f t="shared" si="302"/>
        <v>12</v>
      </c>
      <c r="C9686" s="3">
        <f t="shared" si="303"/>
        <v>2017</v>
      </c>
      <c r="D9686" t="s">
        <v>1554</v>
      </c>
      <c r="E9686" t="s">
        <v>26</v>
      </c>
      <c r="F9686" t="s">
        <v>10</v>
      </c>
      <c r="G9686" t="s">
        <v>19</v>
      </c>
      <c r="H9686" t="s">
        <v>1111</v>
      </c>
      <c r="I9686">
        <v>22.42</v>
      </c>
      <c r="J9686">
        <v>1</v>
      </c>
      <c r="K9686">
        <v>8.41</v>
      </c>
    </row>
    <row r="9687" spans="1:11" x14ac:dyDescent="0.3">
      <c r="A9687" s="1">
        <v>43077</v>
      </c>
      <c r="B9687" s="3">
        <f t="shared" si="302"/>
        <v>12</v>
      </c>
      <c r="C9687" s="3">
        <f t="shared" si="303"/>
        <v>2017</v>
      </c>
      <c r="D9687" t="s">
        <v>1554</v>
      </c>
      <c r="E9687" t="s">
        <v>26</v>
      </c>
      <c r="F9687" t="s">
        <v>10</v>
      </c>
      <c r="G9687" t="s">
        <v>19</v>
      </c>
      <c r="H9687" t="s">
        <v>910</v>
      </c>
      <c r="I9687">
        <v>90.48</v>
      </c>
      <c r="J9687">
        <v>3</v>
      </c>
      <c r="K9687">
        <v>33.93</v>
      </c>
    </row>
    <row r="9688" spans="1:11" x14ac:dyDescent="0.3">
      <c r="A9688" s="1">
        <v>43077</v>
      </c>
      <c r="B9688" s="3">
        <f t="shared" si="302"/>
        <v>12</v>
      </c>
      <c r="C9688" s="3">
        <f t="shared" si="303"/>
        <v>2017</v>
      </c>
      <c r="D9688" t="s">
        <v>1554</v>
      </c>
      <c r="E9688" t="s">
        <v>26</v>
      </c>
      <c r="F9688" t="s">
        <v>10</v>
      </c>
      <c r="G9688" t="s">
        <v>17</v>
      </c>
      <c r="H9688" t="s">
        <v>724</v>
      </c>
      <c r="I9688">
        <v>42.76</v>
      </c>
      <c r="J9688">
        <v>1</v>
      </c>
      <c r="K9688">
        <v>11.12</v>
      </c>
    </row>
    <row r="9689" spans="1:11" x14ac:dyDescent="0.3">
      <c r="A9689" s="1">
        <v>43077</v>
      </c>
      <c r="B9689" s="3">
        <f t="shared" si="302"/>
        <v>12</v>
      </c>
      <c r="C9689" s="3">
        <f t="shared" si="303"/>
        <v>2017</v>
      </c>
      <c r="D9689" t="s">
        <v>1144</v>
      </c>
      <c r="E9689" t="s">
        <v>156</v>
      </c>
      <c r="F9689" t="s">
        <v>38</v>
      </c>
      <c r="G9689" t="s">
        <v>51</v>
      </c>
      <c r="H9689" t="s">
        <v>1427</v>
      </c>
      <c r="I9689">
        <v>178.11</v>
      </c>
      <c r="J9689">
        <v>3</v>
      </c>
      <c r="K9689">
        <v>32.06</v>
      </c>
    </row>
    <row r="9690" spans="1:11" x14ac:dyDescent="0.3">
      <c r="A9690" s="1">
        <v>43077</v>
      </c>
      <c r="B9690" s="3">
        <f t="shared" si="302"/>
        <v>12</v>
      </c>
      <c r="C9690" s="3">
        <f t="shared" si="303"/>
        <v>2017</v>
      </c>
      <c r="D9690" t="s">
        <v>1144</v>
      </c>
      <c r="E9690" t="s">
        <v>156</v>
      </c>
      <c r="F9690" t="s">
        <v>10</v>
      </c>
      <c r="G9690" t="s">
        <v>91</v>
      </c>
      <c r="H9690" t="s">
        <v>1055</v>
      </c>
      <c r="I9690">
        <v>1089.75</v>
      </c>
      <c r="J9690">
        <v>3</v>
      </c>
      <c r="K9690">
        <v>305.13</v>
      </c>
    </row>
    <row r="9691" spans="1:11" x14ac:dyDescent="0.3">
      <c r="A9691" s="1">
        <v>43077</v>
      </c>
      <c r="B9691" s="3">
        <f t="shared" si="302"/>
        <v>12</v>
      </c>
      <c r="C9691" s="3">
        <f t="shared" si="303"/>
        <v>2017</v>
      </c>
      <c r="D9691" t="s">
        <v>1144</v>
      </c>
      <c r="E9691" t="s">
        <v>156</v>
      </c>
      <c r="F9691" t="s">
        <v>10</v>
      </c>
      <c r="G9691" t="s">
        <v>15</v>
      </c>
      <c r="H9691" t="s">
        <v>1499</v>
      </c>
      <c r="I9691">
        <v>61.06</v>
      </c>
      <c r="J9691">
        <v>2</v>
      </c>
      <c r="K9691">
        <v>28.09</v>
      </c>
    </row>
    <row r="9692" spans="1:11" x14ac:dyDescent="0.3">
      <c r="A9692" s="1">
        <v>43077</v>
      </c>
      <c r="B9692" s="3">
        <f t="shared" si="302"/>
        <v>12</v>
      </c>
      <c r="C9692" s="3">
        <f t="shared" si="303"/>
        <v>2017</v>
      </c>
      <c r="D9692" t="s">
        <v>1144</v>
      </c>
      <c r="E9692" t="s">
        <v>156</v>
      </c>
      <c r="F9692" t="s">
        <v>33</v>
      </c>
      <c r="G9692" t="s">
        <v>73</v>
      </c>
      <c r="H9692" t="s">
        <v>1705</v>
      </c>
      <c r="I9692">
        <v>459.92</v>
      </c>
      <c r="J9692">
        <v>4</v>
      </c>
      <c r="K9692">
        <v>41.39</v>
      </c>
    </row>
    <row r="9693" spans="1:11" x14ac:dyDescent="0.3">
      <c r="A9693" s="1">
        <v>43077</v>
      </c>
      <c r="B9693" s="3">
        <f t="shared" si="302"/>
        <v>12</v>
      </c>
      <c r="C9693" s="3">
        <f t="shared" si="303"/>
        <v>2017</v>
      </c>
      <c r="D9693" t="s">
        <v>1144</v>
      </c>
      <c r="E9693" t="s">
        <v>156</v>
      </c>
      <c r="F9693" t="s">
        <v>10</v>
      </c>
      <c r="G9693" t="s">
        <v>11</v>
      </c>
      <c r="H9693" t="s">
        <v>2386</v>
      </c>
      <c r="I9693">
        <v>27.52</v>
      </c>
      <c r="J9693">
        <v>4</v>
      </c>
      <c r="K9693">
        <v>12.66</v>
      </c>
    </row>
    <row r="9694" spans="1:11" x14ac:dyDescent="0.3">
      <c r="A9694" s="1">
        <v>43077</v>
      </c>
      <c r="B9694" s="3">
        <f t="shared" si="302"/>
        <v>12</v>
      </c>
      <c r="C9694" s="3">
        <f t="shared" si="303"/>
        <v>2017</v>
      </c>
      <c r="D9694" t="s">
        <v>802</v>
      </c>
      <c r="E9694" t="s">
        <v>1528</v>
      </c>
      <c r="F9694" t="s">
        <v>10</v>
      </c>
      <c r="G9694" t="s">
        <v>17</v>
      </c>
      <c r="H9694" t="s">
        <v>1688</v>
      </c>
      <c r="I9694">
        <v>592.74</v>
      </c>
      <c r="J9694">
        <v>6</v>
      </c>
      <c r="K9694">
        <v>160.04</v>
      </c>
    </row>
    <row r="9695" spans="1:11" x14ac:dyDescent="0.3">
      <c r="A9695" s="1">
        <v>43077</v>
      </c>
      <c r="B9695" s="3">
        <f t="shared" si="302"/>
        <v>12</v>
      </c>
      <c r="C9695" s="3">
        <f t="shared" si="303"/>
        <v>2017</v>
      </c>
      <c r="D9695" t="s">
        <v>2312</v>
      </c>
      <c r="E9695" t="s">
        <v>22</v>
      </c>
      <c r="F9695" t="s">
        <v>33</v>
      </c>
      <c r="G9695" t="s">
        <v>34</v>
      </c>
      <c r="H9695" t="s">
        <v>698</v>
      </c>
      <c r="I9695">
        <v>215.54</v>
      </c>
      <c r="J9695">
        <v>4</v>
      </c>
      <c r="K9695">
        <v>-58.5</v>
      </c>
    </row>
    <row r="9696" spans="1:11" x14ac:dyDescent="0.3">
      <c r="A9696" s="1">
        <v>43077</v>
      </c>
      <c r="B9696" s="3">
        <f t="shared" si="302"/>
        <v>12</v>
      </c>
      <c r="C9696" s="3">
        <f t="shared" si="303"/>
        <v>2017</v>
      </c>
      <c r="D9696" t="s">
        <v>2106</v>
      </c>
      <c r="E9696" t="s">
        <v>22</v>
      </c>
      <c r="F9696" t="s">
        <v>10</v>
      </c>
      <c r="G9696" t="s">
        <v>23</v>
      </c>
      <c r="H9696" t="s">
        <v>1234</v>
      </c>
      <c r="I9696">
        <v>13.25</v>
      </c>
      <c r="J9696">
        <v>4</v>
      </c>
      <c r="K9696">
        <v>3.64</v>
      </c>
    </row>
    <row r="9697" spans="1:11" x14ac:dyDescent="0.3">
      <c r="A9697" s="1">
        <v>43077</v>
      </c>
      <c r="B9697" s="3">
        <f t="shared" si="302"/>
        <v>12</v>
      </c>
      <c r="C9697" s="3">
        <f t="shared" si="303"/>
        <v>2017</v>
      </c>
      <c r="D9697" t="s">
        <v>2106</v>
      </c>
      <c r="E9697" t="s">
        <v>22</v>
      </c>
      <c r="F9697" t="s">
        <v>38</v>
      </c>
      <c r="G9697" t="s">
        <v>39</v>
      </c>
      <c r="H9697" t="s">
        <v>2569</v>
      </c>
      <c r="I9697">
        <v>83.99</v>
      </c>
      <c r="J9697">
        <v>2</v>
      </c>
      <c r="K9697">
        <v>-21</v>
      </c>
    </row>
    <row r="9698" spans="1:11" x14ac:dyDescent="0.3">
      <c r="A9698" s="1">
        <v>43078</v>
      </c>
      <c r="B9698" s="3">
        <f t="shared" si="302"/>
        <v>12</v>
      </c>
      <c r="C9698" s="3">
        <f t="shared" si="303"/>
        <v>2017</v>
      </c>
      <c r="D9698" t="s">
        <v>1865</v>
      </c>
      <c r="E9698" t="s">
        <v>9</v>
      </c>
      <c r="F9698" t="s">
        <v>10</v>
      </c>
      <c r="G9698" t="s">
        <v>19</v>
      </c>
      <c r="H9698" t="s">
        <v>2162</v>
      </c>
      <c r="I9698">
        <v>1.25</v>
      </c>
      <c r="J9698">
        <v>3</v>
      </c>
      <c r="K9698">
        <v>-1.93</v>
      </c>
    </row>
    <row r="9699" spans="1:11" x14ac:dyDescent="0.3">
      <c r="A9699" s="1">
        <v>43078</v>
      </c>
      <c r="B9699" s="3">
        <f t="shared" si="302"/>
        <v>12</v>
      </c>
      <c r="C9699" s="3">
        <f t="shared" si="303"/>
        <v>2017</v>
      </c>
      <c r="D9699" t="s">
        <v>1865</v>
      </c>
      <c r="E9699" t="s">
        <v>9</v>
      </c>
      <c r="F9699" t="s">
        <v>33</v>
      </c>
      <c r="G9699" t="s">
        <v>46</v>
      </c>
      <c r="H9699" t="s">
        <v>2593</v>
      </c>
      <c r="I9699">
        <v>9.7100000000000009</v>
      </c>
      <c r="J9699">
        <v>3</v>
      </c>
      <c r="K9699">
        <v>-5.82</v>
      </c>
    </row>
    <row r="9700" spans="1:11" x14ac:dyDescent="0.3">
      <c r="A9700" s="1">
        <v>43078</v>
      </c>
      <c r="B9700" s="3">
        <f t="shared" si="302"/>
        <v>12</v>
      </c>
      <c r="C9700" s="3">
        <f t="shared" si="303"/>
        <v>2017</v>
      </c>
      <c r="D9700" t="s">
        <v>1865</v>
      </c>
      <c r="E9700" t="s">
        <v>9</v>
      </c>
      <c r="F9700" t="s">
        <v>10</v>
      </c>
      <c r="G9700" t="s">
        <v>17</v>
      </c>
      <c r="H9700" t="s">
        <v>1471</v>
      </c>
      <c r="I9700">
        <v>27.24</v>
      </c>
      <c r="J9700">
        <v>3</v>
      </c>
      <c r="K9700">
        <v>2.72</v>
      </c>
    </row>
    <row r="9701" spans="1:11" x14ac:dyDescent="0.3">
      <c r="A9701" s="1">
        <v>43078</v>
      </c>
      <c r="B9701" s="3">
        <f t="shared" si="302"/>
        <v>12</v>
      </c>
      <c r="C9701" s="3">
        <f t="shared" si="303"/>
        <v>2017</v>
      </c>
      <c r="D9701" t="s">
        <v>731</v>
      </c>
      <c r="E9701" t="s">
        <v>26</v>
      </c>
      <c r="F9701" t="s">
        <v>38</v>
      </c>
      <c r="G9701" t="s">
        <v>39</v>
      </c>
      <c r="H9701" t="s">
        <v>2526</v>
      </c>
      <c r="I9701">
        <v>444.77</v>
      </c>
      <c r="J9701">
        <v>4</v>
      </c>
      <c r="K9701">
        <v>44.48</v>
      </c>
    </row>
    <row r="9702" spans="1:11" x14ac:dyDescent="0.3">
      <c r="A9702" s="1">
        <v>43078</v>
      </c>
      <c r="B9702" s="3">
        <f t="shared" si="302"/>
        <v>12</v>
      </c>
      <c r="C9702" s="3">
        <f t="shared" si="303"/>
        <v>2017</v>
      </c>
      <c r="D9702" t="s">
        <v>966</v>
      </c>
      <c r="E9702" t="s">
        <v>77</v>
      </c>
      <c r="F9702" t="s">
        <v>10</v>
      </c>
      <c r="G9702" t="s">
        <v>17</v>
      </c>
      <c r="H9702" t="s">
        <v>452</v>
      </c>
      <c r="I9702">
        <v>37.21</v>
      </c>
      <c r="J9702">
        <v>1</v>
      </c>
      <c r="K9702">
        <v>-7.44</v>
      </c>
    </row>
    <row r="9703" spans="1:11" x14ac:dyDescent="0.3">
      <c r="A9703" s="1">
        <v>43078</v>
      </c>
      <c r="B9703" s="3">
        <f t="shared" si="302"/>
        <v>12</v>
      </c>
      <c r="C9703" s="3">
        <f t="shared" si="303"/>
        <v>2017</v>
      </c>
      <c r="D9703" t="s">
        <v>966</v>
      </c>
      <c r="E9703" t="s">
        <v>77</v>
      </c>
      <c r="F9703" t="s">
        <v>10</v>
      </c>
      <c r="G9703" t="s">
        <v>62</v>
      </c>
      <c r="H9703" t="s">
        <v>1963</v>
      </c>
      <c r="I9703">
        <v>57.58</v>
      </c>
      <c r="J9703">
        <v>3</v>
      </c>
      <c r="K9703">
        <v>21.59</v>
      </c>
    </row>
    <row r="9704" spans="1:11" x14ac:dyDescent="0.3">
      <c r="A9704" s="1">
        <v>43078</v>
      </c>
      <c r="B9704" s="3">
        <f t="shared" si="302"/>
        <v>12</v>
      </c>
      <c r="C9704" s="3">
        <f t="shared" si="303"/>
        <v>2017</v>
      </c>
      <c r="D9704" t="s">
        <v>388</v>
      </c>
      <c r="E9704" t="s">
        <v>109</v>
      </c>
      <c r="F9704" t="s">
        <v>33</v>
      </c>
      <c r="G9704" t="s">
        <v>34</v>
      </c>
      <c r="H9704" t="s">
        <v>1691</v>
      </c>
      <c r="I9704">
        <v>872.94</v>
      </c>
      <c r="J9704">
        <v>3</v>
      </c>
      <c r="K9704">
        <v>226.96</v>
      </c>
    </row>
    <row r="9705" spans="1:11" x14ac:dyDescent="0.3">
      <c r="A9705" s="1">
        <v>43078</v>
      </c>
      <c r="B9705" s="3">
        <f t="shared" si="302"/>
        <v>12</v>
      </c>
      <c r="C9705" s="3">
        <f t="shared" si="303"/>
        <v>2017</v>
      </c>
      <c r="D9705" t="s">
        <v>388</v>
      </c>
      <c r="E9705" t="s">
        <v>109</v>
      </c>
      <c r="F9705" t="s">
        <v>10</v>
      </c>
      <c r="G9705" t="s">
        <v>19</v>
      </c>
      <c r="H9705" t="s">
        <v>780</v>
      </c>
      <c r="I9705">
        <v>41.54</v>
      </c>
      <c r="J9705">
        <v>2</v>
      </c>
      <c r="K9705">
        <v>19.52</v>
      </c>
    </row>
    <row r="9706" spans="1:11" x14ac:dyDescent="0.3">
      <c r="A9706" s="1">
        <v>43078</v>
      </c>
      <c r="B9706" s="3">
        <f t="shared" si="302"/>
        <v>12</v>
      </c>
      <c r="C9706" s="3">
        <f t="shared" si="303"/>
        <v>2017</v>
      </c>
      <c r="D9706" t="s">
        <v>388</v>
      </c>
      <c r="E9706" t="s">
        <v>109</v>
      </c>
      <c r="F9706" t="s">
        <v>10</v>
      </c>
      <c r="G9706" t="s">
        <v>11</v>
      </c>
      <c r="H9706" t="s">
        <v>2278</v>
      </c>
      <c r="I9706">
        <v>12.96</v>
      </c>
      <c r="J9706">
        <v>2</v>
      </c>
      <c r="K9706">
        <v>6.22</v>
      </c>
    </row>
    <row r="9707" spans="1:11" x14ac:dyDescent="0.3">
      <c r="A9707" s="1">
        <v>43078</v>
      </c>
      <c r="B9707" s="3">
        <f t="shared" si="302"/>
        <v>12</v>
      </c>
      <c r="C9707" s="3">
        <f t="shared" si="303"/>
        <v>2017</v>
      </c>
      <c r="D9707" t="s">
        <v>721</v>
      </c>
      <c r="E9707" t="s">
        <v>128</v>
      </c>
      <c r="F9707" t="s">
        <v>10</v>
      </c>
      <c r="G9707" t="s">
        <v>11</v>
      </c>
      <c r="H9707" t="s">
        <v>1700</v>
      </c>
      <c r="I9707">
        <v>33.450000000000003</v>
      </c>
      <c r="J9707">
        <v>5</v>
      </c>
      <c r="K9707">
        <v>15.39</v>
      </c>
    </row>
    <row r="9708" spans="1:11" x14ac:dyDescent="0.3">
      <c r="A9708" s="1">
        <v>43078</v>
      </c>
      <c r="B9708" s="3">
        <f t="shared" si="302"/>
        <v>12</v>
      </c>
      <c r="C9708" s="3">
        <f t="shared" si="303"/>
        <v>2017</v>
      </c>
      <c r="D9708" t="s">
        <v>721</v>
      </c>
      <c r="E9708" t="s">
        <v>128</v>
      </c>
      <c r="F9708" t="s">
        <v>10</v>
      </c>
      <c r="G9708" t="s">
        <v>19</v>
      </c>
      <c r="H9708" t="s">
        <v>2162</v>
      </c>
      <c r="I9708">
        <v>10.4</v>
      </c>
      <c r="J9708">
        <v>5</v>
      </c>
      <c r="K9708">
        <v>5.0999999999999996</v>
      </c>
    </row>
    <row r="9709" spans="1:11" x14ac:dyDescent="0.3">
      <c r="A9709" s="1">
        <v>43078</v>
      </c>
      <c r="B9709" s="3">
        <f t="shared" si="302"/>
        <v>12</v>
      </c>
      <c r="C9709" s="3">
        <f t="shared" si="303"/>
        <v>2017</v>
      </c>
      <c r="D9709" t="s">
        <v>2146</v>
      </c>
      <c r="E9709" t="s">
        <v>22</v>
      </c>
      <c r="F9709" t="s">
        <v>10</v>
      </c>
      <c r="G9709" t="s">
        <v>23</v>
      </c>
      <c r="H9709" t="s">
        <v>458</v>
      </c>
      <c r="I9709">
        <v>2.62</v>
      </c>
      <c r="J9709">
        <v>1</v>
      </c>
      <c r="K9709">
        <v>0.43</v>
      </c>
    </row>
    <row r="9710" spans="1:11" x14ac:dyDescent="0.3">
      <c r="A9710" s="1">
        <v>43078</v>
      </c>
      <c r="B9710" s="3">
        <f t="shared" si="302"/>
        <v>12</v>
      </c>
      <c r="C9710" s="3">
        <f t="shared" si="303"/>
        <v>2017</v>
      </c>
      <c r="D9710" t="s">
        <v>1967</v>
      </c>
      <c r="E9710" t="s">
        <v>109</v>
      </c>
      <c r="F9710" t="s">
        <v>38</v>
      </c>
      <c r="G9710" t="s">
        <v>51</v>
      </c>
      <c r="H9710" t="s">
        <v>1389</v>
      </c>
      <c r="I9710">
        <v>104.88</v>
      </c>
      <c r="J9710">
        <v>6</v>
      </c>
      <c r="K9710">
        <v>41.95</v>
      </c>
    </row>
    <row r="9711" spans="1:11" x14ac:dyDescent="0.3">
      <c r="A9711" s="1">
        <v>43078</v>
      </c>
      <c r="B9711" s="3">
        <f t="shared" si="302"/>
        <v>12</v>
      </c>
      <c r="C9711" s="3">
        <f t="shared" si="303"/>
        <v>2017</v>
      </c>
      <c r="D9711" t="s">
        <v>1967</v>
      </c>
      <c r="E9711" t="s">
        <v>109</v>
      </c>
      <c r="F9711" t="s">
        <v>10</v>
      </c>
      <c r="G9711" t="s">
        <v>23</v>
      </c>
      <c r="H9711" t="s">
        <v>2529</v>
      </c>
      <c r="I9711">
        <v>34.700000000000003</v>
      </c>
      <c r="J9711">
        <v>5</v>
      </c>
      <c r="K9711">
        <v>12.49</v>
      </c>
    </row>
    <row r="9712" spans="1:11" x14ac:dyDescent="0.3">
      <c r="A9712" s="1">
        <v>43078</v>
      </c>
      <c r="B9712" s="3">
        <f t="shared" si="302"/>
        <v>12</v>
      </c>
      <c r="C9712" s="3">
        <f t="shared" si="303"/>
        <v>2017</v>
      </c>
      <c r="D9712" t="s">
        <v>1967</v>
      </c>
      <c r="E9712" t="s">
        <v>109</v>
      </c>
      <c r="F9712" t="s">
        <v>10</v>
      </c>
      <c r="G9712" t="s">
        <v>19</v>
      </c>
      <c r="H9712" t="s">
        <v>430</v>
      </c>
      <c r="I9712">
        <v>33.72</v>
      </c>
      <c r="J9712">
        <v>4</v>
      </c>
      <c r="K9712">
        <v>15.51</v>
      </c>
    </row>
    <row r="9713" spans="1:11" x14ac:dyDescent="0.3">
      <c r="A9713" s="1">
        <v>43078</v>
      </c>
      <c r="B9713" s="3">
        <f t="shared" si="302"/>
        <v>12</v>
      </c>
      <c r="C9713" s="3">
        <f t="shared" si="303"/>
        <v>2017</v>
      </c>
      <c r="D9713" t="s">
        <v>1967</v>
      </c>
      <c r="E9713" t="s">
        <v>109</v>
      </c>
      <c r="F9713" t="s">
        <v>10</v>
      </c>
      <c r="G9713" t="s">
        <v>11</v>
      </c>
      <c r="H9713" t="s">
        <v>624</v>
      </c>
      <c r="I9713">
        <v>14.94</v>
      </c>
      <c r="J9713">
        <v>3</v>
      </c>
      <c r="K9713">
        <v>7.02</v>
      </c>
    </row>
    <row r="9714" spans="1:11" x14ac:dyDescent="0.3">
      <c r="A9714" s="1">
        <v>43078</v>
      </c>
      <c r="B9714" s="3">
        <f t="shared" si="302"/>
        <v>12</v>
      </c>
      <c r="C9714" s="3">
        <f t="shared" si="303"/>
        <v>2017</v>
      </c>
      <c r="D9714" t="s">
        <v>1510</v>
      </c>
      <c r="E9714" t="s">
        <v>14</v>
      </c>
      <c r="F9714" t="s">
        <v>10</v>
      </c>
      <c r="G9714" t="s">
        <v>11</v>
      </c>
      <c r="H9714" t="s">
        <v>1165</v>
      </c>
      <c r="I9714">
        <v>15.98</v>
      </c>
      <c r="J9714">
        <v>2</v>
      </c>
      <c r="K9714">
        <v>5</v>
      </c>
    </row>
    <row r="9715" spans="1:11" x14ac:dyDescent="0.3">
      <c r="A9715" s="1">
        <v>43078</v>
      </c>
      <c r="B9715" s="3">
        <f t="shared" si="302"/>
        <v>12</v>
      </c>
      <c r="C9715" s="3">
        <f t="shared" si="303"/>
        <v>2017</v>
      </c>
      <c r="D9715" t="s">
        <v>1698</v>
      </c>
      <c r="E9715" t="s">
        <v>26</v>
      </c>
      <c r="F9715" t="s">
        <v>10</v>
      </c>
      <c r="G9715" t="s">
        <v>23</v>
      </c>
      <c r="H9715" t="s">
        <v>526</v>
      </c>
      <c r="I9715">
        <v>11.16</v>
      </c>
      <c r="J9715">
        <v>2</v>
      </c>
      <c r="K9715">
        <v>2.79</v>
      </c>
    </row>
    <row r="9716" spans="1:11" x14ac:dyDescent="0.3">
      <c r="A9716" s="1">
        <v>43078</v>
      </c>
      <c r="B9716" s="3">
        <f t="shared" si="302"/>
        <v>12</v>
      </c>
      <c r="C9716" s="3">
        <f t="shared" si="303"/>
        <v>2017</v>
      </c>
      <c r="D9716" t="s">
        <v>1698</v>
      </c>
      <c r="E9716" t="s">
        <v>26</v>
      </c>
      <c r="F9716" t="s">
        <v>33</v>
      </c>
      <c r="G9716" t="s">
        <v>144</v>
      </c>
      <c r="H9716" t="s">
        <v>500</v>
      </c>
      <c r="I9716">
        <v>896.33</v>
      </c>
      <c r="J9716">
        <v>9</v>
      </c>
      <c r="K9716">
        <v>22.41</v>
      </c>
    </row>
    <row r="9717" spans="1:11" x14ac:dyDescent="0.3">
      <c r="A9717" s="1">
        <v>43078</v>
      </c>
      <c r="B9717" s="3">
        <f t="shared" si="302"/>
        <v>12</v>
      </c>
      <c r="C9717" s="3">
        <f t="shared" si="303"/>
        <v>2017</v>
      </c>
      <c r="D9717" t="s">
        <v>1698</v>
      </c>
      <c r="E9717" t="s">
        <v>26</v>
      </c>
      <c r="F9717" t="s">
        <v>10</v>
      </c>
      <c r="G9717" t="s">
        <v>91</v>
      </c>
      <c r="H9717" t="s">
        <v>714</v>
      </c>
      <c r="I9717">
        <v>189</v>
      </c>
      <c r="J9717">
        <v>1</v>
      </c>
      <c r="K9717">
        <v>68.040000000000006</v>
      </c>
    </row>
    <row r="9718" spans="1:11" x14ac:dyDescent="0.3">
      <c r="A9718" s="1">
        <v>43078</v>
      </c>
      <c r="B9718" s="3">
        <f t="shared" si="302"/>
        <v>12</v>
      </c>
      <c r="C9718" s="3">
        <f t="shared" si="303"/>
        <v>2017</v>
      </c>
      <c r="D9718" t="s">
        <v>1137</v>
      </c>
      <c r="E9718" t="s">
        <v>14</v>
      </c>
      <c r="F9718" t="s">
        <v>10</v>
      </c>
      <c r="G9718" t="s">
        <v>11</v>
      </c>
      <c r="H9718" t="s">
        <v>1051</v>
      </c>
      <c r="I9718">
        <v>143.86000000000001</v>
      </c>
      <c r="J9718">
        <v>9</v>
      </c>
      <c r="K9718">
        <v>48.55</v>
      </c>
    </row>
    <row r="9719" spans="1:11" x14ac:dyDescent="0.3">
      <c r="A9719" s="1">
        <v>43078</v>
      </c>
      <c r="B9719" s="3">
        <f t="shared" si="302"/>
        <v>12</v>
      </c>
      <c r="C9719" s="3">
        <f t="shared" si="303"/>
        <v>2017</v>
      </c>
      <c r="D9719" t="s">
        <v>1008</v>
      </c>
      <c r="E9719" t="s">
        <v>94</v>
      </c>
      <c r="F9719" t="s">
        <v>10</v>
      </c>
      <c r="G9719" t="s">
        <v>11</v>
      </c>
      <c r="H9719" t="s">
        <v>1669</v>
      </c>
      <c r="I9719">
        <v>419.4</v>
      </c>
      <c r="J9719">
        <v>5</v>
      </c>
      <c r="K9719">
        <v>146.79</v>
      </c>
    </row>
    <row r="9720" spans="1:11" x14ac:dyDescent="0.3">
      <c r="A9720" s="1">
        <v>43078</v>
      </c>
      <c r="B9720" s="3">
        <f t="shared" si="302"/>
        <v>12</v>
      </c>
      <c r="C9720" s="3">
        <f t="shared" si="303"/>
        <v>2017</v>
      </c>
      <c r="D9720" t="s">
        <v>1008</v>
      </c>
      <c r="E9720" t="s">
        <v>94</v>
      </c>
      <c r="F9720" t="s">
        <v>10</v>
      </c>
      <c r="G9720" t="s">
        <v>19</v>
      </c>
      <c r="H9720" t="s">
        <v>2523</v>
      </c>
      <c r="I9720">
        <v>13.01</v>
      </c>
      <c r="J9720">
        <v>3</v>
      </c>
      <c r="K9720">
        <v>-9.9700000000000006</v>
      </c>
    </row>
    <row r="9721" spans="1:11" x14ac:dyDescent="0.3">
      <c r="A9721" s="1">
        <v>43078</v>
      </c>
      <c r="B9721" s="3">
        <f t="shared" si="302"/>
        <v>12</v>
      </c>
      <c r="C9721" s="3">
        <f t="shared" si="303"/>
        <v>2017</v>
      </c>
      <c r="D9721" t="s">
        <v>1506</v>
      </c>
      <c r="E9721" t="s">
        <v>26</v>
      </c>
      <c r="F9721" t="s">
        <v>33</v>
      </c>
      <c r="G9721" t="s">
        <v>73</v>
      </c>
      <c r="H9721" t="s">
        <v>2023</v>
      </c>
      <c r="I9721">
        <v>148.26</v>
      </c>
      <c r="J9721">
        <v>3</v>
      </c>
      <c r="K9721">
        <v>15.7</v>
      </c>
    </row>
    <row r="9722" spans="1:11" x14ac:dyDescent="0.3">
      <c r="A9722" s="1">
        <v>43078</v>
      </c>
      <c r="B9722" s="3">
        <f t="shared" si="302"/>
        <v>12</v>
      </c>
      <c r="C9722" s="3">
        <f t="shared" si="303"/>
        <v>2017</v>
      </c>
      <c r="D9722" t="s">
        <v>536</v>
      </c>
      <c r="E9722" t="s">
        <v>32</v>
      </c>
      <c r="F9722" t="s">
        <v>10</v>
      </c>
      <c r="G9722" t="s">
        <v>19</v>
      </c>
      <c r="H9722" t="s">
        <v>1926</v>
      </c>
      <c r="I9722">
        <v>29.36</v>
      </c>
      <c r="J9722">
        <v>2</v>
      </c>
      <c r="K9722">
        <v>13.51</v>
      </c>
    </row>
    <row r="9723" spans="1:11" x14ac:dyDescent="0.3">
      <c r="A9723" s="1">
        <v>43078</v>
      </c>
      <c r="B9723" s="3">
        <f t="shared" si="302"/>
        <v>12</v>
      </c>
      <c r="C9723" s="3">
        <f t="shared" si="303"/>
        <v>2017</v>
      </c>
      <c r="D9723" t="s">
        <v>536</v>
      </c>
      <c r="E9723" t="s">
        <v>32</v>
      </c>
      <c r="F9723" t="s">
        <v>10</v>
      </c>
      <c r="G9723" t="s">
        <v>91</v>
      </c>
      <c r="H9723" t="s">
        <v>2590</v>
      </c>
      <c r="I9723">
        <v>214.9</v>
      </c>
      <c r="J9723">
        <v>5</v>
      </c>
      <c r="K9723">
        <v>62.32</v>
      </c>
    </row>
    <row r="9724" spans="1:11" x14ac:dyDescent="0.3">
      <c r="A9724" s="1">
        <v>43078</v>
      </c>
      <c r="B9724" s="3">
        <f t="shared" si="302"/>
        <v>12</v>
      </c>
      <c r="C9724" s="3">
        <f t="shared" si="303"/>
        <v>2017</v>
      </c>
      <c r="D9724" t="s">
        <v>536</v>
      </c>
      <c r="E9724" t="s">
        <v>32</v>
      </c>
      <c r="F9724" t="s">
        <v>10</v>
      </c>
      <c r="G9724" t="s">
        <v>19</v>
      </c>
      <c r="H9724" t="s">
        <v>1385</v>
      </c>
      <c r="I9724">
        <v>15.92</v>
      </c>
      <c r="J9724">
        <v>4</v>
      </c>
      <c r="K9724">
        <v>7.48</v>
      </c>
    </row>
    <row r="9725" spans="1:11" x14ac:dyDescent="0.3">
      <c r="A9725" s="1">
        <v>43078</v>
      </c>
      <c r="B9725" s="3">
        <f t="shared" si="302"/>
        <v>12</v>
      </c>
      <c r="C9725" s="3">
        <f t="shared" si="303"/>
        <v>2017</v>
      </c>
      <c r="D9725" t="s">
        <v>536</v>
      </c>
      <c r="E9725" t="s">
        <v>32</v>
      </c>
      <c r="F9725" t="s">
        <v>38</v>
      </c>
      <c r="G9725" t="s">
        <v>51</v>
      </c>
      <c r="H9725" t="s">
        <v>655</v>
      </c>
      <c r="I9725">
        <v>146.44999999999999</v>
      </c>
      <c r="J9725">
        <v>5</v>
      </c>
      <c r="K9725">
        <v>48.33</v>
      </c>
    </row>
    <row r="9726" spans="1:11" x14ac:dyDescent="0.3">
      <c r="A9726" s="1">
        <v>43078</v>
      </c>
      <c r="B9726" s="3">
        <f t="shared" si="302"/>
        <v>12</v>
      </c>
      <c r="C9726" s="3">
        <f t="shared" si="303"/>
        <v>2017</v>
      </c>
      <c r="D9726" t="s">
        <v>536</v>
      </c>
      <c r="E9726" t="s">
        <v>32</v>
      </c>
      <c r="F9726" t="s">
        <v>10</v>
      </c>
      <c r="G9726" t="s">
        <v>17</v>
      </c>
      <c r="H9726" t="s">
        <v>1315</v>
      </c>
      <c r="I9726">
        <v>15.14</v>
      </c>
      <c r="J9726">
        <v>1</v>
      </c>
      <c r="K9726">
        <v>0.61</v>
      </c>
    </row>
    <row r="9727" spans="1:11" x14ac:dyDescent="0.3">
      <c r="A9727" s="1">
        <v>43078</v>
      </c>
      <c r="B9727" s="3">
        <f t="shared" si="302"/>
        <v>12</v>
      </c>
      <c r="C9727" s="3">
        <f t="shared" si="303"/>
        <v>2017</v>
      </c>
      <c r="D9727" t="s">
        <v>536</v>
      </c>
      <c r="E9727" t="s">
        <v>32</v>
      </c>
      <c r="F9727" t="s">
        <v>10</v>
      </c>
      <c r="G9727" t="s">
        <v>15</v>
      </c>
      <c r="H9727" t="s">
        <v>358</v>
      </c>
      <c r="I9727">
        <v>5.76</v>
      </c>
      <c r="J9727">
        <v>2</v>
      </c>
      <c r="K9727">
        <v>2.65</v>
      </c>
    </row>
    <row r="9728" spans="1:11" x14ac:dyDescent="0.3">
      <c r="A9728" s="1">
        <v>43078</v>
      </c>
      <c r="B9728" s="3">
        <f t="shared" si="302"/>
        <v>12</v>
      </c>
      <c r="C9728" s="3">
        <f t="shared" si="303"/>
        <v>2017</v>
      </c>
      <c r="D9728" t="s">
        <v>536</v>
      </c>
      <c r="E9728" t="s">
        <v>32</v>
      </c>
      <c r="F9728" t="s">
        <v>38</v>
      </c>
      <c r="G9728" t="s">
        <v>602</v>
      </c>
      <c r="H9728" t="s">
        <v>915</v>
      </c>
      <c r="I9728">
        <v>1399.98</v>
      </c>
      <c r="J9728">
        <v>2</v>
      </c>
      <c r="K9728">
        <v>629.99</v>
      </c>
    </row>
    <row r="9729" spans="1:11" x14ac:dyDescent="0.3">
      <c r="A9729" s="1">
        <v>43078</v>
      </c>
      <c r="B9729" s="3">
        <f t="shared" si="302"/>
        <v>12</v>
      </c>
      <c r="C9729" s="3">
        <f t="shared" si="303"/>
        <v>2017</v>
      </c>
      <c r="D9729" t="s">
        <v>982</v>
      </c>
      <c r="E9729" t="s">
        <v>22</v>
      </c>
      <c r="F9729" t="s">
        <v>10</v>
      </c>
      <c r="G9729" t="s">
        <v>19</v>
      </c>
      <c r="H9729" t="s">
        <v>845</v>
      </c>
      <c r="I9729">
        <v>11.09</v>
      </c>
      <c r="J9729">
        <v>7</v>
      </c>
      <c r="K9729">
        <v>-8.1300000000000008</v>
      </c>
    </row>
    <row r="9730" spans="1:11" x14ac:dyDescent="0.3">
      <c r="A9730" s="1">
        <v>43078</v>
      </c>
      <c r="B9730" s="3">
        <f t="shared" ref="B9730:B9793" si="304">MONTH(A:A)</f>
        <v>12</v>
      </c>
      <c r="C9730" s="3">
        <f t="shared" ref="C9730:C9793" si="305">YEAR(A:A)</f>
        <v>2017</v>
      </c>
      <c r="D9730" t="s">
        <v>1285</v>
      </c>
      <c r="E9730" t="s">
        <v>109</v>
      </c>
      <c r="F9730" t="s">
        <v>10</v>
      </c>
      <c r="G9730" t="s">
        <v>19</v>
      </c>
      <c r="H9730" t="s">
        <v>1958</v>
      </c>
      <c r="I9730">
        <v>54.9</v>
      </c>
      <c r="J9730">
        <v>5</v>
      </c>
      <c r="K9730">
        <v>26.9</v>
      </c>
    </row>
    <row r="9731" spans="1:11" x14ac:dyDescent="0.3">
      <c r="A9731" s="1">
        <v>43079</v>
      </c>
      <c r="B9731" s="3">
        <f t="shared" si="304"/>
        <v>12</v>
      </c>
      <c r="C9731" s="3">
        <f t="shared" si="305"/>
        <v>2017</v>
      </c>
      <c r="D9731" t="s">
        <v>1973</v>
      </c>
      <c r="E9731" t="s">
        <v>26</v>
      </c>
      <c r="F9731" t="s">
        <v>10</v>
      </c>
      <c r="G9731" t="s">
        <v>19</v>
      </c>
      <c r="H9731" t="s">
        <v>427</v>
      </c>
      <c r="I9731">
        <v>19.940000000000001</v>
      </c>
      <c r="J9731">
        <v>4</v>
      </c>
      <c r="K9731">
        <v>7.23</v>
      </c>
    </row>
    <row r="9732" spans="1:11" x14ac:dyDescent="0.3">
      <c r="A9732" s="1">
        <v>43079</v>
      </c>
      <c r="B9732" s="3">
        <f t="shared" si="304"/>
        <v>12</v>
      </c>
      <c r="C9732" s="3">
        <f t="shared" si="305"/>
        <v>2017</v>
      </c>
      <c r="D9732" t="s">
        <v>1973</v>
      </c>
      <c r="E9732" t="s">
        <v>26</v>
      </c>
      <c r="F9732" t="s">
        <v>10</v>
      </c>
      <c r="G9732" t="s">
        <v>19</v>
      </c>
      <c r="H9732" t="s">
        <v>361</v>
      </c>
      <c r="I9732">
        <v>65.569999999999993</v>
      </c>
      <c r="J9732">
        <v>2</v>
      </c>
      <c r="K9732">
        <v>22.95</v>
      </c>
    </row>
    <row r="9733" spans="1:11" x14ac:dyDescent="0.3">
      <c r="A9733" s="1">
        <v>43079</v>
      </c>
      <c r="B9733" s="3">
        <f t="shared" si="304"/>
        <v>12</v>
      </c>
      <c r="C9733" s="3">
        <f t="shared" si="305"/>
        <v>2017</v>
      </c>
      <c r="D9733" t="s">
        <v>1451</v>
      </c>
      <c r="E9733" t="s">
        <v>22</v>
      </c>
      <c r="F9733" t="s">
        <v>38</v>
      </c>
      <c r="G9733" t="s">
        <v>51</v>
      </c>
      <c r="H9733" t="s">
        <v>1984</v>
      </c>
      <c r="I9733">
        <v>14.2</v>
      </c>
      <c r="J9733">
        <v>1</v>
      </c>
      <c r="K9733">
        <v>3.37</v>
      </c>
    </row>
    <row r="9734" spans="1:11" x14ac:dyDescent="0.3">
      <c r="A9734" s="1">
        <v>43079</v>
      </c>
      <c r="B9734" s="3">
        <f t="shared" si="304"/>
        <v>12</v>
      </c>
      <c r="C9734" s="3">
        <f t="shared" si="305"/>
        <v>2017</v>
      </c>
      <c r="D9734" t="s">
        <v>1496</v>
      </c>
      <c r="E9734" t="s">
        <v>995</v>
      </c>
      <c r="F9734" t="s">
        <v>10</v>
      </c>
      <c r="G9734" t="s">
        <v>19</v>
      </c>
      <c r="H9734" t="s">
        <v>1371</v>
      </c>
      <c r="I9734">
        <v>34.5</v>
      </c>
      <c r="J9734">
        <v>3</v>
      </c>
      <c r="K9734">
        <v>15.53</v>
      </c>
    </row>
    <row r="9735" spans="1:11" x14ac:dyDescent="0.3">
      <c r="A9735" s="1">
        <v>43079</v>
      </c>
      <c r="B9735" s="3">
        <f t="shared" si="304"/>
        <v>12</v>
      </c>
      <c r="C9735" s="3">
        <f t="shared" si="305"/>
        <v>2017</v>
      </c>
      <c r="D9735" t="s">
        <v>903</v>
      </c>
      <c r="E9735" t="s">
        <v>125</v>
      </c>
      <c r="F9735" t="s">
        <v>33</v>
      </c>
      <c r="G9735" t="s">
        <v>144</v>
      </c>
      <c r="H9735" t="s">
        <v>2440</v>
      </c>
      <c r="I9735">
        <v>1669.6</v>
      </c>
      <c r="J9735">
        <v>4</v>
      </c>
      <c r="K9735">
        <v>116.87</v>
      </c>
    </row>
    <row r="9736" spans="1:11" x14ac:dyDescent="0.3">
      <c r="A9736" s="1">
        <v>43079</v>
      </c>
      <c r="B9736" s="3">
        <f t="shared" si="304"/>
        <v>12</v>
      </c>
      <c r="C9736" s="3">
        <f t="shared" si="305"/>
        <v>2017</v>
      </c>
      <c r="D9736" t="s">
        <v>2011</v>
      </c>
      <c r="E9736" t="s">
        <v>22</v>
      </c>
      <c r="F9736" t="s">
        <v>10</v>
      </c>
      <c r="G9736" t="s">
        <v>11</v>
      </c>
      <c r="H9736" t="s">
        <v>1263</v>
      </c>
      <c r="I9736">
        <v>10.37</v>
      </c>
      <c r="J9736">
        <v>2</v>
      </c>
      <c r="K9736">
        <v>3.63</v>
      </c>
    </row>
    <row r="9737" spans="1:11" x14ac:dyDescent="0.3">
      <c r="A9737" s="1">
        <v>43079</v>
      </c>
      <c r="B9737" s="3">
        <f t="shared" si="304"/>
        <v>12</v>
      </c>
      <c r="C9737" s="3">
        <f t="shared" si="305"/>
        <v>2017</v>
      </c>
      <c r="D9737" t="s">
        <v>2011</v>
      </c>
      <c r="E9737" t="s">
        <v>22</v>
      </c>
      <c r="F9737" t="s">
        <v>33</v>
      </c>
      <c r="G9737" t="s">
        <v>46</v>
      </c>
      <c r="H9737" t="s">
        <v>669</v>
      </c>
      <c r="I9737">
        <v>310.88</v>
      </c>
      <c r="J9737">
        <v>2</v>
      </c>
      <c r="K9737">
        <v>23.32</v>
      </c>
    </row>
    <row r="9738" spans="1:11" x14ac:dyDescent="0.3">
      <c r="A9738" s="1">
        <v>43079</v>
      </c>
      <c r="B9738" s="3">
        <f t="shared" si="304"/>
        <v>12</v>
      </c>
      <c r="C9738" s="3">
        <f t="shared" si="305"/>
        <v>2017</v>
      </c>
      <c r="D9738" t="s">
        <v>1270</v>
      </c>
      <c r="E9738" t="s">
        <v>612</v>
      </c>
      <c r="F9738" t="s">
        <v>10</v>
      </c>
      <c r="G9738" t="s">
        <v>62</v>
      </c>
      <c r="H9738" t="s">
        <v>1426</v>
      </c>
      <c r="I9738">
        <v>10.86</v>
      </c>
      <c r="J9738">
        <v>3</v>
      </c>
      <c r="K9738">
        <v>5.0999999999999996</v>
      </c>
    </row>
    <row r="9739" spans="1:11" x14ac:dyDescent="0.3">
      <c r="A9739" s="1">
        <v>43079</v>
      </c>
      <c r="B9739" s="3">
        <f t="shared" si="304"/>
        <v>12</v>
      </c>
      <c r="C9739" s="3">
        <f t="shared" si="305"/>
        <v>2017</v>
      </c>
      <c r="D9739" t="s">
        <v>1270</v>
      </c>
      <c r="E9739" t="s">
        <v>612</v>
      </c>
      <c r="F9739" t="s">
        <v>10</v>
      </c>
      <c r="G9739" t="s">
        <v>91</v>
      </c>
      <c r="H9739" t="s">
        <v>2288</v>
      </c>
      <c r="I9739">
        <v>426.79</v>
      </c>
      <c r="J9739">
        <v>7</v>
      </c>
      <c r="K9739">
        <v>123.77</v>
      </c>
    </row>
    <row r="9740" spans="1:11" x14ac:dyDescent="0.3">
      <c r="A9740" s="1">
        <v>43079</v>
      </c>
      <c r="B9740" s="3">
        <f t="shared" si="304"/>
        <v>12</v>
      </c>
      <c r="C9740" s="3">
        <f t="shared" si="305"/>
        <v>2017</v>
      </c>
      <c r="D9740" t="s">
        <v>1718</v>
      </c>
      <c r="E9740" t="s">
        <v>122</v>
      </c>
      <c r="F9740" t="s">
        <v>33</v>
      </c>
      <c r="G9740" t="s">
        <v>46</v>
      </c>
      <c r="H9740" t="s">
        <v>1014</v>
      </c>
      <c r="I9740">
        <v>19.100000000000001</v>
      </c>
      <c r="J9740">
        <v>3</v>
      </c>
      <c r="K9740">
        <v>5.73</v>
      </c>
    </row>
    <row r="9741" spans="1:11" x14ac:dyDescent="0.3">
      <c r="A9741" s="1">
        <v>43079</v>
      </c>
      <c r="B9741" s="3">
        <f t="shared" si="304"/>
        <v>12</v>
      </c>
      <c r="C9741" s="3">
        <f t="shared" si="305"/>
        <v>2017</v>
      </c>
      <c r="D9741" t="s">
        <v>1973</v>
      </c>
      <c r="E9741" t="s">
        <v>163</v>
      </c>
      <c r="F9741" t="s">
        <v>38</v>
      </c>
      <c r="G9741" t="s">
        <v>51</v>
      </c>
      <c r="H9741" t="s">
        <v>1067</v>
      </c>
      <c r="I9741">
        <v>49.08</v>
      </c>
      <c r="J9741">
        <v>3</v>
      </c>
      <c r="K9741">
        <v>4.91</v>
      </c>
    </row>
    <row r="9742" spans="1:11" x14ac:dyDescent="0.3">
      <c r="A9742" s="1">
        <v>43079</v>
      </c>
      <c r="B9742" s="3">
        <f t="shared" si="304"/>
        <v>12</v>
      </c>
      <c r="C9742" s="3">
        <f t="shared" si="305"/>
        <v>2017</v>
      </c>
      <c r="D9742" t="s">
        <v>1973</v>
      </c>
      <c r="E9742" t="s">
        <v>163</v>
      </c>
      <c r="F9742" t="s">
        <v>10</v>
      </c>
      <c r="G9742" t="s">
        <v>17</v>
      </c>
      <c r="H9742" t="s">
        <v>2358</v>
      </c>
      <c r="I9742">
        <v>324.89999999999998</v>
      </c>
      <c r="J9742">
        <v>5</v>
      </c>
      <c r="K9742">
        <v>38.99</v>
      </c>
    </row>
    <row r="9743" spans="1:11" x14ac:dyDescent="0.3">
      <c r="A9743" s="1">
        <v>43079</v>
      </c>
      <c r="B9743" s="3">
        <f t="shared" si="304"/>
        <v>12</v>
      </c>
      <c r="C9743" s="3">
        <f t="shared" si="305"/>
        <v>2017</v>
      </c>
      <c r="D9743" t="s">
        <v>1973</v>
      </c>
      <c r="E9743" t="s">
        <v>163</v>
      </c>
      <c r="F9743" t="s">
        <v>10</v>
      </c>
      <c r="G9743" t="s">
        <v>23</v>
      </c>
      <c r="H9743" t="s">
        <v>2658</v>
      </c>
      <c r="I9743">
        <v>18.239999999999998</v>
      </c>
      <c r="J9743">
        <v>3</v>
      </c>
      <c r="K9743">
        <v>5.29</v>
      </c>
    </row>
    <row r="9744" spans="1:11" x14ac:dyDescent="0.3">
      <c r="A9744" s="1">
        <v>43079</v>
      </c>
      <c r="B9744" s="3">
        <f t="shared" si="304"/>
        <v>12</v>
      </c>
      <c r="C9744" s="3">
        <f t="shared" si="305"/>
        <v>2017</v>
      </c>
      <c r="D9744" t="s">
        <v>2380</v>
      </c>
      <c r="E9744" t="s">
        <v>328</v>
      </c>
      <c r="F9744" t="s">
        <v>38</v>
      </c>
      <c r="G9744" t="s">
        <v>51</v>
      </c>
      <c r="H9744" t="s">
        <v>2124</v>
      </c>
      <c r="I9744">
        <v>599.97</v>
      </c>
      <c r="J9744">
        <v>3</v>
      </c>
      <c r="K9744">
        <v>257.99</v>
      </c>
    </row>
    <row r="9745" spans="1:11" x14ac:dyDescent="0.3">
      <c r="A9745" s="1">
        <v>43079</v>
      </c>
      <c r="B9745" s="3">
        <f t="shared" si="304"/>
        <v>12</v>
      </c>
      <c r="C9745" s="3">
        <f t="shared" si="305"/>
        <v>2017</v>
      </c>
      <c r="D9745" t="s">
        <v>2380</v>
      </c>
      <c r="E9745" t="s">
        <v>328</v>
      </c>
      <c r="F9745" t="s">
        <v>38</v>
      </c>
      <c r="G9745" t="s">
        <v>39</v>
      </c>
      <c r="H9745" t="s">
        <v>2429</v>
      </c>
      <c r="I9745">
        <v>38.97</v>
      </c>
      <c r="J9745">
        <v>3</v>
      </c>
      <c r="K9745">
        <v>0.78</v>
      </c>
    </row>
    <row r="9746" spans="1:11" x14ac:dyDescent="0.3">
      <c r="A9746" s="1">
        <v>43079</v>
      </c>
      <c r="B9746" s="3">
        <f t="shared" si="304"/>
        <v>12</v>
      </c>
      <c r="C9746" s="3">
        <f t="shared" si="305"/>
        <v>2017</v>
      </c>
      <c r="D9746" t="s">
        <v>2380</v>
      </c>
      <c r="E9746" t="s">
        <v>328</v>
      </c>
      <c r="F9746" t="s">
        <v>10</v>
      </c>
      <c r="G9746" t="s">
        <v>19</v>
      </c>
      <c r="H9746" t="s">
        <v>79</v>
      </c>
      <c r="I9746">
        <v>45.84</v>
      </c>
      <c r="J9746">
        <v>8</v>
      </c>
      <c r="K9746">
        <v>22</v>
      </c>
    </row>
    <row r="9747" spans="1:11" x14ac:dyDescent="0.3">
      <c r="A9747" s="1">
        <v>43079</v>
      </c>
      <c r="B9747" s="3">
        <f t="shared" si="304"/>
        <v>12</v>
      </c>
      <c r="C9747" s="3">
        <f t="shared" si="305"/>
        <v>2017</v>
      </c>
      <c r="D9747" t="s">
        <v>2577</v>
      </c>
      <c r="E9747" t="s">
        <v>26</v>
      </c>
      <c r="F9747" t="s">
        <v>38</v>
      </c>
      <c r="G9747" t="s">
        <v>39</v>
      </c>
      <c r="H9747" t="s">
        <v>1931</v>
      </c>
      <c r="I9747">
        <v>95.84</v>
      </c>
      <c r="J9747">
        <v>4</v>
      </c>
      <c r="K9747">
        <v>34.74</v>
      </c>
    </row>
    <row r="9748" spans="1:11" x14ac:dyDescent="0.3">
      <c r="A9748" s="1">
        <v>43079</v>
      </c>
      <c r="B9748" s="3">
        <f t="shared" si="304"/>
        <v>12</v>
      </c>
      <c r="C9748" s="3">
        <f t="shared" si="305"/>
        <v>2017</v>
      </c>
      <c r="D9748" t="s">
        <v>2577</v>
      </c>
      <c r="E9748" t="s">
        <v>26</v>
      </c>
      <c r="F9748" t="s">
        <v>10</v>
      </c>
      <c r="G9748" t="s">
        <v>11</v>
      </c>
      <c r="H9748" t="s">
        <v>27</v>
      </c>
      <c r="I9748">
        <v>12.96</v>
      </c>
      <c r="J9748">
        <v>2</v>
      </c>
      <c r="K9748">
        <v>6.22</v>
      </c>
    </row>
    <row r="9749" spans="1:11" x14ac:dyDescent="0.3">
      <c r="A9749" s="1">
        <v>43079</v>
      </c>
      <c r="B9749" s="3">
        <f t="shared" si="304"/>
        <v>12</v>
      </c>
      <c r="C9749" s="3">
        <f t="shared" si="305"/>
        <v>2017</v>
      </c>
      <c r="D9749" t="s">
        <v>2640</v>
      </c>
      <c r="E9749" t="s">
        <v>69</v>
      </c>
      <c r="F9749" t="s">
        <v>33</v>
      </c>
      <c r="G9749" t="s">
        <v>46</v>
      </c>
      <c r="H9749" t="s">
        <v>1531</v>
      </c>
      <c r="I9749">
        <v>14.76</v>
      </c>
      <c r="J9749">
        <v>2</v>
      </c>
      <c r="K9749">
        <v>4.28</v>
      </c>
    </row>
    <row r="9750" spans="1:11" x14ac:dyDescent="0.3">
      <c r="A9750" s="1">
        <v>43079</v>
      </c>
      <c r="B9750" s="3">
        <f t="shared" si="304"/>
        <v>12</v>
      </c>
      <c r="C9750" s="3">
        <f t="shared" si="305"/>
        <v>2017</v>
      </c>
      <c r="D9750" t="s">
        <v>1562</v>
      </c>
      <c r="E9750" t="s">
        <v>22</v>
      </c>
      <c r="F9750" t="s">
        <v>10</v>
      </c>
      <c r="G9750" t="s">
        <v>19</v>
      </c>
      <c r="H9750" t="s">
        <v>2240</v>
      </c>
      <c r="I9750">
        <v>3.27</v>
      </c>
      <c r="J9750">
        <v>1</v>
      </c>
      <c r="K9750">
        <v>-2.5099999999999998</v>
      </c>
    </row>
    <row r="9751" spans="1:11" x14ac:dyDescent="0.3">
      <c r="A9751" s="1">
        <v>43079</v>
      </c>
      <c r="B9751" s="3">
        <f t="shared" si="304"/>
        <v>12</v>
      </c>
      <c r="C9751" s="3">
        <f t="shared" si="305"/>
        <v>2017</v>
      </c>
      <c r="D9751" t="s">
        <v>1562</v>
      </c>
      <c r="E9751" t="s">
        <v>22</v>
      </c>
      <c r="F9751" t="s">
        <v>33</v>
      </c>
      <c r="G9751" t="s">
        <v>46</v>
      </c>
      <c r="H9751" t="s">
        <v>772</v>
      </c>
      <c r="I9751">
        <v>87.92</v>
      </c>
      <c r="J9751">
        <v>5</v>
      </c>
      <c r="K9751">
        <v>15.39</v>
      </c>
    </row>
    <row r="9752" spans="1:11" x14ac:dyDescent="0.3">
      <c r="A9752" s="1">
        <v>43080</v>
      </c>
      <c r="B9752" s="3">
        <f t="shared" si="304"/>
        <v>12</v>
      </c>
      <c r="C9752" s="3">
        <f t="shared" si="305"/>
        <v>2017</v>
      </c>
      <c r="D9752" t="s">
        <v>150</v>
      </c>
      <c r="E9752" t="s">
        <v>148</v>
      </c>
      <c r="F9752" t="s">
        <v>10</v>
      </c>
      <c r="G9752" t="s">
        <v>19</v>
      </c>
      <c r="H9752" t="s">
        <v>1224</v>
      </c>
      <c r="I9752">
        <v>23.36</v>
      </c>
      <c r="J9752">
        <v>4</v>
      </c>
      <c r="K9752">
        <v>7.88</v>
      </c>
    </row>
    <row r="9753" spans="1:11" x14ac:dyDescent="0.3">
      <c r="A9753" s="1">
        <v>43080</v>
      </c>
      <c r="B9753" s="3">
        <f t="shared" si="304"/>
        <v>12</v>
      </c>
      <c r="C9753" s="3">
        <f t="shared" si="305"/>
        <v>2017</v>
      </c>
      <c r="D9753" t="s">
        <v>150</v>
      </c>
      <c r="E9753" t="s">
        <v>148</v>
      </c>
      <c r="F9753" t="s">
        <v>38</v>
      </c>
      <c r="G9753" t="s">
        <v>51</v>
      </c>
      <c r="H9753" t="s">
        <v>2234</v>
      </c>
      <c r="I9753">
        <v>39.979999999999997</v>
      </c>
      <c r="J9753">
        <v>2</v>
      </c>
      <c r="K9753">
        <v>13.59</v>
      </c>
    </row>
    <row r="9754" spans="1:11" x14ac:dyDescent="0.3">
      <c r="A9754" s="1">
        <v>43080</v>
      </c>
      <c r="B9754" s="3">
        <f t="shared" si="304"/>
        <v>12</v>
      </c>
      <c r="C9754" s="3">
        <f t="shared" si="305"/>
        <v>2017</v>
      </c>
      <c r="D9754" t="s">
        <v>586</v>
      </c>
      <c r="E9754" t="s">
        <v>22</v>
      </c>
      <c r="F9754" t="s">
        <v>33</v>
      </c>
      <c r="G9754" t="s">
        <v>34</v>
      </c>
      <c r="H9754" t="s">
        <v>1378</v>
      </c>
      <c r="I9754">
        <v>63.69</v>
      </c>
      <c r="J9754">
        <v>1</v>
      </c>
      <c r="K9754">
        <v>-9.1</v>
      </c>
    </row>
    <row r="9755" spans="1:11" x14ac:dyDescent="0.3">
      <c r="A9755" s="1">
        <v>43080</v>
      </c>
      <c r="B9755" s="3">
        <f t="shared" si="304"/>
        <v>12</v>
      </c>
      <c r="C9755" s="3">
        <f t="shared" si="305"/>
        <v>2017</v>
      </c>
      <c r="D9755" t="s">
        <v>2626</v>
      </c>
      <c r="E9755" t="s">
        <v>14</v>
      </c>
      <c r="F9755" t="s">
        <v>10</v>
      </c>
      <c r="G9755" t="s">
        <v>11</v>
      </c>
      <c r="H9755" t="s">
        <v>1095</v>
      </c>
      <c r="I9755">
        <v>10.37</v>
      </c>
      <c r="J9755">
        <v>2</v>
      </c>
      <c r="K9755">
        <v>3.63</v>
      </c>
    </row>
    <row r="9756" spans="1:11" x14ac:dyDescent="0.3">
      <c r="A9756" s="1">
        <v>43080</v>
      </c>
      <c r="B9756" s="3">
        <f t="shared" si="304"/>
        <v>12</v>
      </c>
      <c r="C9756" s="3">
        <f t="shared" si="305"/>
        <v>2017</v>
      </c>
      <c r="D9756" t="s">
        <v>2626</v>
      </c>
      <c r="E9756" t="s">
        <v>14</v>
      </c>
      <c r="F9756" t="s">
        <v>33</v>
      </c>
      <c r="G9756" t="s">
        <v>46</v>
      </c>
      <c r="H9756" t="s">
        <v>669</v>
      </c>
      <c r="I9756">
        <v>77.72</v>
      </c>
      <c r="J9756">
        <v>1</v>
      </c>
      <c r="K9756">
        <v>-66.06</v>
      </c>
    </row>
    <row r="9757" spans="1:11" x14ac:dyDescent="0.3">
      <c r="A9757" s="1">
        <v>43080</v>
      </c>
      <c r="B9757" s="3">
        <f t="shared" si="304"/>
        <v>12</v>
      </c>
      <c r="C9757" s="3">
        <f t="shared" si="305"/>
        <v>2017</v>
      </c>
      <c r="D9757" t="s">
        <v>2626</v>
      </c>
      <c r="E9757" t="s">
        <v>14</v>
      </c>
      <c r="F9757" t="s">
        <v>33</v>
      </c>
      <c r="G9757" t="s">
        <v>34</v>
      </c>
      <c r="H9757" t="s">
        <v>571</v>
      </c>
      <c r="I9757">
        <v>520.46</v>
      </c>
      <c r="J9757">
        <v>2</v>
      </c>
      <c r="K9757">
        <v>-14.87</v>
      </c>
    </row>
    <row r="9758" spans="1:11" x14ac:dyDescent="0.3">
      <c r="A9758" s="1">
        <v>43080</v>
      </c>
      <c r="B9758" s="3">
        <f t="shared" si="304"/>
        <v>12</v>
      </c>
      <c r="C9758" s="3">
        <f t="shared" si="305"/>
        <v>2017</v>
      </c>
      <c r="D9758" t="s">
        <v>1735</v>
      </c>
      <c r="E9758" t="s">
        <v>433</v>
      </c>
      <c r="F9758" t="s">
        <v>38</v>
      </c>
      <c r="G9758" t="s">
        <v>39</v>
      </c>
      <c r="H9758" t="s">
        <v>1952</v>
      </c>
      <c r="I9758">
        <v>128.85</v>
      </c>
      <c r="J9758">
        <v>3</v>
      </c>
      <c r="K9758">
        <v>3.87</v>
      </c>
    </row>
    <row r="9759" spans="1:11" x14ac:dyDescent="0.3">
      <c r="A9759" s="1">
        <v>43080</v>
      </c>
      <c r="B9759" s="3">
        <f t="shared" si="304"/>
        <v>12</v>
      </c>
      <c r="C9759" s="3">
        <f t="shared" si="305"/>
        <v>2017</v>
      </c>
      <c r="D9759" t="s">
        <v>2525</v>
      </c>
      <c r="E9759" t="s">
        <v>14</v>
      </c>
      <c r="F9759" t="s">
        <v>38</v>
      </c>
      <c r="G9759" t="s">
        <v>51</v>
      </c>
      <c r="H9759" t="s">
        <v>212</v>
      </c>
      <c r="I9759">
        <v>116.31</v>
      </c>
      <c r="J9759">
        <v>7</v>
      </c>
      <c r="K9759">
        <v>23.26</v>
      </c>
    </row>
    <row r="9760" spans="1:11" x14ac:dyDescent="0.3">
      <c r="A9760" s="1">
        <v>43080</v>
      </c>
      <c r="B9760" s="3">
        <f t="shared" si="304"/>
        <v>12</v>
      </c>
      <c r="C9760" s="3">
        <f t="shared" si="305"/>
        <v>2017</v>
      </c>
      <c r="D9760" t="s">
        <v>553</v>
      </c>
      <c r="E9760" t="s">
        <v>148</v>
      </c>
      <c r="F9760" t="s">
        <v>10</v>
      </c>
      <c r="G9760" t="s">
        <v>19</v>
      </c>
      <c r="H9760" t="s">
        <v>983</v>
      </c>
      <c r="I9760">
        <v>14.95</v>
      </c>
      <c r="J9760">
        <v>1</v>
      </c>
      <c r="K9760">
        <v>5.05</v>
      </c>
    </row>
    <row r="9761" spans="1:11" x14ac:dyDescent="0.3">
      <c r="A9761" s="1">
        <v>43080</v>
      </c>
      <c r="B9761" s="3">
        <f t="shared" si="304"/>
        <v>12</v>
      </c>
      <c r="C9761" s="3">
        <f t="shared" si="305"/>
        <v>2017</v>
      </c>
      <c r="D9761" t="s">
        <v>553</v>
      </c>
      <c r="E9761" t="s">
        <v>148</v>
      </c>
      <c r="F9761" t="s">
        <v>10</v>
      </c>
      <c r="G9761" t="s">
        <v>11</v>
      </c>
      <c r="H9761" t="s">
        <v>923</v>
      </c>
      <c r="I9761">
        <v>17.940000000000001</v>
      </c>
      <c r="J9761">
        <v>3</v>
      </c>
      <c r="K9761">
        <v>8.07</v>
      </c>
    </row>
    <row r="9762" spans="1:11" x14ac:dyDescent="0.3">
      <c r="A9762" s="1">
        <v>43080</v>
      </c>
      <c r="B9762" s="3">
        <f t="shared" si="304"/>
        <v>12</v>
      </c>
      <c r="C9762" s="3">
        <f t="shared" si="305"/>
        <v>2017</v>
      </c>
      <c r="D9762" t="s">
        <v>553</v>
      </c>
      <c r="E9762" t="s">
        <v>148</v>
      </c>
      <c r="F9762" t="s">
        <v>38</v>
      </c>
      <c r="G9762" t="s">
        <v>39</v>
      </c>
      <c r="H9762" t="s">
        <v>2105</v>
      </c>
      <c r="I9762">
        <v>116.98</v>
      </c>
      <c r="J9762">
        <v>2</v>
      </c>
      <c r="K9762">
        <v>29.25</v>
      </c>
    </row>
    <row r="9763" spans="1:11" x14ac:dyDescent="0.3">
      <c r="A9763" s="1">
        <v>43080</v>
      </c>
      <c r="B9763" s="3">
        <f t="shared" si="304"/>
        <v>12</v>
      </c>
      <c r="C9763" s="3">
        <f t="shared" si="305"/>
        <v>2017</v>
      </c>
      <c r="D9763" t="s">
        <v>1220</v>
      </c>
      <c r="E9763" t="s">
        <v>9</v>
      </c>
      <c r="F9763" t="s">
        <v>10</v>
      </c>
      <c r="G9763" t="s">
        <v>91</v>
      </c>
      <c r="H9763" t="s">
        <v>1387</v>
      </c>
      <c r="I9763">
        <v>1.39</v>
      </c>
      <c r="J9763">
        <v>2</v>
      </c>
      <c r="K9763">
        <v>-3.76</v>
      </c>
    </row>
    <row r="9764" spans="1:11" x14ac:dyDescent="0.3">
      <c r="A9764" s="1">
        <v>43080</v>
      </c>
      <c r="B9764" s="3">
        <f t="shared" si="304"/>
        <v>12</v>
      </c>
      <c r="C9764" s="3">
        <f t="shared" si="305"/>
        <v>2017</v>
      </c>
      <c r="D9764" t="s">
        <v>2543</v>
      </c>
      <c r="E9764" t="s">
        <v>122</v>
      </c>
      <c r="F9764" t="s">
        <v>33</v>
      </c>
      <c r="G9764" t="s">
        <v>144</v>
      </c>
      <c r="H9764" t="s">
        <v>1048</v>
      </c>
      <c r="I9764">
        <v>721.88</v>
      </c>
      <c r="J9764">
        <v>6</v>
      </c>
      <c r="K9764">
        <v>-420</v>
      </c>
    </row>
    <row r="9765" spans="1:11" x14ac:dyDescent="0.3">
      <c r="A9765" s="1">
        <v>43080</v>
      </c>
      <c r="B9765" s="3">
        <f t="shared" si="304"/>
        <v>12</v>
      </c>
      <c r="C9765" s="3">
        <f t="shared" si="305"/>
        <v>2017</v>
      </c>
      <c r="D9765" t="s">
        <v>2543</v>
      </c>
      <c r="E9765" t="s">
        <v>122</v>
      </c>
      <c r="F9765" t="s">
        <v>38</v>
      </c>
      <c r="G9765" t="s">
        <v>39</v>
      </c>
      <c r="H9765" t="s">
        <v>2274</v>
      </c>
      <c r="I9765">
        <v>73.569999999999993</v>
      </c>
      <c r="J9765">
        <v>4</v>
      </c>
      <c r="K9765">
        <v>-16.55</v>
      </c>
    </row>
    <row r="9766" spans="1:11" x14ac:dyDescent="0.3">
      <c r="A9766" s="1">
        <v>43080</v>
      </c>
      <c r="B9766" s="3">
        <f t="shared" si="304"/>
        <v>12</v>
      </c>
      <c r="C9766" s="3">
        <f t="shared" si="305"/>
        <v>2017</v>
      </c>
      <c r="D9766" t="s">
        <v>2543</v>
      </c>
      <c r="E9766" t="s">
        <v>122</v>
      </c>
      <c r="F9766" t="s">
        <v>10</v>
      </c>
      <c r="G9766" t="s">
        <v>23</v>
      </c>
      <c r="H9766" t="s">
        <v>2409</v>
      </c>
      <c r="I9766">
        <v>13.58</v>
      </c>
      <c r="J9766">
        <v>1</v>
      </c>
      <c r="K9766">
        <v>1.36</v>
      </c>
    </row>
    <row r="9767" spans="1:11" x14ac:dyDescent="0.3">
      <c r="A9767" s="1">
        <v>43080</v>
      </c>
      <c r="B9767" s="3">
        <f t="shared" si="304"/>
        <v>12</v>
      </c>
      <c r="C9767" s="3">
        <f t="shared" si="305"/>
        <v>2017</v>
      </c>
      <c r="D9767" t="s">
        <v>2543</v>
      </c>
      <c r="E9767" t="s">
        <v>122</v>
      </c>
      <c r="F9767" t="s">
        <v>33</v>
      </c>
      <c r="G9767" t="s">
        <v>34</v>
      </c>
      <c r="H9767" t="s">
        <v>193</v>
      </c>
      <c r="I9767">
        <v>64.78</v>
      </c>
      <c r="J9767">
        <v>1</v>
      </c>
      <c r="K9767">
        <v>-12.15</v>
      </c>
    </row>
    <row r="9768" spans="1:11" x14ac:dyDescent="0.3">
      <c r="A9768" s="1">
        <v>43080</v>
      </c>
      <c r="B9768" s="3">
        <f t="shared" si="304"/>
        <v>12</v>
      </c>
      <c r="C9768" s="3">
        <f t="shared" si="305"/>
        <v>2017</v>
      </c>
      <c r="D9768" t="s">
        <v>2540</v>
      </c>
      <c r="E9768" t="s">
        <v>394</v>
      </c>
      <c r="F9768" t="s">
        <v>10</v>
      </c>
      <c r="G9768" t="s">
        <v>62</v>
      </c>
      <c r="H9768" t="s">
        <v>1463</v>
      </c>
      <c r="I9768">
        <v>7.28</v>
      </c>
      <c r="J9768">
        <v>1</v>
      </c>
      <c r="K9768">
        <v>3.49</v>
      </c>
    </row>
    <row r="9769" spans="1:11" x14ac:dyDescent="0.3">
      <c r="A9769" s="1">
        <v>43080</v>
      </c>
      <c r="B9769" s="3">
        <f t="shared" si="304"/>
        <v>12</v>
      </c>
      <c r="C9769" s="3">
        <f t="shared" si="305"/>
        <v>2017</v>
      </c>
      <c r="D9769" t="s">
        <v>2540</v>
      </c>
      <c r="E9769" t="s">
        <v>394</v>
      </c>
      <c r="F9769" t="s">
        <v>10</v>
      </c>
      <c r="G9769" t="s">
        <v>19</v>
      </c>
      <c r="H9769" t="s">
        <v>204</v>
      </c>
      <c r="I9769">
        <v>5.4</v>
      </c>
      <c r="J9769">
        <v>3</v>
      </c>
      <c r="K9769">
        <v>2.59</v>
      </c>
    </row>
    <row r="9770" spans="1:11" x14ac:dyDescent="0.3">
      <c r="A9770" s="1">
        <v>43080</v>
      </c>
      <c r="B9770" s="3">
        <f t="shared" si="304"/>
        <v>12</v>
      </c>
      <c r="C9770" s="3">
        <f t="shared" si="305"/>
        <v>2017</v>
      </c>
      <c r="D9770" t="s">
        <v>1747</v>
      </c>
      <c r="E9770" t="s">
        <v>176</v>
      </c>
      <c r="F9770" t="s">
        <v>10</v>
      </c>
      <c r="G9770" t="s">
        <v>42</v>
      </c>
      <c r="H9770" t="s">
        <v>281</v>
      </c>
      <c r="I9770">
        <v>6.54</v>
      </c>
      <c r="J9770">
        <v>3</v>
      </c>
      <c r="K9770">
        <v>2.16</v>
      </c>
    </row>
    <row r="9771" spans="1:11" x14ac:dyDescent="0.3">
      <c r="A9771" s="1">
        <v>43080</v>
      </c>
      <c r="B9771" s="3">
        <f t="shared" si="304"/>
        <v>12</v>
      </c>
      <c r="C9771" s="3">
        <f t="shared" si="305"/>
        <v>2017</v>
      </c>
      <c r="D9771" t="s">
        <v>288</v>
      </c>
      <c r="E9771" t="s">
        <v>176</v>
      </c>
      <c r="F9771" t="s">
        <v>10</v>
      </c>
      <c r="G9771" t="s">
        <v>19</v>
      </c>
      <c r="H9771" t="s">
        <v>466</v>
      </c>
      <c r="I9771">
        <v>40.200000000000003</v>
      </c>
      <c r="J9771">
        <v>5</v>
      </c>
      <c r="K9771">
        <v>18.09</v>
      </c>
    </row>
    <row r="9772" spans="1:11" x14ac:dyDescent="0.3">
      <c r="A9772" s="1">
        <v>43080</v>
      </c>
      <c r="B9772" s="3">
        <f t="shared" si="304"/>
        <v>12</v>
      </c>
      <c r="C9772" s="3">
        <f t="shared" si="305"/>
        <v>2017</v>
      </c>
      <c r="D9772" t="s">
        <v>288</v>
      </c>
      <c r="E9772" t="s">
        <v>176</v>
      </c>
      <c r="F9772" t="s">
        <v>10</v>
      </c>
      <c r="G9772" t="s">
        <v>19</v>
      </c>
      <c r="H9772" t="s">
        <v>1102</v>
      </c>
      <c r="I9772">
        <v>735.98</v>
      </c>
      <c r="J9772">
        <v>2</v>
      </c>
      <c r="K9772">
        <v>331.19</v>
      </c>
    </row>
    <row r="9773" spans="1:11" x14ac:dyDescent="0.3">
      <c r="A9773" s="1">
        <v>43080</v>
      </c>
      <c r="B9773" s="3">
        <f t="shared" si="304"/>
        <v>12</v>
      </c>
      <c r="C9773" s="3">
        <f t="shared" si="305"/>
        <v>2017</v>
      </c>
      <c r="D9773" t="s">
        <v>288</v>
      </c>
      <c r="E9773" t="s">
        <v>176</v>
      </c>
      <c r="F9773" t="s">
        <v>10</v>
      </c>
      <c r="G9773" t="s">
        <v>91</v>
      </c>
      <c r="H9773" t="s">
        <v>1049</v>
      </c>
      <c r="I9773">
        <v>22.75</v>
      </c>
      <c r="J9773">
        <v>7</v>
      </c>
      <c r="K9773">
        <v>6.6</v>
      </c>
    </row>
    <row r="9774" spans="1:11" x14ac:dyDescent="0.3">
      <c r="A9774" s="1">
        <v>43082</v>
      </c>
      <c r="B9774" s="3">
        <f t="shared" si="304"/>
        <v>12</v>
      </c>
      <c r="C9774" s="3">
        <f t="shared" si="305"/>
        <v>2017</v>
      </c>
      <c r="D9774" t="s">
        <v>1171</v>
      </c>
      <c r="E9774" t="s">
        <v>163</v>
      </c>
      <c r="F9774" t="s">
        <v>10</v>
      </c>
      <c r="G9774" t="s">
        <v>17</v>
      </c>
      <c r="H9774" t="s">
        <v>2218</v>
      </c>
      <c r="I9774">
        <v>31.44</v>
      </c>
      <c r="J9774">
        <v>3</v>
      </c>
      <c r="K9774">
        <v>8.49</v>
      </c>
    </row>
    <row r="9775" spans="1:11" x14ac:dyDescent="0.3">
      <c r="A9775" s="1">
        <v>43082</v>
      </c>
      <c r="B9775" s="3">
        <f t="shared" si="304"/>
        <v>12</v>
      </c>
      <c r="C9775" s="3">
        <f t="shared" si="305"/>
        <v>2017</v>
      </c>
      <c r="D9775" t="s">
        <v>787</v>
      </c>
      <c r="E9775" t="s">
        <v>148</v>
      </c>
      <c r="F9775" t="s">
        <v>33</v>
      </c>
      <c r="G9775" t="s">
        <v>73</v>
      </c>
      <c r="H9775" t="s">
        <v>1636</v>
      </c>
      <c r="I9775">
        <v>287.98</v>
      </c>
      <c r="J9775">
        <v>3</v>
      </c>
      <c r="K9775">
        <v>7.2</v>
      </c>
    </row>
    <row r="9776" spans="1:11" x14ac:dyDescent="0.3">
      <c r="A9776" s="1">
        <v>43082</v>
      </c>
      <c r="B9776" s="3">
        <f t="shared" si="304"/>
        <v>12</v>
      </c>
      <c r="C9776" s="3">
        <f t="shared" si="305"/>
        <v>2017</v>
      </c>
      <c r="D9776" t="s">
        <v>914</v>
      </c>
      <c r="E9776" t="s">
        <v>26</v>
      </c>
      <c r="F9776" t="s">
        <v>10</v>
      </c>
      <c r="G9776" t="s">
        <v>15</v>
      </c>
      <c r="H9776" t="s">
        <v>925</v>
      </c>
      <c r="I9776">
        <v>8.64</v>
      </c>
      <c r="J9776">
        <v>3</v>
      </c>
      <c r="K9776">
        <v>4.2300000000000004</v>
      </c>
    </row>
    <row r="9777" spans="1:11" x14ac:dyDescent="0.3">
      <c r="A9777" s="1">
        <v>43082</v>
      </c>
      <c r="B9777" s="3">
        <f t="shared" si="304"/>
        <v>12</v>
      </c>
      <c r="C9777" s="3">
        <f t="shared" si="305"/>
        <v>2017</v>
      </c>
      <c r="D9777" t="s">
        <v>914</v>
      </c>
      <c r="E9777" t="s">
        <v>26</v>
      </c>
      <c r="F9777" t="s">
        <v>10</v>
      </c>
      <c r="G9777" t="s">
        <v>11</v>
      </c>
      <c r="H9777" t="s">
        <v>2271</v>
      </c>
      <c r="I9777">
        <v>38.880000000000003</v>
      </c>
      <c r="J9777">
        <v>6</v>
      </c>
      <c r="K9777">
        <v>18.66</v>
      </c>
    </row>
    <row r="9778" spans="1:11" x14ac:dyDescent="0.3">
      <c r="A9778" s="1">
        <v>43082</v>
      </c>
      <c r="B9778" s="3">
        <f t="shared" si="304"/>
        <v>12</v>
      </c>
      <c r="C9778" s="3">
        <f t="shared" si="305"/>
        <v>2017</v>
      </c>
      <c r="D9778" t="s">
        <v>914</v>
      </c>
      <c r="E9778" t="s">
        <v>26</v>
      </c>
      <c r="F9778" t="s">
        <v>33</v>
      </c>
      <c r="G9778" t="s">
        <v>46</v>
      </c>
      <c r="H9778" t="s">
        <v>1645</v>
      </c>
      <c r="I9778">
        <v>201.04</v>
      </c>
      <c r="J9778">
        <v>8</v>
      </c>
      <c r="K9778">
        <v>54.28</v>
      </c>
    </row>
    <row r="9779" spans="1:11" x14ac:dyDescent="0.3">
      <c r="A9779" s="1">
        <v>43082</v>
      </c>
      <c r="B9779" s="3">
        <f t="shared" si="304"/>
        <v>12</v>
      </c>
      <c r="C9779" s="3">
        <f t="shared" si="305"/>
        <v>2017</v>
      </c>
      <c r="D9779" t="s">
        <v>914</v>
      </c>
      <c r="E9779" t="s">
        <v>26</v>
      </c>
      <c r="F9779" t="s">
        <v>10</v>
      </c>
      <c r="G9779" t="s">
        <v>11</v>
      </c>
      <c r="H9779" t="s">
        <v>2546</v>
      </c>
      <c r="I9779">
        <v>12.96</v>
      </c>
      <c r="J9779">
        <v>2</v>
      </c>
      <c r="K9779">
        <v>6.35</v>
      </c>
    </row>
    <row r="9780" spans="1:11" x14ac:dyDescent="0.3">
      <c r="A9780" s="1">
        <v>43083</v>
      </c>
      <c r="B9780" s="3">
        <f t="shared" si="304"/>
        <v>12</v>
      </c>
      <c r="C9780" s="3">
        <f t="shared" si="305"/>
        <v>2017</v>
      </c>
      <c r="D9780" t="s">
        <v>400</v>
      </c>
      <c r="E9780" t="s">
        <v>26</v>
      </c>
      <c r="F9780" t="s">
        <v>33</v>
      </c>
      <c r="G9780" t="s">
        <v>46</v>
      </c>
      <c r="H9780" t="s">
        <v>2603</v>
      </c>
      <c r="I9780">
        <v>26.25</v>
      </c>
      <c r="J9780">
        <v>3</v>
      </c>
      <c r="K9780">
        <v>11.03</v>
      </c>
    </row>
    <row r="9781" spans="1:11" x14ac:dyDescent="0.3">
      <c r="A9781" s="1">
        <v>43083</v>
      </c>
      <c r="B9781" s="3">
        <f t="shared" si="304"/>
        <v>12</v>
      </c>
      <c r="C9781" s="3">
        <f t="shared" si="305"/>
        <v>2017</v>
      </c>
      <c r="D9781" t="s">
        <v>400</v>
      </c>
      <c r="E9781" t="s">
        <v>26</v>
      </c>
      <c r="F9781" t="s">
        <v>10</v>
      </c>
      <c r="G9781" t="s">
        <v>19</v>
      </c>
      <c r="H9781" t="s">
        <v>885</v>
      </c>
      <c r="I9781">
        <v>64.959999999999994</v>
      </c>
      <c r="J9781">
        <v>14</v>
      </c>
      <c r="K9781">
        <v>22.74</v>
      </c>
    </row>
    <row r="9782" spans="1:11" x14ac:dyDescent="0.3">
      <c r="A9782" s="1">
        <v>43083</v>
      </c>
      <c r="B9782" s="3">
        <f t="shared" si="304"/>
        <v>12</v>
      </c>
      <c r="C9782" s="3">
        <f t="shared" si="305"/>
        <v>2017</v>
      </c>
      <c r="D9782" t="s">
        <v>400</v>
      </c>
      <c r="E9782" t="s">
        <v>26</v>
      </c>
      <c r="F9782" t="s">
        <v>10</v>
      </c>
      <c r="G9782" t="s">
        <v>62</v>
      </c>
      <c r="H9782" t="s">
        <v>784</v>
      </c>
      <c r="I9782">
        <v>43.7</v>
      </c>
      <c r="J9782">
        <v>5</v>
      </c>
      <c r="K9782">
        <v>20.54</v>
      </c>
    </row>
    <row r="9783" spans="1:11" x14ac:dyDescent="0.3">
      <c r="A9783" s="1">
        <v>43083</v>
      </c>
      <c r="B9783" s="3">
        <f t="shared" si="304"/>
        <v>12</v>
      </c>
      <c r="C9783" s="3">
        <f t="shared" si="305"/>
        <v>2017</v>
      </c>
      <c r="D9783" t="s">
        <v>511</v>
      </c>
      <c r="E9783" t="s">
        <v>14</v>
      </c>
      <c r="F9783" t="s">
        <v>38</v>
      </c>
      <c r="G9783" t="s">
        <v>51</v>
      </c>
      <c r="H9783" t="s">
        <v>543</v>
      </c>
      <c r="I9783">
        <v>227.98</v>
      </c>
      <c r="J9783">
        <v>3</v>
      </c>
      <c r="K9783">
        <v>28.5</v>
      </c>
    </row>
    <row r="9784" spans="1:11" x14ac:dyDescent="0.3">
      <c r="A9784" s="1">
        <v>43083</v>
      </c>
      <c r="B9784" s="3">
        <f t="shared" si="304"/>
        <v>12</v>
      </c>
      <c r="C9784" s="3">
        <f t="shared" si="305"/>
        <v>2017</v>
      </c>
      <c r="D9784" t="s">
        <v>511</v>
      </c>
      <c r="E9784" t="s">
        <v>14</v>
      </c>
      <c r="F9784" t="s">
        <v>38</v>
      </c>
      <c r="G9784" t="s">
        <v>39</v>
      </c>
      <c r="H9784" t="s">
        <v>1763</v>
      </c>
      <c r="I9784">
        <v>52.68</v>
      </c>
      <c r="J9784">
        <v>3</v>
      </c>
      <c r="K9784">
        <v>19.760000000000002</v>
      </c>
    </row>
    <row r="9785" spans="1:11" x14ac:dyDescent="0.3">
      <c r="A9785" s="1">
        <v>43083</v>
      </c>
      <c r="B9785" s="3">
        <f t="shared" si="304"/>
        <v>12</v>
      </c>
      <c r="C9785" s="3">
        <f t="shared" si="305"/>
        <v>2017</v>
      </c>
      <c r="D9785" t="s">
        <v>511</v>
      </c>
      <c r="E9785" t="s">
        <v>14</v>
      </c>
      <c r="F9785" t="s">
        <v>33</v>
      </c>
      <c r="G9785" t="s">
        <v>46</v>
      </c>
      <c r="H9785" t="s">
        <v>2396</v>
      </c>
      <c r="I9785">
        <v>2.0299999999999998</v>
      </c>
      <c r="J9785">
        <v>1</v>
      </c>
      <c r="K9785">
        <v>-1.32</v>
      </c>
    </row>
    <row r="9786" spans="1:11" x14ac:dyDescent="0.3">
      <c r="A9786" s="1">
        <v>43083</v>
      </c>
      <c r="B9786" s="3">
        <f t="shared" si="304"/>
        <v>12</v>
      </c>
      <c r="C9786" s="3">
        <f t="shared" si="305"/>
        <v>2017</v>
      </c>
      <c r="D9786" t="s">
        <v>816</v>
      </c>
      <c r="E9786" t="s">
        <v>100</v>
      </c>
      <c r="F9786" t="s">
        <v>38</v>
      </c>
      <c r="G9786" t="s">
        <v>51</v>
      </c>
      <c r="H9786" t="s">
        <v>1938</v>
      </c>
      <c r="I9786">
        <v>159.80000000000001</v>
      </c>
      <c r="J9786">
        <v>4</v>
      </c>
      <c r="K9786">
        <v>70.31</v>
      </c>
    </row>
    <row r="9787" spans="1:11" x14ac:dyDescent="0.3">
      <c r="A9787" s="1">
        <v>43083</v>
      </c>
      <c r="B9787" s="3">
        <f t="shared" si="304"/>
        <v>12</v>
      </c>
      <c r="C9787" s="3">
        <f t="shared" si="305"/>
        <v>2017</v>
      </c>
      <c r="D9787" t="s">
        <v>816</v>
      </c>
      <c r="E9787" t="s">
        <v>100</v>
      </c>
      <c r="F9787" t="s">
        <v>38</v>
      </c>
      <c r="G9787" t="s">
        <v>51</v>
      </c>
      <c r="H9787" t="s">
        <v>1421</v>
      </c>
      <c r="I9787">
        <v>44.75</v>
      </c>
      <c r="J9787">
        <v>5</v>
      </c>
      <c r="K9787">
        <v>8.5</v>
      </c>
    </row>
    <row r="9788" spans="1:11" x14ac:dyDescent="0.3">
      <c r="A9788" s="1">
        <v>43083</v>
      </c>
      <c r="B9788" s="3">
        <f t="shared" si="304"/>
        <v>12</v>
      </c>
      <c r="C9788" s="3">
        <f t="shared" si="305"/>
        <v>2017</v>
      </c>
      <c r="D9788" t="s">
        <v>566</v>
      </c>
      <c r="E9788" t="s">
        <v>9</v>
      </c>
      <c r="F9788" t="s">
        <v>33</v>
      </c>
      <c r="G9788" t="s">
        <v>144</v>
      </c>
      <c r="H9788" t="s">
        <v>1702</v>
      </c>
      <c r="I9788">
        <v>974.99</v>
      </c>
      <c r="J9788">
        <v>4</v>
      </c>
      <c r="K9788">
        <v>-97.5</v>
      </c>
    </row>
    <row r="9789" spans="1:11" x14ac:dyDescent="0.3">
      <c r="A9789" s="1">
        <v>43083</v>
      </c>
      <c r="B9789" s="3">
        <f t="shared" si="304"/>
        <v>12</v>
      </c>
      <c r="C9789" s="3">
        <f t="shared" si="305"/>
        <v>2017</v>
      </c>
      <c r="D9789" t="s">
        <v>226</v>
      </c>
      <c r="E9789" t="s">
        <v>14</v>
      </c>
      <c r="F9789" t="s">
        <v>33</v>
      </c>
      <c r="G9789" t="s">
        <v>46</v>
      </c>
      <c r="H9789" t="s">
        <v>189</v>
      </c>
      <c r="I9789">
        <v>266.35000000000002</v>
      </c>
      <c r="J9789">
        <v>6</v>
      </c>
      <c r="K9789">
        <v>-292.99</v>
      </c>
    </row>
    <row r="9790" spans="1:11" x14ac:dyDescent="0.3">
      <c r="A9790" s="1">
        <v>43083</v>
      </c>
      <c r="B9790" s="3">
        <f t="shared" si="304"/>
        <v>12</v>
      </c>
      <c r="C9790" s="3">
        <f t="shared" si="305"/>
        <v>2017</v>
      </c>
      <c r="D9790" t="s">
        <v>226</v>
      </c>
      <c r="E9790" t="s">
        <v>14</v>
      </c>
      <c r="F9790" t="s">
        <v>33</v>
      </c>
      <c r="G9790" t="s">
        <v>46</v>
      </c>
      <c r="H9790" t="s">
        <v>534</v>
      </c>
      <c r="I9790">
        <v>56.33</v>
      </c>
      <c r="J9790">
        <v>3</v>
      </c>
      <c r="K9790">
        <v>-26.76</v>
      </c>
    </row>
    <row r="9791" spans="1:11" x14ac:dyDescent="0.3">
      <c r="A9791" s="1">
        <v>43083</v>
      </c>
      <c r="B9791" s="3">
        <f t="shared" si="304"/>
        <v>12</v>
      </c>
      <c r="C9791" s="3">
        <f t="shared" si="305"/>
        <v>2017</v>
      </c>
      <c r="D9791" t="s">
        <v>226</v>
      </c>
      <c r="E9791" t="s">
        <v>14</v>
      </c>
      <c r="F9791" t="s">
        <v>38</v>
      </c>
      <c r="G9791" t="s">
        <v>51</v>
      </c>
      <c r="H9791" t="s">
        <v>1067</v>
      </c>
      <c r="I9791">
        <v>39.26</v>
      </c>
      <c r="J9791">
        <v>3</v>
      </c>
      <c r="K9791">
        <v>-4.91</v>
      </c>
    </row>
    <row r="9792" spans="1:11" x14ac:dyDescent="0.3">
      <c r="A9792" s="1">
        <v>43083</v>
      </c>
      <c r="B9792" s="3">
        <f t="shared" si="304"/>
        <v>12</v>
      </c>
      <c r="C9792" s="3">
        <f t="shared" si="305"/>
        <v>2017</v>
      </c>
      <c r="D9792" t="s">
        <v>226</v>
      </c>
      <c r="E9792" t="s">
        <v>14</v>
      </c>
      <c r="F9792" t="s">
        <v>10</v>
      </c>
      <c r="G9792" t="s">
        <v>23</v>
      </c>
      <c r="H9792" t="s">
        <v>525</v>
      </c>
      <c r="I9792">
        <v>95.23</v>
      </c>
      <c r="J9792">
        <v>6</v>
      </c>
      <c r="K9792">
        <v>25</v>
      </c>
    </row>
    <row r="9793" spans="1:11" x14ac:dyDescent="0.3">
      <c r="A9793" s="1">
        <v>43083</v>
      </c>
      <c r="B9793" s="3">
        <f t="shared" si="304"/>
        <v>12</v>
      </c>
      <c r="C9793" s="3">
        <f t="shared" si="305"/>
        <v>2017</v>
      </c>
      <c r="D9793" t="s">
        <v>529</v>
      </c>
      <c r="E9793" t="s">
        <v>433</v>
      </c>
      <c r="F9793" t="s">
        <v>38</v>
      </c>
      <c r="G9793" t="s">
        <v>602</v>
      </c>
      <c r="H9793" t="s">
        <v>1347</v>
      </c>
      <c r="I9793">
        <v>1199.98</v>
      </c>
      <c r="J9793">
        <v>2</v>
      </c>
      <c r="K9793">
        <v>467.99</v>
      </c>
    </row>
    <row r="9794" spans="1:11" x14ac:dyDescent="0.3">
      <c r="A9794" s="1">
        <v>43083</v>
      </c>
      <c r="B9794" s="3">
        <f t="shared" ref="B9794:B9857" si="306">MONTH(A:A)</f>
        <v>12</v>
      </c>
      <c r="C9794" s="3">
        <f t="shared" ref="C9794:C9857" si="307">YEAR(A:A)</f>
        <v>2017</v>
      </c>
      <c r="D9794" t="s">
        <v>529</v>
      </c>
      <c r="E9794" t="s">
        <v>433</v>
      </c>
      <c r="F9794" t="s">
        <v>10</v>
      </c>
      <c r="G9794" t="s">
        <v>17</v>
      </c>
      <c r="H9794" t="s">
        <v>1850</v>
      </c>
      <c r="I9794">
        <v>73.849999999999994</v>
      </c>
      <c r="J9794">
        <v>1</v>
      </c>
      <c r="K9794">
        <v>2.2200000000000002</v>
      </c>
    </row>
    <row r="9795" spans="1:11" x14ac:dyDescent="0.3">
      <c r="A9795" s="1">
        <v>43083</v>
      </c>
      <c r="B9795" s="3">
        <f t="shared" si="306"/>
        <v>12</v>
      </c>
      <c r="C9795" s="3">
        <f t="shared" si="307"/>
        <v>2017</v>
      </c>
      <c r="D9795" t="s">
        <v>529</v>
      </c>
      <c r="E9795" t="s">
        <v>433</v>
      </c>
      <c r="F9795" t="s">
        <v>10</v>
      </c>
      <c r="G9795" t="s">
        <v>199</v>
      </c>
      <c r="H9795" t="s">
        <v>781</v>
      </c>
      <c r="I9795">
        <v>25.71</v>
      </c>
      <c r="J9795">
        <v>3</v>
      </c>
      <c r="K9795">
        <v>6.68</v>
      </c>
    </row>
    <row r="9796" spans="1:11" x14ac:dyDescent="0.3">
      <c r="A9796" s="1">
        <v>43083</v>
      </c>
      <c r="B9796" s="3">
        <f t="shared" si="306"/>
        <v>12</v>
      </c>
      <c r="C9796" s="3">
        <f t="shared" si="307"/>
        <v>2017</v>
      </c>
      <c r="D9796" t="s">
        <v>529</v>
      </c>
      <c r="E9796" t="s">
        <v>433</v>
      </c>
      <c r="F9796" t="s">
        <v>10</v>
      </c>
      <c r="G9796" t="s">
        <v>42</v>
      </c>
      <c r="H9796" t="s">
        <v>505</v>
      </c>
      <c r="I9796">
        <v>17.28</v>
      </c>
      <c r="J9796">
        <v>6</v>
      </c>
      <c r="K9796">
        <v>8.1199999999999992</v>
      </c>
    </row>
    <row r="9797" spans="1:11" x14ac:dyDescent="0.3">
      <c r="A9797" s="1">
        <v>43083</v>
      </c>
      <c r="B9797" s="3">
        <f t="shared" si="306"/>
        <v>12</v>
      </c>
      <c r="C9797" s="3">
        <f t="shared" si="307"/>
        <v>2017</v>
      </c>
      <c r="D9797" t="s">
        <v>529</v>
      </c>
      <c r="E9797" t="s">
        <v>433</v>
      </c>
      <c r="F9797" t="s">
        <v>33</v>
      </c>
      <c r="G9797" t="s">
        <v>144</v>
      </c>
      <c r="H9797" t="s">
        <v>319</v>
      </c>
      <c r="I9797">
        <v>526.58000000000004</v>
      </c>
      <c r="J9797">
        <v>2</v>
      </c>
      <c r="K9797">
        <v>-52.66</v>
      </c>
    </row>
    <row r="9798" spans="1:11" x14ac:dyDescent="0.3">
      <c r="A9798" s="1">
        <v>43084</v>
      </c>
      <c r="B9798" s="3">
        <f t="shared" si="306"/>
        <v>12</v>
      </c>
      <c r="C9798" s="3">
        <f t="shared" si="307"/>
        <v>2017</v>
      </c>
      <c r="D9798" t="s">
        <v>1540</v>
      </c>
      <c r="E9798" t="s">
        <v>163</v>
      </c>
      <c r="F9798" t="s">
        <v>33</v>
      </c>
      <c r="G9798" t="s">
        <v>46</v>
      </c>
      <c r="H9798" t="s">
        <v>1832</v>
      </c>
      <c r="I9798">
        <v>22.77</v>
      </c>
      <c r="J9798">
        <v>3</v>
      </c>
      <c r="K9798">
        <v>9.7899999999999991</v>
      </c>
    </row>
    <row r="9799" spans="1:11" x14ac:dyDescent="0.3">
      <c r="A9799" s="1">
        <v>43084</v>
      </c>
      <c r="B9799" s="3">
        <f t="shared" si="306"/>
        <v>12</v>
      </c>
      <c r="C9799" s="3">
        <f t="shared" si="307"/>
        <v>2017</v>
      </c>
      <c r="D9799" t="s">
        <v>1679</v>
      </c>
      <c r="E9799" t="s">
        <v>14</v>
      </c>
      <c r="F9799" t="s">
        <v>10</v>
      </c>
      <c r="G9799" t="s">
        <v>23</v>
      </c>
      <c r="H9799" t="s">
        <v>2373</v>
      </c>
      <c r="I9799">
        <v>10.19</v>
      </c>
      <c r="J9799">
        <v>7</v>
      </c>
      <c r="K9799">
        <v>1.02</v>
      </c>
    </row>
    <row r="9800" spans="1:11" x14ac:dyDescent="0.3">
      <c r="A9800" s="1">
        <v>43084</v>
      </c>
      <c r="B9800" s="3">
        <f t="shared" si="306"/>
        <v>12</v>
      </c>
      <c r="C9800" s="3">
        <f t="shared" si="307"/>
        <v>2017</v>
      </c>
      <c r="D9800" t="s">
        <v>1821</v>
      </c>
      <c r="E9800" t="s">
        <v>26</v>
      </c>
      <c r="F9800" t="s">
        <v>10</v>
      </c>
      <c r="G9800" t="s">
        <v>11</v>
      </c>
      <c r="H9800" t="s">
        <v>984</v>
      </c>
      <c r="I9800">
        <v>22.83</v>
      </c>
      <c r="J9800">
        <v>3</v>
      </c>
      <c r="K9800">
        <v>10.73</v>
      </c>
    </row>
    <row r="9801" spans="1:11" x14ac:dyDescent="0.3">
      <c r="A9801" s="1">
        <v>43084</v>
      </c>
      <c r="B9801" s="3">
        <f t="shared" si="306"/>
        <v>12</v>
      </c>
      <c r="C9801" s="3">
        <f t="shared" si="307"/>
        <v>2017</v>
      </c>
      <c r="D9801" t="s">
        <v>1821</v>
      </c>
      <c r="E9801" t="s">
        <v>26</v>
      </c>
      <c r="F9801" t="s">
        <v>10</v>
      </c>
      <c r="G9801" t="s">
        <v>91</v>
      </c>
      <c r="H9801" t="s">
        <v>2651</v>
      </c>
      <c r="I9801">
        <v>54.32</v>
      </c>
      <c r="J9801">
        <v>4</v>
      </c>
      <c r="K9801">
        <v>16.3</v>
      </c>
    </row>
    <row r="9802" spans="1:11" x14ac:dyDescent="0.3">
      <c r="A9802" s="1">
        <v>43084</v>
      </c>
      <c r="B9802" s="3">
        <f t="shared" si="306"/>
        <v>12</v>
      </c>
      <c r="C9802" s="3">
        <f t="shared" si="307"/>
        <v>2017</v>
      </c>
      <c r="D9802" t="s">
        <v>1821</v>
      </c>
      <c r="E9802" t="s">
        <v>26</v>
      </c>
      <c r="F9802" t="s">
        <v>38</v>
      </c>
      <c r="G9802" t="s">
        <v>39</v>
      </c>
      <c r="H9802" t="s">
        <v>1223</v>
      </c>
      <c r="I9802">
        <v>196.78</v>
      </c>
      <c r="J9802">
        <v>3</v>
      </c>
      <c r="K9802">
        <v>14.76</v>
      </c>
    </row>
    <row r="9803" spans="1:11" x14ac:dyDescent="0.3">
      <c r="A9803" s="1">
        <v>43085</v>
      </c>
      <c r="B9803" s="3">
        <f t="shared" si="306"/>
        <v>12</v>
      </c>
      <c r="C9803" s="3">
        <f t="shared" si="307"/>
        <v>2017</v>
      </c>
      <c r="D9803" t="s">
        <v>477</v>
      </c>
      <c r="E9803" t="s">
        <v>26</v>
      </c>
      <c r="F9803" t="s">
        <v>33</v>
      </c>
      <c r="G9803" t="s">
        <v>34</v>
      </c>
      <c r="H9803" t="s">
        <v>1424</v>
      </c>
      <c r="I9803">
        <v>81.569999999999993</v>
      </c>
      <c r="J9803">
        <v>2</v>
      </c>
      <c r="K9803">
        <v>9.18</v>
      </c>
    </row>
    <row r="9804" spans="1:11" x14ac:dyDescent="0.3">
      <c r="A9804" s="1">
        <v>43085</v>
      </c>
      <c r="B9804" s="3">
        <f t="shared" si="306"/>
        <v>12</v>
      </c>
      <c r="C9804" s="3">
        <f t="shared" si="307"/>
        <v>2017</v>
      </c>
      <c r="D9804" t="s">
        <v>477</v>
      </c>
      <c r="E9804" t="s">
        <v>26</v>
      </c>
      <c r="F9804" t="s">
        <v>33</v>
      </c>
      <c r="G9804" t="s">
        <v>34</v>
      </c>
      <c r="H9804" t="s">
        <v>1065</v>
      </c>
      <c r="I9804">
        <v>97.18</v>
      </c>
      <c r="J9804">
        <v>2</v>
      </c>
      <c r="K9804">
        <v>6.07</v>
      </c>
    </row>
    <row r="9805" spans="1:11" x14ac:dyDescent="0.3">
      <c r="A9805" s="1">
        <v>43085</v>
      </c>
      <c r="B9805" s="3">
        <f t="shared" si="306"/>
        <v>12</v>
      </c>
      <c r="C9805" s="3">
        <f t="shared" si="307"/>
        <v>2017</v>
      </c>
      <c r="D9805" t="s">
        <v>477</v>
      </c>
      <c r="E9805" t="s">
        <v>26</v>
      </c>
      <c r="F9805" t="s">
        <v>10</v>
      </c>
      <c r="G9805" t="s">
        <v>19</v>
      </c>
      <c r="H9805" t="s">
        <v>1201</v>
      </c>
      <c r="I9805">
        <v>24.32</v>
      </c>
      <c r="J9805">
        <v>5</v>
      </c>
      <c r="K9805">
        <v>8.2100000000000009</v>
      </c>
    </row>
    <row r="9806" spans="1:11" x14ac:dyDescent="0.3">
      <c r="A9806" s="1">
        <v>43085</v>
      </c>
      <c r="B9806" s="3">
        <f t="shared" si="306"/>
        <v>12</v>
      </c>
      <c r="C9806" s="3">
        <f t="shared" si="307"/>
        <v>2017</v>
      </c>
      <c r="D9806" t="s">
        <v>477</v>
      </c>
      <c r="E9806" t="s">
        <v>26</v>
      </c>
      <c r="F9806" t="s">
        <v>33</v>
      </c>
      <c r="G9806" t="s">
        <v>46</v>
      </c>
      <c r="H9806" t="s">
        <v>2048</v>
      </c>
      <c r="I9806">
        <v>18.96</v>
      </c>
      <c r="J9806">
        <v>2</v>
      </c>
      <c r="K9806">
        <v>7.58</v>
      </c>
    </row>
    <row r="9807" spans="1:11" x14ac:dyDescent="0.3">
      <c r="A9807" s="1">
        <v>43085</v>
      </c>
      <c r="B9807" s="3">
        <f t="shared" si="306"/>
        <v>12</v>
      </c>
      <c r="C9807" s="3">
        <f t="shared" si="307"/>
        <v>2017</v>
      </c>
      <c r="D9807" t="s">
        <v>600</v>
      </c>
      <c r="E9807" t="s">
        <v>839</v>
      </c>
      <c r="F9807" t="s">
        <v>10</v>
      </c>
      <c r="G9807" t="s">
        <v>19</v>
      </c>
      <c r="H9807" t="s">
        <v>1646</v>
      </c>
      <c r="I9807">
        <v>10.8</v>
      </c>
      <c r="J9807">
        <v>5</v>
      </c>
      <c r="K9807">
        <v>5.18</v>
      </c>
    </row>
    <row r="9808" spans="1:11" x14ac:dyDescent="0.3">
      <c r="A9808" s="1">
        <v>43085</v>
      </c>
      <c r="B9808" s="3">
        <f t="shared" si="306"/>
        <v>12</v>
      </c>
      <c r="C9808" s="3">
        <f t="shared" si="307"/>
        <v>2017</v>
      </c>
      <c r="D9808" t="s">
        <v>1512</v>
      </c>
      <c r="E9808" t="s">
        <v>148</v>
      </c>
      <c r="F9808" t="s">
        <v>10</v>
      </c>
      <c r="G9808" t="s">
        <v>19</v>
      </c>
      <c r="H9808" t="s">
        <v>578</v>
      </c>
      <c r="I9808">
        <v>33.380000000000003</v>
      </c>
      <c r="J9808">
        <v>4</v>
      </c>
      <c r="K9808">
        <v>10.43</v>
      </c>
    </row>
    <row r="9809" spans="1:11" x14ac:dyDescent="0.3">
      <c r="A9809" s="1">
        <v>43085</v>
      </c>
      <c r="B9809" s="3">
        <f t="shared" si="306"/>
        <v>12</v>
      </c>
      <c r="C9809" s="3">
        <f t="shared" si="307"/>
        <v>2017</v>
      </c>
      <c r="D9809" t="s">
        <v>300</v>
      </c>
      <c r="E9809" t="s">
        <v>26</v>
      </c>
      <c r="F9809" t="s">
        <v>10</v>
      </c>
      <c r="G9809" t="s">
        <v>11</v>
      </c>
      <c r="H9809" t="s">
        <v>440</v>
      </c>
      <c r="I9809">
        <v>13.36</v>
      </c>
      <c r="J9809">
        <v>2</v>
      </c>
      <c r="K9809">
        <v>6.41</v>
      </c>
    </row>
    <row r="9810" spans="1:11" x14ac:dyDescent="0.3">
      <c r="A9810" s="1">
        <v>43085</v>
      </c>
      <c r="B9810" s="3">
        <f t="shared" si="306"/>
        <v>12</v>
      </c>
      <c r="C9810" s="3">
        <f t="shared" si="307"/>
        <v>2017</v>
      </c>
      <c r="D9810" t="s">
        <v>300</v>
      </c>
      <c r="E9810" t="s">
        <v>26</v>
      </c>
      <c r="F9810" t="s">
        <v>10</v>
      </c>
      <c r="G9810" t="s">
        <v>17</v>
      </c>
      <c r="H9810" t="s">
        <v>1059</v>
      </c>
      <c r="I9810">
        <v>158.9</v>
      </c>
      <c r="J9810">
        <v>5</v>
      </c>
      <c r="K9810">
        <v>7.95</v>
      </c>
    </row>
    <row r="9811" spans="1:11" x14ac:dyDescent="0.3">
      <c r="A9811" s="1">
        <v>43085</v>
      </c>
      <c r="B9811" s="3">
        <f t="shared" si="306"/>
        <v>12</v>
      </c>
      <c r="C9811" s="3">
        <f t="shared" si="307"/>
        <v>2017</v>
      </c>
      <c r="D9811" t="s">
        <v>2146</v>
      </c>
      <c r="E9811" t="s">
        <v>26</v>
      </c>
      <c r="F9811" t="s">
        <v>10</v>
      </c>
      <c r="G9811" t="s">
        <v>19</v>
      </c>
      <c r="H9811" t="s">
        <v>1489</v>
      </c>
      <c r="I9811">
        <v>5.98</v>
      </c>
      <c r="J9811">
        <v>2</v>
      </c>
      <c r="K9811">
        <v>2.2400000000000002</v>
      </c>
    </row>
    <row r="9812" spans="1:11" x14ac:dyDescent="0.3">
      <c r="A9812" s="1">
        <v>43085</v>
      </c>
      <c r="B9812" s="3">
        <f t="shared" si="306"/>
        <v>12</v>
      </c>
      <c r="C9812" s="3">
        <f t="shared" si="307"/>
        <v>2017</v>
      </c>
      <c r="D9812" t="s">
        <v>2146</v>
      </c>
      <c r="E9812" t="s">
        <v>26</v>
      </c>
      <c r="F9812" t="s">
        <v>38</v>
      </c>
      <c r="G9812" t="s">
        <v>51</v>
      </c>
      <c r="H9812" t="s">
        <v>1873</v>
      </c>
      <c r="I9812">
        <v>189.95</v>
      </c>
      <c r="J9812">
        <v>5</v>
      </c>
      <c r="K9812">
        <v>45.59</v>
      </c>
    </row>
    <row r="9813" spans="1:11" x14ac:dyDescent="0.3">
      <c r="A9813" s="1">
        <v>43085</v>
      </c>
      <c r="B9813" s="3">
        <f t="shared" si="306"/>
        <v>12</v>
      </c>
      <c r="C9813" s="3">
        <f t="shared" si="307"/>
        <v>2017</v>
      </c>
      <c r="D9813" t="s">
        <v>2146</v>
      </c>
      <c r="E9813" t="s">
        <v>26</v>
      </c>
      <c r="F9813" t="s">
        <v>38</v>
      </c>
      <c r="G9813" t="s">
        <v>51</v>
      </c>
      <c r="H9813" t="s">
        <v>2277</v>
      </c>
      <c r="I9813">
        <v>149.94999999999999</v>
      </c>
      <c r="J9813">
        <v>5</v>
      </c>
      <c r="K9813">
        <v>31.49</v>
      </c>
    </row>
    <row r="9814" spans="1:11" x14ac:dyDescent="0.3">
      <c r="A9814" s="1">
        <v>43085</v>
      </c>
      <c r="B9814" s="3">
        <f t="shared" si="306"/>
        <v>12</v>
      </c>
      <c r="C9814" s="3">
        <f t="shared" si="307"/>
        <v>2017</v>
      </c>
      <c r="D9814" t="s">
        <v>2146</v>
      </c>
      <c r="E9814" t="s">
        <v>26</v>
      </c>
      <c r="F9814" t="s">
        <v>10</v>
      </c>
      <c r="G9814" t="s">
        <v>23</v>
      </c>
      <c r="H9814" t="s">
        <v>2675</v>
      </c>
      <c r="I9814">
        <v>29.95</v>
      </c>
      <c r="J9814">
        <v>5</v>
      </c>
      <c r="K9814">
        <v>8.69</v>
      </c>
    </row>
    <row r="9815" spans="1:11" x14ac:dyDescent="0.3">
      <c r="A9815" s="1">
        <v>43085</v>
      </c>
      <c r="B9815" s="3">
        <f t="shared" si="306"/>
        <v>12</v>
      </c>
      <c r="C9815" s="3">
        <f t="shared" si="307"/>
        <v>2017</v>
      </c>
      <c r="D9815" t="s">
        <v>2146</v>
      </c>
      <c r="E9815" t="s">
        <v>26</v>
      </c>
      <c r="F9815" t="s">
        <v>10</v>
      </c>
      <c r="G9815" t="s">
        <v>15</v>
      </c>
      <c r="H9815" t="s">
        <v>1541</v>
      </c>
      <c r="I9815">
        <v>44.4</v>
      </c>
      <c r="J9815">
        <v>3</v>
      </c>
      <c r="K9815">
        <v>22.2</v>
      </c>
    </row>
    <row r="9816" spans="1:11" x14ac:dyDescent="0.3">
      <c r="A9816" s="1">
        <v>43086</v>
      </c>
      <c r="B9816" s="3">
        <f t="shared" si="306"/>
        <v>12</v>
      </c>
      <c r="C9816" s="3">
        <f t="shared" si="307"/>
        <v>2017</v>
      </c>
      <c r="D9816" t="s">
        <v>1262</v>
      </c>
      <c r="E9816" t="s">
        <v>9</v>
      </c>
      <c r="F9816" t="s">
        <v>10</v>
      </c>
      <c r="G9816" t="s">
        <v>91</v>
      </c>
      <c r="H9816" t="s">
        <v>1414</v>
      </c>
      <c r="I9816">
        <v>66.28</v>
      </c>
      <c r="J9816">
        <v>2</v>
      </c>
      <c r="K9816">
        <v>-178.97</v>
      </c>
    </row>
    <row r="9817" spans="1:11" x14ac:dyDescent="0.3">
      <c r="A9817" s="1">
        <v>43086</v>
      </c>
      <c r="B9817" s="3">
        <f t="shared" si="306"/>
        <v>12</v>
      </c>
      <c r="C9817" s="3">
        <f t="shared" si="307"/>
        <v>2017</v>
      </c>
      <c r="D9817" t="s">
        <v>1262</v>
      </c>
      <c r="E9817" t="s">
        <v>26</v>
      </c>
      <c r="F9817" t="s">
        <v>10</v>
      </c>
      <c r="G9817" t="s">
        <v>19</v>
      </c>
      <c r="H9817" t="s">
        <v>112</v>
      </c>
      <c r="I9817">
        <v>15.24</v>
      </c>
      <c r="J9817">
        <v>5</v>
      </c>
      <c r="K9817">
        <v>5.14</v>
      </c>
    </row>
    <row r="9818" spans="1:11" x14ac:dyDescent="0.3">
      <c r="A9818" s="1">
        <v>43086</v>
      </c>
      <c r="B9818" s="3">
        <f t="shared" si="306"/>
        <v>12</v>
      </c>
      <c r="C9818" s="3">
        <f t="shared" si="307"/>
        <v>2017</v>
      </c>
      <c r="D9818" t="s">
        <v>1262</v>
      </c>
      <c r="E9818" t="s">
        <v>26</v>
      </c>
      <c r="F9818" t="s">
        <v>10</v>
      </c>
      <c r="G9818" t="s">
        <v>11</v>
      </c>
      <c r="H9818" t="s">
        <v>1986</v>
      </c>
      <c r="I9818">
        <v>13.23</v>
      </c>
      <c r="J9818">
        <v>3</v>
      </c>
      <c r="K9818">
        <v>6.09</v>
      </c>
    </row>
    <row r="9819" spans="1:11" x14ac:dyDescent="0.3">
      <c r="A9819" s="1">
        <v>43086</v>
      </c>
      <c r="B9819" s="3">
        <f t="shared" si="306"/>
        <v>12</v>
      </c>
      <c r="C9819" s="3">
        <f t="shared" si="307"/>
        <v>2017</v>
      </c>
      <c r="D9819" t="s">
        <v>227</v>
      </c>
      <c r="E9819" t="s">
        <v>26</v>
      </c>
      <c r="F9819" t="s">
        <v>10</v>
      </c>
      <c r="G9819" t="s">
        <v>19</v>
      </c>
      <c r="H9819" t="s">
        <v>221</v>
      </c>
      <c r="I9819">
        <v>11.81</v>
      </c>
      <c r="J9819">
        <v>2</v>
      </c>
      <c r="K9819">
        <v>4.28</v>
      </c>
    </row>
    <row r="9820" spans="1:11" x14ac:dyDescent="0.3">
      <c r="A9820" s="1">
        <v>43086</v>
      </c>
      <c r="B9820" s="3">
        <f t="shared" si="306"/>
        <v>12</v>
      </c>
      <c r="C9820" s="3">
        <f t="shared" si="307"/>
        <v>2017</v>
      </c>
      <c r="D9820" t="s">
        <v>229</v>
      </c>
      <c r="E9820" t="s">
        <v>128</v>
      </c>
      <c r="F9820" t="s">
        <v>10</v>
      </c>
      <c r="G9820" t="s">
        <v>11</v>
      </c>
      <c r="H9820" t="s">
        <v>2550</v>
      </c>
      <c r="I9820">
        <v>28.16</v>
      </c>
      <c r="J9820">
        <v>4</v>
      </c>
      <c r="K9820">
        <v>13.24</v>
      </c>
    </row>
    <row r="9821" spans="1:11" x14ac:dyDescent="0.3">
      <c r="A9821" s="1">
        <v>43086</v>
      </c>
      <c r="B9821" s="3">
        <f t="shared" si="306"/>
        <v>12</v>
      </c>
      <c r="C9821" s="3">
        <f t="shared" si="307"/>
        <v>2017</v>
      </c>
      <c r="D9821" t="s">
        <v>586</v>
      </c>
      <c r="E9821" t="s">
        <v>54</v>
      </c>
      <c r="F9821" t="s">
        <v>33</v>
      </c>
      <c r="G9821" t="s">
        <v>34</v>
      </c>
      <c r="H9821" t="s">
        <v>2403</v>
      </c>
      <c r="I9821">
        <v>504.9</v>
      </c>
      <c r="J9821">
        <v>5</v>
      </c>
      <c r="K9821">
        <v>80.78</v>
      </c>
    </row>
    <row r="9822" spans="1:11" x14ac:dyDescent="0.3">
      <c r="A9822" s="1">
        <v>43086</v>
      </c>
      <c r="B9822" s="3">
        <f t="shared" si="306"/>
        <v>12</v>
      </c>
      <c r="C9822" s="3">
        <f t="shared" si="307"/>
        <v>2017</v>
      </c>
      <c r="D9822" t="s">
        <v>2110</v>
      </c>
      <c r="E9822" t="s">
        <v>54</v>
      </c>
      <c r="F9822" t="s">
        <v>10</v>
      </c>
      <c r="G9822" t="s">
        <v>17</v>
      </c>
      <c r="H9822" t="s">
        <v>1548</v>
      </c>
      <c r="I9822">
        <v>544.38</v>
      </c>
      <c r="J9822">
        <v>3</v>
      </c>
      <c r="K9822">
        <v>157.87</v>
      </c>
    </row>
    <row r="9823" spans="1:11" x14ac:dyDescent="0.3">
      <c r="A9823" s="1">
        <v>43086</v>
      </c>
      <c r="B9823" s="3">
        <f t="shared" si="306"/>
        <v>12</v>
      </c>
      <c r="C9823" s="3">
        <f t="shared" si="307"/>
        <v>2017</v>
      </c>
      <c r="D9823" t="s">
        <v>966</v>
      </c>
      <c r="E9823" t="s">
        <v>26</v>
      </c>
      <c r="F9823" t="s">
        <v>10</v>
      </c>
      <c r="G9823" t="s">
        <v>17</v>
      </c>
      <c r="H9823" t="s">
        <v>2147</v>
      </c>
      <c r="I9823">
        <v>481.32</v>
      </c>
      <c r="J9823">
        <v>4</v>
      </c>
      <c r="K9823">
        <v>125.14</v>
      </c>
    </row>
    <row r="9824" spans="1:11" x14ac:dyDescent="0.3">
      <c r="A9824" s="1">
        <v>43086</v>
      </c>
      <c r="B9824" s="3">
        <f t="shared" si="306"/>
        <v>12</v>
      </c>
      <c r="C9824" s="3">
        <f t="shared" si="307"/>
        <v>2017</v>
      </c>
      <c r="D9824" t="s">
        <v>966</v>
      </c>
      <c r="E9824" t="s">
        <v>26</v>
      </c>
      <c r="F9824" t="s">
        <v>10</v>
      </c>
      <c r="G9824" t="s">
        <v>199</v>
      </c>
      <c r="H9824" t="s">
        <v>2079</v>
      </c>
      <c r="I9824">
        <v>13.98</v>
      </c>
      <c r="J9824">
        <v>1</v>
      </c>
      <c r="K9824">
        <v>3.63</v>
      </c>
    </row>
    <row r="9825" spans="1:11" x14ac:dyDescent="0.3">
      <c r="A9825" s="1">
        <v>43086</v>
      </c>
      <c r="B9825" s="3">
        <f t="shared" si="306"/>
        <v>12</v>
      </c>
      <c r="C9825" s="3">
        <f t="shared" si="307"/>
        <v>2017</v>
      </c>
      <c r="D9825" t="s">
        <v>1195</v>
      </c>
      <c r="E9825" t="s">
        <v>148</v>
      </c>
      <c r="F9825" t="s">
        <v>10</v>
      </c>
      <c r="G9825" t="s">
        <v>17</v>
      </c>
      <c r="H9825" t="s">
        <v>752</v>
      </c>
      <c r="I9825">
        <v>166.72</v>
      </c>
      <c r="J9825">
        <v>2</v>
      </c>
      <c r="K9825">
        <v>41.68</v>
      </c>
    </row>
    <row r="9826" spans="1:11" x14ac:dyDescent="0.3">
      <c r="A9826" s="1">
        <v>43086</v>
      </c>
      <c r="B9826" s="3">
        <f t="shared" si="306"/>
        <v>12</v>
      </c>
      <c r="C9826" s="3">
        <f t="shared" si="307"/>
        <v>2017</v>
      </c>
      <c r="D9826" t="s">
        <v>1195</v>
      </c>
      <c r="E9826" t="s">
        <v>148</v>
      </c>
      <c r="F9826" t="s">
        <v>10</v>
      </c>
      <c r="G9826" t="s">
        <v>19</v>
      </c>
      <c r="H9826" t="s">
        <v>262</v>
      </c>
      <c r="I9826">
        <v>24.82</v>
      </c>
      <c r="J9826">
        <v>3</v>
      </c>
      <c r="K9826">
        <v>8.3800000000000008</v>
      </c>
    </row>
    <row r="9827" spans="1:11" x14ac:dyDescent="0.3">
      <c r="A9827" s="1">
        <v>43086</v>
      </c>
      <c r="B9827" s="3">
        <f t="shared" si="306"/>
        <v>12</v>
      </c>
      <c r="C9827" s="3">
        <f t="shared" si="307"/>
        <v>2017</v>
      </c>
      <c r="D9827" t="s">
        <v>1195</v>
      </c>
      <c r="E9827" t="s">
        <v>148</v>
      </c>
      <c r="F9827" t="s">
        <v>33</v>
      </c>
      <c r="G9827" t="s">
        <v>46</v>
      </c>
      <c r="H9827" t="s">
        <v>677</v>
      </c>
      <c r="I9827">
        <v>124.36</v>
      </c>
      <c r="J9827">
        <v>2</v>
      </c>
      <c r="K9827">
        <v>27.36</v>
      </c>
    </row>
    <row r="9828" spans="1:11" x14ac:dyDescent="0.3">
      <c r="A9828" s="1">
        <v>43086</v>
      </c>
      <c r="B9828" s="3">
        <f t="shared" si="306"/>
        <v>12</v>
      </c>
      <c r="C9828" s="3">
        <f t="shared" si="307"/>
        <v>2017</v>
      </c>
      <c r="D9828" t="s">
        <v>2204</v>
      </c>
      <c r="E9828" t="s">
        <v>156</v>
      </c>
      <c r="F9828" t="s">
        <v>10</v>
      </c>
      <c r="G9828" t="s">
        <v>17</v>
      </c>
      <c r="H9828" t="s">
        <v>463</v>
      </c>
      <c r="I9828">
        <v>32.56</v>
      </c>
      <c r="J9828">
        <v>2</v>
      </c>
      <c r="K9828">
        <v>8.4700000000000006</v>
      </c>
    </row>
    <row r="9829" spans="1:11" x14ac:dyDescent="0.3">
      <c r="A9829" s="1">
        <v>43087</v>
      </c>
      <c r="B9829" s="3">
        <f t="shared" si="306"/>
        <v>12</v>
      </c>
      <c r="C9829" s="3">
        <f t="shared" si="307"/>
        <v>2017</v>
      </c>
      <c r="D9829" t="s">
        <v>888</v>
      </c>
      <c r="E9829" t="s">
        <v>26</v>
      </c>
      <c r="F9829" t="s">
        <v>10</v>
      </c>
      <c r="G9829" t="s">
        <v>19</v>
      </c>
      <c r="H9829" t="s">
        <v>1895</v>
      </c>
      <c r="I9829">
        <v>46.67</v>
      </c>
      <c r="J9829">
        <v>2</v>
      </c>
      <c r="K9829">
        <v>16.34</v>
      </c>
    </row>
    <row r="9830" spans="1:11" x14ac:dyDescent="0.3">
      <c r="A9830" s="1">
        <v>43087</v>
      </c>
      <c r="B9830" s="3">
        <f t="shared" si="306"/>
        <v>12</v>
      </c>
      <c r="C9830" s="3">
        <f t="shared" si="307"/>
        <v>2017</v>
      </c>
      <c r="D9830" t="s">
        <v>888</v>
      </c>
      <c r="E9830" t="s">
        <v>26</v>
      </c>
      <c r="F9830" t="s">
        <v>33</v>
      </c>
      <c r="G9830" t="s">
        <v>73</v>
      </c>
      <c r="H9830" t="s">
        <v>2718</v>
      </c>
      <c r="I9830">
        <v>119.83</v>
      </c>
      <c r="J9830">
        <v>1</v>
      </c>
      <c r="K9830">
        <v>-12.69</v>
      </c>
    </row>
    <row r="9831" spans="1:11" x14ac:dyDescent="0.3">
      <c r="A9831" s="1">
        <v>43087</v>
      </c>
      <c r="B9831" s="3">
        <f t="shared" si="306"/>
        <v>12</v>
      </c>
      <c r="C9831" s="3">
        <f t="shared" si="307"/>
        <v>2017</v>
      </c>
      <c r="D9831" t="s">
        <v>888</v>
      </c>
      <c r="E9831" t="s">
        <v>26</v>
      </c>
      <c r="F9831" t="s">
        <v>38</v>
      </c>
      <c r="G9831" t="s">
        <v>51</v>
      </c>
      <c r="H9831" t="s">
        <v>1475</v>
      </c>
      <c r="I9831">
        <v>119.98</v>
      </c>
      <c r="J9831">
        <v>2</v>
      </c>
      <c r="K9831">
        <v>57.59</v>
      </c>
    </row>
    <row r="9832" spans="1:11" x14ac:dyDescent="0.3">
      <c r="A9832" s="1">
        <v>43087</v>
      </c>
      <c r="B9832" s="3">
        <f t="shared" si="306"/>
        <v>12</v>
      </c>
      <c r="C9832" s="3">
        <f t="shared" si="307"/>
        <v>2017</v>
      </c>
      <c r="D9832" t="s">
        <v>2395</v>
      </c>
      <c r="E9832" t="s">
        <v>148</v>
      </c>
      <c r="F9832" t="s">
        <v>10</v>
      </c>
      <c r="G9832" t="s">
        <v>23</v>
      </c>
      <c r="H9832" t="s">
        <v>206</v>
      </c>
      <c r="I9832">
        <v>38.82</v>
      </c>
      <c r="J9832">
        <v>6</v>
      </c>
      <c r="K9832">
        <v>17.47</v>
      </c>
    </row>
    <row r="9833" spans="1:11" x14ac:dyDescent="0.3">
      <c r="A9833" s="1">
        <v>43087</v>
      </c>
      <c r="B9833" s="3">
        <f t="shared" si="306"/>
        <v>12</v>
      </c>
      <c r="C9833" s="3">
        <f t="shared" si="307"/>
        <v>2017</v>
      </c>
      <c r="D9833" t="s">
        <v>2395</v>
      </c>
      <c r="E9833" t="s">
        <v>148</v>
      </c>
      <c r="F9833" t="s">
        <v>33</v>
      </c>
      <c r="G9833" t="s">
        <v>34</v>
      </c>
      <c r="H9833" t="s">
        <v>1771</v>
      </c>
      <c r="I9833">
        <v>1141.94</v>
      </c>
      <c r="J9833">
        <v>9</v>
      </c>
      <c r="K9833">
        <v>139.57</v>
      </c>
    </row>
    <row r="9834" spans="1:11" x14ac:dyDescent="0.3">
      <c r="A9834" s="1">
        <v>43087</v>
      </c>
      <c r="B9834" s="3">
        <f t="shared" si="306"/>
        <v>12</v>
      </c>
      <c r="C9834" s="3">
        <f t="shared" si="307"/>
        <v>2017</v>
      </c>
      <c r="D9834" t="s">
        <v>2395</v>
      </c>
      <c r="E9834" t="s">
        <v>148</v>
      </c>
      <c r="F9834" t="s">
        <v>10</v>
      </c>
      <c r="G9834" t="s">
        <v>91</v>
      </c>
      <c r="H9834" t="s">
        <v>1295</v>
      </c>
      <c r="I9834">
        <v>1704.56</v>
      </c>
      <c r="J9834">
        <v>13</v>
      </c>
      <c r="K9834">
        <v>511.37</v>
      </c>
    </row>
    <row r="9835" spans="1:11" x14ac:dyDescent="0.3">
      <c r="A9835" s="1">
        <v>43087</v>
      </c>
      <c r="B9835" s="3">
        <f t="shared" si="306"/>
        <v>12</v>
      </c>
      <c r="C9835" s="3">
        <f t="shared" si="307"/>
        <v>2017</v>
      </c>
      <c r="D9835" t="s">
        <v>2395</v>
      </c>
      <c r="E9835" t="s">
        <v>148</v>
      </c>
      <c r="F9835" t="s">
        <v>10</v>
      </c>
      <c r="G9835" t="s">
        <v>23</v>
      </c>
      <c r="H9835" t="s">
        <v>2515</v>
      </c>
      <c r="I9835">
        <v>3.2</v>
      </c>
      <c r="J9835">
        <v>2</v>
      </c>
      <c r="K9835">
        <v>1.38</v>
      </c>
    </row>
    <row r="9836" spans="1:11" x14ac:dyDescent="0.3">
      <c r="A9836" s="1">
        <v>43087</v>
      </c>
      <c r="B9836" s="3">
        <f t="shared" si="306"/>
        <v>12</v>
      </c>
      <c r="C9836" s="3">
        <f t="shared" si="307"/>
        <v>2017</v>
      </c>
      <c r="D9836" t="s">
        <v>823</v>
      </c>
      <c r="E9836" t="s">
        <v>148</v>
      </c>
      <c r="F9836" t="s">
        <v>33</v>
      </c>
      <c r="G9836" t="s">
        <v>46</v>
      </c>
      <c r="H9836" t="s">
        <v>1999</v>
      </c>
      <c r="I9836">
        <v>18.96</v>
      </c>
      <c r="J9836">
        <v>2</v>
      </c>
      <c r="K9836">
        <v>8.5299999999999994</v>
      </c>
    </row>
    <row r="9837" spans="1:11" x14ac:dyDescent="0.3">
      <c r="A9837" s="1">
        <v>43087</v>
      </c>
      <c r="B9837" s="3">
        <f t="shared" si="306"/>
        <v>12</v>
      </c>
      <c r="C9837" s="3">
        <f t="shared" si="307"/>
        <v>2017</v>
      </c>
      <c r="D9837" t="s">
        <v>914</v>
      </c>
      <c r="E9837" t="s">
        <v>26</v>
      </c>
      <c r="F9837" t="s">
        <v>10</v>
      </c>
      <c r="G9837" t="s">
        <v>23</v>
      </c>
      <c r="H9837" t="s">
        <v>104</v>
      </c>
      <c r="I9837">
        <v>6.63</v>
      </c>
      <c r="J9837">
        <v>3</v>
      </c>
      <c r="K9837">
        <v>1.79</v>
      </c>
    </row>
    <row r="9838" spans="1:11" x14ac:dyDescent="0.3">
      <c r="A9838" s="1">
        <v>43087</v>
      </c>
      <c r="B9838" s="3">
        <f t="shared" si="306"/>
        <v>12</v>
      </c>
      <c r="C9838" s="3">
        <f t="shared" si="307"/>
        <v>2017</v>
      </c>
      <c r="D9838" t="s">
        <v>914</v>
      </c>
      <c r="E9838" t="s">
        <v>26</v>
      </c>
      <c r="F9838" t="s">
        <v>10</v>
      </c>
      <c r="G9838" t="s">
        <v>11</v>
      </c>
      <c r="H9838" t="s">
        <v>2271</v>
      </c>
      <c r="I9838">
        <v>12.96</v>
      </c>
      <c r="J9838">
        <v>2</v>
      </c>
      <c r="K9838">
        <v>6.22</v>
      </c>
    </row>
    <row r="9839" spans="1:11" x14ac:dyDescent="0.3">
      <c r="A9839" s="1">
        <v>43087</v>
      </c>
      <c r="B9839" s="3">
        <f t="shared" si="306"/>
        <v>12</v>
      </c>
      <c r="C9839" s="3">
        <f t="shared" si="307"/>
        <v>2017</v>
      </c>
      <c r="D9839" t="s">
        <v>914</v>
      </c>
      <c r="E9839" t="s">
        <v>26</v>
      </c>
      <c r="F9839" t="s">
        <v>10</v>
      </c>
      <c r="G9839" t="s">
        <v>11</v>
      </c>
      <c r="H9839" t="s">
        <v>523</v>
      </c>
      <c r="I9839">
        <v>32.4</v>
      </c>
      <c r="J9839">
        <v>5</v>
      </c>
      <c r="K9839">
        <v>15.55</v>
      </c>
    </row>
    <row r="9840" spans="1:11" x14ac:dyDescent="0.3">
      <c r="A9840" s="1">
        <v>43087</v>
      </c>
      <c r="B9840" s="3">
        <f t="shared" si="306"/>
        <v>12</v>
      </c>
      <c r="C9840" s="3">
        <f t="shared" si="307"/>
        <v>2017</v>
      </c>
      <c r="D9840" t="s">
        <v>557</v>
      </c>
      <c r="E9840" t="s">
        <v>22</v>
      </c>
      <c r="F9840" t="s">
        <v>10</v>
      </c>
      <c r="G9840" t="s">
        <v>23</v>
      </c>
      <c r="H9840" t="s">
        <v>337</v>
      </c>
      <c r="I9840">
        <v>18.7</v>
      </c>
      <c r="J9840">
        <v>7</v>
      </c>
      <c r="K9840">
        <v>2.34</v>
      </c>
    </row>
    <row r="9841" spans="1:11" x14ac:dyDescent="0.3">
      <c r="A9841" s="1">
        <v>43087</v>
      </c>
      <c r="B9841" s="3">
        <f t="shared" si="306"/>
        <v>12</v>
      </c>
      <c r="C9841" s="3">
        <f t="shared" si="307"/>
        <v>2017</v>
      </c>
      <c r="D9841" t="s">
        <v>2577</v>
      </c>
      <c r="E9841" t="s">
        <v>244</v>
      </c>
      <c r="F9841" t="s">
        <v>10</v>
      </c>
      <c r="G9841" t="s">
        <v>23</v>
      </c>
      <c r="H9841" t="s">
        <v>1623</v>
      </c>
      <c r="I9841">
        <v>12.67</v>
      </c>
      <c r="J9841">
        <v>9</v>
      </c>
      <c r="K9841">
        <v>1.43</v>
      </c>
    </row>
    <row r="9842" spans="1:11" x14ac:dyDescent="0.3">
      <c r="A9842" s="1">
        <v>43087</v>
      </c>
      <c r="B9842" s="3">
        <f t="shared" si="306"/>
        <v>12</v>
      </c>
      <c r="C9842" s="3">
        <f t="shared" si="307"/>
        <v>2017</v>
      </c>
      <c r="D9842" t="s">
        <v>2384</v>
      </c>
      <c r="E9842" t="s">
        <v>26</v>
      </c>
      <c r="F9842" t="s">
        <v>10</v>
      </c>
      <c r="G9842" t="s">
        <v>23</v>
      </c>
      <c r="H9842" t="s">
        <v>631</v>
      </c>
      <c r="I9842">
        <v>5.76</v>
      </c>
      <c r="J9842">
        <v>2</v>
      </c>
      <c r="K9842">
        <v>1.67</v>
      </c>
    </row>
    <row r="9843" spans="1:11" x14ac:dyDescent="0.3">
      <c r="A9843" s="1">
        <v>43087</v>
      </c>
      <c r="B9843" s="3">
        <f t="shared" si="306"/>
        <v>12</v>
      </c>
      <c r="C9843" s="3">
        <f t="shared" si="307"/>
        <v>2017</v>
      </c>
      <c r="D9843" t="s">
        <v>1422</v>
      </c>
      <c r="E9843" t="s">
        <v>77</v>
      </c>
      <c r="F9843" t="s">
        <v>10</v>
      </c>
      <c r="G9843" t="s">
        <v>19</v>
      </c>
      <c r="H9843" t="s">
        <v>466</v>
      </c>
      <c r="I9843">
        <v>7.24</v>
      </c>
      <c r="J9843">
        <v>3</v>
      </c>
      <c r="K9843">
        <v>-6.03</v>
      </c>
    </row>
    <row r="9844" spans="1:11" x14ac:dyDescent="0.3">
      <c r="A9844" s="1">
        <v>43087</v>
      </c>
      <c r="B9844" s="3">
        <f t="shared" si="306"/>
        <v>12</v>
      </c>
      <c r="C9844" s="3">
        <f t="shared" si="307"/>
        <v>2017</v>
      </c>
      <c r="D9844" t="s">
        <v>1422</v>
      </c>
      <c r="E9844" t="s">
        <v>77</v>
      </c>
      <c r="F9844" t="s">
        <v>10</v>
      </c>
      <c r="G9844" t="s">
        <v>42</v>
      </c>
      <c r="H9844" t="s">
        <v>1245</v>
      </c>
      <c r="I9844">
        <v>4.82</v>
      </c>
      <c r="J9844">
        <v>3</v>
      </c>
      <c r="K9844">
        <v>1.75</v>
      </c>
    </row>
    <row r="9845" spans="1:11" x14ac:dyDescent="0.3">
      <c r="A9845" s="1">
        <v>43087</v>
      </c>
      <c r="B9845" s="3">
        <f t="shared" si="306"/>
        <v>12</v>
      </c>
      <c r="C9845" s="3">
        <f t="shared" si="307"/>
        <v>2017</v>
      </c>
      <c r="D9845" t="s">
        <v>1422</v>
      </c>
      <c r="E9845" t="s">
        <v>77</v>
      </c>
      <c r="F9845" t="s">
        <v>10</v>
      </c>
      <c r="G9845" t="s">
        <v>11</v>
      </c>
      <c r="H9845" t="s">
        <v>1772</v>
      </c>
      <c r="I9845">
        <v>91.36</v>
      </c>
      <c r="J9845">
        <v>5</v>
      </c>
      <c r="K9845">
        <v>29.69</v>
      </c>
    </row>
    <row r="9846" spans="1:11" x14ac:dyDescent="0.3">
      <c r="A9846" s="1">
        <v>43087</v>
      </c>
      <c r="B9846" s="3">
        <f t="shared" si="306"/>
        <v>12</v>
      </c>
      <c r="C9846" s="3">
        <f t="shared" si="307"/>
        <v>2017</v>
      </c>
      <c r="D9846" t="s">
        <v>1422</v>
      </c>
      <c r="E9846" t="s">
        <v>77</v>
      </c>
      <c r="F9846" t="s">
        <v>10</v>
      </c>
      <c r="G9846" t="s">
        <v>91</v>
      </c>
      <c r="H9846" t="s">
        <v>2006</v>
      </c>
      <c r="I9846">
        <v>130.11000000000001</v>
      </c>
      <c r="J9846">
        <v>2</v>
      </c>
      <c r="K9846">
        <v>13.01</v>
      </c>
    </row>
    <row r="9847" spans="1:11" x14ac:dyDescent="0.3">
      <c r="A9847" s="1">
        <v>43087</v>
      </c>
      <c r="B9847" s="3">
        <f t="shared" si="306"/>
        <v>12</v>
      </c>
      <c r="C9847" s="3">
        <f t="shared" si="307"/>
        <v>2017</v>
      </c>
      <c r="D9847" t="s">
        <v>2438</v>
      </c>
      <c r="E9847" t="s">
        <v>156</v>
      </c>
      <c r="F9847" t="s">
        <v>33</v>
      </c>
      <c r="G9847" t="s">
        <v>46</v>
      </c>
      <c r="H9847" t="s">
        <v>955</v>
      </c>
      <c r="I9847">
        <v>99.95</v>
      </c>
      <c r="J9847">
        <v>5</v>
      </c>
      <c r="K9847">
        <v>22.99</v>
      </c>
    </row>
    <row r="9848" spans="1:11" x14ac:dyDescent="0.3">
      <c r="A9848" s="1">
        <v>43087</v>
      </c>
      <c r="B9848" s="3">
        <f t="shared" si="306"/>
        <v>12</v>
      </c>
      <c r="C9848" s="3">
        <f t="shared" si="307"/>
        <v>2017</v>
      </c>
      <c r="D9848" t="s">
        <v>2438</v>
      </c>
      <c r="E9848" t="s">
        <v>156</v>
      </c>
      <c r="F9848" t="s">
        <v>38</v>
      </c>
      <c r="G9848" t="s">
        <v>51</v>
      </c>
      <c r="H9848" t="s">
        <v>1440</v>
      </c>
      <c r="I9848">
        <v>29.34</v>
      </c>
      <c r="J9848">
        <v>3</v>
      </c>
      <c r="K9848">
        <v>10.86</v>
      </c>
    </row>
    <row r="9849" spans="1:11" x14ac:dyDescent="0.3">
      <c r="A9849" s="1">
        <v>43088</v>
      </c>
      <c r="B9849" s="3">
        <f t="shared" si="306"/>
        <v>12</v>
      </c>
      <c r="C9849" s="3">
        <f t="shared" si="307"/>
        <v>2017</v>
      </c>
      <c r="D9849" t="s">
        <v>76</v>
      </c>
      <c r="E9849" t="s">
        <v>26</v>
      </c>
      <c r="F9849" t="s">
        <v>10</v>
      </c>
      <c r="G9849" t="s">
        <v>19</v>
      </c>
      <c r="H9849" t="s">
        <v>2217</v>
      </c>
      <c r="I9849">
        <v>36.67</v>
      </c>
      <c r="J9849">
        <v>2</v>
      </c>
      <c r="K9849">
        <v>11.46</v>
      </c>
    </row>
    <row r="9850" spans="1:11" x14ac:dyDescent="0.3">
      <c r="A9850" s="1">
        <v>43088</v>
      </c>
      <c r="B9850" s="3">
        <f t="shared" si="306"/>
        <v>12</v>
      </c>
      <c r="C9850" s="3">
        <f t="shared" si="307"/>
        <v>2017</v>
      </c>
      <c r="D9850" t="s">
        <v>1533</v>
      </c>
      <c r="E9850" t="s">
        <v>61</v>
      </c>
      <c r="F9850" t="s">
        <v>10</v>
      </c>
      <c r="G9850" t="s">
        <v>199</v>
      </c>
      <c r="H9850" t="s">
        <v>460</v>
      </c>
      <c r="I9850">
        <v>1665.62</v>
      </c>
      <c r="J9850">
        <v>2</v>
      </c>
      <c r="K9850">
        <v>33.31</v>
      </c>
    </row>
    <row r="9851" spans="1:11" x14ac:dyDescent="0.3">
      <c r="A9851" s="1">
        <v>43088</v>
      </c>
      <c r="B9851" s="3">
        <f t="shared" si="306"/>
        <v>12</v>
      </c>
      <c r="C9851" s="3">
        <f t="shared" si="307"/>
        <v>2017</v>
      </c>
      <c r="D9851" t="s">
        <v>1812</v>
      </c>
      <c r="E9851" t="s">
        <v>277</v>
      </c>
      <c r="F9851" t="s">
        <v>33</v>
      </c>
      <c r="G9851" t="s">
        <v>46</v>
      </c>
      <c r="H9851" t="s">
        <v>1569</v>
      </c>
      <c r="I9851">
        <v>13.36</v>
      </c>
      <c r="J9851">
        <v>5</v>
      </c>
      <c r="K9851">
        <v>4.01</v>
      </c>
    </row>
    <row r="9852" spans="1:11" x14ac:dyDescent="0.3">
      <c r="A9852" s="1">
        <v>43088</v>
      </c>
      <c r="B9852" s="3">
        <f t="shared" si="306"/>
        <v>12</v>
      </c>
      <c r="C9852" s="3">
        <f t="shared" si="307"/>
        <v>2017</v>
      </c>
      <c r="D9852" t="s">
        <v>1812</v>
      </c>
      <c r="E9852" t="s">
        <v>277</v>
      </c>
      <c r="F9852" t="s">
        <v>10</v>
      </c>
      <c r="G9852" t="s">
        <v>17</v>
      </c>
      <c r="H9852" t="s">
        <v>1869</v>
      </c>
      <c r="I9852">
        <v>78.260000000000005</v>
      </c>
      <c r="J9852">
        <v>2</v>
      </c>
      <c r="K9852">
        <v>-17.61</v>
      </c>
    </row>
    <row r="9853" spans="1:11" x14ac:dyDescent="0.3">
      <c r="A9853" s="1">
        <v>43088</v>
      </c>
      <c r="B9853" s="3">
        <f t="shared" si="306"/>
        <v>12</v>
      </c>
      <c r="C9853" s="3">
        <f t="shared" si="307"/>
        <v>2017</v>
      </c>
      <c r="D9853" t="s">
        <v>1812</v>
      </c>
      <c r="E9853" t="s">
        <v>277</v>
      </c>
      <c r="F9853" t="s">
        <v>33</v>
      </c>
      <c r="G9853" t="s">
        <v>73</v>
      </c>
      <c r="H9853" t="s">
        <v>1093</v>
      </c>
      <c r="I9853">
        <v>102.02</v>
      </c>
      <c r="J9853">
        <v>7</v>
      </c>
      <c r="K9853">
        <v>-183.63</v>
      </c>
    </row>
    <row r="9854" spans="1:11" x14ac:dyDescent="0.3">
      <c r="A9854" s="1">
        <v>43089</v>
      </c>
      <c r="B9854" s="3">
        <f t="shared" si="306"/>
        <v>12</v>
      </c>
      <c r="C9854" s="3">
        <f t="shared" si="307"/>
        <v>2017</v>
      </c>
      <c r="D9854" t="s">
        <v>290</v>
      </c>
      <c r="E9854" t="s">
        <v>148</v>
      </c>
      <c r="F9854" t="s">
        <v>10</v>
      </c>
      <c r="G9854" t="s">
        <v>11</v>
      </c>
      <c r="H9854" t="s">
        <v>2194</v>
      </c>
      <c r="I9854">
        <v>6.48</v>
      </c>
      <c r="J9854">
        <v>1</v>
      </c>
      <c r="K9854">
        <v>3.11</v>
      </c>
    </row>
    <row r="9855" spans="1:11" x14ac:dyDescent="0.3">
      <c r="A9855" s="1">
        <v>43089</v>
      </c>
      <c r="B9855" s="3">
        <f t="shared" si="306"/>
        <v>12</v>
      </c>
      <c r="C9855" s="3">
        <f t="shared" si="307"/>
        <v>2017</v>
      </c>
      <c r="D9855" t="s">
        <v>290</v>
      </c>
      <c r="E9855" t="s">
        <v>148</v>
      </c>
      <c r="F9855" t="s">
        <v>10</v>
      </c>
      <c r="G9855" t="s">
        <v>19</v>
      </c>
      <c r="H9855" t="s">
        <v>183</v>
      </c>
      <c r="I9855">
        <v>6.98</v>
      </c>
      <c r="J9855">
        <v>1</v>
      </c>
      <c r="K9855">
        <v>2.36</v>
      </c>
    </row>
    <row r="9856" spans="1:11" x14ac:dyDescent="0.3">
      <c r="A9856" s="1">
        <v>43089</v>
      </c>
      <c r="B9856" s="3">
        <f t="shared" si="306"/>
        <v>12</v>
      </c>
      <c r="C9856" s="3">
        <f t="shared" si="307"/>
        <v>2017</v>
      </c>
      <c r="D9856" t="s">
        <v>1745</v>
      </c>
      <c r="E9856" t="s">
        <v>148</v>
      </c>
      <c r="F9856" t="s">
        <v>10</v>
      </c>
      <c r="G9856" t="s">
        <v>11</v>
      </c>
      <c r="H9856" t="s">
        <v>2219</v>
      </c>
      <c r="I9856">
        <v>279.89999999999998</v>
      </c>
      <c r="J9856">
        <v>5</v>
      </c>
      <c r="K9856">
        <v>137.15</v>
      </c>
    </row>
    <row r="9857" spans="1:11" x14ac:dyDescent="0.3">
      <c r="A9857" s="1">
        <v>43089</v>
      </c>
      <c r="B9857" s="3">
        <f t="shared" si="306"/>
        <v>12</v>
      </c>
      <c r="C9857" s="3">
        <f t="shared" si="307"/>
        <v>2017</v>
      </c>
      <c r="D9857" t="s">
        <v>1745</v>
      </c>
      <c r="E9857" t="s">
        <v>148</v>
      </c>
      <c r="F9857" t="s">
        <v>10</v>
      </c>
      <c r="G9857" t="s">
        <v>19</v>
      </c>
      <c r="H9857" t="s">
        <v>1028</v>
      </c>
      <c r="I9857">
        <v>50.35</v>
      </c>
      <c r="J9857">
        <v>3</v>
      </c>
      <c r="K9857">
        <v>17.62</v>
      </c>
    </row>
    <row r="9858" spans="1:11" x14ac:dyDescent="0.3">
      <c r="A9858" s="1">
        <v>43089</v>
      </c>
      <c r="B9858" s="3">
        <f t="shared" ref="B9858:B9921" si="308">MONTH(A:A)</f>
        <v>12</v>
      </c>
      <c r="C9858" s="3">
        <f t="shared" ref="C9858:C9921" si="309">YEAR(A:A)</f>
        <v>2017</v>
      </c>
      <c r="D9858" t="s">
        <v>1745</v>
      </c>
      <c r="E9858" t="s">
        <v>148</v>
      </c>
      <c r="F9858" t="s">
        <v>10</v>
      </c>
      <c r="G9858" t="s">
        <v>11</v>
      </c>
      <c r="H9858" t="s">
        <v>2115</v>
      </c>
      <c r="I9858">
        <v>34.020000000000003</v>
      </c>
      <c r="J9858">
        <v>3</v>
      </c>
      <c r="K9858">
        <v>16.670000000000002</v>
      </c>
    </row>
    <row r="9859" spans="1:11" x14ac:dyDescent="0.3">
      <c r="A9859" s="1">
        <v>43090</v>
      </c>
      <c r="B9859" s="3">
        <f t="shared" si="308"/>
        <v>12</v>
      </c>
      <c r="C9859" s="3">
        <f t="shared" si="309"/>
        <v>2017</v>
      </c>
      <c r="D9859" t="s">
        <v>313</v>
      </c>
      <c r="E9859" t="s">
        <v>26</v>
      </c>
      <c r="F9859" t="s">
        <v>10</v>
      </c>
      <c r="G9859" t="s">
        <v>23</v>
      </c>
      <c r="H9859" t="s">
        <v>104</v>
      </c>
      <c r="I9859">
        <v>6.63</v>
      </c>
      <c r="J9859">
        <v>3</v>
      </c>
      <c r="K9859">
        <v>1.79</v>
      </c>
    </row>
    <row r="9860" spans="1:11" x14ac:dyDescent="0.3">
      <c r="A9860" s="1">
        <v>43090</v>
      </c>
      <c r="B9860" s="3">
        <f t="shared" si="308"/>
        <v>12</v>
      </c>
      <c r="C9860" s="3">
        <f t="shared" si="309"/>
        <v>2017</v>
      </c>
      <c r="D9860" t="s">
        <v>313</v>
      </c>
      <c r="E9860" t="s">
        <v>26</v>
      </c>
      <c r="F9860" t="s">
        <v>10</v>
      </c>
      <c r="G9860" t="s">
        <v>23</v>
      </c>
      <c r="H9860" t="s">
        <v>705</v>
      </c>
      <c r="I9860">
        <v>5.88</v>
      </c>
      <c r="J9860">
        <v>2</v>
      </c>
      <c r="K9860">
        <v>1.71</v>
      </c>
    </row>
    <row r="9861" spans="1:11" x14ac:dyDescent="0.3">
      <c r="A9861" s="1">
        <v>43090</v>
      </c>
      <c r="B9861" s="3">
        <f t="shared" si="308"/>
        <v>12</v>
      </c>
      <c r="C9861" s="3">
        <f t="shared" si="309"/>
        <v>2017</v>
      </c>
      <c r="D9861" t="s">
        <v>1890</v>
      </c>
      <c r="E9861" t="s">
        <v>26</v>
      </c>
      <c r="F9861" t="s">
        <v>10</v>
      </c>
      <c r="G9861" t="s">
        <v>17</v>
      </c>
      <c r="H9861" t="s">
        <v>973</v>
      </c>
      <c r="I9861">
        <v>1000.02</v>
      </c>
      <c r="J9861">
        <v>7</v>
      </c>
      <c r="K9861">
        <v>290.01</v>
      </c>
    </row>
    <row r="9862" spans="1:11" x14ac:dyDescent="0.3">
      <c r="A9862" s="1">
        <v>43090</v>
      </c>
      <c r="B9862" s="3">
        <f t="shared" si="308"/>
        <v>12</v>
      </c>
      <c r="C9862" s="3">
        <f t="shared" si="309"/>
        <v>2017</v>
      </c>
      <c r="D9862" t="s">
        <v>1967</v>
      </c>
      <c r="E9862" t="s">
        <v>176</v>
      </c>
      <c r="F9862" t="s">
        <v>38</v>
      </c>
      <c r="G9862" t="s">
        <v>39</v>
      </c>
      <c r="H9862" t="s">
        <v>137</v>
      </c>
      <c r="I9862">
        <v>281.97000000000003</v>
      </c>
      <c r="J9862">
        <v>3</v>
      </c>
      <c r="K9862">
        <v>78.95</v>
      </c>
    </row>
    <row r="9863" spans="1:11" x14ac:dyDescent="0.3">
      <c r="A9863" s="1">
        <v>43090</v>
      </c>
      <c r="B9863" s="3">
        <f t="shared" si="308"/>
        <v>12</v>
      </c>
      <c r="C9863" s="3">
        <f t="shared" si="309"/>
        <v>2017</v>
      </c>
      <c r="D9863" t="s">
        <v>1967</v>
      </c>
      <c r="E9863" t="s">
        <v>176</v>
      </c>
      <c r="F9863" t="s">
        <v>10</v>
      </c>
      <c r="G9863" t="s">
        <v>199</v>
      </c>
      <c r="H9863" t="s">
        <v>1457</v>
      </c>
      <c r="I9863">
        <v>69.5</v>
      </c>
      <c r="J9863">
        <v>5</v>
      </c>
      <c r="K9863">
        <v>20.16</v>
      </c>
    </row>
    <row r="9864" spans="1:11" x14ac:dyDescent="0.3">
      <c r="A9864" s="1">
        <v>43090</v>
      </c>
      <c r="B9864" s="3">
        <f t="shared" si="308"/>
        <v>12</v>
      </c>
      <c r="C9864" s="3">
        <f t="shared" si="309"/>
        <v>2017</v>
      </c>
      <c r="D9864" t="s">
        <v>1967</v>
      </c>
      <c r="E9864" t="s">
        <v>176</v>
      </c>
      <c r="F9864" t="s">
        <v>10</v>
      </c>
      <c r="G9864" t="s">
        <v>11</v>
      </c>
      <c r="H9864" t="s">
        <v>895</v>
      </c>
      <c r="I9864">
        <v>166.44</v>
      </c>
      <c r="J9864">
        <v>3</v>
      </c>
      <c r="K9864">
        <v>79.89</v>
      </c>
    </row>
    <row r="9865" spans="1:11" x14ac:dyDescent="0.3">
      <c r="A9865" s="1">
        <v>43090</v>
      </c>
      <c r="B9865" s="3">
        <f t="shared" si="308"/>
        <v>12</v>
      </c>
      <c r="C9865" s="3">
        <f t="shared" si="309"/>
        <v>2017</v>
      </c>
      <c r="D9865" t="s">
        <v>1435</v>
      </c>
      <c r="E9865" t="s">
        <v>32</v>
      </c>
      <c r="F9865" t="s">
        <v>38</v>
      </c>
      <c r="G9865" t="s">
        <v>51</v>
      </c>
      <c r="H9865" t="s">
        <v>1984</v>
      </c>
      <c r="I9865">
        <v>71</v>
      </c>
      <c r="J9865">
        <v>4</v>
      </c>
      <c r="K9865">
        <v>27.69</v>
      </c>
    </row>
    <row r="9866" spans="1:11" x14ac:dyDescent="0.3">
      <c r="A9866" s="1">
        <v>43090</v>
      </c>
      <c r="B9866" s="3">
        <f t="shared" si="308"/>
        <v>12</v>
      </c>
      <c r="C9866" s="3">
        <f t="shared" si="309"/>
        <v>2017</v>
      </c>
      <c r="D9866" t="s">
        <v>508</v>
      </c>
      <c r="E9866" t="s">
        <v>26</v>
      </c>
      <c r="F9866" t="s">
        <v>10</v>
      </c>
      <c r="G9866" t="s">
        <v>17</v>
      </c>
      <c r="H9866" t="s">
        <v>1399</v>
      </c>
      <c r="I9866">
        <v>124.36</v>
      </c>
      <c r="J9866">
        <v>2</v>
      </c>
      <c r="K9866">
        <v>33.58</v>
      </c>
    </row>
    <row r="9867" spans="1:11" x14ac:dyDescent="0.3">
      <c r="A9867" s="1">
        <v>43090</v>
      </c>
      <c r="B9867" s="3">
        <f t="shared" si="308"/>
        <v>12</v>
      </c>
      <c r="C9867" s="3">
        <f t="shared" si="309"/>
        <v>2017</v>
      </c>
      <c r="D9867" t="s">
        <v>1592</v>
      </c>
      <c r="E9867" t="s">
        <v>69</v>
      </c>
      <c r="F9867" t="s">
        <v>10</v>
      </c>
      <c r="G9867" t="s">
        <v>19</v>
      </c>
      <c r="H9867" t="s">
        <v>2172</v>
      </c>
      <c r="I9867">
        <v>23.88</v>
      </c>
      <c r="J9867">
        <v>6</v>
      </c>
      <c r="K9867">
        <v>11.22</v>
      </c>
    </row>
    <row r="9868" spans="1:11" x14ac:dyDescent="0.3">
      <c r="A9868" s="1">
        <v>43090</v>
      </c>
      <c r="B9868" s="3">
        <f t="shared" si="308"/>
        <v>12</v>
      </c>
      <c r="C9868" s="3">
        <f t="shared" si="309"/>
        <v>2017</v>
      </c>
      <c r="D9868" t="s">
        <v>300</v>
      </c>
      <c r="E9868" t="s">
        <v>995</v>
      </c>
      <c r="F9868" t="s">
        <v>33</v>
      </c>
      <c r="G9868" t="s">
        <v>46</v>
      </c>
      <c r="H9868" t="s">
        <v>1014</v>
      </c>
      <c r="I9868">
        <v>15.92</v>
      </c>
      <c r="J9868">
        <v>2</v>
      </c>
      <c r="K9868">
        <v>7</v>
      </c>
    </row>
    <row r="9869" spans="1:11" x14ac:dyDescent="0.3">
      <c r="A9869" s="1">
        <v>43090</v>
      </c>
      <c r="B9869" s="3">
        <f t="shared" si="308"/>
        <v>12</v>
      </c>
      <c r="C9869" s="3">
        <f t="shared" si="309"/>
        <v>2017</v>
      </c>
      <c r="D9869" t="s">
        <v>2539</v>
      </c>
      <c r="E9869" t="s">
        <v>128</v>
      </c>
      <c r="F9869" t="s">
        <v>10</v>
      </c>
      <c r="G9869" t="s">
        <v>17</v>
      </c>
      <c r="H9869" t="s">
        <v>1109</v>
      </c>
      <c r="I9869">
        <v>375.34</v>
      </c>
      <c r="J9869">
        <v>1</v>
      </c>
      <c r="K9869">
        <v>18.77</v>
      </c>
    </row>
    <row r="9870" spans="1:11" x14ac:dyDescent="0.3">
      <c r="A9870" s="1">
        <v>43091</v>
      </c>
      <c r="B9870" s="3">
        <f t="shared" si="308"/>
        <v>12</v>
      </c>
      <c r="C9870" s="3">
        <f t="shared" si="309"/>
        <v>2017</v>
      </c>
      <c r="D9870" t="s">
        <v>2305</v>
      </c>
      <c r="E9870" t="s">
        <v>185</v>
      </c>
      <c r="F9870" t="s">
        <v>10</v>
      </c>
      <c r="G9870" t="s">
        <v>91</v>
      </c>
      <c r="H9870" t="s">
        <v>2551</v>
      </c>
      <c r="I9870">
        <v>839.43</v>
      </c>
      <c r="J9870">
        <v>3</v>
      </c>
      <c r="K9870">
        <v>218.25</v>
      </c>
    </row>
    <row r="9871" spans="1:11" x14ac:dyDescent="0.3">
      <c r="A9871" s="1">
        <v>43091</v>
      </c>
      <c r="B9871" s="3">
        <f t="shared" si="308"/>
        <v>12</v>
      </c>
      <c r="C9871" s="3">
        <f t="shared" si="309"/>
        <v>2017</v>
      </c>
      <c r="D9871" t="s">
        <v>1144</v>
      </c>
      <c r="E9871" t="s">
        <v>122</v>
      </c>
      <c r="F9871" t="s">
        <v>10</v>
      </c>
      <c r="G9871" t="s">
        <v>62</v>
      </c>
      <c r="H9871" t="s">
        <v>63</v>
      </c>
      <c r="I9871">
        <v>7.82</v>
      </c>
      <c r="J9871">
        <v>1</v>
      </c>
      <c r="K9871">
        <v>2.93</v>
      </c>
    </row>
    <row r="9872" spans="1:11" x14ac:dyDescent="0.3">
      <c r="A9872" s="1">
        <v>43091</v>
      </c>
      <c r="B9872" s="3">
        <f t="shared" si="308"/>
        <v>12</v>
      </c>
      <c r="C9872" s="3">
        <f t="shared" si="309"/>
        <v>2017</v>
      </c>
      <c r="D9872" t="s">
        <v>2020</v>
      </c>
      <c r="E9872" t="s">
        <v>109</v>
      </c>
      <c r="F9872" t="s">
        <v>38</v>
      </c>
      <c r="G9872" t="s">
        <v>51</v>
      </c>
      <c r="H9872" t="s">
        <v>2655</v>
      </c>
      <c r="I9872">
        <v>199.95</v>
      </c>
      <c r="J9872">
        <v>5</v>
      </c>
      <c r="K9872">
        <v>63.98</v>
      </c>
    </row>
    <row r="9873" spans="1:11" x14ac:dyDescent="0.3">
      <c r="A9873" s="1">
        <v>43091</v>
      </c>
      <c r="B9873" s="3">
        <f t="shared" si="308"/>
        <v>12</v>
      </c>
      <c r="C9873" s="3">
        <f t="shared" si="309"/>
        <v>2017</v>
      </c>
      <c r="D9873" t="s">
        <v>2020</v>
      </c>
      <c r="E9873" t="s">
        <v>109</v>
      </c>
      <c r="F9873" t="s">
        <v>33</v>
      </c>
      <c r="G9873" t="s">
        <v>34</v>
      </c>
      <c r="H9873" t="s">
        <v>1071</v>
      </c>
      <c r="I9873">
        <v>1586.69</v>
      </c>
      <c r="J9873">
        <v>7</v>
      </c>
      <c r="K9873">
        <v>412.54</v>
      </c>
    </row>
    <row r="9874" spans="1:11" x14ac:dyDescent="0.3">
      <c r="A9874" s="1">
        <v>43091</v>
      </c>
      <c r="B9874" s="3">
        <f t="shared" si="308"/>
        <v>12</v>
      </c>
      <c r="C9874" s="3">
        <f t="shared" si="309"/>
        <v>2017</v>
      </c>
      <c r="D9874" t="s">
        <v>2020</v>
      </c>
      <c r="E9874" t="s">
        <v>109</v>
      </c>
      <c r="F9874" t="s">
        <v>38</v>
      </c>
      <c r="G9874" t="s">
        <v>51</v>
      </c>
      <c r="H9874" t="s">
        <v>1133</v>
      </c>
      <c r="I9874">
        <v>84.99</v>
      </c>
      <c r="J9874">
        <v>1</v>
      </c>
      <c r="K9874">
        <v>30.6</v>
      </c>
    </row>
    <row r="9875" spans="1:11" x14ac:dyDescent="0.3">
      <c r="A9875" s="1">
        <v>43091</v>
      </c>
      <c r="B9875" s="3">
        <f t="shared" si="308"/>
        <v>12</v>
      </c>
      <c r="C9875" s="3">
        <f t="shared" si="309"/>
        <v>2017</v>
      </c>
      <c r="D9875" t="s">
        <v>2020</v>
      </c>
      <c r="E9875" t="s">
        <v>109</v>
      </c>
      <c r="F9875" t="s">
        <v>33</v>
      </c>
      <c r="G9875" t="s">
        <v>144</v>
      </c>
      <c r="H9875" t="s">
        <v>809</v>
      </c>
      <c r="I9875">
        <v>411.8</v>
      </c>
      <c r="J9875">
        <v>2</v>
      </c>
      <c r="K9875">
        <v>70.010000000000005</v>
      </c>
    </row>
    <row r="9876" spans="1:11" x14ac:dyDescent="0.3">
      <c r="A9876" s="1">
        <v>43091</v>
      </c>
      <c r="B9876" s="3">
        <f t="shared" si="308"/>
        <v>12</v>
      </c>
      <c r="C9876" s="3">
        <f t="shared" si="309"/>
        <v>2017</v>
      </c>
      <c r="D9876" t="s">
        <v>494</v>
      </c>
      <c r="E9876" t="s">
        <v>398</v>
      </c>
      <c r="F9876" t="s">
        <v>10</v>
      </c>
      <c r="G9876" t="s">
        <v>23</v>
      </c>
      <c r="H9876" t="s">
        <v>2304</v>
      </c>
      <c r="I9876">
        <v>4.17</v>
      </c>
      <c r="J9876">
        <v>3</v>
      </c>
      <c r="K9876">
        <v>1.08</v>
      </c>
    </row>
    <row r="9877" spans="1:11" x14ac:dyDescent="0.3">
      <c r="A9877" s="1">
        <v>43091</v>
      </c>
      <c r="B9877" s="3">
        <f t="shared" si="308"/>
        <v>12</v>
      </c>
      <c r="C9877" s="3">
        <f t="shared" si="309"/>
        <v>2017</v>
      </c>
      <c r="D9877" t="s">
        <v>494</v>
      </c>
      <c r="E9877" t="s">
        <v>398</v>
      </c>
      <c r="F9877" t="s">
        <v>38</v>
      </c>
      <c r="G9877" t="s">
        <v>39</v>
      </c>
      <c r="H9877" t="s">
        <v>2049</v>
      </c>
      <c r="I9877">
        <v>67.040000000000006</v>
      </c>
      <c r="J9877">
        <v>4</v>
      </c>
      <c r="K9877">
        <v>6.7</v>
      </c>
    </row>
    <row r="9878" spans="1:11" x14ac:dyDescent="0.3">
      <c r="A9878" s="1">
        <v>43091</v>
      </c>
      <c r="B9878" s="3">
        <f t="shared" si="308"/>
        <v>12</v>
      </c>
      <c r="C9878" s="3">
        <f t="shared" si="309"/>
        <v>2017</v>
      </c>
      <c r="D9878" t="s">
        <v>494</v>
      </c>
      <c r="E9878" t="s">
        <v>398</v>
      </c>
      <c r="F9878" t="s">
        <v>10</v>
      </c>
      <c r="G9878" t="s">
        <v>17</v>
      </c>
      <c r="H9878" t="s">
        <v>515</v>
      </c>
      <c r="I9878">
        <v>37.32</v>
      </c>
      <c r="J9878">
        <v>3</v>
      </c>
      <c r="K9878">
        <v>10.45</v>
      </c>
    </row>
    <row r="9879" spans="1:11" x14ac:dyDescent="0.3">
      <c r="A9879" s="1">
        <v>43091</v>
      </c>
      <c r="B9879" s="3">
        <f t="shared" si="308"/>
        <v>12</v>
      </c>
      <c r="C9879" s="3">
        <f t="shared" si="309"/>
        <v>2017</v>
      </c>
      <c r="D9879" t="s">
        <v>494</v>
      </c>
      <c r="E9879" t="s">
        <v>398</v>
      </c>
      <c r="F9879" t="s">
        <v>10</v>
      </c>
      <c r="G9879" t="s">
        <v>15</v>
      </c>
      <c r="H9879" t="s">
        <v>2642</v>
      </c>
      <c r="I9879">
        <v>18.45</v>
      </c>
      <c r="J9879">
        <v>5</v>
      </c>
      <c r="K9879">
        <v>8.67</v>
      </c>
    </row>
    <row r="9880" spans="1:11" x14ac:dyDescent="0.3">
      <c r="A9880" s="1">
        <v>43091</v>
      </c>
      <c r="B9880" s="3">
        <f t="shared" si="308"/>
        <v>12</v>
      </c>
      <c r="C9880" s="3">
        <f t="shared" si="309"/>
        <v>2017</v>
      </c>
      <c r="D9880" t="s">
        <v>2638</v>
      </c>
      <c r="E9880" t="s">
        <v>77</v>
      </c>
      <c r="F9880" t="s">
        <v>10</v>
      </c>
      <c r="G9880" t="s">
        <v>19</v>
      </c>
      <c r="H9880" t="s">
        <v>704</v>
      </c>
      <c r="I9880">
        <v>1.64</v>
      </c>
      <c r="J9880">
        <v>1</v>
      </c>
      <c r="K9880">
        <v>-1.31</v>
      </c>
    </row>
    <row r="9881" spans="1:11" x14ac:dyDescent="0.3">
      <c r="A9881" s="1">
        <v>43091</v>
      </c>
      <c r="B9881" s="3">
        <f t="shared" si="308"/>
        <v>12</v>
      </c>
      <c r="C9881" s="3">
        <f t="shared" si="309"/>
        <v>2017</v>
      </c>
      <c r="D9881" t="s">
        <v>2638</v>
      </c>
      <c r="E9881" t="s">
        <v>77</v>
      </c>
      <c r="F9881" t="s">
        <v>38</v>
      </c>
      <c r="G9881" t="s">
        <v>39</v>
      </c>
      <c r="H9881" t="s">
        <v>1344</v>
      </c>
      <c r="I9881">
        <v>629.96</v>
      </c>
      <c r="J9881">
        <v>7</v>
      </c>
      <c r="K9881">
        <v>94.49</v>
      </c>
    </row>
    <row r="9882" spans="1:11" x14ac:dyDescent="0.3">
      <c r="A9882" s="1">
        <v>43091</v>
      </c>
      <c r="B9882" s="3">
        <f t="shared" si="308"/>
        <v>12</v>
      </c>
      <c r="C9882" s="3">
        <f t="shared" si="309"/>
        <v>2017</v>
      </c>
      <c r="D9882" t="s">
        <v>2449</v>
      </c>
      <c r="E9882" t="s">
        <v>1528</v>
      </c>
      <c r="F9882" t="s">
        <v>10</v>
      </c>
      <c r="G9882" t="s">
        <v>199</v>
      </c>
      <c r="H9882" t="s">
        <v>2496</v>
      </c>
      <c r="I9882">
        <v>695.16</v>
      </c>
      <c r="J9882">
        <v>6</v>
      </c>
      <c r="K9882">
        <v>34.76</v>
      </c>
    </row>
    <row r="9883" spans="1:11" x14ac:dyDescent="0.3">
      <c r="A9883" s="1">
        <v>43091</v>
      </c>
      <c r="B9883" s="3">
        <f t="shared" si="308"/>
        <v>12</v>
      </c>
      <c r="C9883" s="3">
        <f t="shared" si="309"/>
        <v>2017</v>
      </c>
      <c r="D9883" t="s">
        <v>2449</v>
      </c>
      <c r="E9883" t="s">
        <v>1528</v>
      </c>
      <c r="F9883" t="s">
        <v>33</v>
      </c>
      <c r="G9883" t="s">
        <v>73</v>
      </c>
      <c r="H9883" t="s">
        <v>2280</v>
      </c>
      <c r="I9883">
        <v>220.98</v>
      </c>
      <c r="J9883">
        <v>1</v>
      </c>
      <c r="K9883">
        <v>50.83</v>
      </c>
    </row>
    <row r="9884" spans="1:11" x14ac:dyDescent="0.3">
      <c r="A9884" s="1">
        <v>43091</v>
      </c>
      <c r="B9884" s="3">
        <f t="shared" si="308"/>
        <v>12</v>
      </c>
      <c r="C9884" s="3">
        <f t="shared" si="309"/>
        <v>2017</v>
      </c>
      <c r="D9884" t="s">
        <v>2577</v>
      </c>
      <c r="E9884" t="s">
        <v>9</v>
      </c>
      <c r="F9884" t="s">
        <v>10</v>
      </c>
      <c r="G9884" t="s">
        <v>11</v>
      </c>
      <c r="H9884" t="s">
        <v>1156</v>
      </c>
      <c r="I9884">
        <v>25.92</v>
      </c>
      <c r="J9884">
        <v>5</v>
      </c>
      <c r="K9884">
        <v>9.07</v>
      </c>
    </row>
    <row r="9885" spans="1:11" x14ac:dyDescent="0.3">
      <c r="A9885" s="1">
        <v>43091</v>
      </c>
      <c r="B9885" s="3">
        <f t="shared" si="308"/>
        <v>12</v>
      </c>
      <c r="C9885" s="3">
        <f t="shared" si="309"/>
        <v>2017</v>
      </c>
      <c r="D9885" t="s">
        <v>2577</v>
      </c>
      <c r="E9885" t="s">
        <v>9</v>
      </c>
      <c r="F9885" t="s">
        <v>10</v>
      </c>
      <c r="G9885" t="s">
        <v>19</v>
      </c>
      <c r="H9885" t="s">
        <v>247</v>
      </c>
      <c r="I9885">
        <v>6.33</v>
      </c>
      <c r="J9885">
        <v>5</v>
      </c>
      <c r="K9885">
        <v>-9.81</v>
      </c>
    </row>
    <row r="9886" spans="1:11" x14ac:dyDescent="0.3">
      <c r="A9886" s="1">
        <v>43091</v>
      </c>
      <c r="B9886" s="3">
        <f t="shared" si="308"/>
        <v>12</v>
      </c>
      <c r="C9886" s="3">
        <f t="shared" si="309"/>
        <v>2017</v>
      </c>
      <c r="D9886" t="s">
        <v>2577</v>
      </c>
      <c r="E9886" t="s">
        <v>9</v>
      </c>
      <c r="F9886" t="s">
        <v>10</v>
      </c>
      <c r="G9886" t="s">
        <v>11</v>
      </c>
      <c r="H9886" t="s">
        <v>305</v>
      </c>
      <c r="I9886">
        <v>75.88</v>
      </c>
      <c r="J9886">
        <v>5</v>
      </c>
      <c r="K9886">
        <v>26.56</v>
      </c>
    </row>
    <row r="9887" spans="1:11" x14ac:dyDescent="0.3">
      <c r="A9887" s="1">
        <v>43091</v>
      </c>
      <c r="B9887" s="3">
        <f t="shared" si="308"/>
        <v>12</v>
      </c>
      <c r="C9887" s="3">
        <f t="shared" si="309"/>
        <v>2017</v>
      </c>
      <c r="D9887" t="s">
        <v>814</v>
      </c>
      <c r="E9887" t="s">
        <v>487</v>
      </c>
      <c r="F9887" t="s">
        <v>33</v>
      </c>
      <c r="G9887" t="s">
        <v>34</v>
      </c>
      <c r="H9887" t="s">
        <v>792</v>
      </c>
      <c r="I9887">
        <v>141.96</v>
      </c>
      <c r="J9887">
        <v>2</v>
      </c>
      <c r="K9887">
        <v>35.49</v>
      </c>
    </row>
    <row r="9888" spans="1:11" x14ac:dyDescent="0.3">
      <c r="A9888" s="1">
        <v>43091</v>
      </c>
      <c r="B9888" s="3">
        <f t="shared" si="308"/>
        <v>12</v>
      </c>
      <c r="C9888" s="3">
        <f t="shared" si="309"/>
        <v>2017</v>
      </c>
      <c r="D9888" t="s">
        <v>2577</v>
      </c>
      <c r="E9888" t="s">
        <v>94</v>
      </c>
      <c r="F9888" t="s">
        <v>33</v>
      </c>
      <c r="G9888" t="s">
        <v>144</v>
      </c>
      <c r="H9888" t="s">
        <v>1495</v>
      </c>
      <c r="I9888">
        <v>182.55</v>
      </c>
      <c r="J9888">
        <v>2</v>
      </c>
      <c r="K9888">
        <v>-135.09</v>
      </c>
    </row>
    <row r="9889" spans="1:11" x14ac:dyDescent="0.3">
      <c r="A9889" s="1">
        <v>43091</v>
      </c>
      <c r="B9889" s="3">
        <f t="shared" si="308"/>
        <v>12</v>
      </c>
      <c r="C9889" s="3">
        <f t="shared" si="309"/>
        <v>2017</v>
      </c>
      <c r="D9889" t="s">
        <v>1985</v>
      </c>
      <c r="E9889" t="s">
        <v>26</v>
      </c>
      <c r="F9889" t="s">
        <v>38</v>
      </c>
      <c r="G9889" t="s">
        <v>51</v>
      </c>
      <c r="H9889" t="s">
        <v>543</v>
      </c>
      <c r="I9889">
        <v>474.95</v>
      </c>
      <c r="J9889">
        <v>5</v>
      </c>
      <c r="K9889">
        <v>142.49</v>
      </c>
    </row>
    <row r="9890" spans="1:11" x14ac:dyDescent="0.3">
      <c r="A9890" s="1">
        <v>43091</v>
      </c>
      <c r="B9890" s="3">
        <f t="shared" si="308"/>
        <v>12</v>
      </c>
      <c r="C9890" s="3">
        <f t="shared" si="309"/>
        <v>2017</v>
      </c>
      <c r="D9890" t="s">
        <v>2253</v>
      </c>
      <c r="E9890" t="s">
        <v>314</v>
      </c>
      <c r="F9890" t="s">
        <v>33</v>
      </c>
      <c r="G9890" t="s">
        <v>144</v>
      </c>
      <c r="H9890" t="s">
        <v>2451</v>
      </c>
      <c r="I9890">
        <v>607.52</v>
      </c>
      <c r="J9890">
        <v>2</v>
      </c>
      <c r="K9890">
        <v>97.2</v>
      </c>
    </row>
    <row r="9891" spans="1:11" x14ac:dyDescent="0.3">
      <c r="A9891" s="1">
        <v>43091</v>
      </c>
      <c r="B9891" s="3">
        <f t="shared" si="308"/>
        <v>12</v>
      </c>
      <c r="C9891" s="3">
        <f t="shared" si="309"/>
        <v>2017</v>
      </c>
      <c r="D9891" t="s">
        <v>2253</v>
      </c>
      <c r="E9891" t="s">
        <v>314</v>
      </c>
      <c r="F9891" t="s">
        <v>10</v>
      </c>
      <c r="G9891" t="s">
        <v>17</v>
      </c>
      <c r="H9891" t="s">
        <v>1949</v>
      </c>
      <c r="I9891">
        <v>31.16</v>
      </c>
      <c r="J9891">
        <v>2</v>
      </c>
      <c r="K9891">
        <v>7.79</v>
      </c>
    </row>
    <row r="9892" spans="1:11" x14ac:dyDescent="0.3">
      <c r="A9892" s="1">
        <v>43091</v>
      </c>
      <c r="B9892" s="3">
        <f t="shared" si="308"/>
        <v>12</v>
      </c>
      <c r="C9892" s="3">
        <f t="shared" si="309"/>
        <v>2017</v>
      </c>
      <c r="D9892" t="s">
        <v>964</v>
      </c>
      <c r="E9892" t="s">
        <v>119</v>
      </c>
      <c r="F9892" t="s">
        <v>33</v>
      </c>
      <c r="G9892" t="s">
        <v>144</v>
      </c>
      <c r="H9892" t="s">
        <v>1459</v>
      </c>
      <c r="I9892">
        <v>934.96</v>
      </c>
      <c r="J9892">
        <v>6</v>
      </c>
      <c r="K9892">
        <v>-249.32</v>
      </c>
    </row>
    <row r="9893" spans="1:11" x14ac:dyDescent="0.3">
      <c r="A9893" s="1">
        <v>43091</v>
      </c>
      <c r="B9893" s="3">
        <f t="shared" si="308"/>
        <v>12</v>
      </c>
      <c r="C9893" s="3">
        <f t="shared" si="309"/>
        <v>2017</v>
      </c>
      <c r="D9893" t="s">
        <v>964</v>
      </c>
      <c r="E9893" t="s">
        <v>119</v>
      </c>
      <c r="F9893" t="s">
        <v>38</v>
      </c>
      <c r="G9893" t="s">
        <v>51</v>
      </c>
      <c r="H9893" t="s">
        <v>655</v>
      </c>
      <c r="I9893">
        <v>46.86</v>
      </c>
      <c r="J9893">
        <v>2</v>
      </c>
      <c r="K9893">
        <v>7.62</v>
      </c>
    </row>
    <row r="9894" spans="1:11" x14ac:dyDescent="0.3">
      <c r="A9894" s="1">
        <v>43091</v>
      </c>
      <c r="B9894" s="3">
        <f t="shared" si="308"/>
        <v>12</v>
      </c>
      <c r="C9894" s="3">
        <f t="shared" si="309"/>
        <v>2017</v>
      </c>
      <c r="D9894" t="s">
        <v>964</v>
      </c>
      <c r="E9894" t="s">
        <v>119</v>
      </c>
      <c r="F9894" t="s">
        <v>10</v>
      </c>
      <c r="G9894" t="s">
        <v>17</v>
      </c>
      <c r="H9894" t="s">
        <v>348</v>
      </c>
      <c r="I9894">
        <v>26.16</v>
      </c>
      <c r="J9894">
        <v>3</v>
      </c>
      <c r="K9894">
        <v>1.96</v>
      </c>
    </row>
    <row r="9895" spans="1:11" x14ac:dyDescent="0.3">
      <c r="A9895" s="1">
        <v>43091</v>
      </c>
      <c r="B9895" s="3">
        <f t="shared" si="308"/>
        <v>12</v>
      </c>
      <c r="C9895" s="3">
        <f t="shared" si="309"/>
        <v>2017</v>
      </c>
      <c r="D9895" t="s">
        <v>964</v>
      </c>
      <c r="E9895" t="s">
        <v>119</v>
      </c>
      <c r="F9895" t="s">
        <v>10</v>
      </c>
      <c r="G9895" t="s">
        <v>23</v>
      </c>
      <c r="H9895" t="s">
        <v>1526</v>
      </c>
      <c r="I9895">
        <v>23.13</v>
      </c>
      <c r="J9895">
        <v>7</v>
      </c>
      <c r="K9895">
        <v>2.89</v>
      </c>
    </row>
    <row r="9896" spans="1:11" x14ac:dyDescent="0.3">
      <c r="A9896" s="1">
        <v>43091</v>
      </c>
      <c r="B9896" s="3">
        <f t="shared" si="308"/>
        <v>12</v>
      </c>
      <c r="C9896" s="3">
        <f t="shared" si="309"/>
        <v>2017</v>
      </c>
      <c r="D9896" t="s">
        <v>964</v>
      </c>
      <c r="E9896" t="s">
        <v>119</v>
      </c>
      <c r="F9896" t="s">
        <v>10</v>
      </c>
      <c r="G9896" t="s">
        <v>91</v>
      </c>
      <c r="H9896" t="s">
        <v>2058</v>
      </c>
      <c r="I9896">
        <v>59.24</v>
      </c>
      <c r="J9896">
        <v>5</v>
      </c>
      <c r="K9896">
        <v>16.29</v>
      </c>
    </row>
    <row r="9897" spans="1:11" x14ac:dyDescent="0.3">
      <c r="A9897" s="1">
        <v>43092</v>
      </c>
      <c r="B9897" s="3">
        <f t="shared" si="308"/>
        <v>12</v>
      </c>
      <c r="C9897" s="3">
        <f t="shared" si="309"/>
        <v>2017</v>
      </c>
      <c r="D9897" t="s">
        <v>1073</v>
      </c>
      <c r="E9897" t="s">
        <v>26</v>
      </c>
      <c r="F9897" t="s">
        <v>10</v>
      </c>
      <c r="G9897" t="s">
        <v>23</v>
      </c>
      <c r="H9897" t="s">
        <v>2072</v>
      </c>
      <c r="I9897">
        <v>13.48</v>
      </c>
      <c r="J9897">
        <v>4</v>
      </c>
      <c r="K9897">
        <v>5.93</v>
      </c>
    </row>
    <row r="9898" spans="1:11" x14ac:dyDescent="0.3">
      <c r="A9898" s="1">
        <v>43092</v>
      </c>
      <c r="B9898" s="3">
        <f t="shared" si="308"/>
        <v>12</v>
      </c>
      <c r="C9898" s="3">
        <f t="shared" si="309"/>
        <v>2017</v>
      </c>
      <c r="D9898" t="s">
        <v>284</v>
      </c>
      <c r="E9898" t="s">
        <v>612</v>
      </c>
      <c r="F9898" t="s">
        <v>33</v>
      </c>
      <c r="G9898" t="s">
        <v>46</v>
      </c>
      <c r="H9898" t="s">
        <v>569</v>
      </c>
      <c r="I9898">
        <v>181.95</v>
      </c>
      <c r="J9898">
        <v>3</v>
      </c>
      <c r="K9898">
        <v>38.21</v>
      </c>
    </row>
    <row r="9899" spans="1:11" x14ac:dyDescent="0.3">
      <c r="A9899" s="1">
        <v>43092</v>
      </c>
      <c r="B9899" s="3">
        <f t="shared" si="308"/>
        <v>12</v>
      </c>
      <c r="C9899" s="3">
        <f t="shared" si="309"/>
        <v>2017</v>
      </c>
      <c r="D9899" t="s">
        <v>76</v>
      </c>
      <c r="E9899" t="s">
        <v>9</v>
      </c>
      <c r="F9899" t="s">
        <v>10</v>
      </c>
      <c r="G9899" t="s">
        <v>11</v>
      </c>
      <c r="H9899" t="s">
        <v>1487</v>
      </c>
      <c r="I9899">
        <v>28.67</v>
      </c>
      <c r="J9899">
        <v>8</v>
      </c>
      <c r="K9899">
        <v>10.39</v>
      </c>
    </row>
    <row r="9900" spans="1:11" x14ac:dyDescent="0.3">
      <c r="A9900" s="1">
        <v>43092</v>
      </c>
      <c r="B9900" s="3">
        <f t="shared" si="308"/>
        <v>12</v>
      </c>
      <c r="C9900" s="3">
        <f t="shared" si="309"/>
        <v>2017</v>
      </c>
      <c r="D9900" t="s">
        <v>76</v>
      </c>
      <c r="E9900" t="s">
        <v>9</v>
      </c>
      <c r="F9900" t="s">
        <v>10</v>
      </c>
      <c r="G9900" t="s">
        <v>91</v>
      </c>
      <c r="H9900" t="s">
        <v>1982</v>
      </c>
      <c r="I9900">
        <v>29.31</v>
      </c>
      <c r="J9900">
        <v>8</v>
      </c>
      <c r="K9900">
        <v>-74.75</v>
      </c>
    </row>
    <row r="9901" spans="1:11" x14ac:dyDescent="0.3">
      <c r="A9901" s="1">
        <v>43092</v>
      </c>
      <c r="B9901" s="3">
        <f t="shared" si="308"/>
        <v>12</v>
      </c>
      <c r="C9901" s="3">
        <f t="shared" si="309"/>
        <v>2017</v>
      </c>
      <c r="D9901" t="s">
        <v>1692</v>
      </c>
      <c r="E9901" t="s">
        <v>119</v>
      </c>
      <c r="F9901" t="s">
        <v>33</v>
      </c>
      <c r="G9901" t="s">
        <v>46</v>
      </c>
      <c r="H9901" t="s">
        <v>2008</v>
      </c>
      <c r="I9901">
        <v>72.7</v>
      </c>
      <c r="J9901">
        <v>4</v>
      </c>
      <c r="K9901">
        <v>19.079999999999998</v>
      </c>
    </row>
    <row r="9902" spans="1:11" x14ac:dyDescent="0.3">
      <c r="A9902" s="1">
        <v>43092</v>
      </c>
      <c r="B9902" s="3">
        <f t="shared" si="308"/>
        <v>12</v>
      </c>
      <c r="C9902" s="3">
        <f t="shared" si="309"/>
        <v>2017</v>
      </c>
      <c r="D9902" t="s">
        <v>1692</v>
      </c>
      <c r="E9902" t="s">
        <v>119</v>
      </c>
      <c r="F9902" t="s">
        <v>10</v>
      </c>
      <c r="G9902" t="s">
        <v>23</v>
      </c>
      <c r="H9902" t="s">
        <v>2669</v>
      </c>
      <c r="I9902">
        <v>12.26</v>
      </c>
      <c r="J9902">
        <v>7</v>
      </c>
      <c r="K9902">
        <v>1.07</v>
      </c>
    </row>
    <row r="9903" spans="1:11" x14ac:dyDescent="0.3">
      <c r="A9903" s="1">
        <v>43092</v>
      </c>
      <c r="B9903" s="3">
        <f t="shared" si="308"/>
        <v>12</v>
      </c>
      <c r="C9903" s="3">
        <f t="shared" si="309"/>
        <v>2017</v>
      </c>
      <c r="D9903" t="s">
        <v>1692</v>
      </c>
      <c r="E9903" t="s">
        <v>119</v>
      </c>
      <c r="F9903" t="s">
        <v>10</v>
      </c>
      <c r="G9903" t="s">
        <v>17</v>
      </c>
      <c r="H9903" t="s">
        <v>837</v>
      </c>
      <c r="I9903">
        <v>218.35</v>
      </c>
      <c r="J9903">
        <v>3</v>
      </c>
      <c r="K9903">
        <v>-54.59</v>
      </c>
    </row>
    <row r="9904" spans="1:11" x14ac:dyDescent="0.3">
      <c r="A9904" s="1">
        <v>43092</v>
      </c>
      <c r="B9904" s="3">
        <f t="shared" si="308"/>
        <v>12</v>
      </c>
      <c r="C9904" s="3">
        <f t="shared" si="309"/>
        <v>2017</v>
      </c>
      <c r="D9904" t="s">
        <v>1309</v>
      </c>
      <c r="E9904" t="s">
        <v>100</v>
      </c>
      <c r="F9904" t="s">
        <v>10</v>
      </c>
      <c r="G9904" t="s">
        <v>17</v>
      </c>
      <c r="H9904" t="s">
        <v>1610</v>
      </c>
      <c r="I9904">
        <v>62.04</v>
      </c>
      <c r="J9904">
        <v>4</v>
      </c>
      <c r="K9904">
        <v>17.37</v>
      </c>
    </row>
    <row r="9905" spans="1:11" x14ac:dyDescent="0.3">
      <c r="A9905" s="1">
        <v>43092</v>
      </c>
      <c r="B9905" s="3">
        <f t="shared" si="308"/>
        <v>12</v>
      </c>
      <c r="C9905" s="3">
        <f t="shared" si="309"/>
        <v>2017</v>
      </c>
      <c r="D9905" t="s">
        <v>1309</v>
      </c>
      <c r="E9905" t="s">
        <v>100</v>
      </c>
      <c r="F9905" t="s">
        <v>38</v>
      </c>
      <c r="G9905" t="s">
        <v>39</v>
      </c>
      <c r="H9905" t="s">
        <v>2179</v>
      </c>
      <c r="I9905">
        <v>494.97</v>
      </c>
      <c r="J9905">
        <v>3</v>
      </c>
      <c r="K9905">
        <v>148.49</v>
      </c>
    </row>
    <row r="9906" spans="1:11" x14ac:dyDescent="0.3">
      <c r="A9906" s="1">
        <v>43092</v>
      </c>
      <c r="B9906" s="3">
        <f t="shared" si="308"/>
        <v>12</v>
      </c>
      <c r="C9906" s="3">
        <f t="shared" si="309"/>
        <v>2017</v>
      </c>
      <c r="D9906" t="s">
        <v>1309</v>
      </c>
      <c r="E9906" t="s">
        <v>100</v>
      </c>
      <c r="F9906" t="s">
        <v>10</v>
      </c>
      <c r="G9906" t="s">
        <v>17</v>
      </c>
      <c r="H9906" t="s">
        <v>907</v>
      </c>
      <c r="I9906">
        <v>367.96</v>
      </c>
      <c r="J9906">
        <v>4</v>
      </c>
      <c r="K9906">
        <v>14.72</v>
      </c>
    </row>
    <row r="9907" spans="1:11" x14ac:dyDescent="0.3">
      <c r="A9907" s="1">
        <v>43092</v>
      </c>
      <c r="B9907" s="3">
        <f t="shared" si="308"/>
        <v>12</v>
      </c>
      <c r="C9907" s="3">
        <f t="shared" si="309"/>
        <v>2017</v>
      </c>
      <c r="D9907" t="s">
        <v>1309</v>
      </c>
      <c r="E9907" t="s">
        <v>100</v>
      </c>
      <c r="F9907" t="s">
        <v>10</v>
      </c>
      <c r="G9907" t="s">
        <v>11</v>
      </c>
      <c r="H9907" t="s">
        <v>2469</v>
      </c>
      <c r="I9907">
        <v>44.96</v>
      </c>
      <c r="J9907">
        <v>2</v>
      </c>
      <c r="K9907">
        <v>20.68</v>
      </c>
    </row>
    <row r="9908" spans="1:11" x14ac:dyDescent="0.3">
      <c r="A9908" s="1">
        <v>43092</v>
      </c>
      <c r="B9908" s="3">
        <f t="shared" si="308"/>
        <v>12</v>
      </c>
      <c r="C9908" s="3">
        <f t="shared" si="309"/>
        <v>2017</v>
      </c>
      <c r="D9908" t="s">
        <v>1309</v>
      </c>
      <c r="E9908" t="s">
        <v>100</v>
      </c>
      <c r="F9908" t="s">
        <v>10</v>
      </c>
      <c r="G9908" t="s">
        <v>62</v>
      </c>
      <c r="H9908" t="s">
        <v>1318</v>
      </c>
      <c r="I9908">
        <v>182.94</v>
      </c>
      <c r="J9908">
        <v>3</v>
      </c>
      <c r="K9908">
        <v>85.98</v>
      </c>
    </row>
    <row r="9909" spans="1:11" x14ac:dyDescent="0.3">
      <c r="A9909" s="1">
        <v>43092</v>
      </c>
      <c r="B9909" s="3">
        <f t="shared" si="308"/>
        <v>12</v>
      </c>
      <c r="C9909" s="3">
        <f t="shared" si="309"/>
        <v>2017</v>
      </c>
      <c r="D9909" t="s">
        <v>1294</v>
      </c>
      <c r="E9909" t="s">
        <v>14</v>
      </c>
      <c r="F9909" t="s">
        <v>10</v>
      </c>
      <c r="G9909" t="s">
        <v>19</v>
      </c>
      <c r="H9909" t="s">
        <v>2118</v>
      </c>
      <c r="I9909">
        <v>13.84</v>
      </c>
      <c r="J9909">
        <v>4</v>
      </c>
      <c r="K9909">
        <v>-22.14</v>
      </c>
    </row>
    <row r="9910" spans="1:11" x14ac:dyDescent="0.3">
      <c r="A9910" s="1">
        <v>43092</v>
      </c>
      <c r="B9910" s="3">
        <f t="shared" si="308"/>
        <v>12</v>
      </c>
      <c r="C9910" s="3">
        <f t="shared" si="309"/>
        <v>2017</v>
      </c>
      <c r="D9910" t="s">
        <v>1294</v>
      </c>
      <c r="E9910" t="s">
        <v>14</v>
      </c>
      <c r="F9910" t="s">
        <v>10</v>
      </c>
      <c r="G9910" t="s">
        <v>11</v>
      </c>
      <c r="H9910" t="s">
        <v>1190</v>
      </c>
      <c r="I9910">
        <v>175.87</v>
      </c>
      <c r="J9910">
        <v>4</v>
      </c>
      <c r="K9910">
        <v>63.75</v>
      </c>
    </row>
    <row r="9911" spans="1:11" x14ac:dyDescent="0.3">
      <c r="A9911" s="1">
        <v>43092</v>
      </c>
      <c r="B9911" s="3">
        <f t="shared" si="308"/>
        <v>12</v>
      </c>
      <c r="C9911" s="3">
        <f t="shared" si="309"/>
        <v>2017</v>
      </c>
      <c r="D9911" t="s">
        <v>2056</v>
      </c>
      <c r="E9911" t="s">
        <v>612</v>
      </c>
      <c r="F9911" t="s">
        <v>33</v>
      </c>
      <c r="G9911" t="s">
        <v>46</v>
      </c>
      <c r="H9911" t="s">
        <v>364</v>
      </c>
      <c r="I9911">
        <v>27.46</v>
      </c>
      <c r="J9911">
        <v>2</v>
      </c>
      <c r="K9911">
        <v>9.89</v>
      </c>
    </row>
    <row r="9912" spans="1:11" x14ac:dyDescent="0.3">
      <c r="A9912" s="1">
        <v>43093</v>
      </c>
      <c r="B9912" s="3">
        <f t="shared" si="308"/>
        <v>12</v>
      </c>
      <c r="C9912" s="3">
        <f t="shared" si="309"/>
        <v>2017</v>
      </c>
      <c r="D9912" t="s">
        <v>1609</v>
      </c>
      <c r="E9912" t="s">
        <v>148</v>
      </c>
      <c r="F9912" t="s">
        <v>10</v>
      </c>
      <c r="G9912" t="s">
        <v>91</v>
      </c>
      <c r="H9912" t="s">
        <v>657</v>
      </c>
      <c r="I9912">
        <v>35.909999999999997</v>
      </c>
      <c r="J9912">
        <v>3</v>
      </c>
      <c r="K9912">
        <v>9.6999999999999993</v>
      </c>
    </row>
    <row r="9913" spans="1:11" x14ac:dyDescent="0.3">
      <c r="A9913" s="1">
        <v>43093</v>
      </c>
      <c r="B9913" s="3">
        <f t="shared" si="308"/>
        <v>12</v>
      </c>
      <c r="C9913" s="3">
        <f t="shared" si="309"/>
        <v>2017</v>
      </c>
      <c r="D9913" t="s">
        <v>1704</v>
      </c>
      <c r="E9913" t="s">
        <v>148</v>
      </c>
      <c r="F9913" t="s">
        <v>10</v>
      </c>
      <c r="G9913" t="s">
        <v>19</v>
      </c>
      <c r="H9913" t="s">
        <v>48</v>
      </c>
      <c r="I9913">
        <v>17.88</v>
      </c>
      <c r="J9913">
        <v>3</v>
      </c>
      <c r="K9913">
        <v>5.59</v>
      </c>
    </row>
    <row r="9914" spans="1:11" x14ac:dyDescent="0.3">
      <c r="A9914" s="1">
        <v>43093</v>
      </c>
      <c r="B9914" s="3">
        <f t="shared" si="308"/>
        <v>12</v>
      </c>
      <c r="C9914" s="3">
        <f t="shared" si="309"/>
        <v>2017</v>
      </c>
      <c r="D9914" t="s">
        <v>1722</v>
      </c>
      <c r="E9914" t="s">
        <v>163</v>
      </c>
      <c r="F9914" t="s">
        <v>10</v>
      </c>
      <c r="G9914" t="s">
        <v>17</v>
      </c>
      <c r="H9914" t="s">
        <v>859</v>
      </c>
      <c r="I9914">
        <v>1003.62</v>
      </c>
      <c r="J9914">
        <v>6</v>
      </c>
      <c r="K9914">
        <v>0</v>
      </c>
    </row>
    <row r="9915" spans="1:11" x14ac:dyDescent="0.3">
      <c r="A9915" s="1">
        <v>43093</v>
      </c>
      <c r="B9915" s="3">
        <f t="shared" si="308"/>
        <v>12</v>
      </c>
      <c r="C9915" s="3">
        <f t="shared" si="309"/>
        <v>2017</v>
      </c>
      <c r="D9915" t="s">
        <v>1466</v>
      </c>
      <c r="E9915" t="s">
        <v>148</v>
      </c>
      <c r="F9915" t="s">
        <v>33</v>
      </c>
      <c r="G9915" t="s">
        <v>34</v>
      </c>
      <c r="H9915" t="s">
        <v>541</v>
      </c>
      <c r="I9915">
        <v>271.76</v>
      </c>
      <c r="J9915">
        <v>2</v>
      </c>
      <c r="K9915">
        <v>48.31</v>
      </c>
    </row>
    <row r="9916" spans="1:11" x14ac:dyDescent="0.3">
      <c r="A9916" s="1">
        <v>43093</v>
      </c>
      <c r="B9916" s="3">
        <f t="shared" si="308"/>
        <v>12</v>
      </c>
      <c r="C9916" s="3">
        <f t="shared" si="309"/>
        <v>2017</v>
      </c>
      <c r="D9916" t="s">
        <v>1466</v>
      </c>
      <c r="E9916" t="s">
        <v>148</v>
      </c>
      <c r="F9916" t="s">
        <v>10</v>
      </c>
      <c r="G9916" t="s">
        <v>19</v>
      </c>
      <c r="H9916" t="s">
        <v>2026</v>
      </c>
      <c r="I9916">
        <v>14.38</v>
      </c>
      <c r="J9916">
        <v>3</v>
      </c>
      <c r="K9916">
        <v>4.8499999999999996</v>
      </c>
    </row>
    <row r="9917" spans="1:11" x14ac:dyDescent="0.3">
      <c r="A9917" s="1">
        <v>43093</v>
      </c>
      <c r="B9917" s="3">
        <f t="shared" si="308"/>
        <v>12</v>
      </c>
      <c r="C9917" s="3">
        <f t="shared" si="309"/>
        <v>2017</v>
      </c>
      <c r="D9917" t="s">
        <v>2245</v>
      </c>
      <c r="E9917" t="s">
        <v>148</v>
      </c>
      <c r="F9917" t="s">
        <v>33</v>
      </c>
      <c r="G9917" t="s">
        <v>46</v>
      </c>
      <c r="H9917" t="s">
        <v>1084</v>
      </c>
      <c r="I9917">
        <v>37.93</v>
      </c>
      <c r="J9917">
        <v>1</v>
      </c>
      <c r="K9917">
        <v>6.83</v>
      </c>
    </row>
    <row r="9918" spans="1:11" x14ac:dyDescent="0.3">
      <c r="A9918" s="1">
        <v>43093</v>
      </c>
      <c r="B9918" s="3">
        <f t="shared" si="308"/>
        <v>12</v>
      </c>
      <c r="C9918" s="3">
        <f t="shared" si="309"/>
        <v>2017</v>
      </c>
      <c r="D9918" t="s">
        <v>1121</v>
      </c>
      <c r="E9918" t="s">
        <v>61</v>
      </c>
      <c r="F9918" t="s">
        <v>38</v>
      </c>
      <c r="G9918" t="s">
        <v>301</v>
      </c>
      <c r="H9918" t="s">
        <v>1857</v>
      </c>
      <c r="I9918">
        <v>479.97</v>
      </c>
      <c r="J9918">
        <v>3</v>
      </c>
      <c r="K9918">
        <v>239.99</v>
      </c>
    </row>
    <row r="9919" spans="1:11" x14ac:dyDescent="0.3">
      <c r="A9919" s="1">
        <v>43093</v>
      </c>
      <c r="B9919" s="3">
        <f t="shared" si="308"/>
        <v>12</v>
      </c>
      <c r="C9919" s="3">
        <f t="shared" si="309"/>
        <v>2017</v>
      </c>
      <c r="D9919" t="s">
        <v>1121</v>
      </c>
      <c r="E9919" t="s">
        <v>61</v>
      </c>
      <c r="F9919" t="s">
        <v>33</v>
      </c>
      <c r="G9919" t="s">
        <v>34</v>
      </c>
      <c r="H9919" t="s">
        <v>381</v>
      </c>
      <c r="I9919">
        <v>232.88</v>
      </c>
      <c r="J9919">
        <v>4</v>
      </c>
      <c r="K9919">
        <v>60.55</v>
      </c>
    </row>
    <row r="9920" spans="1:11" x14ac:dyDescent="0.3">
      <c r="A9920" s="1">
        <v>43093</v>
      </c>
      <c r="B9920" s="3">
        <f t="shared" si="308"/>
        <v>12</v>
      </c>
      <c r="C9920" s="3">
        <f t="shared" si="309"/>
        <v>2017</v>
      </c>
      <c r="D9920" t="s">
        <v>1619</v>
      </c>
      <c r="E9920" t="s">
        <v>26</v>
      </c>
      <c r="F9920" t="s">
        <v>38</v>
      </c>
      <c r="G9920" t="s">
        <v>602</v>
      </c>
      <c r="H9920" t="s">
        <v>633</v>
      </c>
      <c r="I9920">
        <v>2879.95</v>
      </c>
      <c r="J9920">
        <v>6</v>
      </c>
      <c r="K9920">
        <v>1007.98</v>
      </c>
    </row>
    <row r="9921" spans="1:11" x14ac:dyDescent="0.3">
      <c r="A9921" s="1">
        <v>43093</v>
      </c>
      <c r="B9921" s="3">
        <f t="shared" si="308"/>
        <v>12</v>
      </c>
      <c r="C9921" s="3">
        <f t="shared" si="309"/>
        <v>2017</v>
      </c>
      <c r="D9921" t="s">
        <v>1619</v>
      </c>
      <c r="E9921" t="s">
        <v>26</v>
      </c>
      <c r="F9921" t="s">
        <v>10</v>
      </c>
      <c r="G9921" t="s">
        <v>19</v>
      </c>
      <c r="H9921" t="s">
        <v>910</v>
      </c>
      <c r="I9921">
        <v>90.48</v>
      </c>
      <c r="J9921">
        <v>3</v>
      </c>
      <c r="K9921">
        <v>33.93</v>
      </c>
    </row>
    <row r="9922" spans="1:11" x14ac:dyDescent="0.3">
      <c r="A9922" s="1">
        <v>43093</v>
      </c>
      <c r="B9922" s="3">
        <f t="shared" ref="B9922:B9985" si="310">MONTH(A:A)</f>
        <v>12</v>
      </c>
      <c r="C9922" s="3">
        <f t="shared" ref="C9922:C9985" si="311">YEAR(A:A)</f>
        <v>2017</v>
      </c>
      <c r="D9922" t="s">
        <v>1876</v>
      </c>
      <c r="E9922" t="s">
        <v>94</v>
      </c>
      <c r="F9922" t="s">
        <v>33</v>
      </c>
      <c r="G9922" t="s">
        <v>46</v>
      </c>
      <c r="H9922" t="s">
        <v>871</v>
      </c>
      <c r="I9922">
        <v>8.5399999999999991</v>
      </c>
      <c r="J9922">
        <v>4</v>
      </c>
      <c r="K9922">
        <v>1.92</v>
      </c>
    </row>
    <row r="9923" spans="1:11" x14ac:dyDescent="0.3">
      <c r="A9923" s="1">
        <v>43093</v>
      </c>
      <c r="B9923" s="3">
        <f t="shared" si="310"/>
        <v>12</v>
      </c>
      <c r="C9923" s="3">
        <f t="shared" si="311"/>
        <v>2017</v>
      </c>
      <c r="D9923" t="s">
        <v>1876</v>
      </c>
      <c r="E9923" t="s">
        <v>94</v>
      </c>
      <c r="F9923" t="s">
        <v>33</v>
      </c>
      <c r="G9923" t="s">
        <v>34</v>
      </c>
      <c r="H9923" t="s">
        <v>593</v>
      </c>
      <c r="I9923">
        <v>842.38</v>
      </c>
      <c r="J9923">
        <v>3</v>
      </c>
      <c r="K9923">
        <v>105.3</v>
      </c>
    </row>
    <row r="9924" spans="1:11" x14ac:dyDescent="0.3">
      <c r="A9924" s="1">
        <v>43093</v>
      </c>
      <c r="B9924" s="3">
        <f t="shared" si="310"/>
        <v>12</v>
      </c>
      <c r="C9924" s="3">
        <f t="shared" si="311"/>
        <v>2017</v>
      </c>
      <c r="D9924" t="s">
        <v>2630</v>
      </c>
      <c r="E9924" t="s">
        <v>9</v>
      </c>
      <c r="F9924" t="s">
        <v>10</v>
      </c>
      <c r="G9924" t="s">
        <v>17</v>
      </c>
      <c r="H9924" t="s">
        <v>373</v>
      </c>
      <c r="I9924">
        <v>264.32</v>
      </c>
      <c r="J9924">
        <v>2</v>
      </c>
      <c r="K9924">
        <v>19.82</v>
      </c>
    </row>
    <row r="9925" spans="1:11" x14ac:dyDescent="0.3">
      <c r="A9925" s="1">
        <v>43093</v>
      </c>
      <c r="B9925" s="3">
        <f t="shared" si="310"/>
        <v>12</v>
      </c>
      <c r="C9925" s="3">
        <f t="shared" si="311"/>
        <v>2017</v>
      </c>
      <c r="D9925" t="s">
        <v>2204</v>
      </c>
      <c r="E9925" t="s">
        <v>509</v>
      </c>
      <c r="F9925" t="s">
        <v>10</v>
      </c>
      <c r="G9925" t="s">
        <v>19</v>
      </c>
      <c r="H9925" t="s">
        <v>1029</v>
      </c>
      <c r="I9925">
        <v>21.31</v>
      </c>
      <c r="J9925">
        <v>3</v>
      </c>
      <c r="K9925">
        <v>7.99</v>
      </c>
    </row>
    <row r="9926" spans="1:11" x14ac:dyDescent="0.3">
      <c r="A9926" s="1">
        <v>43093</v>
      </c>
      <c r="B9926" s="3">
        <f t="shared" si="310"/>
        <v>12</v>
      </c>
      <c r="C9926" s="3">
        <f t="shared" si="311"/>
        <v>2017</v>
      </c>
      <c r="D9926" t="s">
        <v>1008</v>
      </c>
      <c r="E9926" t="s">
        <v>433</v>
      </c>
      <c r="F9926" t="s">
        <v>10</v>
      </c>
      <c r="G9926" t="s">
        <v>11</v>
      </c>
      <c r="H9926" t="s">
        <v>1729</v>
      </c>
      <c r="I9926">
        <v>19.440000000000001</v>
      </c>
      <c r="J9926">
        <v>3</v>
      </c>
      <c r="K9926">
        <v>9.33</v>
      </c>
    </row>
    <row r="9927" spans="1:11" x14ac:dyDescent="0.3">
      <c r="A9927" s="1">
        <v>43093</v>
      </c>
      <c r="B9927" s="3">
        <f t="shared" si="310"/>
        <v>12</v>
      </c>
      <c r="C9927" s="3">
        <f t="shared" si="311"/>
        <v>2017</v>
      </c>
      <c r="D9927" t="s">
        <v>1008</v>
      </c>
      <c r="E9927" t="s">
        <v>433</v>
      </c>
      <c r="F9927" t="s">
        <v>10</v>
      </c>
      <c r="G9927" t="s">
        <v>19</v>
      </c>
      <c r="H9927" t="s">
        <v>1576</v>
      </c>
      <c r="I9927">
        <v>12.3</v>
      </c>
      <c r="J9927">
        <v>5</v>
      </c>
      <c r="K9927">
        <v>6.15</v>
      </c>
    </row>
    <row r="9928" spans="1:11" x14ac:dyDescent="0.3">
      <c r="A9928" s="1">
        <v>43094</v>
      </c>
      <c r="B9928" s="3">
        <f t="shared" si="310"/>
        <v>12</v>
      </c>
      <c r="C9928" s="3">
        <f t="shared" si="311"/>
        <v>2017</v>
      </c>
      <c r="D9928" t="s">
        <v>2517</v>
      </c>
      <c r="E9928" t="s">
        <v>148</v>
      </c>
      <c r="F9928" t="s">
        <v>33</v>
      </c>
      <c r="G9928" t="s">
        <v>46</v>
      </c>
      <c r="H9928" t="s">
        <v>2622</v>
      </c>
      <c r="I9928">
        <v>41.96</v>
      </c>
      <c r="J9928">
        <v>2</v>
      </c>
      <c r="K9928">
        <v>10.91</v>
      </c>
    </row>
    <row r="9929" spans="1:11" x14ac:dyDescent="0.3">
      <c r="A9929" s="1">
        <v>43094</v>
      </c>
      <c r="B9929" s="3">
        <f t="shared" si="310"/>
        <v>12</v>
      </c>
      <c r="C9929" s="3">
        <f t="shared" si="311"/>
        <v>2017</v>
      </c>
      <c r="D9929" t="s">
        <v>1780</v>
      </c>
      <c r="E9929" t="s">
        <v>148</v>
      </c>
      <c r="F9929" t="s">
        <v>33</v>
      </c>
      <c r="G9929" t="s">
        <v>73</v>
      </c>
      <c r="H9929" t="s">
        <v>1636</v>
      </c>
      <c r="I9929">
        <v>191.98</v>
      </c>
      <c r="J9929">
        <v>2</v>
      </c>
      <c r="K9929">
        <v>4.8</v>
      </c>
    </row>
    <row r="9930" spans="1:11" x14ac:dyDescent="0.3">
      <c r="A9930" s="1">
        <v>43094</v>
      </c>
      <c r="B9930" s="3">
        <f t="shared" si="310"/>
        <v>12</v>
      </c>
      <c r="C9930" s="3">
        <f t="shared" si="311"/>
        <v>2017</v>
      </c>
      <c r="D9930" t="s">
        <v>2196</v>
      </c>
      <c r="E9930" t="s">
        <v>32</v>
      </c>
      <c r="F9930" t="s">
        <v>10</v>
      </c>
      <c r="G9930" t="s">
        <v>17</v>
      </c>
      <c r="H9930" t="s">
        <v>908</v>
      </c>
      <c r="I9930">
        <v>95.94</v>
      </c>
      <c r="J9930">
        <v>3</v>
      </c>
      <c r="K9930">
        <v>9.59</v>
      </c>
    </row>
    <row r="9931" spans="1:11" x14ac:dyDescent="0.3">
      <c r="A9931" s="1">
        <v>43094</v>
      </c>
      <c r="B9931" s="3">
        <f t="shared" si="310"/>
        <v>12</v>
      </c>
      <c r="C9931" s="3">
        <f t="shared" si="311"/>
        <v>2017</v>
      </c>
      <c r="D9931" t="s">
        <v>2196</v>
      </c>
      <c r="E9931" t="s">
        <v>32</v>
      </c>
      <c r="F9931" t="s">
        <v>33</v>
      </c>
      <c r="G9931" t="s">
        <v>34</v>
      </c>
      <c r="H9931" t="s">
        <v>186</v>
      </c>
      <c r="I9931">
        <v>304.45</v>
      </c>
      <c r="J9931">
        <v>5</v>
      </c>
      <c r="K9931">
        <v>76.11</v>
      </c>
    </row>
    <row r="9932" spans="1:11" x14ac:dyDescent="0.3">
      <c r="A9932" s="1">
        <v>43094</v>
      </c>
      <c r="B9932" s="3">
        <f t="shared" si="310"/>
        <v>12</v>
      </c>
      <c r="C9932" s="3">
        <f t="shared" si="311"/>
        <v>2017</v>
      </c>
      <c r="D9932" t="s">
        <v>2465</v>
      </c>
      <c r="E9932" t="s">
        <v>77</v>
      </c>
      <c r="F9932" t="s">
        <v>38</v>
      </c>
      <c r="G9932" t="s">
        <v>51</v>
      </c>
      <c r="H9932" t="s">
        <v>1062</v>
      </c>
      <c r="I9932">
        <v>158.93</v>
      </c>
      <c r="J9932">
        <v>7</v>
      </c>
      <c r="K9932">
        <v>41.72</v>
      </c>
    </row>
    <row r="9933" spans="1:11" x14ac:dyDescent="0.3">
      <c r="A9933" s="1">
        <v>43094</v>
      </c>
      <c r="B9933" s="3">
        <f t="shared" si="310"/>
        <v>12</v>
      </c>
      <c r="C9933" s="3">
        <f t="shared" si="311"/>
        <v>2017</v>
      </c>
      <c r="D9933" t="s">
        <v>2465</v>
      </c>
      <c r="E9933" t="s">
        <v>77</v>
      </c>
      <c r="F9933" t="s">
        <v>10</v>
      </c>
      <c r="G9933" t="s">
        <v>19</v>
      </c>
      <c r="H9933" t="s">
        <v>1138</v>
      </c>
      <c r="I9933">
        <v>13.02</v>
      </c>
      <c r="J9933">
        <v>1</v>
      </c>
      <c r="K9933">
        <v>-10.42</v>
      </c>
    </row>
    <row r="9934" spans="1:11" x14ac:dyDescent="0.3">
      <c r="A9934" s="1">
        <v>43094</v>
      </c>
      <c r="B9934" s="3">
        <f t="shared" si="310"/>
        <v>12</v>
      </c>
      <c r="C9934" s="3">
        <f t="shared" si="311"/>
        <v>2017</v>
      </c>
      <c r="D9934" t="s">
        <v>2465</v>
      </c>
      <c r="E9934" t="s">
        <v>77</v>
      </c>
      <c r="F9934" t="s">
        <v>33</v>
      </c>
      <c r="G9934" t="s">
        <v>144</v>
      </c>
      <c r="H9934" t="s">
        <v>1785</v>
      </c>
      <c r="I9934">
        <v>273.06</v>
      </c>
      <c r="J9934">
        <v>2</v>
      </c>
      <c r="K9934">
        <v>-104.67</v>
      </c>
    </row>
    <row r="9935" spans="1:11" x14ac:dyDescent="0.3">
      <c r="A9935" s="1">
        <v>43094</v>
      </c>
      <c r="B9935" s="3">
        <f t="shared" si="310"/>
        <v>12</v>
      </c>
      <c r="C9935" s="3">
        <f t="shared" si="311"/>
        <v>2017</v>
      </c>
      <c r="D9935" t="s">
        <v>2465</v>
      </c>
      <c r="E9935" t="s">
        <v>77</v>
      </c>
      <c r="F9935" t="s">
        <v>10</v>
      </c>
      <c r="G9935" t="s">
        <v>42</v>
      </c>
      <c r="H9935" t="s">
        <v>159</v>
      </c>
      <c r="I9935">
        <v>39.31</v>
      </c>
      <c r="J9935">
        <v>13</v>
      </c>
      <c r="K9935">
        <v>12.78</v>
      </c>
    </row>
    <row r="9936" spans="1:11" x14ac:dyDescent="0.3">
      <c r="A9936" s="1">
        <v>43094</v>
      </c>
      <c r="B9936" s="3">
        <f t="shared" si="310"/>
        <v>12</v>
      </c>
      <c r="C9936" s="3">
        <f t="shared" si="311"/>
        <v>2017</v>
      </c>
      <c r="D9936" t="s">
        <v>2584</v>
      </c>
      <c r="E9936" t="s">
        <v>487</v>
      </c>
      <c r="F9936" t="s">
        <v>10</v>
      </c>
      <c r="G9936" t="s">
        <v>11</v>
      </c>
      <c r="H9936" t="s">
        <v>2594</v>
      </c>
      <c r="I9936">
        <v>96.08</v>
      </c>
      <c r="J9936">
        <v>2</v>
      </c>
      <c r="K9936">
        <v>46.12</v>
      </c>
    </row>
    <row r="9937" spans="1:11" x14ac:dyDescent="0.3">
      <c r="A9937" s="1">
        <v>43094</v>
      </c>
      <c r="B9937" s="3">
        <f t="shared" si="310"/>
        <v>12</v>
      </c>
      <c r="C9937" s="3">
        <f t="shared" si="311"/>
        <v>2017</v>
      </c>
      <c r="D9937" t="s">
        <v>2584</v>
      </c>
      <c r="E9937" t="s">
        <v>487</v>
      </c>
      <c r="F9937" t="s">
        <v>10</v>
      </c>
      <c r="G9937" t="s">
        <v>42</v>
      </c>
      <c r="H9937" t="s">
        <v>1783</v>
      </c>
      <c r="I9937">
        <v>3.62</v>
      </c>
      <c r="J9937">
        <v>2</v>
      </c>
      <c r="K9937">
        <v>1.19</v>
      </c>
    </row>
    <row r="9938" spans="1:11" x14ac:dyDescent="0.3">
      <c r="A9938" s="1">
        <v>43094</v>
      </c>
      <c r="B9938" s="3">
        <f t="shared" si="310"/>
        <v>12</v>
      </c>
      <c r="C9938" s="3">
        <f t="shared" si="311"/>
        <v>2017</v>
      </c>
      <c r="D9938" t="s">
        <v>2584</v>
      </c>
      <c r="E9938" t="s">
        <v>487</v>
      </c>
      <c r="F9938" t="s">
        <v>10</v>
      </c>
      <c r="G9938" t="s">
        <v>11</v>
      </c>
      <c r="H9938" t="s">
        <v>2242</v>
      </c>
      <c r="I9938">
        <v>629.1</v>
      </c>
      <c r="J9938">
        <v>6</v>
      </c>
      <c r="K9938">
        <v>301.97000000000003</v>
      </c>
    </row>
    <row r="9939" spans="1:11" x14ac:dyDescent="0.3">
      <c r="A9939" s="1">
        <v>43094</v>
      </c>
      <c r="B9939" s="3">
        <f t="shared" si="310"/>
        <v>12</v>
      </c>
      <c r="C9939" s="3">
        <f t="shared" si="311"/>
        <v>2017</v>
      </c>
      <c r="D9939" t="s">
        <v>2584</v>
      </c>
      <c r="E9939" t="s">
        <v>487</v>
      </c>
      <c r="F9939" t="s">
        <v>38</v>
      </c>
      <c r="G9939" t="s">
        <v>39</v>
      </c>
      <c r="H9939" t="s">
        <v>162</v>
      </c>
      <c r="I9939">
        <v>90.48</v>
      </c>
      <c r="J9939">
        <v>2</v>
      </c>
      <c r="K9939">
        <v>23.52</v>
      </c>
    </row>
    <row r="9940" spans="1:11" x14ac:dyDescent="0.3">
      <c r="A9940" s="1">
        <v>43094</v>
      </c>
      <c r="B9940" s="3">
        <f t="shared" si="310"/>
        <v>12</v>
      </c>
      <c r="C9940" s="3">
        <f t="shared" si="311"/>
        <v>2017</v>
      </c>
      <c r="D9940" t="s">
        <v>1494</v>
      </c>
      <c r="E9940" t="s">
        <v>26</v>
      </c>
      <c r="F9940" t="s">
        <v>10</v>
      </c>
      <c r="G9940" t="s">
        <v>19</v>
      </c>
      <c r="H9940" t="s">
        <v>1135</v>
      </c>
      <c r="I9940">
        <v>153.55000000000001</v>
      </c>
      <c r="J9940">
        <v>3</v>
      </c>
      <c r="K9940">
        <v>51.82</v>
      </c>
    </row>
    <row r="9941" spans="1:11" x14ac:dyDescent="0.3">
      <c r="A9941" s="1">
        <v>43094</v>
      </c>
      <c r="B9941" s="3">
        <f t="shared" si="310"/>
        <v>12</v>
      </c>
      <c r="C9941" s="3">
        <f t="shared" si="311"/>
        <v>2017</v>
      </c>
      <c r="D9941" t="s">
        <v>1494</v>
      </c>
      <c r="E9941" t="s">
        <v>26</v>
      </c>
      <c r="F9941" t="s">
        <v>10</v>
      </c>
      <c r="G9941" t="s">
        <v>17</v>
      </c>
      <c r="H9941" t="s">
        <v>2030</v>
      </c>
      <c r="I9941">
        <v>270.62</v>
      </c>
      <c r="J9941">
        <v>2</v>
      </c>
      <c r="K9941">
        <v>2.71</v>
      </c>
    </row>
    <row r="9942" spans="1:11" x14ac:dyDescent="0.3">
      <c r="A9942" s="1">
        <v>43094</v>
      </c>
      <c r="B9942" s="3">
        <f t="shared" si="310"/>
        <v>12</v>
      </c>
      <c r="C9942" s="3">
        <f t="shared" si="311"/>
        <v>2017</v>
      </c>
      <c r="D9942" t="s">
        <v>623</v>
      </c>
      <c r="E9942" t="s">
        <v>163</v>
      </c>
      <c r="F9942" t="s">
        <v>10</v>
      </c>
      <c r="G9942" t="s">
        <v>19</v>
      </c>
      <c r="H9942" t="s">
        <v>940</v>
      </c>
      <c r="I9942">
        <v>3.86</v>
      </c>
      <c r="J9942">
        <v>1</v>
      </c>
      <c r="K9942">
        <v>1.4</v>
      </c>
    </row>
    <row r="9943" spans="1:11" x14ac:dyDescent="0.3">
      <c r="A9943" s="1">
        <v>43094</v>
      </c>
      <c r="B9943" s="3">
        <f t="shared" si="310"/>
        <v>12</v>
      </c>
      <c r="C9943" s="3">
        <f t="shared" si="311"/>
        <v>2017</v>
      </c>
      <c r="D9943" t="s">
        <v>184</v>
      </c>
      <c r="E9943" t="s">
        <v>9</v>
      </c>
      <c r="F9943" t="s">
        <v>10</v>
      </c>
      <c r="G9943" t="s">
        <v>19</v>
      </c>
      <c r="H9943" t="s">
        <v>626</v>
      </c>
      <c r="I9943">
        <v>39.58</v>
      </c>
      <c r="J9943">
        <v>9</v>
      </c>
      <c r="K9943">
        <v>-59.37</v>
      </c>
    </row>
    <row r="9944" spans="1:11" x14ac:dyDescent="0.3">
      <c r="A9944" s="1">
        <v>43094</v>
      </c>
      <c r="B9944" s="3">
        <f t="shared" si="310"/>
        <v>12</v>
      </c>
      <c r="C9944" s="3">
        <f t="shared" si="311"/>
        <v>2017</v>
      </c>
      <c r="D9944" t="s">
        <v>184</v>
      </c>
      <c r="E9944" t="s">
        <v>9</v>
      </c>
      <c r="F9944" t="s">
        <v>10</v>
      </c>
      <c r="G9944" t="s">
        <v>199</v>
      </c>
      <c r="H9944" t="s">
        <v>806</v>
      </c>
      <c r="I9944">
        <v>44.69</v>
      </c>
      <c r="J9944">
        <v>7</v>
      </c>
      <c r="K9944">
        <v>5.03</v>
      </c>
    </row>
    <row r="9945" spans="1:11" x14ac:dyDescent="0.3">
      <c r="A9945" s="1">
        <v>43094</v>
      </c>
      <c r="B9945" s="3">
        <f t="shared" si="310"/>
        <v>12</v>
      </c>
      <c r="C9945" s="3">
        <f t="shared" si="311"/>
        <v>2017</v>
      </c>
      <c r="D9945" t="s">
        <v>184</v>
      </c>
      <c r="E9945" t="s">
        <v>9</v>
      </c>
      <c r="F9945" t="s">
        <v>10</v>
      </c>
      <c r="G9945" t="s">
        <v>23</v>
      </c>
      <c r="H9945" t="s">
        <v>1350</v>
      </c>
      <c r="I9945">
        <v>31.74</v>
      </c>
      <c r="J9945">
        <v>2</v>
      </c>
      <c r="K9945">
        <v>2.38</v>
      </c>
    </row>
    <row r="9946" spans="1:11" x14ac:dyDescent="0.3">
      <c r="A9946" s="1">
        <v>43094</v>
      </c>
      <c r="B9946" s="3">
        <f t="shared" si="310"/>
        <v>12</v>
      </c>
      <c r="C9946" s="3">
        <f t="shared" si="311"/>
        <v>2017</v>
      </c>
      <c r="D9946" t="s">
        <v>184</v>
      </c>
      <c r="E9946" t="s">
        <v>9</v>
      </c>
      <c r="F9946" t="s">
        <v>10</v>
      </c>
      <c r="G9946" t="s">
        <v>19</v>
      </c>
      <c r="H9946" t="s">
        <v>361</v>
      </c>
      <c r="I9946">
        <v>40.98</v>
      </c>
      <c r="J9946">
        <v>5</v>
      </c>
      <c r="K9946">
        <v>-65.569999999999993</v>
      </c>
    </row>
    <row r="9947" spans="1:11" x14ac:dyDescent="0.3">
      <c r="A9947" s="1">
        <v>43094</v>
      </c>
      <c r="B9947" s="3">
        <f t="shared" si="310"/>
        <v>12</v>
      </c>
      <c r="C9947" s="3">
        <f t="shared" si="311"/>
        <v>2017</v>
      </c>
      <c r="D9947" t="s">
        <v>184</v>
      </c>
      <c r="E9947" t="s">
        <v>9</v>
      </c>
      <c r="F9947" t="s">
        <v>10</v>
      </c>
      <c r="G9947" t="s">
        <v>19</v>
      </c>
      <c r="H9947" t="s">
        <v>845</v>
      </c>
      <c r="I9947">
        <v>3.17</v>
      </c>
      <c r="J9947">
        <v>3</v>
      </c>
      <c r="K9947">
        <v>-5.07</v>
      </c>
    </row>
    <row r="9948" spans="1:11" x14ac:dyDescent="0.3">
      <c r="A9948" s="1">
        <v>43094</v>
      </c>
      <c r="B9948" s="3">
        <f t="shared" si="310"/>
        <v>12</v>
      </c>
      <c r="C9948" s="3">
        <f t="shared" si="311"/>
        <v>2017</v>
      </c>
      <c r="D9948" t="s">
        <v>222</v>
      </c>
      <c r="E9948" t="s">
        <v>122</v>
      </c>
      <c r="F9948" t="s">
        <v>33</v>
      </c>
      <c r="G9948" t="s">
        <v>46</v>
      </c>
      <c r="H9948" t="s">
        <v>2603</v>
      </c>
      <c r="I9948">
        <v>21</v>
      </c>
      <c r="J9948">
        <v>3</v>
      </c>
      <c r="K9948">
        <v>5.78</v>
      </c>
    </row>
    <row r="9949" spans="1:11" x14ac:dyDescent="0.3">
      <c r="A9949" s="1">
        <v>43094</v>
      </c>
      <c r="B9949" s="3">
        <f t="shared" si="310"/>
        <v>12</v>
      </c>
      <c r="C9949" s="3">
        <f t="shared" si="311"/>
        <v>2017</v>
      </c>
      <c r="D9949" t="s">
        <v>222</v>
      </c>
      <c r="E9949" t="s">
        <v>122</v>
      </c>
      <c r="F9949" t="s">
        <v>38</v>
      </c>
      <c r="G9949" t="s">
        <v>301</v>
      </c>
      <c r="H9949" t="s">
        <v>2702</v>
      </c>
      <c r="I9949">
        <v>120</v>
      </c>
      <c r="J9949">
        <v>2</v>
      </c>
      <c r="K9949">
        <v>-7.2</v>
      </c>
    </row>
    <row r="9950" spans="1:11" x14ac:dyDescent="0.3">
      <c r="A9950" s="1">
        <v>43094</v>
      </c>
      <c r="B9950" s="3">
        <f t="shared" si="310"/>
        <v>12</v>
      </c>
      <c r="C9950" s="3">
        <f t="shared" si="311"/>
        <v>2017</v>
      </c>
      <c r="D9950" t="s">
        <v>372</v>
      </c>
      <c r="E9950" t="s">
        <v>176</v>
      </c>
      <c r="F9950" t="s">
        <v>38</v>
      </c>
      <c r="G9950" t="s">
        <v>51</v>
      </c>
      <c r="H9950" t="s">
        <v>1046</v>
      </c>
      <c r="I9950">
        <v>31.8</v>
      </c>
      <c r="J9950">
        <v>3</v>
      </c>
      <c r="K9950">
        <v>13.67</v>
      </c>
    </row>
    <row r="9951" spans="1:11" x14ac:dyDescent="0.3">
      <c r="A9951" s="1">
        <v>43095</v>
      </c>
      <c r="B9951" s="3">
        <f t="shared" si="310"/>
        <v>12</v>
      </c>
      <c r="C9951" s="3">
        <f t="shared" si="311"/>
        <v>2017</v>
      </c>
      <c r="D9951" t="s">
        <v>1545</v>
      </c>
      <c r="E9951" t="s">
        <v>394</v>
      </c>
      <c r="F9951" t="s">
        <v>10</v>
      </c>
      <c r="G9951" t="s">
        <v>11</v>
      </c>
      <c r="H9951" t="s">
        <v>1581</v>
      </c>
      <c r="I9951">
        <v>44.75</v>
      </c>
      <c r="J9951">
        <v>5</v>
      </c>
      <c r="K9951">
        <v>20.59</v>
      </c>
    </row>
    <row r="9952" spans="1:11" x14ac:dyDescent="0.3">
      <c r="A9952" s="1">
        <v>43095</v>
      </c>
      <c r="B9952" s="3">
        <f t="shared" si="310"/>
        <v>12</v>
      </c>
      <c r="C9952" s="3">
        <f t="shared" si="311"/>
        <v>2017</v>
      </c>
      <c r="D9952" t="s">
        <v>1556</v>
      </c>
      <c r="E9952" t="s">
        <v>77</v>
      </c>
      <c r="F9952" t="s">
        <v>10</v>
      </c>
      <c r="G9952" t="s">
        <v>19</v>
      </c>
      <c r="H9952" t="s">
        <v>994</v>
      </c>
      <c r="I9952">
        <v>3.13</v>
      </c>
      <c r="J9952">
        <v>2</v>
      </c>
      <c r="K9952">
        <v>-2.61</v>
      </c>
    </row>
    <row r="9953" spans="1:11" x14ac:dyDescent="0.3">
      <c r="A9953" s="1">
        <v>43095</v>
      </c>
      <c r="B9953" s="3">
        <f t="shared" si="310"/>
        <v>12</v>
      </c>
      <c r="C9953" s="3">
        <f t="shared" si="311"/>
        <v>2017</v>
      </c>
      <c r="D9953" t="s">
        <v>1637</v>
      </c>
      <c r="E9953" t="s">
        <v>995</v>
      </c>
      <c r="F9953" t="s">
        <v>10</v>
      </c>
      <c r="G9953" t="s">
        <v>17</v>
      </c>
      <c r="H9953" t="s">
        <v>1109</v>
      </c>
      <c r="I9953">
        <v>750.68</v>
      </c>
      <c r="J9953">
        <v>2</v>
      </c>
      <c r="K9953">
        <v>37.53</v>
      </c>
    </row>
    <row r="9954" spans="1:11" x14ac:dyDescent="0.3">
      <c r="A9954" s="1">
        <v>43095</v>
      </c>
      <c r="B9954" s="3">
        <f t="shared" si="310"/>
        <v>12</v>
      </c>
      <c r="C9954" s="3">
        <f t="shared" si="311"/>
        <v>2017</v>
      </c>
      <c r="D9954" t="s">
        <v>426</v>
      </c>
      <c r="E9954" t="s">
        <v>9</v>
      </c>
      <c r="F9954" t="s">
        <v>10</v>
      </c>
      <c r="G9954" t="s">
        <v>11</v>
      </c>
      <c r="H9954" t="s">
        <v>1883</v>
      </c>
      <c r="I9954">
        <v>16.03</v>
      </c>
      <c r="J9954">
        <v>3</v>
      </c>
      <c r="K9954">
        <v>5.61</v>
      </c>
    </row>
    <row r="9955" spans="1:11" x14ac:dyDescent="0.3">
      <c r="A9955" s="1">
        <v>43096</v>
      </c>
      <c r="B9955" s="3">
        <f t="shared" si="310"/>
        <v>12</v>
      </c>
      <c r="C9955" s="3">
        <f t="shared" si="311"/>
        <v>2017</v>
      </c>
      <c r="D9955" t="s">
        <v>2264</v>
      </c>
      <c r="E9955" t="s">
        <v>77</v>
      </c>
      <c r="F9955" t="s">
        <v>38</v>
      </c>
      <c r="G9955" t="s">
        <v>39</v>
      </c>
      <c r="H9955" t="s">
        <v>520</v>
      </c>
      <c r="I9955">
        <v>164.39</v>
      </c>
      <c r="J9955">
        <v>2</v>
      </c>
      <c r="K9955">
        <v>-35.619999999999997</v>
      </c>
    </row>
    <row r="9956" spans="1:11" x14ac:dyDescent="0.3">
      <c r="A9956" s="1">
        <v>43096</v>
      </c>
      <c r="B9956" s="3">
        <f t="shared" si="310"/>
        <v>12</v>
      </c>
      <c r="C9956" s="3">
        <f t="shared" si="311"/>
        <v>2017</v>
      </c>
      <c r="D9956" t="s">
        <v>2264</v>
      </c>
      <c r="E9956" t="s">
        <v>77</v>
      </c>
      <c r="F9956" t="s">
        <v>10</v>
      </c>
      <c r="G9956" t="s">
        <v>23</v>
      </c>
      <c r="H9956" t="s">
        <v>1234</v>
      </c>
      <c r="I9956">
        <v>13.25</v>
      </c>
      <c r="J9956">
        <v>4</v>
      </c>
      <c r="K9956">
        <v>3.64</v>
      </c>
    </row>
    <row r="9957" spans="1:11" x14ac:dyDescent="0.3">
      <c r="A9957" s="1">
        <v>43097</v>
      </c>
      <c r="B9957" s="3">
        <f t="shared" si="310"/>
        <v>12</v>
      </c>
      <c r="C9957" s="3">
        <f t="shared" si="311"/>
        <v>2017</v>
      </c>
      <c r="D9957" t="s">
        <v>356</v>
      </c>
      <c r="E9957" t="s">
        <v>26</v>
      </c>
      <c r="F9957" t="s">
        <v>10</v>
      </c>
      <c r="G9957" t="s">
        <v>17</v>
      </c>
      <c r="H9957" t="s">
        <v>1548</v>
      </c>
      <c r="I9957">
        <v>725.84</v>
      </c>
      <c r="J9957">
        <v>4</v>
      </c>
      <c r="K9957">
        <v>210.49</v>
      </c>
    </row>
    <row r="9958" spans="1:11" x14ac:dyDescent="0.3">
      <c r="A9958" s="1">
        <v>43097</v>
      </c>
      <c r="B9958" s="3">
        <f t="shared" si="310"/>
        <v>12</v>
      </c>
      <c r="C9958" s="3">
        <f t="shared" si="311"/>
        <v>2017</v>
      </c>
      <c r="D9958" t="s">
        <v>828</v>
      </c>
      <c r="E9958" t="s">
        <v>148</v>
      </c>
      <c r="F9958" t="s">
        <v>10</v>
      </c>
      <c r="G9958" t="s">
        <v>15</v>
      </c>
      <c r="H9958" t="s">
        <v>2475</v>
      </c>
      <c r="I9958">
        <v>72.45</v>
      </c>
      <c r="J9958">
        <v>7</v>
      </c>
      <c r="K9958">
        <v>34.78</v>
      </c>
    </row>
    <row r="9959" spans="1:11" x14ac:dyDescent="0.3">
      <c r="A9959" s="1">
        <v>43097</v>
      </c>
      <c r="B9959" s="3">
        <f t="shared" si="310"/>
        <v>12</v>
      </c>
      <c r="C9959" s="3">
        <f t="shared" si="311"/>
        <v>2017</v>
      </c>
      <c r="D9959" t="s">
        <v>828</v>
      </c>
      <c r="E9959" t="s">
        <v>148</v>
      </c>
      <c r="F9959" t="s">
        <v>10</v>
      </c>
      <c r="G9959" t="s">
        <v>42</v>
      </c>
      <c r="H9959" t="s">
        <v>1560</v>
      </c>
      <c r="I9959">
        <v>13.96</v>
      </c>
      <c r="J9959">
        <v>4</v>
      </c>
      <c r="K9959">
        <v>6.42</v>
      </c>
    </row>
    <row r="9960" spans="1:11" x14ac:dyDescent="0.3">
      <c r="A9960" s="1">
        <v>43097</v>
      </c>
      <c r="B9960" s="3">
        <f t="shared" si="310"/>
        <v>12</v>
      </c>
      <c r="C9960" s="3">
        <f t="shared" si="311"/>
        <v>2017</v>
      </c>
      <c r="D9960" t="s">
        <v>828</v>
      </c>
      <c r="E9960" t="s">
        <v>148</v>
      </c>
      <c r="F9960" t="s">
        <v>10</v>
      </c>
      <c r="G9960" t="s">
        <v>19</v>
      </c>
      <c r="H9960" t="s">
        <v>117</v>
      </c>
      <c r="I9960">
        <v>33.26</v>
      </c>
      <c r="J9960">
        <v>7</v>
      </c>
      <c r="K9960">
        <v>11.23</v>
      </c>
    </row>
    <row r="9961" spans="1:11" x14ac:dyDescent="0.3">
      <c r="A9961" s="1">
        <v>43097</v>
      </c>
      <c r="B9961" s="3">
        <f t="shared" si="310"/>
        <v>12</v>
      </c>
      <c r="C9961" s="3">
        <f t="shared" si="311"/>
        <v>2017</v>
      </c>
      <c r="D9961" t="s">
        <v>828</v>
      </c>
      <c r="E9961" t="s">
        <v>148</v>
      </c>
      <c r="F9961" t="s">
        <v>38</v>
      </c>
      <c r="G9961" t="s">
        <v>39</v>
      </c>
      <c r="H9961" t="s">
        <v>1998</v>
      </c>
      <c r="I9961">
        <v>14.85</v>
      </c>
      <c r="J9961">
        <v>3</v>
      </c>
      <c r="K9961">
        <v>4.01</v>
      </c>
    </row>
    <row r="9962" spans="1:11" x14ac:dyDescent="0.3">
      <c r="A9962" s="1">
        <v>43097</v>
      </c>
      <c r="B9962" s="3">
        <f t="shared" si="310"/>
        <v>12</v>
      </c>
      <c r="C9962" s="3">
        <f t="shared" si="311"/>
        <v>2017</v>
      </c>
      <c r="D9962" t="s">
        <v>2342</v>
      </c>
      <c r="E9962" t="s">
        <v>9</v>
      </c>
      <c r="F9962" t="s">
        <v>10</v>
      </c>
      <c r="G9962" t="s">
        <v>23</v>
      </c>
      <c r="H9962" t="s">
        <v>2409</v>
      </c>
      <c r="I9962">
        <v>27.17</v>
      </c>
      <c r="J9962">
        <v>2</v>
      </c>
      <c r="K9962">
        <v>2.72</v>
      </c>
    </row>
    <row r="9963" spans="1:11" x14ac:dyDescent="0.3">
      <c r="A9963" s="1">
        <v>43097</v>
      </c>
      <c r="B9963" s="3">
        <f t="shared" si="310"/>
        <v>12</v>
      </c>
      <c r="C9963" s="3">
        <f t="shared" si="311"/>
        <v>2017</v>
      </c>
      <c r="D9963" t="s">
        <v>2342</v>
      </c>
      <c r="E9963" t="s">
        <v>9</v>
      </c>
      <c r="F9963" t="s">
        <v>33</v>
      </c>
      <c r="G9963" t="s">
        <v>73</v>
      </c>
      <c r="H9963" t="s">
        <v>2160</v>
      </c>
      <c r="I9963">
        <v>78.849999999999994</v>
      </c>
      <c r="J9963">
        <v>2</v>
      </c>
      <c r="K9963">
        <v>-11.6</v>
      </c>
    </row>
    <row r="9964" spans="1:11" x14ac:dyDescent="0.3">
      <c r="A9964" s="1">
        <v>43097</v>
      </c>
      <c r="B9964" s="3">
        <f t="shared" si="310"/>
        <v>12</v>
      </c>
      <c r="C9964" s="3">
        <f t="shared" si="311"/>
        <v>2017</v>
      </c>
      <c r="D9964" t="s">
        <v>991</v>
      </c>
      <c r="E9964" t="s">
        <v>163</v>
      </c>
      <c r="F9964" t="s">
        <v>33</v>
      </c>
      <c r="G9964" t="s">
        <v>46</v>
      </c>
      <c r="H9964" t="s">
        <v>760</v>
      </c>
      <c r="I9964">
        <v>7.4</v>
      </c>
      <c r="J9964">
        <v>2</v>
      </c>
      <c r="K9964">
        <v>3.03</v>
      </c>
    </row>
    <row r="9965" spans="1:11" x14ac:dyDescent="0.3">
      <c r="A9965" s="1">
        <v>43097</v>
      </c>
      <c r="B9965" s="3">
        <f t="shared" si="310"/>
        <v>12</v>
      </c>
      <c r="C9965" s="3">
        <f t="shared" si="311"/>
        <v>2017</v>
      </c>
      <c r="D9965" t="s">
        <v>664</v>
      </c>
      <c r="E9965" t="s">
        <v>119</v>
      </c>
      <c r="F9965" t="s">
        <v>10</v>
      </c>
      <c r="G9965" t="s">
        <v>17</v>
      </c>
      <c r="H9965" t="s">
        <v>296</v>
      </c>
      <c r="I9965">
        <v>64.78</v>
      </c>
      <c r="J9965">
        <v>1</v>
      </c>
      <c r="K9965">
        <v>-12.96</v>
      </c>
    </row>
    <row r="9966" spans="1:11" x14ac:dyDescent="0.3">
      <c r="A9966" s="1">
        <v>43097</v>
      </c>
      <c r="B9966" s="3">
        <f t="shared" si="310"/>
        <v>12</v>
      </c>
      <c r="C9966" s="3">
        <f t="shared" si="311"/>
        <v>2017</v>
      </c>
      <c r="D9966" t="s">
        <v>1870</v>
      </c>
      <c r="E9966" t="s">
        <v>277</v>
      </c>
      <c r="F9966" t="s">
        <v>10</v>
      </c>
      <c r="G9966" t="s">
        <v>19</v>
      </c>
      <c r="H9966" t="s">
        <v>2286</v>
      </c>
      <c r="I9966">
        <v>1.19</v>
      </c>
      <c r="J9966">
        <v>2</v>
      </c>
      <c r="K9966">
        <v>-0.99</v>
      </c>
    </row>
    <row r="9967" spans="1:11" x14ac:dyDescent="0.3">
      <c r="A9967" s="1">
        <v>43097</v>
      </c>
      <c r="B9967" s="3">
        <f t="shared" si="310"/>
        <v>12</v>
      </c>
      <c r="C9967" s="3">
        <f t="shared" si="311"/>
        <v>2017</v>
      </c>
      <c r="D9967" t="s">
        <v>2449</v>
      </c>
      <c r="E9967" t="s">
        <v>26</v>
      </c>
      <c r="F9967" t="s">
        <v>33</v>
      </c>
      <c r="G9967" t="s">
        <v>34</v>
      </c>
      <c r="H9967" t="s">
        <v>2024</v>
      </c>
      <c r="I9967">
        <v>340.7</v>
      </c>
      <c r="J9967">
        <v>6</v>
      </c>
      <c r="K9967">
        <v>-34.07</v>
      </c>
    </row>
    <row r="9968" spans="1:11" x14ac:dyDescent="0.3">
      <c r="A9968" s="1">
        <v>43097</v>
      </c>
      <c r="B9968" s="3">
        <f t="shared" si="310"/>
        <v>12</v>
      </c>
      <c r="C9968" s="3">
        <f t="shared" si="311"/>
        <v>2017</v>
      </c>
      <c r="D9968" t="s">
        <v>1911</v>
      </c>
      <c r="E9968" t="s">
        <v>14</v>
      </c>
      <c r="F9968" t="s">
        <v>10</v>
      </c>
      <c r="G9968" t="s">
        <v>19</v>
      </c>
      <c r="H9968" t="s">
        <v>1485</v>
      </c>
      <c r="I9968">
        <v>1.68</v>
      </c>
      <c r="J9968">
        <v>5</v>
      </c>
      <c r="K9968">
        <v>-2.69</v>
      </c>
    </row>
    <row r="9969" spans="1:11" x14ac:dyDescent="0.3">
      <c r="A9969" s="1">
        <v>43097</v>
      </c>
      <c r="B9969" s="3">
        <f t="shared" si="310"/>
        <v>12</v>
      </c>
      <c r="C9969" s="3">
        <f t="shared" si="311"/>
        <v>2017</v>
      </c>
      <c r="D9969" t="s">
        <v>1911</v>
      </c>
      <c r="E9969" t="s">
        <v>14</v>
      </c>
      <c r="F9969" t="s">
        <v>33</v>
      </c>
      <c r="G9969" t="s">
        <v>46</v>
      </c>
      <c r="H9969" t="s">
        <v>1161</v>
      </c>
      <c r="I9969">
        <v>7.97</v>
      </c>
      <c r="J9969">
        <v>3</v>
      </c>
      <c r="K9969">
        <v>-2.39</v>
      </c>
    </row>
    <row r="9970" spans="1:11" x14ac:dyDescent="0.3">
      <c r="A9970" s="1">
        <v>43097</v>
      </c>
      <c r="B9970" s="3">
        <f t="shared" si="310"/>
        <v>12</v>
      </c>
      <c r="C9970" s="3">
        <f t="shared" si="311"/>
        <v>2017</v>
      </c>
      <c r="D9970" t="s">
        <v>1911</v>
      </c>
      <c r="E9970" t="s">
        <v>14</v>
      </c>
      <c r="F9970" t="s">
        <v>33</v>
      </c>
      <c r="G9970" t="s">
        <v>34</v>
      </c>
      <c r="H9970" t="s">
        <v>861</v>
      </c>
      <c r="I9970">
        <v>113.37</v>
      </c>
      <c r="J9970">
        <v>2</v>
      </c>
      <c r="K9970">
        <v>-3.24</v>
      </c>
    </row>
    <row r="9971" spans="1:11" x14ac:dyDescent="0.3">
      <c r="A9971" s="1">
        <v>43097</v>
      </c>
      <c r="B9971" s="3">
        <f t="shared" si="310"/>
        <v>12</v>
      </c>
      <c r="C9971" s="3">
        <f t="shared" si="311"/>
        <v>2017</v>
      </c>
      <c r="D9971" t="s">
        <v>1911</v>
      </c>
      <c r="E9971" t="s">
        <v>14</v>
      </c>
      <c r="F9971" t="s">
        <v>33</v>
      </c>
      <c r="G9971" t="s">
        <v>46</v>
      </c>
      <c r="H9971" t="s">
        <v>760</v>
      </c>
      <c r="I9971">
        <v>2.96</v>
      </c>
      <c r="J9971">
        <v>2</v>
      </c>
      <c r="K9971">
        <v>-1.41</v>
      </c>
    </row>
    <row r="9972" spans="1:11" x14ac:dyDescent="0.3">
      <c r="A9972" s="1">
        <v>43097</v>
      </c>
      <c r="B9972" s="3">
        <f t="shared" si="310"/>
        <v>12</v>
      </c>
      <c r="C9972" s="3">
        <f t="shared" si="311"/>
        <v>2017</v>
      </c>
      <c r="D9972" t="s">
        <v>1382</v>
      </c>
      <c r="E9972" t="s">
        <v>2674</v>
      </c>
      <c r="F9972" t="s">
        <v>10</v>
      </c>
      <c r="G9972" t="s">
        <v>23</v>
      </c>
      <c r="H9972" t="s">
        <v>206</v>
      </c>
      <c r="I9972">
        <v>2.48</v>
      </c>
      <c r="J9972">
        <v>1</v>
      </c>
      <c r="K9972">
        <v>0.87</v>
      </c>
    </row>
    <row r="9973" spans="1:11" x14ac:dyDescent="0.3">
      <c r="A9973" s="1">
        <v>43097</v>
      </c>
      <c r="B9973" s="3">
        <f t="shared" si="310"/>
        <v>12</v>
      </c>
      <c r="C9973" s="3">
        <f t="shared" si="311"/>
        <v>2017</v>
      </c>
      <c r="D9973" t="s">
        <v>1382</v>
      </c>
      <c r="E9973" t="s">
        <v>2674</v>
      </c>
      <c r="F9973" t="s">
        <v>10</v>
      </c>
      <c r="G9973" t="s">
        <v>19</v>
      </c>
      <c r="H9973" t="s">
        <v>1279</v>
      </c>
      <c r="I9973">
        <v>25.9</v>
      </c>
      <c r="J9973">
        <v>5</v>
      </c>
      <c r="K9973">
        <v>12.69</v>
      </c>
    </row>
    <row r="9974" spans="1:11" x14ac:dyDescent="0.3">
      <c r="A9974" s="1">
        <v>43097</v>
      </c>
      <c r="B9974" s="3">
        <f t="shared" si="310"/>
        <v>12</v>
      </c>
      <c r="C9974" s="3">
        <f t="shared" si="311"/>
        <v>2017</v>
      </c>
      <c r="D9974" t="s">
        <v>2465</v>
      </c>
      <c r="E9974" t="s">
        <v>398</v>
      </c>
      <c r="F9974" t="s">
        <v>10</v>
      </c>
      <c r="G9974" t="s">
        <v>17</v>
      </c>
      <c r="H9974" t="s">
        <v>1000</v>
      </c>
      <c r="I9974">
        <v>118.25</v>
      </c>
      <c r="J9974">
        <v>5</v>
      </c>
      <c r="K9974">
        <v>34.29</v>
      </c>
    </row>
    <row r="9975" spans="1:11" x14ac:dyDescent="0.3">
      <c r="A9975" s="1">
        <v>43097</v>
      </c>
      <c r="B9975" s="3">
        <f t="shared" si="310"/>
        <v>12</v>
      </c>
      <c r="C9975" s="3">
        <f t="shared" si="311"/>
        <v>2017</v>
      </c>
      <c r="D9975" t="s">
        <v>2465</v>
      </c>
      <c r="E9975" t="s">
        <v>398</v>
      </c>
      <c r="F9975" t="s">
        <v>10</v>
      </c>
      <c r="G9975" t="s">
        <v>11</v>
      </c>
      <c r="H9975" t="s">
        <v>2069</v>
      </c>
      <c r="I9975">
        <v>4.28</v>
      </c>
      <c r="J9975">
        <v>1</v>
      </c>
      <c r="K9975">
        <v>1.93</v>
      </c>
    </row>
    <row r="9976" spans="1:11" x14ac:dyDescent="0.3">
      <c r="A9976" s="1">
        <v>43098</v>
      </c>
      <c r="B9976" s="3">
        <f t="shared" si="310"/>
        <v>12</v>
      </c>
      <c r="C9976" s="3">
        <f t="shared" si="311"/>
        <v>2017</v>
      </c>
      <c r="D9976" t="s">
        <v>741</v>
      </c>
      <c r="E9976" t="s">
        <v>26</v>
      </c>
      <c r="F9976" t="s">
        <v>33</v>
      </c>
      <c r="G9976" t="s">
        <v>34</v>
      </c>
      <c r="H9976" t="s">
        <v>918</v>
      </c>
      <c r="I9976">
        <v>393.57</v>
      </c>
      <c r="J9976">
        <v>4</v>
      </c>
      <c r="K9976">
        <v>-44.28</v>
      </c>
    </row>
    <row r="9977" spans="1:11" x14ac:dyDescent="0.3">
      <c r="A9977" s="1">
        <v>43098</v>
      </c>
      <c r="B9977" s="3">
        <f t="shared" si="310"/>
        <v>12</v>
      </c>
      <c r="C9977" s="3">
        <f t="shared" si="311"/>
        <v>2017</v>
      </c>
      <c r="D9977" t="s">
        <v>741</v>
      </c>
      <c r="E9977" t="s">
        <v>26</v>
      </c>
      <c r="F9977" t="s">
        <v>38</v>
      </c>
      <c r="G9977" t="s">
        <v>39</v>
      </c>
      <c r="H9977" t="s">
        <v>761</v>
      </c>
      <c r="I9977">
        <v>302.38</v>
      </c>
      <c r="J9977">
        <v>3</v>
      </c>
      <c r="K9977">
        <v>22.68</v>
      </c>
    </row>
    <row r="9978" spans="1:11" x14ac:dyDescent="0.3">
      <c r="A9978" s="1">
        <v>43098</v>
      </c>
      <c r="B9978" s="3">
        <f t="shared" si="310"/>
        <v>12</v>
      </c>
      <c r="C9978" s="3">
        <f t="shared" si="311"/>
        <v>2017</v>
      </c>
      <c r="D9978" t="s">
        <v>903</v>
      </c>
      <c r="E9978" t="s">
        <v>148</v>
      </c>
      <c r="F9978" t="s">
        <v>10</v>
      </c>
      <c r="G9978" t="s">
        <v>42</v>
      </c>
      <c r="H9978" t="s">
        <v>1245</v>
      </c>
      <c r="I9978">
        <v>6.03</v>
      </c>
      <c r="J9978">
        <v>3</v>
      </c>
      <c r="K9978">
        <v>2.95</v>
      </c>
    </row>
    <row r="9979" spans="1:11" x14ac:dyDescent="0.3">
      <c r="A9979" s="1">
        <v>43098</v>
      </c>
      <c r="B9979" s="3">
        <f t="shared" si="310"/>
        <v>12</v>
      </c>
      <c r="C9979" s="3">
        <f t="shared" si="311"/>
        <v>2017</v>
      </c>
      <c r="D9979" t="s">
        <v>1865</v>
      </c>
      <c r="E9979" t="s">
        <v>109</v>
      </c>
      <c r="F9979" t="s">
        <v>10</v>
      </c>
      <c r="G9979" t="s">
        <v>11</v>
      </c>
      <c r="H9979" t="s">
        <v>2242</v>
      </c>
      <c r="I9979">
        <v>209.7</v>
      </c>
      <c r="J9979">
        <v>2</v>
      </c>
      <c r="K9979">
        <v>100.66</v>
      </c>
    </row>
    <row r="9980" spans="1:11" x14ac:dyDescent="0.3">
      <c r="A9980" s="1">
        <v>43098</v>
      </c>
      <c r="B9980" s="3">
        <f t="shared" si="310"/>
        <v>12</v>
      </c>
      <c r="C9980" s="3">
        <f t="shared" si="311"/>
        <v>2017</v>
      </c>
      <c r="D9980" t="s">
        <v>1973</v>
      </c>
      <c r="E9980" t="s">
        <v>26</v>
      </c>
      <c r="F9980" t="s">
        <v>33</v>
      </c>
      <c r="G9980" t="s">
        <v>46</v>
      </c>
      <c r="H9980" t="s">
        <v>1268</v>
      </c>
      <c r="I9980">
        <v>101.12</v>
      </c>
      <c r="J9980">
        <v>8</v>
      </c>
      <c r="K9980">
        <v>37.409999999999997</v>
      </c>
    </row>
    <row r="9981" spans="1:11" x14ac:dyDescent="0.3">
      <c r="A9981" s="1">
        <v>43098</v>
      </c>
      <c r="B9981" s="3">
        <f t="shared" si="310"/>
        <v>12</v>
      </c>
      <c r="C9981" s="3">
        <f t="shared" si="311"/>
        <v>2017</v>
      </c>
      <c r="D9981" t="s">
        <v>674</v>
      </c>
      <c r="E9981" t="s">
        <v>163</v>
      </c>
      <c r="F9981" t="s">
        <v>10</v>
      </c>
      <c r="G9981" t="s">
        <v>42</v>
      </c>
      <c r="H9981" t="s">
        <v>2719</v>
      </c>
      <c r="I9981">
        <v>19.600000000000001</v>
      </c>
      <c r="J9981">
        <v>5</v>
      </c>
      <c r="K9981">
        <v>9.6</v>
      </c>
    </row>
    <row r="9982" spans="1:11" x14ac:dyDescent="0.3">
      <c r="A9982" s="1">
        <v>43098</v>
      </c>
      <c r="B9982" s="3">
        <f t="shared" si="310"/>
        <v>12</v>
      </c>
      <c r="C9982" s="3">
        <f t="shared" si="311"/>
        <v>2017</v>
      </c>
      <c r="D9982" t="s">
        <v>674</v>
      </c>
      <c r="E9982" t="s">
        <v>163</v>
      </c>
      <c r="F9982" t="s">
        <v>33</v>
      </c>
      <c r="G9982" t="s">
        <v>46</v>
      </c>
      <c r="H9982" t="s">
        <v>1907</v>
      </c>
      <c r="I9982">
        <v>68.459999999999994</v>
      </c>
      <c r="J9982">
        <v>2</v>
      </c>
      <c r="K9982">
        <v>20.54</v>
      </c>
    </row>
    <row r="9983" spans="1:11" x14ac:dyDescent="0.3">
      <c r="A9983" s="1">
        <v>43098</v>
      </c>
      <c r="B9983" s="3">
        <f t="shared" si="310"/>
        <v>12</v>
      </c>
      <c r="C9983" s="3">
        <f t="shared" si="311"/>
        <v>2017</v>
      </c>
      <c r="D9983" t="s">
        <v>595</v>
      </c>
      <c r="E9983" t="s">
        <v>32</v>
      </c>
      <c r="F9983" t="s">
        <v>33</v>
      </c>
      <c r="G9983" t="s">
        <v>34</v>
      </c>
      <c r="H9983" t="s">
        <v>541</v>
      </c>
      <c r="I9983">
        <v>1207.8399999999999</v>
      </c>
      <c r="J9983">
        <v>8</v>
      </c>
      <c r="K9983">
        <v>314.04000000000002</v>
      </c>
    </row>
    <row r="9984" spans="1:11" x14ac:dyDescent="0.3">
      <c r="A9984" s="1">
        <v>43098</v>
      </c>
      <c r="B9984" s="3">
        <f t="shared" si="310"/>
        <v>12</v>
      </c>
      <c r="C9984" s="3">
        <f t="shared" si="311"/>
        <v>2017</v>
      </c>
      <c r="D9984" t="s">
        <v>595</v>
      </c>
      <c r="E9984" t="s">
        <v>32</v>
      </c>
      <c r="F9984" t="s">
        <v>10</v>
      </c>
      <c r="G9984" t="s">
        <v>19</v>
      </c>
      <c r="H9984" t="s">
        <v>2486</v>
      </c>
      <c r="I9984">
        <v>12.53</v>
      </c>
      <c r="J9984">
        <v>1</v>
      </c>
      <c r="K9984">
        <v>5.89</v>
      </c>
    </row>
    <row r="9985" spans="1:11" x14ac:dyDescent="0.3">
      <c r="A9985" s="1">
        <v>43098</v>
      </c>
      <c r="B9985" s="3">
        <f t="shared" si="310"/>
        <v>12</v>
      </c>
      <c r="C9985" s="3">
        <f t="shared" si="311"/>
        <v>2017</v>
      </c>
      <c r="D9985" t="s">
        <v>595</v>
      </c>
      <c r="E9985" t="s">
        <v>32</v>
      </c>
      <c r="F9985" t="s">
        <v>10</v>
      </c>
      <c r="G9985" t="s">
        <v>23</v>
      </c>
      <c r="H9985" t="s">
        <v>1928</v>
      </c>
      <c r="I9985">
        <v>34.58</v>
      </c>
      <c r="J9985">
        <v>1</v>
      </c>
      <c r="K9985">
        <v>10.029999999999999</v>
      </c>
    </row>
    <row r="9986" spans="1:11" x14ac:dyDescent="0.3">
      <c r="A9986" s="1">
        <v>43098</v>
      </c>
      <c r="B9986" s="3">
        <f t="shared" ref="B9986:B9994" si="312">MONTH(A:A)</f>
        <v>12</v>
      </c>
      <c r="C9986" s="3">
        <f t="shared" ref="C9986:C9994" si="313">YEAR(A:A)</f>
        <v>2017</v>
      </c>
      <c r="D9986" t="s">
        <v>595</v>
      </c>
      <c r="E9986" t="s">
        <v>32</v>
      </c>
      <c r="F9986" t="s">
        <v>33</v>
      </c>
      <c r="G9986" t="s">
        <v>34</v>
      </c>
      <c r="H9986" t="s">
        <v>273</v>
      </c>
      <c r="I9986">
        <v>300.98</v>
      </c>
      <c r="J9986">
        <v>1</v>
      </c>
      <c r="K9986">
        <v>87.28</v>
      </c>
    </row>
    <row r="9987" spans="1:11" x14ac:dyDescent="0.3">
      <c r="A9987" s="1">
        <v>43098</v>
      </c>
      <c r="B9987" s="3">
        <f t="shared" si="312"/>
        <v>12</v>
      </c>
      <c r="C9987" s="3">
        <f t="shared" si="313"/>
        <v>2017</v>
      </c>
      <c r="D9987" t="s">
        <v>595</v>
      </c>
      <c r="E9987" t="s">
        <v>32</v>
      </c>
      <c r="F9987" t="s">
        <v>33</v>
      </c>
      <c r="G9987" t="s">
        <v>34</v>
      </c>
      <c r="H9987" t="s">
        <v>234</v>
      </c>
      <c r="I9987">
        <v>258.75</v>
      </c>
      <c r="J9987">
        <v>3</v>
      </c>
      <c r="K9987">
        <v>77.63</v>
      </c>
    </row>
    <row r="9988" spans="1:11" x14ac:dyDescent="0.3">
      <c r="A9988" s="1">
        <v>43099</v>
      </c>
      <c r="B9988" s="3">
        <f t="shared" si="312"/>
        <v>12</v>
      </c>
      <c r="C9988" s="3">
        <f t="shared" si="313"/>
        <v>2017</v>
      </c>
      <c r="D9988" t="s">
        <v>2224</v>
      </c>
      <c r="E9988" t="s">
        <v>128</v>
      </c>
      <c r="F9988" t="s">
        <v>10</v>
      </c>
      <c r="G9988" t="s">
        <v>91</v>
      </c>
      <c r="H9988" t="s">
        <v>2339</v>
      </c>
      <c r="I9988">
        <v>209.3</v>
      </c>
      <c r="J9988">
        <v>2</v>
      </c>
      <c r="K9988">
        <v>56.51</v>
      </c>
    </row>
    <row r="9989" spans="1:11" x14ac:dyDescent="0.3">
      <c r="A9989" s="1">
        <v>43099</v>
      </c>
      <c r="B9989" s="3">
        <f t="shared" si="312"/>
        <v>12</v>
      </c>
      <c r="C9989" s="3">
        <f t="shared" si="313"/>
        <v>2017</v>
      </c>
      <c r="D9989" t="s">
        <v>372</v>
      </c>
      <c r="E9989" t="s">
        <v>148</v>
      </c>
      <c r="F9989" t="s">
        <v>33</v>
      </c>
      <c r="G9989" t="s">
        <v>73</v>
      </c>
      <c r="H9989" t="s">
        <v>2493</v>
      </c>
      <c r="I9989">
        <v>323.14</v>
      </c>
      <c r="J9989">
        <v>4</v>
      </c>
      <c r="K9989">
        <v>12.12</v>
      </c>
    </row>
    <row r="9990" spans="1:11" x14ac:dyDescent="0.3">
      <c r="A9990" s="1">
        <v>43099</v>
      </c>
      <c r="B9990" s="3">
        <f t="shared" si="312"/>
        <v>12</v>
      </c>
      <c r="C9990" s="3">
        <f t="shared" si="313"/>
        <v>2017</v>
      </c>
      <c r="D9990" t="s">
        <v>372</v>
      </c>
      <c r="E9990" t="s">
        <v>148</v>
      </c>
      <c r="F9990" t="s">
        <v>38</v>
      </c>
      <c r="G9990" t="s">
        <v>39</v>
      </c>
      <c r="H9990" t="s">
        <v>2344</v>
      </c>
      <c r="I9990">
        <v>90.93</v>
      </c>
      <c r="J9990">
        <v>7</v>
      </c>
      <c r="K9990">
        <v>2.73</v>
      </c>
    </row>
    <row r="9991" spans="1:11" x14ac:dyDescent="0.3">
      <c r="A9991" s="1">
        <v>43099</v>
      </c>
      <c r="B9991" s="3">
        <f t="shared" si="312"/>
        <v>12</v>
      </c>
      <c r="C9991" s="3">
        <f t="shared" si="313"/>
        <v>2017</v>
      </c>
      <c r="D9991" t="s">
        <v>372</v>
      </c>
      <c r="E9991" t="s">
        <v>148</v>
      </c>
      <c r="F9991" t="s">
        <v>10</v>
      </c>
      <c r="G9991" t="s">
        <v>19</v>
      </c>
      <c r="H9991" t="s">
        <v>626</v>
      </c>
      <c r="I9991">
        <v>52.78</v>
      </c>
      <c r="J9991">
        <v>3</v>
      </c>
      <c r="K9991">
        <v>19.79</v>
      </c>
    </row>
    <row r="9992" spans="1:11" x14ac:dyDescent="0.3">
      <c r="A9992" s="1">
        <v>43099</v>
      </c>
      <c r="B9992" s="3">
        <f t="shared" si="312"/>
        <v>12</v>
      </c>
      <c r="C9992" s="3">
        <f t="shared" si="313"/>
        <v>2017</v>
      </c>
      <c r="D9992" t="s">
        <v>2423</v>
      </c>
      <c r="E9992" t="s">
        <v>26</v>
      </c>
      <c r="F9992" t="s">
        <v>10</v>
      </c>
      <c r="G9992" t="s">
        <v>19</v>
      </c>
      <c r="H9992" t="s">
        <v>965</v>
      </c>
      <c r="I9992">
        <v>13.9</v>
      </c>
      <c r="J9992">
        <v>2</v>
      </c>
      <c r="K9992">
        <v>4.5199999999999996</v>
      </c>
    </row>
    <row r="9993" spans="1:11" x14ac:dyDescent="0.3">
      <c r="A9993" s="1">
        <v>43099</v>
      </c>
      <c r="B9993" s="3">
        <f t="shared" si="312"/>
        <v>12</v>
      </c>
      <c r="C9993" s="3">
        <f t="shared" si="313"/>
        <v>2017</v>
      </c>
      <c r="D9993" t="s">
        <v>2423</v>
      </c>
      <c r="E9993" t="s">
        <v>26</v>
      </c>
      <c r="F9993" t="s">
        <v>10</v>
      </c>
      <c r="G9993" t="s">
        <v>19</v>
      </c>
      <c r="H9993" t="s">
        <v>2186</v>
      </c>
      <c r="I9993">
        <v>20.72</v>
      </c>
      <c r="J9993">
        <v>2</v>
      </c>
      <c r="K9993">
        <v>6.48</v>
      </c>
    </row>
    <row r="9994" spans="1:11" x14ac:dyDescent="0.3">
      <c r="A9994" s="1">
        <v>43099</v>
      </c>
      <c r="B9994" s="3">
        <f t="shared" si="312"/>
        <v>12</v>
      </c>
      <c r="C9994" s="3">
        <f t="shared" si="313"/>
        <v>2017</v>
      </c>
      <c r="D9994" t="s">
        <v>2485</v>
      </c>
      <c r="E9994" t="s">
        <v>277</v>
      </c>
      <c r="F9994" t="s">
        <v>10</v>
      </c>
      <c r="G9994" t="s">
        <v>42</v>
      </c>
      <c r="H9994" t="s">
        <v>2095</v>
      </c>
      <c r="I9994">
        <v>3.02</v>
      </c>
      <c r="J9994">
        <v>3</v>
      </c>
      <c r="K9994">
        <v>-0.6</v>
      </c>
    </row>
    <row r="9995" spans="1:11" x14ac:dyDescent="0.3">
      <c r="B9995"/>
      <c r="C9995"/>
    </row>
  </sheetData>
  <sortState xmlns:xlrd2="http://schemas.microsoft.com/office/spreadsheetml/2017/richdata2" ref="A2:K9995">
    <sortCondition ref="A1:A9995"/>
  </sortState>
  <pageMargins left="0.7" right="0.7" top="0.75" bottom="0.75" header="0.3" footer="0.3"/>
  <pageSetup paperSize="9" orientation="portrait" r:id="rId1"/>
  <tableParts count="1">
    <tablePart r:id="rId2"/>
  </tablePart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3:B7"/>
  <sheetViews>
    <sheetView workbookViewId="0">
      <selection activeCell="F25" sqref="F25"/>
    </sheetView>
  </sheetViews>
  <sheetFormatPr defaultRowHeight="14.4" x14ac:dyDescent="0.3"/>
  <cols>
    <col min="1" max="1" width="12.5546875" customWidth="1"/>
    <col min="2" max="2" width="22.6640625" customWidth="1"/>
  </cols>
  <sheetData>
    <row r="3" spans="1:2" x14ac:dyDescent="0.3">
      <c r="A3" s="5" t="s">
        <v>2723</v>
      </c>
      <c r="B3" t="s">
        <v>2727</v>
      </c>
    </row>
    <row r="4" spans="1:2" x14ac:dyDescent="0.3">
      <c r="A4" s="7">
        <v>2014</v>
      </c>
      <c r="B4">
        <v>595</v>
      </c>
    </row>
    <row r="5" spans="1:2" x14ac:dyDescent="0.3">
      <c r="A5" s="7">
        <v>2015</v>
      </c>
      <c r="B5">
        <v>573</v>
      </c>
    </row>
    <row r="6" spans="1:2" x14ac:dyDescent="0.3">
      <c r="A6" s="7">
        <v>2016</v>
      </c>
      <c r="B6">
        <v>638</v>
      </c>
    </row>
    <row r="7" spans="1:2" x14ac:dyDescent="0.3">
      <c r="A7" s="7">
        <v>2017</v>
      </c>
      <c r="B7">
        <v>693</v>
      </c>
    </row>
  </sheetData>
  <pageMargins left="0.7" right="0.7" top="0.75" bottom="0.75" header="0.3" footer="0.3"/>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
  <sheetViews>
    <sheetView showGridLines="0" showRowColHeaders="0" tabSelected="1" zoomScaleNormal="100" workbookViewId="0">
      <selection activeCell="H29" sqref="H29"/>
    </sheetView>
  </sheetViews>
  <sheetFormatPr defaultRowHeight="14.4" x14ac:dyDescent="0.3"/>
  <sheetData/>
  <pageMargins left="0.7" right="0.7" top="0.75" bottom="0.75" header="0.3" footer="0.3"/>
  <drawing r:id="rId1"/>
  <extLst>
    <ext xmlns:x14="http://schemas.microsoft.com/office/spreadsheetml/2009/9/main" uri="{A8765BA9-456A-4dab-B4F3-ACF838C121DE}">
      <x14:slicerList>
        <x14:slicer r:id="rId2"/>
      </x14:slicerList>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9</vt:i4>
      </vt:variant>
    </vt:vector>
  </HeadingPairs>
  <TitlesOfParts>
    <vt:vector size="9" baseType="lpstr">
      <vt:lpstr>sales by category</vt:lpstr>
      <vt:lpstr>profit gained over time</vt:lpstr>
      <vt:lpstr>monthly sales per year</vt:lpstr>
      <vt:lpstr>top 5 customer</vt:lpstr>
      <vt:lpstr>sales by state</vt:lpstr>
      <vt:lpstr>salesdata</vt:lpstr>
      <vt:lpstr>customer count</vt:lpstr>
      <vt:lpstr>Sheet7</vt:lpstr>
      <vt:lpstr>excel dashboard 2.0</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onia kaur</dc:creator>
  <cp:lastModifiedBy>sonia kaur</cp:lastModifiedBy>
  <dcterms:created xsi:type="dcterms:W3CDTF">2023-06-09T13:54:19Z</dcterms:created>
  <dcterms:modified xsi:type="dcterms:W3CDTF">2023-06-12T08:05:45Z</dcterms:modified>
</cp:coreProperties>
</file>